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C\"/>
    </mc:Choice>
  </mc:AlternateContent>
  <xr:revisionPtr revIDLastSave="0" documentId="13_ncr:1_{5ACBF025-97FE-41DB-8CE3-83E3357A62AA}" xr6:coauthVersionLast="47" xr6:coauthVersionMax="47" xr10:uidLastSave="{00000000-0000-0000-0000-000000000000}"/>
  <bookViews>
    <workbookView xWindow="-108" yWindow="-108" windowWidth="23256" windowHeight="12456" tabRatio="915" xr2:uid="{60654C2D-9449-43E7-BCDA-BBF8208B0388}"/>
  </bookViews>
  <sheets>
    <sheet name="MFR Logic" sheetId="22" r:id="rId1"/>
    <sheet name="C-12 (TY3)" sheetId="35" r:id="rId2"/>
    <sheet name="C-12 (TY2)" sheetId="3" r:id="rId3"/>
    <sheet name="C-12 (TY1)" sheetId="5" r:id="rId4"/>
    <sheet name="Support --&gt;" sheetId="21" r:id="rId5"/>
    <sheet name="Rate Case Frcst O&amp;M #9-12MoEnd" sheetId="29" r:id="rId6"/>
    <sheet name="2023 Actuals O&amp;M #9-12 Mo End" sheetId="30" r:id="rId7"/>
    <sheet name="Forecast Revenue File" sheetId="32" r:id="rId8"/>
    <sheet name="Customer Counts" sheetId="36" r:id="rId9"/>
    <sheet name="Regulatory Wide Report" sheetId="37" r:id="rId10"/>
  </sheets>
  <definedNames>
    <definedName name="____________fsd44" localSheetId="7" hidden="1">{#N/A,#N/A,FALSE,"Aging Summary";#N/A,#N/A,FALSE,"Ratio Analysis";#N/A,#N/A,FALSE,"Test 120 Day Accts";#N/A,#N/A,FALSE,"Tickmarks"}</definedName>
    <definedName name="____________fsd44" localSheetId="0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7" hidden="1">{#N/A,#N/A,FALSE,"Aging Summary";#N/A,#N/A,FALSE,"Ratio Analysis";#N/A,#N/A,FALSE,"Test 120 Day Accts";#N/A,#N/A,FALSE,"Tickmarks"}</definedName>
    <definedName name="__________fsd44" localSheetId="0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fsd44" localSheetId="7" hidden="1">{#N/A,#N/A,FALSE,"Aging Summary";#N/A,#N/A,FALSE,"Ratio Analysis";#N/A,#N/A,FALSE,"Test 120 Day Accts";#N/A,#N/A,FALSE,"Tickmarks"}</definedName>
    <definedName name="_______fsd44" localSheetId="0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fsd44" localSheetId="7" hidden="1">{#N/A,#N/A,FALSE,"Aging Summary";#N/A,#N/A,FALSE,"Ratio Analysis";#N/A,#N/A,FALSE,"Test 120 Day Accts";#N/A,#N/A,FALSE,"Tickmarks"}</definedName>
    <definedName name="______fsd44" localSheetId="0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fsd44" localSheetId="7" hidden="1">{#N/A,#N/A,FALSE,"Aging Summary";#N/A,#N/A,FALSE,"Ratio Analysis";#N/A,#N/A,FALSE,"Test 120 Day Accts";#N/A,#N/A,FALSE,"Tickmarks"}</definedName>
    <definedName name="_____fsd44" localSheetId="0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fsd44" localSheetId="7" hidden="1">{#N/A,#N/A,FALSE,"Aging Summary";#N/A,#N/A,FALSE,"Ratio Analysis";#N/A,#N/A,FALSE,"Test 120 Day Accts";#N/A,#N/A,FALSE,"Tickmarks"}</definedName>
    <definedName name="____fsd44" localSheetId="0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fsd44" localSheetId="7" hidden="1">{#N/A,#N/A,FALSE,"Aging Summary";#N/A,#N/A,FALSE,"Ratio Analysis";#N/A,#N/A,FALSE,"Test 120 Day Accts";#N/A,#N/A,FALSE,"Tickmarks"}</definedName>
    <definedName name="___fsd44" localSheetId="0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123Graph_A" localSheetId="3" hidden="1">#REF!</definedName>
    <definedName name="__123Graph_A" localSheetId="2" hidden="1">#REF!</definedName>
    <definedName name="__123Graph_A" localSheetId="1" hidden="1">#REF!</definedName>
    <definedName name="__123Graph_A" localSheetId="0" hidden="1">#REF!</definedName>
    <definedName name="__123Graph_A" hidden="1">#REF!</definedName>
    <definedName name="__123Graph_B" localSheetId="3" hidden="1">#REF!</definedName>
    <definedName name="__123Graph_B" localSheetId="2" hidden="1">#REF!</definedName>
    <definedName name="__123Graph_B" localSheetId="1" hidden="1">#REF!</definedName>
    <definedName name="__123Graph_B" localSheetId="0" hidden="1">#REF!</definedName>
    <definedName name="__123Graph_B" hidden="1">#REF!</definedName>
    <definedName name="__123Graph_C" localSheetId="3" hidden="1">#REF!</definedName>
    <definedName name="__123Graph_C" localSheetId="2" hidden="1">#REF!</definedName>
    <definedName name="__123Graph_C" localSheetId="1" hidden="1">#REF!</definedName>
    <definedName name="__123Graph_C" hidden="1">#REF!</definedName>
    <definedName name="__123Graph_D" localSheetId="3" hidden="1">#REF!</definedName>
    <definedName name="__123Graph_D" localSheetId="2" hidden="1">#REF!</definedName>
    <definedName name="__123Graph_D" localSheetId="1" hidden="1">#REF!</definedName>
    <definedName name="__123Graph_D" hidden="1">#REF!</definedName>
    <definedName name="__123Graph_E" localSheetId="3" hidden="1">#REF!</definedName>
    <definedName name="__123Graph_E" localSheetId="2" hidden="1">#REF!</definedName>
    <definedName name="__123Graph_E" localSheetId="1" hidden="1">#REF!</definedName>
    <definedName name="__123Graph_E" hidden="1">#REF!</definedName>
    <definedName name="__123Graph_F" localSheetId="3" hidden="1">#REF!</definedName>
    <definedName name="__123Graph_F" localSheetId="2" hidden="1">#REF!</definedName>
    <definedName name="__123Graph_F" localSheetId="1" hidden="1">#REF!</definedName>
    <definedName name="__123Graph_F" localSheetId="0" hidden="1">#REF!</definedName>
    <definedName name="__123Graph_F" hidden="1">#REF!</definedName>
    <definedName name="__123Graph_X" localSheetId="3" hidden="1">#REF!</definedName>
    <definedName name="__123Graph_X" localSheetId="2" hidden="1">#REF!</definedName>
    <definedName name="__123Graph_X" localSheetId="1" hidden="1">#REF!</definedName>
    <definedName name="__123Graph_X" localSheetId="0" hidden="1">#REF!</definedName>
    <definedName name="__123Graph_X" hidden="1">#REF!</definedName>
    <definedName name="__fsd44" localSheetId="7" hidden="1">{#N/A,#N/A,FALSE,"Aging Summary";#N/A,#N/A,FALSE,"Ratio Analysis";#N/A,#N/A,FALSE,"Test 120 Day Accts";#N/A,#N/A,FALSE,"Tickmarks"}</definedName>
    <definedName name="__fsd44" localSheetId="0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key2" hidden="1">#REF!</definedName>
    <definedName name="_123Graph_F1" localSheetId="3" hidden="1">#REF!</definedName>
    <definedName name="_123Graph_F1" localSheetId="2" hidden="1">#REF!</definedName>
    <definedName name="_123Graph_F1" localSheetId="1" hidden="1">#REF!</definedName>
    <definedName name="_123Graph_F1" localSheetId="0" hidden="1">#REF!</definedName>
    <definedName name="_123Graph_F1" hidden="1">#REF!</definedName>
    <definedName name="_Fill" localSheetId="3" hidden="1">#REF!</definedName>
    <definedName name="_Fill" localSheetId="2" hidden="1">#REF!</definedName>
    <definedName name="_Fill" localSheetId="1" hidden="1">#REF!</definedName>
    <definedName name="_Fill" localSheetId="0" hidden="1">#REF!</definedName>
    <definedName name="_Fill" hidden="1">#REF!</definedName>
    <definedName name="_fsd44" localSheetId="7" hidden="1">{#N/A,#N/A,FALSE,"Aging Summary";#N/A,#N/A,FALSE,"Ratio Analysis";#N/A,#N/A,FALSE,"Test 120 Day Accts";#N/A,#N/A,FALSE,"Tickmarks"}</definedName>
    <definedName name="_fsd44" localSheetId="0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3" hidden="1">#REF!</definedName>
    <definedName name="_Key1" localSheetId="2" hidden="1">#REF!</definedName>
    <definedName name="_Key1" localSheetId="1" hidden="1">#REF!</definedName>
    <definedName name="_Key1" localSheetId="0" hidden="1">#REF!</definedName>
    <definedName name="_Key1" hidden="1">#REF!</definedName>
    <definedName name="_Key2" localSheetId="3" hidden="1">#REF!</definedName>
    <definedName name="_Key2" localSheetId="2" hidden="1">#REF!</definedName>
    <definedName name="_Key2" localSheetId="1" hidden="1">#REF!</definedName>
    <definedName name="_Key2" localSheetId="0" hidden="1">#REF!</definedName>
    <definedName name="_Key2" hidden="1">#REF!</definedName>
    <definedName name="_Order1" localSheetId="0" hidden="1">255</definedName>
    <definedName name="_Order1" hidden="1">0</definedName>
    <definedName name="_Order2" localSheetId="0" hidden="1">255</definedName>
    <definedName name="_Order2" hidden="1">0</definedName>
    <definedName name="_Parse_In" localSheetId="0" hidden="1">#REF!</definedName>
    <definedName name="_Parse_In" hidden="1">#REF!</definedName>
    <definedName name="_Parse_Out" localSheetId="0" hidden="1">#REF!</definedName>
    <definedName name="_Parse_Out" hidden="1">#REF!</definedName>
    <definedName name="_Regression_Int" hidden="1">1</definedName>
    <definedName name="_Sort" localSheetId="3" hidden="1">#REF!</definedName>
    <definedName name="_Sort" localSheetId="2" hidden="1">#REF!</definedName>
    <definedName name="_Sort" localSheetId="1" hidden="1">#REF!</definedName>
    <definedName name="_Sort" localSheetId="0" hidden="1">#REF!</definedName>
    <definedName name="_Sort" hidden="1">#REF!</definedName>
    <definedName name="_Sort1" localSheetId="3" hidden="1">#REF!</definedName>
    <definedName name="_Sort1" localSheetId="2" hidden="1">#REF!</definedName>
    <definedName name="_Sort1" localSheetId="1" hidden="1">#REF!</definedName>
    <definedName name="_Sort1" hidden="1">#REF!</definedName>
    <definedName name="_Table1_In1" localSheetId="3" hidden="1">#REF!</definedName>
    <definedName name="_Table1_In1" localSheetId="2" hidden="1">#REF!</definedName>
    <definedName name="_Table1_In1" localSheetId="1" hidden="1">#REF!</definedName>
    <definedName name="_Table1_In1" hidden="1">#REF!</definedName>
    <definedName name="_Table1_Out" localSheetId="3" hidden="1">#REF!</definedName>
    <definedName name="_Table1_Out" localSheetId="2" hidden="1">#REF!</definedName>
    <definedName name="_Table1_Out" localSheetId="1" hidden="1">#REF!</definedName>
    <definedName name="_Table1_Out" hidden="1">#REF!</definedName>
    <definedName name="_Table2_In1" localSheetId="3" hidden="1">#REF!</definedName>
    <definedName name="_Table2_In1" localSheetId="2" hidden="1">#REF!</definedName>
    <definedName name="_Table2_In1" localSheetId="1" hidden="1">#REF!</definedName>
    <definedName name="_Table2_In1" hidden="1">#REF!</definedName>
    <definedName name="_Table2_Out" localSheetId="3" hidden="1">#REF!</definedName>
    <definedName name="_Table2_Out" localSheetId="2" hidden="1">#REF!</definedName>
    <definedName name="_Table2_Out" localSheetId="1" hidden="1">#REF!</definedName>
    <definedName name="_Table2_Out" hidden="1">#REF!</definedName>
    <definedName name="aa" hidden="1">#REF!</definedName>
    <definedName name="anscount" hidden="1">1</definedName>
    <definedName name="as" localSheetId="7" hidden="1">{#N/A,#N/A,FALSE,"Aging Summary";#N/A,#N/A,FALSE,"Ratio Analysis";#N/A,#N/A,FALSE,"Test 120 Day Accts";#N/A,#N/A,FALSE,"Tickmarks"}</definedName>
    <definedName name="as" localSheetId="0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localSheetId="7" hidden="1">{"balsheet",#N/A,FALSE,"A"}</definedName>
    <definedName name="asd" hidden="1">{"balsheet",#N/A,FALSE,"A"}</definedName>
    <definedName name="asdf" hidden="1">#REF!</definedName>
    <definedName name="BG_Del" hidden="1">15</definedName>
    <definedName name="BG_Ins" hidden="1">4</definedName>
    <definedName name="BG_Mod" hidden="1">6</definedName>
    <definedName name="BNE_MESSAGES_HIDDEN" localSheetId="3" hidden="1">#REF!</definedName>
    <definedName name="BNE_MESSAGES_HIDDEN" localSheetId="2" hidden="1">#REF!</definedName>
    <definedName name="BNE_MESSAGES_HIDDEN" localSheetId="1" hidden="1">#REF!</definedName>
    <definedName name="BNE_MESSAGES_HIDDEN" localSheetId="0" hidden="1">#REF!</definedName>
    <definedName name="BNE_MESSAGES_HIDDEN" hidden="1">#REF!</definedName>
    <definedName name="bv" localSheetId="7" hidden="1">{#N/A,#N/A,FALSE,"Aging Summary";#N/A,#N/A,FALSE,"Ratio Analysis";#N/A,#N/A,FALSE,"Test 120 Day Accts";#N/A,#N/A,FALSE,"Tickmarks"}</definedName>
    <definedName name="bv" localSheetId="0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df" localSheetId="7" hidden="1">{#N/A,#N/A,FALSE,"Aging Summary";#N/A,#N/A,FALSE,"Ratio Analysis";#N/A,#N/A,FALSE,"Test 120 Day Accts";#N/A,#N/A,FALSE,"Tickmarks"}</definedName>
    <definedName name="df" localSheetId="0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s" localSheetId="7" hidden="1">{#N/A,#N/A,FALSE,"Aging Summary";#N/A,#N/A,FALSE,"Ratio Analysis";#N/A,#N/A,FALSE,"Test 120 Day Accts";#N/A,#N/A,FALSE,"Tickmarks"}</definedName>
    <definedName name="ds" localSheetId="0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er" localSheetId="7" hidden="1">{#N/A,#N/A,FALSE,"Aging Summary";#N/A,#N/A,FALSE,"Ratio Analysis";#N/A,#N/A,FALSE,"Test 120 Day Accts";#N/A,#N/A,FALSE,"Tickmarks"}</definedName>
    <definedName name="er" localSheetId="0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ssbase12month" localSheetId="7" hidden="1">{"balsheet",#N/A,FALSE,"A"}</definedName>
    <definedName name="essbase12month" hidden="1">{"balsheet",#N/A,FALSE,"A"}</definedName>
    <definedName name="ew" localSheetId="7" hidden="1">{#N/A,#N/A,FALSE,"Aging Summary";#N/A,#N/A,FALSE,"Ratio Analysis";#N/A,#N/A,FALSE,"Test 120 Day Accts";#N/A,#N/A,FALSE,"Tickmarks"}</definedName>
    <definedName name="ew" localSheetId="0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d" localSheetId="7" hidden="1">{#N/A,#N/A,FALSE,"Aging Summary";#N/A,#N/A,FALSE,"Ratio Analysis";#N/A,#N/A,FALSE,"Test 120 Day Accts";#N/A,#N/A,FALSE,"Tickmarks"}</definedName>
    <definedName name="fd" localSheetId="0" hidden="1">{#N/A,#N/A,FALSE,"Aging Summary";#N/A,#N/A,FALSE,"Ratio Analysis";#N/A,#N/A,FALSE,"Test 120 Day Accts";#N/A,#N/A,FALSE,"Tickmarks"}</definedName>
    <definedName name="fd" hidden="1">{#N/A,#N/A,FALSE,"Aging Summary";#N/A,#N/A,FALSE,"Ratio Analysis";#N/A,#N/A,FALSE,"Test 120 Day Accts";#N/A,#N/A,FALSE,"Tickmarks"}</definedName>
    <definedName name="frt" localSheetId="7" hidden="1">{#N/A,#N/A,FALSE,"Aging Summary";#N/A,#N/A,FALSE,"Ratio Analysis";#N/A,#N/A,FALSE,"Test 120 Day Accts";#N/A,#N/A,FALSE,"Tickmarks"}</definedName>
    <definedName name="frt" localSheetId="0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sd" localSheetId="7" hidden="1">{#N/A,#N/A,FALSE,"Aging Summary";#N/A,#N/A,FALSE,"Ratio Analysis";#N/A,#N/A,FALSE,"Test 120 Day Accts";#N/A,#N/A,FALSE,"Tickmarks"}</definedName>
    <definedName name="fsd" localSheetId="0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HTML_CodePage" hidden="1">1252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LATESTK" hidden="1">1000</definedName>
    <definedName name="IQ_LATESTQ" hidden="1">500</definedName>
    <definedName name="IQ_LTMMONTH" hidden="1">120000</definedName>
    <definedName name="IQ_TODAY" hidden="1">0</definedName>
    <definedName name="IQ_YTDMONTH" hidden="1">130000</definedName>
    <definedName name="iu" localSheetId="7" hidden="1">{#N/A,#N/A,FALSE,"Aging Summary";#N/A,#N/A,FALSE,"Ratio Analysis";#N/A,#N/A,FALSE,"Test 120 Day Accts";#N/A,#N/A,FALSE,"Tickmarks"}</definedName>
    <definedName name="iu" localSheetId="0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jj" localSheetId="7" hidden="1">{"Page 1",#N/A,FALSE,"Sheet1";"Page 2",#N/A,FALSE,"Sheet1"}</definedName>
    <definedName name="jj" hidden="1">{"Page 1",#N/A,FALSE,"Sheet1";"Page 2",#N/A,FALSE,"Sheet1"}</definedName>
    <definedName name="k" localSheetId="7" hidden="1">{"Page 1",#N/A,FALSE,"Sheet1";"Page 2",#N/A,FALSE,"Sheet1"}</definedName>
    <definedName name="k" hidden="1">{"Page 1",#N/A,FALSE,"Sheet1";"Page 2",#N/A,FALSE,"Sheet1"}</definedName>
    <definedName name="kkk" localSheetId="7" hidden="1">{#N/A,#N/A,FALSE,"Aging Summary";#N/A,#N/A,FALSE,"Ratio Analysis";#N/A,#N/A,FALSE,"Test 120 Day Accts";#N/A,#N/A,FALSE,"Tickmarks"}</definedName>
    <definedName name="kkk" localSheetId="0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lk" localSheetId="7" hidden="1">{#N/A,#N/A,FALSE,"Aging Summary";#N/A,#N/A,FALSE,"Ratio Analysis";#N/A,#N/A,FALSE,"Test 120 Day Accts";#N/A,#N/A,FALSE,"Tickmarks"}</definedName>
    <definedName name="lk" localSheetId="0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u" localSheetId="7" hidden="1">{#N/A,#N/A,FALSE,"Aging Summary";#N/A,#N/A,FALSE,"Ratio Analysis";#N/A,#N/A,FALSE,"Test 120 Day Accts";#N/A,#N/A,FALSE,"Tickmarks"}</definedName>
    <definedName name="lku" localSheetId="0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localSheetId="7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localSheetId="7" hidden="1">{#N/A,#N/A,FALSE,"Aging Summary";#N/A,#N/A,FALSE,"Ratio Analysis";#N/A,#N/A,FALSE,"Test 120 Day Accts";#N/A,#N/A,FALSE,"Tickmarks"}</definedName>
    <definedName name="lll" localSheetId="0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m" localSheetId="7" hidden="1">{"Page 1",#N/A,FALSE,"Sheet1";"Page 2",#N/A,FALSE,"Sheet1"}</definedName>
    <definedName name="m" hidden="1">{"Page 1",#N/A,FALSE,"Sheet1";"Page 2",#N/A,FALSE,"Sheet1"}</definedName>
    <definedName name="May1Forecast" localSheetId="7" hidden="1">{"Page 1",#N/A,FALSE,"Sheet1";"Page 2",#N/A,FALSE,"Sheet1"}</definedName>
    <definedName name="May1Forecast" hidden="1">{"Page 1",#N/A,FALSE,"Sheet1";"Page 2",#N/A,FALSE,"Sheet1"}</definedName>
    <definedName name="MayForecast" localSheetId="7" hidden="1">{"Page 1",#N/A,FALSE,"Sheet1";"Page 2",#N/A,FALSE,"Sheet1"}</definedName>
    <definedName name="MayForecast" hidden="1">{"Page 1",#N/A,FALSE,"Sheet1";"Page 2",#N/A,FALSE,"Sheet1"}</definedName>
    <definedName name="mn" localSheetId="7" hidden="1">{#N/A,#N/A,FALSE,"Aging Summary";#N/A,#N/A,FALSE,"Ratio Analysis";#N/A,#N/A,FALSE,"Test 120 Day Accts";#N/A,#N/A,FALSE,"Tickmarks"}</definedName>
    <definedName name="mn" localSheetId="0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n" localSheetId="7" hidden="1">{"Page 1",#N/A,FALSE,"Sheet1";"Page 2",#N/A,FALSE,"Sheet1"}</definedName>
    <definedName name="n" hidden="1">{"Page 1",#N/A,FALSE,"Sheet1";"Page 2",#N/A,FALSE,"Sheet1"}</definedName>
    <definedName name="none" localSheetId="3" hidden="1">#REF!</definedName>
    <definedName name="none" localSheetId="2" hidden="1">#REF!</definedName>
    <definedName name="none" localSheetId="1" hidden="1">#REF!</definedName>
    <definedName name="none" localSheetId="0" hidden="1">#REF!</definedName>
    <definedName name="none" hidden="1">#REF!</definedName>
    <definedName name="oiu" localSheetId="7" hidden="1">{#N/A,#N/A,FALSE,"Aging Summary";#N/A,#N/A,FALSE,"Ratio Analysis";#N/A,#N/A,FALSE,"Test 120 Day Accts";#N/A,#N/A,FALSE,"Tickmarks"}</definedName>
    <definedName name="oiu" localSheetId="0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p" localSheetId="7" hidden="1">{#N/A,#N/A,FALSE,"Aging Summary";#N/A,#N/A,FALSE,"Ratio Analysis";#N/A,#N/A,FALSE,"Test 120 Day Accts";#N/A,#N/A,FALSE,"Tickmarks"}</definedName>
    <definedName name="op" localSheetId="0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p" localSheetId="7" hidden="1">{#N/A,#N/A,FALSE,"Aging Summary";#N/A,#N/A,FALSE,"Ratio Analysis";#N/A,#N/A,FALSE,"Test 120 Day Accts";#N/A,#N/A,FALSE,"Tickmarks"}</definedName>
    <definedName name="p" localSheetId="0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ul" localSheetId="3" hidden="1">#REF!</definedName>
    <definedName name="paul" localSheetId="2" hidden="1">#REF!</definedName>
    <definedName name="paul" localSheetId="1" hidden="1">#REF!</definedName>
    <definedName name="paul" localSheetId="0" hidden="1">#REF!</definedName>
    <definedName name="paul" hidden="1">#REF!</definedName>
    <definedName name="pesc1" localSheetId="7" hidden="1">{#N/A,#N/A,FALSE,"Aging Summary";#N/A,#N/A,FALSE,"Ratio Analysis";#N/A,#N/A,FALSE,"Test 120 Day Accts";#N/A,#N/A,FALSE,"Tickmarks"}</definedName>
    <definedName name="pesc1" localSheetId="0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o" localSheetId="7" hidden="1">{#N/A,#N/A,FALSE,"Aging Summary";#N/A,#N/A,FALSE,"Ratio Analysis";#N/A,#N/A,FALSE,"Test 120 Day Accts";#N/A,#N/A,FALSE,"Tickmarks"}</definedName>
    <definedName name="po" localSheetId="0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pp" localSheetId="7" hidden="1">{#N/A,#N/A,FALSE,"Aging Summary";#N/A,#N/A,FALSE,"Ratio Analysis";#N/A,#N/A,FALSE,"Test 120 Day Accts";#N/A,#N/A,FALSE,"Tickmarks"}</definedName>
    <definedName name="ppp" localSheetId="0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_xlnm.Print_Area" localSheetId="3">'C-12 (TY1)'!$A$1:$O$49</definedName>
    <definedName name="_xlnm.Print_Area" localSheetId="2">'C-12 (TY2)'!$A$1:$O$49</definedName>
    <definedName name="_xlnm.Print_Area" localSheetId="1">'C-12 (TY3)'!$A$1:$O$49</definedName>
    <definedName name="_xlnm.Print_Area" localSheetId="9">'Regulatory Wide Report'!$A$1:$CZ$3369</definedName>
    <definedName name="qw" localSheetId="7" hidden="1">{#N/A,#N/A,FALSE,"Aging Summary";#N/A,#N/A,FALSE,"Ratio Analysis";#N/A,#N/A,FALSE,"Test 120 Day Accts";#N/A,#N/A,FALSE,"Tickmarks"}</definedName>
    <definedName name="qw" localSheetId="0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p" localSheetId="7" hidden="1">{"Page 1",#N/A,FALSE,"Sheet1";"Page 2",#N/A,FALSE,"Sheet1"}</definedName>
    <definedName name="rap" hidden="1">{"Page 1",#N/A,FALSE,"Sheet1";"Page 2",#N/A,FALSE,"Sheet1"}</definedName>
    <definedName name="ret" localSheetId="7" hidden="1">{#N/A,#N/A,FALSE,"Aging Summary";#N/A,#N/A,FALSE,"Ratio Analysis";#N/A,#N/A,FALSE,"Test 120 Day Accts";#N/A,#N/A,FALSE,"Tickmarks"}</definedName>
    <definedName name="ret" localSheetId="0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grg" hidden="1">#REF!</definedName>
    <definedName name="rrr" localSheetId="7" hidden="1">{"capital",#N/A,FALSE,"Analysis";"input data",#N/A,FALSE,"Analysis"}</definedName>
    <definedName name="rrr" hidden="1">{"capital",#N/A,FALSE,"Analysis";"input data",#N/A,FALSE,"Analysis"}</definedName>
    <definedName name="rt" localSheetId="7" hidden="1">{#N/A,#N/A,FALSE,"Aging Summary";#N/A,#N/A,FALSE,"Ratio Analysis";#N/A,#N/A,FALSE,"Test 120 Day Accts";#N/A,#N/A,FALSE,"Tickmarks"}</definedName>
    <definedName name="rt" localSheetId="0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sa" localSheetId="7" hidden="1">{#N/A,#N/A,FALSE,"Aging Summary";#N/A,#N/A,FALSE,"Ratio Analysis";#N/A,#N/A,FALSE,"Test 120 Day Accts";#N/A,#N/A,FALSE,"Tickmarks"}</definedName>
    <definedName name="sa" localSheetId="0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c" localSheetId="7" hidden="1">{"Page 1",#N/A,FALSE,"Sheet1";"Page 2",#N/A,FALSE,"Sheet1"}</definedName>
    <definedName name="sc" hidden="1">{"Page 1",#N/A,FALSE,"Sheet1";"Page 2",#N/A,FALSE,"Sheet1"}</definedName>
    <definedName name="spoc" localSheetId="7" hidden="1">{"Page 1",#N/A,FALSE,"Sheet1";"Page 2",#N/A,FALSE,"Sheet1"}</definedName>
    <definedName name="spoc" hidden="1">{"Page 1",#N/A,FALSE,"Sheet1";"Page 2",#N/A,FALSE,"Sheet1"}</definedName>
    <definedName name="test1" localSheetId="7" hidden="1">{"Page 1",#N/A,FALSE,"Sheet1";"Page 2",#N/A,FALSE,"Sheet1"}</definedName>
    <definedName name="test1" hidden="1">{"Page 1",#N/A,FALSE,"Sheet1";"Page 2",#N/A,FALSE,"Sheet1"}</definedName>
    <definedName name="test2" localSheetId="7" hidden="1">{"Page 1",#N/A,FALSE,"Sheet1";"Page 2",#N/A,FALSE,"Sheet1"}</definedName>
    <definedName name="test2" hidden="1">{"Page 1",#N/A,FALSE,"Sheet1";"Page 2",#N/A,FALSE,"Sheet1"}</definedName>
    <definedName name="testpage" localSheetId="7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P_Footer_User" hidden="1">"combsk"</definedName>
    <definedName name="TP_Footer_Version" hidden="1">"v4.00"</definedName>
    <definedName name="tre" localSheetId="7" hidden="1">{#N/A,#N/A,FALSE,"Aging Summary";#N/A,#N/A,FALSE,"Ratio Analysis";#N/A,#N/A,FALSE,"Test 120 Day Accts";#N/A,#N/A,FALSE,"Tickmarks"}</definedName>
    <definedName name="tre" localSheetId="0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y" localSheetId="7" hidden="1">{#N/A,#N/A,FALSE,"Aging Summary";#N/A,#N/A,FALSE,"Ratio Analysis";#N/A,#N/A,FALSE,"Test 120 Day Accts";#N/A,#N/A,FALSE,"Tickmarks"}</definedName>
    <definedName name="ty" localSheetId="0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UserPass" hidden="1">"verify"</definedName>
    <definedName name="wrn.114." localSheetId="7" hidden="1">{#N/A,#N/A,FALSE,"PAGE-114";#N/A,#N/A,FALSE,"Directions"}</definedName>
    <definedName name="wrn.114." hidden="1">{#N/A,#N/A,FALSE,"PAGE-114";#N/A,#N/A,FALSE,"Directions"}</definedName>
    <definedName name="wrn.740._.Closeout._.Support." localSheetId="7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0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ging._.and._.Trend._.Analysis." localSheetId="7" hidden="1">{#N/A,#N/A,FALSE,"Aging Summary";#N/A,#N/A,FALSE,"Ratio Analysis";#N/A,#N/A,FALSE,"Test 120 Day Accts";#N/A,#N/A,FALSE,"Tickmarks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7" hidden="1">{#N/A,#N/A,TRUE,"Inv - Alac";#N/A,#N/A,TRUE,"Nuclear Fuel";#N/A,#N/A,TRUE,"Nuclear Invoice";#N/A,#N/A,TRUE,"Sch A - Alachua";#N/A,#N/A,TRUE,"Gen Replace Cap";#N/A,#N/A,TRUE,"SCHED C - Alachua"}</definedName>
    <definedName name="wrn.Alachua." localSheetId="0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_Sheets." localSheetId="7" hidden="1">{#N/A,#N/A,FALSE,"CONT_MWH";#N/A,#N/A,FALSE,"CONT_MW";#N/A,#N/A,FALSE,"MIN_MWH";#N/A,#N/A,FALSE,"MIN_MW";#N/A,#N/A,FALSE,"BASECASE_MWH";#N/A,#N/A,FALSE,"BASECASE_MW"}</definedName>
    <definedName name="wrn.All_Sheets." localSheetId="0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balsheet." localSheetId="7" hidden="1">{"balsheet",#N/A,FALSE,"A"}</definedName>
    <definedName name="wrn.balsheet." hidden="1">{"balsheet",#N/A,FALSE,"A"}</definedName>
    <definedName name="wrn.capandinputs." localSheetId="7" hidden="1">{"capital",#N/A,FALSE,"Analysis";"input data",#N/A,FALSE,"Analysis"}</definedName>
    <definedName name="wrn.capandinputs." hidden="1">{"capital",#N/A,FALSE,"Analysis";"input data",#N/A,FALSE,"Analysis"}</definedName>
    <definedName name="wrn.check." localSheetId="7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0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localSheetId="7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localSheetId="7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0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7" hidden="1">{#N/A,#N/A,FALSE,"Configuration";#N/A,#N/A,FALSE,"Summary of Transaction";#N/A,#N/A,FALSE,"Calculations"}</definedName>
    <definedName name="wrn.Config._.and._.Calcs." localSheetId="0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R3._.All._.Invoices." localSheetId="7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0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GL._.154._.BALANCE." localSheetId="7" hidden="1">{#N/A,#N/A,FALSE,"BALANCE"}</definedName>
    <definedName name="wrn.GL._.154._.BALANCE." localSheetId="0" hidden="1">{#N/A,#N/A,FALSE,"BALANCE"}</definedName>
    <definedName name="wrn.GL._.154._.BALANCE." hidden="1">{#N/A,#N/A,FALSE,"BALANCE"}</definedName>
    <definedName name="wrn.GL154._.ISSUES." localSheetId="7" hidden="1">{#N/A,#N/A,FALSE,"ISSUES"}</definedName>
    <definedName name="wrn.GL154._.ISSUES." localSheetId="0" hidden="1">{#N/A,#N/A,FALSE,"ISSUES"}</definedName>
    <definedName name="wrn.GL154._.ISSUES." hidden="1">{#N/A,#N/A,FALSE,"ISSUES"}</definedName>
    <definedName name="wrn.GL154._.RECEIPTS." localSheetId="7" hidden="1">{#N/A,#N/A,FALSE,"RECEIPTS"}</definedName>
    <definedName name="wrn.GL154._.RECEIPTS." localSheetId="0" hidden="1">{#N/A,#N/A,FALSE,"RECEIPTS"}</definedName>
    <definedName name="wrn.GL154._.RECEIPTS." hidden="1">{#N/A,#N/A,FALSE,"RECEIPTS"}</definedName>
    <definedName name="wrn.GL154._.SALVAGE." localSheetId="7" hidden="1">{#N/A,#N/A,FALSE,"SALVAGE"}</definedName>
    <definedName name="wrn.GL154._.SALVAGE." localSheetId="0" hidden="1">{#N/A,#N/A,FALSE,"SALVAGE"}</definedName>
    <definedName name="wrn.GL154._.SALVAGE." hidden="1">{#N/A,#N/A,FALSE,"SALVAGE"}</definedName>
    <definedName name="wrn.GL154._.SYSTEM._.LEDGER._.REPORTS." localSheetId="7" hidden="1">{#N/A,#N/A,FALSE,"BALANCE";#N/A,#N/A,FALSE,"ISSUES";#N/A,#N/A,FALSE,"RECEIPTS";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Key._.Messages." localSheetId="7" hidden="1">{"mad0291 - Personal View",#N/A,FALSE,"FEG";#N/A,#N/A,FALSE,"Carolinas";#N/A,#N/A,FALSE,"OH-KY";#N/A,#N/A,FALSE,"Indiana";#N/A,#N/A,FALSE,"Other Retail";#N/A,#N/A,FALSE,"Other 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Monthly._.Report." localSheetId="7" hidden="1">{"Mwh Monthly Analysis",#N/A,FALSE,"Mwh Analysis";"Burn Monthly Analysis",#N/A,FALSE,"Burned Analysis"}</definedName>
    <definedName name="wrn.Monthly._.Report." localSheetId="0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Ocala" localSheetId="7" hidden="1">{#N/A,#N/A,TRUE,"Inv - Alac";#N/A,#N/A,TRUE,"Nuclear Fuel";#N/A,#N/A,TRUE,"Nuclear Invoice";#N/A,#N/A,TRUE,"Sch A - Alachua";#N/A,#N/A,TRUE,"Gen Replace Cap";#N/A,#N/A,TRUE,"SCHED C - Alachua"}</definedName>
    <definedName name="wrn.Ocala" localSheetId="0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localSheetId="7" hidden="1">{"Page 1",#N/A,FALSE,"Sheet1";"Page 2",#N/A,FALSE,"Sheet1"}</definedName>
    <definedName name="wrn.Page._.1." hidden="1">{"Page 1",#N/A,FALSE,"Sheet1";"Page 2",#N/A,FALSE,"Sheet1"}</definedName>
    <definedName name="wrn.STETSON." localSheetId="7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7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0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7" hidden="1">{"Mwh Summary",#N/A,FALSE,"Mwh Analysis";"Burn Summary",#N/A,FALSE,"Burned Analysis";"Summary 2008",#N/A,FALSE,"Summary 2008"}</definedName>
    <definedName name="wrn.Summary._.Report." localSheetId="0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TESTS." localSheetId="7" hidden="1">{"PAGE_1",#N/A,FALSE,"MONTH"}</definedName>
    <definedName name="wrn.TESTS." localSheetId="0" hidden="1">{"PAGE_1",#N/A,FALSE,"MONTH"}</definedName>
    <definedName name="wrn.TESTS." hidden="1">{"PAGE_1",#N/A,FALSE,"MONTH"}</definedName>
    <definedName name="wtyu" localSheetId="7" hidden="1">{#N/A,#N/A,FALSE,"Aging Summary";#N/A,#N/A,FALSE,"Ratio Analysis";#N/A,#N/A,FALSE,"Test 120 Day Accts";#N/A,#N/A,FALSE,"Tickmarks"}</definedName>
    <definedName name="wtyu" localSheetId="0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x" localSheetId="7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RefActiveRow" localSheetId="3" hidden="1">#REF!</definedName>
    <definedName name="XRefActiveRow" localSheetId="2" hidden="1">#REF!</definedName>
    <definedName name="XRefActiveRow" localSheetId="1" hidden="1">#REF!</definedName>
    <definedName name="XRefActiveRow" localSheetId="0" hidden="1">#REF!</definedName>
    <definedName name="XRefActiveRow" hidden="1">#REF!</definedName>
    <definedName name="XRefColumnsCount" hidden="1">3</definedName>
    <definedName name="XRefCopy1Row" localSheetId="3" hidden="1">#REF!</definedName>
    <definedName name="XRefCopy1Row" localSheetId="2" hidden="1">#REF!</definedName>
    <definedName name="XRefCopy1Row" localSheetId="1" hidden="1">#REF!</definedName>
    <definedName name="XRefCopy1Row" localSheetId="0" hidden="1">#REF!</definedName>
    <definedName name="XRefCopy1Row" hidden="1">#REF!</definedName>
    <definedName name="XRefCopy2Row" localSheetId="3" hidden="1">#REF!</definedName>
    <definedName name="XRefCopy2Row" localSheetId="2" hidden="1">#REF!</definedName>
    <definedName name="XRefCopy2Row" localSheetId="1" hidden="1">#REF!</definedName>
    <definedName name="XRefCopy2Row" localSheetId="0" hidden="1">#REF!</definedName>
    <definedName name="XRefCopy2Row" hidden="1">#REF!</definedName>
    <definedName name="XRefCopy3Row" localSheetId="3" hidden="1">#REF!</definedName>
    <definedName name="XRefCopy3Row" localSheetId="2" hidden="1">#REF!</definedName>
    <definedName name="XRefCopy3Row" localSheetId="1" hidden="1">#REF!</definedName>
    <definedName name="XRefCopy3Row" hidden="1">#REF!</definedName>
    <definedName name="XRefCopyRangeCount" hidden="1">3</definedName>
    <definedName name="XRefPaste1Row" localSheetId="3" hidden="1">#REF!</definedName>
    <definedName name="XRefPaste1Row" localSheetId="2" hidden="1">#REF!</definedName>
    <definedName name="XRefPaste1Row" localSheetId="1" hidden="1">#REF!</definedName>
    <definedName name="XRefPaste1Row" localSheetId="0" hidden="1">#REF!</definedName>
    <definedName name="XRefPaste1Row" hidden="1">#REF!</definedName>
    <definedName name="XRefPaste2Row" localSheetId="3" hidden="1">#REF!</definedName>
    <definedName name="XRefPaste2Row" localSheetId="2" hidden="1">#REF!</definedName>
    <definedName name="XRefPaste2Row" localSheetId="1" hidden="1">#REF!</definedName>
    <definedName name="XRefPaste2Row" hidden="1">#REF!</definedName>
    <definedName name="XRefPasteRangeCount" hidden="1">2</definedName>
    <definedName name="xxx" localSheetId="7" hidden="1">{"capital",#N/A,FALSE,"Analysis";"input data",#N/A,FALSE,"Analysis"}</definedName>
    <definedName name="xxx" hidden="1">{"capital",#N/A,FALSE,"Analysis";"input data",#N/A,FALSE,"Analysis"}</definedName>
    <definedName name="XYZ" localSheetId="7" hidden="1">{"PAGE_1",#N/A,FALSE,"MONTH"}</definedName>
    <definedName name="XYZ" localSheetId="0" hidden="1">{"PAGE_1",#N/A,FALSE,"MONTH"}</definedName>
    <definedName name="XYZ" hidden="1">{"PAGE_1",#N/A,FALSE,"MONTH"}</definedName>
    <definedName name="xyzUserPassword" hidden="1">"abcd"</definedName>
    <definedName name="xz" localSheetId="7" hidden="1">{#N/A,#N/A,FALSE,"Aging Summary";#N/A,#N/A,FALSE,"Ratio Analysis";#N/A,#N/A,FALSE,"Test 120 Day Accts";#N/A,#N/A,FALSE,"Tickmarks"}</definedName>
    <definedName name="xz" localSheetId="0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y" localSheetId="0" hidden="1">{#N/A,#N/A,FALSE,"Aging Summary";#N/A,#N/A,FALSE,"Ratio Analysis";#N/A,#N/A,FALSE,"Test 120 Day Accts";#N/A,#N/A,FALSE,"Tickmarks"}</definedName>
    <definedName name="yt" localSheetId="7" hidden="1">{#N/A,#N/A,FALSE,"Aging Summary";#N/A,#N/A,FALSE,"Ratio Analysis";#N/A,#N/A,FALSE,"Test 120 Day Accts";#N/A,#N/A,FALSE,"Tickmarks"}</definedName>
    <definedName name="yt" localSheetId="0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z" localSheetId="7" hidden="1">{"Page 1",#N/A,FALSE,"Sheet1";"Page 2",#N/A,FALSE,"Sheet1"}</definedName>
    <definedName name="z" hidden="1">{"Page 1",#N/A,FALSE,"Sheet1";"Page 2",#N/A,FALSE,"Sheet1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30" i="5" l="1"/>
  <c r="H24" i="3"/>
  <c r="H24" i="5"/>
  <c r="I24" i="5"/>
  <c r="I24" i="35" s="1"/>
  <c r="H24" i="35"/>
  <c r="H26" i="35"/>
  <c r="H22" i="35" l="1"/>
  <c r="H20" i="35"/>
  <c r="H18" i="35"/>
  <c r="H26" i="3"/>
  <c r="H22" i="3"/>
  <c r="H20" i="3"/>
  <c r="H18" i="3"/>
  <c r="H26" i="5"/>
  <c r="H22" i="5"/>
  <c r="H20" i="5"/>
  <c r="H18" i="5"/>
  <c r="I26" i="5"/>
  <c r="I24" i="3" s="1"/>
  <c r="I22" i="5"/>
  <c r="I20" i="5"/>
  <c r="I18" i="5"/>
  <c r="C9" i="3"/>
  <c r="C9" i="35"/>
  <c r="P30" i="36"/>
  <c r="O30" i="36"/>
  <c r="N30" i="36"/>
  <c r="L30" i="36"/>
  <c r="K30" i="36"/>
  <c r="J30" i="36"/>
  <c r="H30" i="36"/>
  <c r="G30" i="36"/>
  <c r="F30" i="36"/>
  <c r="D30" i="36"/>
  <c r="C30" i="36"/>
  <c r="B30" i="36"/>
  <c r="R29" i="36"/>
  <c r="Q29" i="36"/>
  <c r="M29" i="36"/>
  <c r="I29" i="36"/>
  <c r="E29" i="36"/>
  <c r="R28" i="36"/>
  <c r="Q28" i="36"/>
  <c r="M28" i="36"/>
  <c r="I28" i="36"/>
  <c r="E28" i="36"/>
  <c r="R27" i="36"/>
  <c r="Q27" i="36"/>
  <c r="M27" i="36"/>
  <c r="I27" i="36"/>
  <c r="E27" i="36"/>
  <c r="R26" i="36"/>
  <c r="R30" i="36" s="1"/>
  <c r="Q26" i="36"/>
  <c r="Q30" i="36" s="1"/>
  <c r="M26" i="36"/>
  <c r="M30" i="36" s="1"/>
  <c r="I26" i="36"/>
  <c r="I30" i="36" s="1"/>
  <c r="E26" i="36"/>
  <c r="E30" i="36" s="1"/>
  <c r="R25" i="36"/>
  <c r="Q25" i="36"/>
  <c r="M25" i="36"/>
  <c r="I25" i="36"/>
  <c r="E25" i="36"/>
  <c r="J20" i="36"/>
  <c r="R19" i="36"/>
  <c r="Q19" i="36"/>
  <c r="M19" i="36"/>
  <c r="I19" i="36"/>
  <c r="E19" i="36"/>
  <c r="R18" i="36"/>
  <c r="Q18" i="36"/>
  <c r="M18" i="36"/>
  <c r="I18" i="36"/>
  <c r="E18" i="36"/>
  <c r="R17" i="36"/>
  <c r="Q17" i="36"/>
  <c r="M17" i="36"/>
  <c r="I17" i="36"/>
  <c r="E17" i="36"/>
  <c r="R16" i="36"/>
  <c r="Q16" i="36"/>
  <c r="M16" i="36"/>
  <c r="M20" i="36" s="1"/>
  <c r="I16" i="36"/>
  <c r="E16" i="36"/>
  <c r="E20" i="36" s="1"/>
  <c r="R15" i="36"/>
  <c r="R20" i="36" s="1"/>
  <c r="Q15" i="36"/>
  <c r="Q20" i="36" s="1"/>
  <c r="M15" i="36"/>
  <c r="I15" i="36"/>
  <c r="I20" i="36" s="1"/>
  <c r="E15" i="36"/>
  <c r="P10" i="36"/>
  <c r="O10" i="36"/>
  <c r="N10" i="36"/>
  <c r="L10" i="36"/>
  <c r="K10" i="36"/>
  <c r="J10" i="36"/>
  <c r="H10" i="36"/>
  <c r="G10" i="36"/>
  <c r="F10" i="36"/>
  <c r="D10" i="36"/>
  <c r="C10" i="36"/>
  <c r="B10" i="36"/>
  <c r="R9" i="36"/>
  <c r="Q9" i="36"/>
  <c r="M9" i="36"/>
  <c r="I9" i="36"/>
  <c r="E9" i="36"/>
  <c r="R8" i="36"/>
  <c r="Q8" i="36"/>
  <c r="M8" i="36"/>
  <c r="I8" i="36"/>
  <c r="E8" i="36"/>
  <c r="R7" i="36"/>
  <c r="Q7" i="36"/>
  <c r="M7" i="36"/>
  <c r="I7" i="36"/>
  <c r="E7" i="36"/>
  <c r="R6" i="36"/>
  <c r="R10" i="36" s="1"/>
  <c r="Q6" i="36"/>
  <c r="M6" i="36"/>
  <c r="I6" i="36"/>
  <c r="E6" i="36"/>
  <c r="R5" i="36"/>
  <c r="Q5" i="36"/>
  <c r="Q10" i="36" s="1"/>
  <c r="M5" i="36"/>
  <c r="M10" i="36" s="1"/>
  <c r="I5" i="36"/>
  <c r="I10" i="36" s="1"/>
  <c r="E5" i="36"/>
  <c r="E10" i="36" s="1"/>
  <c r="I15" i="35" l="1"/>
  <c r="I15" i="3"/>
  <c r="I15" i="5"/>
  <c r="K11" i="5"/>
  <c r="K11" i="3"/>
  <c r="K11" i="35"/>
  <c r="A44" i="35"/>
  <c r="A45" i="35"/>
  <c r="A46" i="35" s="1"/>
  <c r="A47" i="35" s="1"/>
  <c r="A44" i="3"/>
  <c r="A45" i="3" s="1"/>
  <c r="A46" i="3" s="1"/>
  <c r="A47" i="3" s="1"/>
  <c r="A44" i="5"/>
  <c r="A45" i="5"/>
  <c r="A46" i="5"/>
  <c r="A47" i="5"/>
  <c r="O8" i="35"/>
  <c r="O7" i="35"/>
  <c r="A7" i="35"/>
  <c r="O6" i="35"/>
  <c r="O5" i="35"/>
  <c r="O4" i="35"/>
  <c r="O8" i="3"/>
  <c r="O7" i="3"/>
  <c r="A7" i="3"/>
  <c r="O6" i="3"/>
  <c r="O5" i="3"/>
  <c r="O4" i="3"/>
  <c r="H30" i="35"/>
  <c r="H15" i="35"/>
  <c r="A19" i="35"/>
  <c r="A20" i="35" s="1"/>
  <c r="A21" i="35" s="1"/>
  <c r="A22" i="35" s="1"/>
  <c r="A23" i="35" s="1"/>
  <c r="A24" i="35" s="1"/>
  <c r="A25" i="35" s="1"/>
  <c r="A26" i="35" s="1"/>
  <c r="A27" i="35" s="1"/>
  <c r="A28" i="35" s="1"/>
  <c r="A29" i="35" s="1"/>
  <c r="A30" i="35" s="1"/>
  <c r="A31" i="35" s="1"/>
  <c r="A32" i="35" s="1"/>
  <c r="A33" i="35" s="1"/>
  <c r="A34" i="35" s="1"/>
  <c r="A35" i="35" s="1"/>
  <c r="A36" i="35" s="1"/>
  <c r="A37" i="35" s="1"/>
  <c r="A38" i="35" s="1"/>
  <c r="A39" i="35" s="1"/>
  <c r="A40" i="35" s="1"/>
  <c r="A41" i="35" s="1"/>
  <c r="A42" i="35" s="1"/>
  <c r="A43" i="35" s="1"/>
  <c r="H30" i="3"/>
  <c r="H30" i="5"/>
  <c r="I30" i="35"/>
  <c r="A48" i="35" l="1"/>
  <c r="J30" i="35"/>
  <c r="K30" i="35" s="1"/>
  <c r="I30" i="3"/>
  <c r="H28" i="35"/>
  <c r="H32" i="35" s="1"/>
  <c r="I26" i="35"/>
  <c r="J26" i="35" s="1"/>
  <c r="K26" i="35" s="1"/>
  <c r="J24" i="35"/>
  <c r="K24" i="35" s="1"/>
  <c r="I22" i="35"/>
  <c r="J22" i="35" s="1"/>
  <c r="K22" i="35" s="1"/>
  <c r="I20" i="35"/>
  <c r="I18" i="35"/>
  <c r="J18" i="35" s="1"/>
  <c r="K18" i="35" l="1"/>
  <c r="I28" i="35"/>
  <c r="I32" i="35" s="1"/>
  <c r="J32" i="35" s="1"/>
  <c r="K32" i="35" s="1"/>
  <c r="J20" i="35"/>
  <c r="K20" i="35" s="1"/>
  <c r="A19" i="3"/>
  <c r="A20" i="3" s="1"/>
  <c r="A21" i="3" s="1"/>
  <c r="A22" i="3" s="1"/>
  <c r="A23" i="3" s="1"/>
  <c r="A24" i="3" s="1"/>
  <c r="A25" i="3" s="1"/>
  <c r="A26" i="3" s="1"/>
  <c r="A27" i="3" s="1"/>
  <c r="A28" i="3" s="1"/>
  <c r="A29" i="3" s="1"/>
  <c r="A30" i="3" s="1"/>
  <c r="A31" i="3" s="1"/>
  <c r="A32" i="3" s="1"/>
  <c r="A33" i="3" s="1"/>
  <c r="A34" i="3" s="1"/>
  <c r="A35" i="3" s="1"/>
  <c r="A36" i="3" s="1"/>
  <c r="A37" i="3" s="1"/>
  <c r="A38" i="3" s="1"/>
  <c r="A39" i="3" s="1"/>
  <c r="A40" i="3" s="1"/>
  <c r="A41" i="3" s="1"/>
  <c r="A42" i="3" s="1"/>
  <c r="A43" i="3" s="1"/>
  <c r="A48" i="3" s="1"/>
  <c r="J28" i="35" l="1"/>
  <c r="K28" i="35" s="1"/>
  <c r="I26" i="3"/>
  <c r="I22" i="3"/>
  <c r="I20" i="3"/>
  <c r="I28" i="5" l="1"/>
  <c r="I32" i="5" s="1"/>
  <c r="I18" i="3"/>
  <c r="I28" i="3" s="1"/>
  <c r="I32" i="3" s="1"/>
  <c r="O8" i="5"/>
  <c r="E12" i="22"/>
  <c r="D12" i="22"/>
  <c r="C9" i="5" l="1"/>
  <c r="J26" i="3" l="1"/>
  <c r="K26" i="3" s="1"/>
  <c r="J22" i="3"/>
  <c r="K22" i="3" s="1"/>
  <c r="J20" i="3"/>
  <c r="K20" i="3" s="1"/>
  <c r="J24" i="5"/>
  <c r="K24" i="5" s="1"/>
  <c r="J22" i="5"/>
  <c r="K22" i="5" s="1"/>
  <c r="J24" i="3" l="1"/>
  <c r="K24" i="3" s="1"/>
  <c r="J18" i="3"/>
  <c r="A7" i="5"/>
  <c r="H28" i="3" l="1"/>
  <c r="H32" i="3" s="1"/>
  <c r="J28" i="3"/>
  <c r="K28" i="3" s="1"/>
  <c r="K18" i="3"/>
  <c r="E13" i="22"/>
  <c r="D13" i="22"/>
  <c r="E11" i="22"/>
  <c r="D11" i="22"/>
  <c r="E10" i="22"/>
  <c r="D10" i="22"/>
  <c r="H15" i="5" s="1"/>
  <c r="E9" i="22"/>
  <c r="D9" i="22"/>
  <c r="E8" i="22"/>
  <c r="D8" i="22"/>
  <c r="O4" i="5" s="1"/>
  <c r="N3" i="22"/>
  <c r="M3" i="22"/>
  <c r="L3" i="22"/>
  <c r="K3" i="22"/>
  <c r="J3" i="22"/>
  <c r="O5" i="5" l="1"/>
  <c r="H15" i="3"/>
  <c r="O9" i="5"/>
  <c r="O7" i="5"/>
  <c r="O6" i="5"/>
  <c r="J30" i="5" l="1"/>
  <c r="K30" i="5" s="1"/>
  <c r="J20" i="5" l="1"/>
  <c r="K20" i="5" s="1"/>
  <c r="J26" i="5"/>
  <c r="K26" i="5" s="1"/>
  <c r="J30" i="3"/>
  <c r="K30" i="3" s="1"/>
  <c r="J18" i="5" l="1"/>
  <c r="J28" i="5" s="1"/>
  <c r="K28" i="5" s="1"/>
  <c r="A19" i="5"/>
  <c r="A20" i="5" l="1"/>
  <c r="A21" i="5" s="1"/>
  <c r="A22" i="5" s="1"/>
  <c r="A23" i="5" s="1"/>
  <c r="A24" i="5" s="1"/>
  <c r="A25" i="5" s="1"/>
  <c r="A26" i="5" s="1"/>
  <c r="A27" i="5" s="1"/>
  <c r="A28" i="5" s="1"/>
  <c r="A29" i="5" s="1"/>
  <c r="A30" i="5" s="1"/>
  <c r="A31" i="5" s="1"/>
  <c r="A32" i="5" s="1"/>
  <c r="A33" i="5" s="1"/>
  <c r="A34" i="5" s="1"/>
  <c r="A35" i="5" s="1"/>
  <c r="A36" i="5" s="1"/>
  <c r="A37" i="5" s="1"/>
  <c r="A38" i="5" s="1"/>
  <c r="A39" i="5" s="1"/>
  <c r="A40" i="5" s="1"/>
  <c r="A41" i="5" s="1"/>
  <c r="A42" i="5" s="1"/>
  <c r="A43" i="5" s="1"/>
  <c r="A48" i="5" s="1"/>
  <c r="K18" i="5"/>
  <c r="H28" i="5" l="1"/>
  <c r="H32" i="5" s="1"/>
  <c r="J32" i="5" l="1"/>
  <c r="K32" i="5" s="1"/>
  <c r="J32" i="3"/>
  <c r="K32" i="3" s="1"/>
</calcChain>
</file>

<file path=xl/sharedStrings.xml><?xml version="1.0" encoding="utf-8"?>
<sst xmlns="http://schemas.openxmlformats.org/spreadsheetml/2006/main" count="4997" uniqueCount="1213">
  <si>
    <t>HY</t>
  </si>
  <si>
    <t>PY</t>
  </si>
  <si>
    <t>TY1</t>
  </si>
  <si>
    <t>TY2</t>
  </si>
  <si>
    <t>TY3</t>
  </si>
  <si>
    <t>Docket Number:</t>
  </si>
  <si>
    <t>Reporting Year</t>
  </si>
  <si>
    <t>Projected Test Year 3 Ended</t>
  </si>
  <si>
    <t>Year 2027</t>
  </si>
  <si>
    <t>Projected Test Year 2 Ended</t>
  </si>
  <si>
    <t>Year 2026</t>
  </si>
  <si>
    <t>Projected Test Year 1 Ended</t>
  </si>
  <si>
    <t>Year 2025</t>
  </si>
  <si>
    <t>Year 2024</t>
  </si>
  <si>
    <t>Year 2023</t>
  </si>
  <si>
    <t>Historical Year Ended</t>
  </si>
  <si>
    <t>Year 2022</t>
  </si>
  <si>
    <t>Witness 1</t>
  </si>
  <si>
    <t>Witness 2</t>
  </si>
  <si>
    <t>Witness 3</t>
  </si>
  <si>
    <t>Witness 4</t>
  </si>
  <si>
    <t>Witness 5</t>
  </si>
  <si>
    <t>Witness D-3</t>
  </si>
  <si>
    <t xml:space="preserve">Olivier, </t>
  </si>
  <si>
    <t>Reporting Year Lookup Table</t>
  </si>
  <si>
    <t>Year 2032</t>
  </si>
  <si>
    <t>Year 2031</t>
  </si>
  <si>
    <t>Year 2030</t>
  </si>
  <si>
    <t>Year 2029</t>
  </si>
  <si>
    <t>Year 2028</t>
  </si>
  <si>
    <t>Year 2021</t>
  </si>
  <si>
    <t>Year 2020</t>
  </si>
  <si>
    <t>Year 2019</t>
  </si>
  <si>
    <t>SCHEDULE C-12</t>
  </si>
  <si>
    <t>ADMINISTRATIVE EXPENSES</t>
  </si>
  <si>
    <t>FLORIDA PUBLIC SERVICE COMMISSION</t>
  </si>
  <si>
    <t xml:space="preserve">Explanation: </t>
  </si>
  <si>
    <t>Provide a schedule of jurisdictional administrative, general, customer service, R &amp; D, and other miscellaneous expenses by category and on a per customer basis for the test year and the most recent historical year.</t>
  </si>
  <si>
    <t>Type of Data Shown:</t>
  </si>
  <si>
    <t>COMPANY: Duke Energy Florida, LLC</t>
  </si>
  <si>
    <t>Test Year</t>
  </si>
  <si>
    <t>Historical Year</t>
  </si>
  <si>
    <t>Difference</t>
  </si>
  <si>
    <t>Percent</t>
  </si>
  <si>
    <t>Line</t>
  </si>
  <si>
    <t>Jurisdictional Administrative Expenses</t>
  </si>
  <si>
    <t>Increase/(Decrease)</t>
  </si>
  <si>
    <t>No.</t>
  </si>
  <si>
    <t>Excluding Recoverable Conservation</t>
  </si>
  <si>
    <t>($000)</t>
  </si>
  <si>
    <t>(4)/(3)</t>
  </si>
  <si>
    <t xml:space="preserve"> </t>
  </si>
  <si>
    <t>CUSTOMER ACCOUNTS EXPENSES (901-905)</t>
  </si>
  <si>
    <t>CUSTOMER SERVICE &amp; INFORMATION EXPENSES (907-910)</t>
  </si>
  <si>
    <t>SALES EXPENSES (911-919)</t>
  </si>
  <si>
    <t>ADMINISTRATIVE &amp; GENERAL (920-929 &amp; 931-935)</t>
  </si>
  <si>
    <t>MISCELLANEOUS GENERAL EXPENSES (930)</t>
  </si>
  <si>
    <t>AVERAGE NUMBER OF RETAIL CUSTOMERS</t>
  </si>
  <si>
    <t>ADMINISTRATIVE EXPENSE PER RETAIL CUSTOMER</t>
  </si>
  <si>
    <t>(2)-(3)</t>
  </si>
  <si>
    <t>Jan 2025</t>
  </si>
  <si>
    <t>Feb 2025</t>
  </si>
  <si>
    <t>Mar 2025</t>
  </si>
  <si>
    <t>Apr 2025</t>
  </si>
  <si>
    <t>May 2025</t>
  </si>
  <si>
    <t>Jun 2025</t>
  </si>
  <si>
    <t>Jul 2025</t>
  </si>
  <si>
    <t>Aug 2025</t>
  </si>
  <si>
    <t>Sep 2025</t>
  </si>
  <si>
    <t>Oct 2025</t>
  </si>
  <si>
    <t>Nov 2025</t>
  </si>
  <si>
    <t>Dec 2025</t>
  </si>
  <si>
    <t>Jan 2026</t>
  </si>
  <si>
    <t>Feb 2026</t>
  </si>
  <si>
    <t>Mar 2026</t>
  </si>
  <si>
    <t>Apr 2026</t>
  </si>
  <si>
    <t>May 2026</t>
  </si>
  <si>
    <t>Jun 2026</t>
  </si>
  <si>
    <t>Jul 2026</t>
  </si>
  <si>
    <t>Aug 2026</t>
  </si>
  <si>
    <t>Sep 2026</t>
  </si>
  <si>
    <t>Oct 2026</t>
  </si>
  <si>
    <t>Nov 2026</t>
  </si>
  <si>
    <t>Dec 2026</t>
  </si>
  <si>
    <t>Jan 2027</t>
  </si>
  <si>
    <t>Feb 2027</t>
  </si>
  <si>
    <t>Mar 2027</t>
  </si>
  <si>
    <t>Apr 2027</t>
  </si>
  <si>
    <t>May 2027</t>
  </si>
  <si>
    <t>Jun 2027</t>
  </si>
  <si>
    <t>Jul 2027</t>
  </si>
  <si>
    <t>Aug 2027</t>
  </si>
  <si>
    <t>Sep 2027</t>
  </si>
  <si>
    <t>Oct 2027</t>
  </si>
  <si>
    <t>Nov 2027</t>
  </si>
  <si>
    <t>Dec 2027</t>
  </si>
  <si>
    <t>DE Florida - Retail </t>
  </si>
  <si>
    <t>B:[1]</t>
  </si>
  <si>
    <t>C:[Current Entity]</t>
  </si>
  <si>
    <t>D:[Entity ID FUEL]</t>
  </si>
  <si>
    <t>E:[Entity ID CCR]</t>
  </si>
  <si>
    <t>F:[Entity ID ECCR]</t>
  </si>
  <si>
    <t>G:[Entity ID ECRC]</t>
  </si>
  <si>
    <t>H:[Entity ID SPP]</t>
  </si>
  <si>
    <t>I:[If Current Entity = FUEL, Enter 1]</t>
  </si>
  <si>
    <t>J:[If Current Entity = CCR, Enter 1]</t>
  </si>
  <si>
    <t>K:[If Current Entity = ECCR, Enter 1]</t>
  </si>
  <si>
    <t>L:[If Current Entity = ECRC, Enter 1]</t>
  </si>
  <si>
    <t>M:[If Current Entity = SPP, Enter 1]</t>
  </si>
  <si>
    <t>N:[If Cost Recovery Clause - Multiply by 1 for Reg Assess Fee Calc]</t>
  </si>
  <si>
    <t>O:[]</t>
  </si>
  <si>
    <t>P:[]</t>
  </si>
  <si>
    <t>Q:[if]</t>
  </si>
  <si>
    <t>R:[]</t>
  </si>
  <si>
    <t>S:[start method]</t>
  </si>
  <si>
    <t>T:[Per Books]</t>
  </si>
  <si>
    <t>U:[Per Books - 12 Month Ended]</t>
  </si>
  <si>
    <t>V:[FPSC Adjustments]</t>
  </si>
  <si>
    <t>W:[FPSC Adjustments - 12 Month Ended]</t>
  </si>
  <si>
    <t>X:[O&amp;M Adjusted System Total]</t>
  </si>
  <si>
    <t>Y:[Jur Allocator]</t>
  </si>
  <si>
    <t>Z:[Retail Per Books (Current)]</t>
  </si>
  <si>
    <t>AA:[Retail Adj's (Current)]</t>
  </si>
  <si>
    <t>AB:[FPSC Adjusted Jur Total]</t>
  </si>
  <si>
    <t>AC:[Retail Books (12mo End)]</t>
  </si>
  <si>
    <t>AD:[Retail Adjs (12mo End)]</t>
  </si>
  <si>
    <t>AE:[Retail Adjd (12mo End)]</t>
  </si>
  <si>
    <t>AF:[Pro Forma Retail Adjustments]</t>
  </si>
  <si>
    <t>AG:[MethodReturns]</t>
  </si>
  <si>
    <t>AH:[]</t>
  </si>
  <si>
    <t>AI:[]</t>
  </si>
  <si>
    <t>AJ:[PRODUCTION O&amp;M (BASE RECOVERABLE):]</t>
  </si>
  <si>
    <t>AK:[Steam O&amp;M:]</t>
  </si>
  <si>
    <t xml:space="preserve">     AL:[0500-0509 Steam - Operation - Base - Demand]</t>
  </si>
  <si>
    <t xml:space="preserve">     AM:[0500-0509 Steam - Operation - Intermediate - Demand]</t>
  </si>
  <si>
    <t xml:space="preserve">     AN:[0500-0509 Steam - Operation - Peaking - Demand]</t>
  </si>
  <si>
    <t xml:space="preserve">     AO:[0500-0509 Steam - Operation - Demand - Total]</t>
  </si>
  <si>
    <t>AP:[]</t>
  </si>
  <si>
    <t xml:space="preserve">     AQ:[0510-0515 Steam - Maintenance - Base -  Energy]</t>
  </si>
  <si>
    <t xml:space="preserve">     AR:[0510-0515 Steam - Maintenance - Intermediate - Energy]</t>
  </si>
  <si>
    <t xml:space="preserve">     AS:[0510-0515 Steam - Maintenance - Peaking - Energy]</t>
  </si>
  <si>
    <t xml:space="preserve">     AT:[0510-0515 Steam - Maintenance - Energy - Total]</t>
  </si>
  <si>
    <t xml:space="preserve">          AU:[Total Steam O&amp;M]</t>
  </si>
  <si>
    <t>AV:[]</t>
  </si>
  <si>
    <t>AW:[Nuclear O&amp;M:]</t>
  </si>
  <si>
    <t>AX:[0517-0525 Nuclear - Operation - Base - Demand]</t>
  </si>
  <si>
    <t xml:space="preserve">     AY:[0528-0532 Nuclear - Maintenance - Base - Energy]</t>
  </si>
  <si>
    <t xml:space="preserve">          AZ:[Total Nuclear O&amp;M]</t>
  </si>
  <si>
    <t>BA:[]</t>
  </si>
  <si>
    <t>BB:[Other Power Gen O&amp;M:]</t>
  </si>
  <si>
    <t>BC:[0546-0550 Other Pwr Gen - Operation - Base - Demand]</t>
  </si>
  <si>
    <t>BD:[0546-0550 Other Pwr Gen - Operation - Intermediate - Demand]</t>
  </si>
  <si>
    <t>BE:[0546-0550 Other Pwr Gen - Operation - Peaking - Demand]</t>
  </si>
  <si>
    <t xml:space="preserve">     BF:[0546-0550 Other Pwr Gen - Operation - Solar - Demand]</t>
  </si>
  <si>
    <t xml:space="preserve">     BG:[0546-0550 Other Pwr Gen - Operation - Total]</t>
  </si>
  <si>
    <t>BH:[]</t>
  </si>
  <si>
    <t>BI:[0551-0554 Other Pwr Gen - Maintenance - Base - Energy]</t>
  </si>
  <si>
    <t>BJ:[0551-0554 Other Pwr Gen - Maintenance - Intermediate - Energy]</t>
  </si>
  <si>
    <t>BK:[0551-0554 Other Pwr Gen - Maintenance - Peaking - Energy]</t>
  </si>
  <si>
    <t xml:space="preserve">     BL:[0551-0554 Other Pwr Gen - Maintenance - Solar - Energy]</t>
  </si>
  <si>
    <t xml:space="preserve">     BM:[0551-0554 Other Pwr Gen - Maintenance - Total]</t>
  </si>
  <si>
    <t xml:space="preserve">          BN:[Total Other Power Gen O&amp;M]</t>
  </si>
  <si>
    <t>BO:[]</t>
  </si>
  <si>
    <t>BP:[Other Power Supply O&amp;M:]</t>
  </si>
  <si>
    <t xml:space="preserve">     BQ:[0555 - Hines 4 Replacement Power]</t>
  </si>
  <si>
    <t>BR:[]</t>
  </si>
  <si>
    <t>BS:[0556-0557 Other Pwr Supply - Base - Demand]</t>
  </si>
  <si>
    <t>BT:[0556-0557 Other Pwr Supply - Intermediate - Demand]</t>
  </si>
  <si>
    <t>BU:[0556-0557 Other Pwr Supply - Peaking - Demand]</t>
  </si>
  <si>
    <t xml:space="preserve">     BV:[0556-0557 Other Pwr Supply - Solar - Demand]</t>
  </si>
  <si>
    <t xml:space="preserve">          BW:[Total Other Power Supply O&amp;M]</t>
  </si>
  <si>
    <t>BX:[]</t>
  </si>
  <si>
    <t>BY:[Hydro O&amp;M:]</t>
  </si>
  <si>
    <t xml:space="preserve">     BZ:[0535-0545 Hydraulic Power O&amp;M]</t>
  </si>
  <si>
    <t>CA:[]</t>
  </si>
  <si>
    <t>CB:[Fuel Handling O&amp;M:]</t>
  </si>
  <si>
    <t>CC:[0501150 Coal &amp; Other Fuel Handling]</t>
  </si>
  <si>
    <t>CD:[0518600 Nuclear Fuel Disposal Cost]</t>
  </si>
  <si>
    <t xml:space="preserve">     CE:[0553220 Solar - Maint Gen &amp; Elect Plt]</t>
  </si>
  <si>
    <t xml:space="preserve">     CF:[0557450 Commission/Brokerage Expense]</t>
  </si>
  <si>
    <t xml:space="preserve">     CG:[0555016 I/C Joint Disp Pur Pwr (Removed; Included in Recoverable Clause Fuel)]</t>
  </si>
  <si>
    <t xml:space="preserve">     CH:[0880000 Gas Distribution - Other Expense]</t>
  </si>
  <si>
    <t>CI:[0547300 Fuel Handling &amp; Testing CT]</t>
  </si>
  <si>
    <t xml:space="preserve">          CJ:[Total Fuel Handling O&amp;M]</t>
  </si>
  <si>
    <t>CK:[]</t>
  </si>
  <si>
    <t>CL:[Entries to Reverse Impact of Calculated Corrections to ECRC Amounts (at Bottom)]</t>
  </si>
  <si>
    <t>CM:[Total Production O&amp;M]</t>
  </si>
  <si>
    <t>CN:[]</t>
  </si>
  <si>
    <t>CO:[TRANSMISSION O&amp;M:]</t>
  </si>
  <si>
    <t>CP:[Transmission - Operation:]</t>
  </si>
  <si>
    <t>CQ:[0560 Trans Supv &amp; Engineering - Base - Demand]</t>
  </si>
  <si>
    <t>CR:[0560 Trans Supv &amp; Engineering - Intermediate - Demand]</t>
  </si>
  <si>
    <t>CS:[0560 Trans Supv &amp; Engineering - Peaking - Demand]</t>
  </si>
  <si>
    <t xml:space="preserve">     CT:[0560 Trans Supv &amp; Engineering - Solar - Demand]</t>
  </si>
  <si>
    <t xml:space="preserve">     CU:[0560 Trans Supv &amp; Engineering - Radials]</t>
  </si>
  <si>
    <t>CV:[0560 Trans Supv &amp; Engineering - Transmission]</t>
  </si>
  <si>
    <t xml:space="preserve">     CW:[0560 Trans Supv &amp; Engineering - Total]</t>
  </si>
  <si>
    <t>CX:[]</t>
  </si>
  <si>
    <t>CY:[0561 Trans Load Dispatching - Base - Demand]</t>
  </si>
  <si>
    <t>CZ:[0561 Trans Load Dispatching - Intermediate - Demand]</t>
  </si>
  <si>
    <t>DA:[0561 Trans Load Dispatching - Peaking - Demand]</t>
  </si>
  <si>
    <t xml:space="preserve">     DB:[0561 Trans Load Dispatching - Solar - Demand]</t>
  </si>
  <si>
    <t xml:space="preserve">     DC:[0561 Trans Load Dispatching - Transmission]</t>
  </si>
  <si>
    <t>DD:[0561 Trans Load Dispatching - Total]</t>
  </si>
  <si>
    <t>DE:[]</t>
  </si>
  <si>
    <t>DF:[0562 Trans Station Expenses - Base - Demand]</t>
  </si>
  <si>
    <t>DG:[0562 Trans Station Expenses - Intermediate - Demand]</t>
  </si>
  <si>
    <t>DH:[0562 Trans Station Expenses - Peaking - Demand]</t>
  </si>
  <si>
    <t xml:space="preserve">     DI:[0562 Trans Station Expenses - Solar - Demand]</t>
  </si>
  <si>
    <t xml:space="preserve">     DJ:[0562 Trans Station Expenses - Radials]</t>
  </si>
  <si>
    <t>DK:[0562 Trans Station Expenses - Transmission]</t>
  </si>
  <si>
    <t xml:space="preserve">     DL:[0562 Trans Station Expenses - Total]</t>
  </si>
  <si>
    <t>DM:[]</t>
  </si>
  <si>
    <t xml:space="preserve">     DN:[0563 Trans OH Line Expenses - Base - Demand]</t>
  </si>
  <si>
    <t xml:space="preserve">     DO:[0563 Trans OH Line Expenses - Intermediate - Demand]</t>
  </si>
  <si>
    <t xml:space="preserve">     DP:[0563 Trans OH Line Expenses - Peaking - Demand]</t>
  </si>
  <si>
    <t xml:space="preserve">     DQ:[0563 Trans OH Line Expenses - Solar - Demand]</t>
  </si>
  <si>
    <t xml:space="preserve">     DR:[0563 Trans OH Line Expenses - Radials]</t>
  </si>
  <si>
    <t xml:space="preserve">     DS:[0563 Trans OH Line Expenses - Transmission]</t>
  </si>
  <si>
    <t xml:space="preserve">          DT:[0563 Trans OH Line Expenses - Total]</t>
  </si>
  <si>
    <t>DU:[]</t>
  </si>
  <si>
    <t xml:space="preserve">     DV:[0565016 I/C Joint Disp - Trans NW Exp - Wholesale]</t>
  </si>
  <si>
    <t>DW:[]</t>
  </si>
  <si>
    <t>DX:[0566 Trans Misc Expenses - Base - Demand]</t>
  </si>
  <si>
    <t>DY:[0566 Trans Misc Expenses - Intermediate - Demand]</t>
  </si>
  <si>
    <t>DZ:[0566 Trans Misc Expenses - Peaking - Demand]</t>
  </si>
  <si>
    <t xml:space="preserve">     EA:[0566 Trans Misc Expenses - Solar - Demand]</t>
  </si>
  <si>
    <t xml:space="preserve">     EB:[0566 Trans Misc Expenses - Radials]</t>
  </si>
  <si>
    <t>EC:[0566 Trans Misc Expenses - Transmission]</t>
  </si>
  <si>
    <t xml:space="preserve">     ED:[0566 Trans Misc Expenses - Total]</t>
  </si>
  <si>
    <t>EE:[]</t>
  </si>
  <si>
    <t xml:space="preserve">     EF:[0567 Trans Rent Oper]</t>
  </si>
  <si>
    <t xml:space="preserve">          EG:[Total Transmission - Operation]</t>
  </si>
  <si>
    <t>EH:[Transmission - Maintenance:]</t>
  </si>
  <si>
    <t>EI:[0568 Trans Supv &amp; Engineering - Base - Demand]</t>
  </si>
  <si>
    <t>EJ:[0568 Trans Supv &amp; Engineering - Intermediate - Demand]</t>
  </si>
  <si>
    <t>EK:[0568 Trans Supv &amp; Engineering - Peaking - Demand]</t>
  </si>
  <si>
    <t xml:space="preserve">     EL:[0568 Trans Supv &amp; Engineering - Solar - Demand]</t>
  </si>
  <si>
    <t xml:space="preserve">     EM:[0568 Trans Supv &amp; Engineering - Radials]</t>
  </si>
  <si>
    <t>EN:[0568 Trans Supv &amp; Engineering - Transmission]</t>
  </si>
  <si>
    <t xml:space="preserve">     EO:[0568 Trans Supv &amp; Engineering - Total]</t>
  </si>
  <si>
    <t>EP:[]</t>
  </si>
  <si>
    <t>EQ:[0569 Trans Structures - Base - Demand]</t>
  </si>
  <si>
    <t>ER:[0569 Trans Structures - Intermediate - Demand]</t>
  </si>
  <si>
    <t>ES:[0569 Trans Structures - Peaking - Demand]</t>
  </si>
  <si>
    <t xml:space="preserve">     ET:[0569 Trans Structures - Solar - Demand]</t>
  </si>
  <si>
    <t xml:space="preserve">     EU:[0569 Trans Structures - Radials]</t>
  </si>
  <si>
    <t>EV:[0569 Trans Structures - Transmission]</t>
  </si>
  <si>
    <t xml:space="preserve">     EW:[0569 Trans Structures - Total]</t>
  </si>
  <si>
    <t>EX:[]</t>
  </si>
  <si>
    <t>EY:[0570 Trans Station Equipment - Base - Demand]</t>
  </si>
  <si>
    <t>EZ:[0570 Trans Station Equipment - Intermediate - Demand]</t>
  </si>
  <si>
    <t>FA:[0570 Trans Station Equipment - Peaking - Demand]</t>
  </si>
  <si>
    <t xml:space="preserve">     FB:[0570 Trans Station Equipment - Solar - Demand]</t>
  </si>
  <si>
    <t xml:space="preserve">     FC:[0570 Trans Station Equipment - Radials]</t>
  </si>
  <si>
    <t>FD:[0570 Trans Station Equipment - Transmission]</t>
  </si>
  <si>
    <t xml:space="preserve">     FE:[0570 Trans Station Equipment - Total]</t>
  </si>
  <si>
    <t>FF:[]</t>
  </si>
  <si>
    <t>FG:[0571 Trans Overhead Lines - Base - Demand]</t>
  </si>
  <si>
    <t>FH:[0571 Trans Overhead Lines - Intermediate - Demand]</t>
  </si>
  <si>
    <t>FI:[0571 Trans Overhead Lines - Peaking - Demand]</t>
  </si>
  <si>
    <t xml:space="preserve">     FJ:[0571 Trans Overhead Lines - Solar - Demand]</t>
  </si>
  <si>
    <t xml:space="preserve">     FK:[0571 Trans Overhead Lines - Radials]</t>
  </si>
  <si>
    <t>FL:[0571 Trans Overhead Lines - Transmission]</t>
  </si>
  <si>
    <t xml:space="preserve">     FM:[0571 Trans Overhead Lines - Total]</t>
  </si>
  <si>
    <t>FN:[]</t>
  </si>
  <si>
    <t xml:space="preserve">     FO:[0572 Trans Underground Lines - Base - Demand]</t>
  </si>
  <si>
    <t xml:space="preserve">     FP:[0572 Trans Underground Lines - Intermediate - Demand]</t>
  </si>
  <si>
    <t xml:space="preserve">     FQ:[0572 Trans Underground Lines - Peaking - Demand]</t>
  </si>
  <si>
    <t xml:space="preserve">     FR:[0572 Trans Underground Lines - Solar - Demand]</t>
  </si>
  <si>
    <t>FS:[0572 Trans Underground Lines - Transmission]</t>
  </si>
  <si>
    <t xml:space="preserve">          FT:[0572 Trans Underground Lines - Total]</t>
  </si>
  <si>
    <t>FU:[]</t>
  </si>
  <si>
    <t>FV:[0573 Trans Misc Expenses - Base - Demand]</t>
  </si>
  <si>
    <t>FW:[0573 Trans Misc Expenses - Intermediate - Demand]</t>
  </si>
  <si>
    <t xml:space="preserve">     FX:[0573 Trans Misc Expenses - Peaking - Demand]</t>
  </si>
  <si>
    <t xml:space="preserve">     FY:[0573 Trans Misc Expenses - Solar - Demand]</t>
  </si>
  <si>
    <t>FZ:[0573 Trans Misc Expenses - Transmission]</t>
  </si>
  <si>
    <t xml:space="preserve">     GA:[0573 Trans Misc Expenses - Total]</t>
  </si>
  <si>
    <t xml:space="preserve">          GB:[Total Transmission - Maintenance]</t>
  </si>
  <si>
    <t>GC:[]</t>
  </si>
  <si>
    <t>GD:[Total Transmission O&amp;M]</t>
  </si>
  <si>
    <t>GE:[]</t>
  </si>
  <si>
    <t>GF:[DISTRIBUTION O&amp;M:]</t>
  </si>
  <si>
    <t>GG:[Distribution - Operation:]</t>
  </si>
  <si>
    <t>GH:[0580 Dist Supv &amp; Engineering - Primary ]</t>
  </si>
  <si>
    <t>GI:[0580 Dist Supv &amp; Engineering - Secondary]</t>
  </si>
  <si>
    <t>GJ:[0580 Dist Supv &amp; Engineering - Services]</t>
  </si>
  <si>
    <t>GK:[0580 Dist Supv &amp; Engineering - Metering]</t>
  </si>
  <si>
    <t>GL:[0580 Dist Supv &amp; Engineering - Lighting]</t>
  </si>
  <si>
    <t>GM:[0580 Dist Supv &amp; Engineering - IS Equipment]</t>
  </si>
  <si>
    <t xml:space="preserve">     GN:[0580 Dist Supv &amp; Engineering - Total]</t>
  </si>
  <si>
    <t>GO:[]</t>
  </si>
  <si>
    <t xml:space="preserve">     GP:[0581 Dist Load Dispatching - Primary]</t>
  </si>
  <si>
    <t>GQ:[]</t>
  </si>
  <si>
    <t>GR:[0582 Dist Station Expenses - Primary]</t>
  </si>
  <si>
    <t>GS:[]</t>
  </si>
  <si>
    <t>GT:[0583 Dist Overhead Lines - Primary]</t>
  </si>
  <si>
    <t>GU:[0583 Dist Overhead Lines - Secondary]</t>
  </si>
  <si>
    <t>GV:[0583 Dist Overhead Lines - Services]</t>
  </si>
  <si>
    <t>GW:[0583 Dist Overhead Lines - Lighting]</t>
  </si>
  <si>
    <t>GX:[0583 Dist Overhead Lines - IS Equipment]</t>
  </si>
  <si>
    <t xml:space="preserve">     GY:[0583 Dist Overhead Lines - Total]</t>
  </si>
  <si>
    <t>GZ:[]</t>
  </si>
  <si>
    <t>HA:[0584 Dist Underground Lines - Primary]</t>
  </si>
  <si>
    <t>HB:[0584 Dist Underground Lines - Secondary]</t>
  </si>
  <si>
    <t>HC:[0584 Dist Underground Lines - Services]</t>
  </si>
  <si>
    <t xml:space="preserve">     HD:[0584 Dist Underground Lines - Total]</t>
  </si>
  <si>
    <t>HE:[]</t>
  </si>
  <si>
    <t xml:space="preserve">     HF:[0585 Dist Street Lighting - Lighting]</t>
  </si>
  <si>
    <t>HG:[]</t>
  </si>
  <si>
    <t xml:space="preserve">     HH:[0586 Dist Meter Expenses - Services]</t>
  </si>
  <si>
    <t xml:space="preserve">     HI:[]</t>
  </si>
  <si>
    <t>HJ:[0587 Dist Customer Installation Exp - Services]</t>
  </si>
  <si>
    <t>HK:[]</t>
  </si>
  <si>
    <t>HL:[0588 Dist Misc Expenses - Primary]</t>
  </si>
  <si>
    <t>HM:[0588 Dist Misc Expenses - Secondary]</t>
  </si>
  <si>
    <t>HN:[0588 Dist Misc Expenses - Services]</t>
  </si>
  <si>
    <t>HO:[0588 Dist Misc Expenses - Metering]</t>
  </si>
  <si>
    <t>HP:[0588 Dist Misc Expenses - Lighting]</t>
  </si>
  <si>
    <t>HQ:[0588 Dist Misc Expenses - IS Equipment]</t>
  </si>
  <si>
    <t xml:space="preserve">     HR:[0588 Dist Misc Expenses - Total]</t>
  </si>
  <si>
    <t>HS:[]</t>
  </si>
  <si>
    <t>HT:[0589 Dist Rents - Primary]</t>
  </si>
  <si>
    <t xml:space="preserve">     HU:[0589 Dist Rents - Secondary]</t>
  </si>
  <si>
    <t xml:space="preserve">     HV:[0589 Dist Rents - Services]</t>
  </si>
  <si>
    <t xml:space="preserve">     HW:[0589 Dist Rents - Metering]</t>
  </si>
  <si>
    <t xml:space="preserve">     HX:[0589 Dist Rents - Lighting]</t>
  </si>
  <si>
    <t xml:space="preserve">     HY:[0589 Dist Rents - IS Equipment]</t>
  </si>
  <si>
    <t xml:space="preserve">          HZ:[0589 Dist Rents - Total]</t>
  </si>
  <si>
    <t>IA:[]</t>
  </si>
  <si>
    <t xml:space="preserve">     IB:[0824000 Other Expenses - Stg - Primary]</t>
  </si>
  <si>
    <t>IC:[]</t>
  </si>
  <si>
    <t xml:space="preserve">          ID:[Total Distribution - Operation]</t>
  </si>
  <si>
    <t>IE:[]</t>
  </si>
  <si>
    <t>IG:[Distribution - Maintenance:]</t>
  </si>
  <si>
    <t>IH:[0590 Dist Supv &amp; Engineering - Primary]</t>
  </si>
  <si>
    <t>II:[0590 Dist Supv &amp; Engineering - Secondary]</t>
  </si>
  <si>
    <t>IJ:[0590 Dist Supv &amp; Engineering - Services]</t>
  </si>
  <si>
    <t>IK:[0590 Dist Supv &amp; Engineering - Metering]</t>
  </si>
  <si>
    <t>IL:[0590 Dist Supv &amp; Engineering - Lighting]</t>
  </si>
  <si>
    <t xml:space="preserve">     IM:[0590 Dist Supv &amp; Engineering - Total]</t>
  </si>
  <si>
    <t>IN:[]</t>
  </si>
  <si>
    <t>IO:[0591 Dist Structures - Primary]</t>
  </si>
  <si>
    <t>IP:[]</t>
  </si>
  <si>
    <t>IQ:[0592 Dist Station Equipment - Primary]</t>
  </si>
  <si>
    <t>IR:[0592 Dist Station Equipment - Secondary]</t>
  </si>
  <si>
    <t>IS:[0592 Dist Station Equipment - Services]</t>
  </si>
  <si>
    <t>IT:[0592 Dist Station Equipment - Metering]</t>
  </si>
  <si>
    <t>IU:[0592 Dist Station Equipment - Lighting]</t>
  </si>
  <si>
    <t>IV:[0592 Dist Station Equipment - IS Equipment]</t>
  </si>
  <si>
    <t xml:space="preserve">     IW:[0592 Dist Station Equipment - Total]</t>
  </si>
  <si>
    <t>IX:[]</t>
  </si>
  <si>
    <t>IY:[0593 Dist Overhead Lines - Primary]</t>
  </si>
  <si>
    <t>IZ:[0593 Dist Overhead Lines - Secondary]</t>
  </si>
  <si>
    <t>JA:[0593 Dist Overhead Lines - Services]</t>
  </si>
  <si>
    <t>JB:[0593 Dist Overhead Lines - Lighting]</t>
  </si>
  <si>
    <t>JC:[0593 Dist Overhead Lines - IS Equipment]</t>
  </si>
  <si>
    <t xml:space="preserve">     JD:[0593 Dist Overhead Lines - Total]</t>
  </si>
  <si>
    <t>JE:[]</t>
  </si>
  <si>
    <t>JF:[0594 Dist Underground Lines - Primary]</t>
  </si>
  <si>
    <t>JG:[0594 Dist Underground Lines - Secondary]</t>
  </si>
  <si>
    <t>JH:[0594 Dist Underground Lines - Services]</t>
  </si>
  <si>
    <t xml:space="preserve">     JI:[0594 Dist Underground Lines - Total]</t>
  </si>
  <si>
    <t>JJ:[]</t>
  </si>
  <si>
    <t>JK:[0595 Maint Line Transformers -  Secondary]</t>
  </si>
  <si>
    <t>JL:[]</t>
  </si>
  <si>
    <t>JM:[0596 Dist Street Lighting - Lighting]</t>
  </si>
  <si>
    <t>JN:[]</t>
  </si>
  <si>
    <t>JO:[0597 Dist Meter Expenses - Metering]</t>
  </si>
  <si>
    <t>JP:[]</t>
  </si>
  <si>
    <t>JQ:[0598 Dist Miscellaneous - Primary]</t>
  </si>
  <si>
    <t>JR:[0598 Dist Miscellaneous - Secondary]</t>
  </si>
  <si>
    <t>JS:[0598 Dist Miscellaneous - Services]</t>
  </si>
  <si>
    <t>JT:[0598 Dist Miscellaneous - Metering]</t>
  </si>
  <si>
    <t>JU:[0598 Dist Miscellaneous - Lighting]</t>
  </si>
  <si>
    <t xml:space="preserve">     JV:[0598 Dist Miscellaneous - Total]</t>
  </si>
  <si>
    <t>JW:[]</t>
  </si>
  <si>
    <t xml:space="preserve">     JX:[0599 Other Misc Exp - Primary]</t>
  </si>
  <si>
    <t xml:space="preserve">          JY:[Total Distribution - Maintenance]</t>
  </si>
  <si>
    <t>JZ:[]</t>
  </si>
  <si>
    <t>KA:[Total Distribution O&amp;M]</t>
  </si>
  <si>
    <t>KB:[]</t>
  </si>
  <si>
    <t>KC:[CUSTOMER ACCOUNTS EXPENSES:]</t>
  </si>
  <si>
    <t xml:space="preserve">     KD:[0901 Cust Acct Supervision - Total]</t>
  </si>
  <si>
    <t>KE:[]</t>
  </si>
  <si>
    <t xml:space="preserve">     KF:[0902 Meter Reading - Meter Reading]</t>
  </si>
  <si>
    <t>KG:[]</t>
  </si>
  <si>
    <t xml:space="preserve">          KH:[0903000 - Customer Records &amp; Collection]</t>
  </si>
  <si>
    <t xml:space="preserve">     KJ:[0903 Cust Records &amp; Collection - Total]</t>
  </si>
  <si>
    <t>KK:[]</t>
  </si>
  <si>
    <t>KL:[0904 Cust Acct Uncollectible - Retail]</t>
  </si>
  <si>
    <t>KM:[]</t>
  </si>
  <si>
    <t xml:space="preserve">     KN:[0905 Cust Acct Miscellaneous - Total]</t>
  </si>
  <si>
    <t xml:space="preserve">          KO:[Total Customer Account Expense]</t>
  </si>
  <si>
    <t>KP:[]</t>
  </si>
  <si>
    <t>KQ:[CUSTOMER SERVICE AND INFORMATION EXPENSES:]</t>
  </si>
  <si>
    <t xml:space="preserve">     KR:[0907 Supervision]</t>
  </si>
  <si>
    <t>KS:[0908 Customer Assistance Exp - Retail]</t>
  </si>
  <si>
    <t xml:space="preserve">     KT:[0909 Misc Advertising Exp - Retail]</t>
  </si>
  <si>
    <t>KU:[0910 Misc Customer Service and Informational Exp - Retail]</t>
  </si>
  <si>
    <t xml:space="preserve">          KV:[Total Customer Service &amp; Information Expenses]</t>
  </si>
  <si>
    <t>KW:[]</t>
  </si>
  <si>
    <t>KX:[SALES EXPENSES:]</t>
  </si>
  <si>
    <t xml:space="preserve">     KY:[0911 Sales Expense - Supervision]</t>
  </si>
  <si>
    <t>KZ:[0912 Sales Expense - Demo &amp; Selling - Retail]</t>
  </si>
  <si>
    <t>LA:[0913 Sales Expense - Advertising - Retail]</t>
  </si>
  <si>
    <t>LB:[0916 Sales Expense - Miscellaneous - Retail]</t>
  </si>
  <si>
    <t xml:space="preserve">          LC:[Total Sales Expenses]</t>
  </si>
  <si>
    <t>LD:[]</t>
  </si>
  <si>
    <t>LE:[ADMINISTRATIVE &amp; GENERAL EXPENSES:]</t>
  </si>
  <si>
    <t>LF:[0920 A&amp;G Salaries - Labor]</t>
  </si>
  <si>
    <t>LG:[0920 A&amp;G Salaries - Wholesale]</t>
  </si>
  <si>
    <t xml:space="preserve">     LH:[0920 A&amp;G Salaries - Total]</t>
  </si>
  <si>
    <t>LI:[]</t>
  </si>
  <si>
    <t>LJ:[0921 Employee Expenses - Labor]</t>
  </si>
  <si>
    <t>LK:[0921 Office Supplies &amp; Expenses - Wholesale]</t>
  </si>
  <si>
    <t xml:space="preserve">     LL:[0921 Office Supplies &amp; Expenses - Total]</t>
  </si>
  <si>
    <t>LM:[]</t>
  </si>
  <si>
    <t xml:space="preserve">     LN:[0922 Admin Exp Transfer - Labor]</t>
  </si>
  <si>
    <t>LO:[]</t>
  </si>
  <si>
    <t>LP:[0923 A&amp;G Outside Service - Labor]</t>
  </si>
  <si>
    <t xml:space="preserve">     LQ:[0923 A&amp;G Outside Service - Wholesale]</t>
  </si>
  <si>
    <t xml:space="preserve">          LS:[0923 A&amp;G Outside Labor - Total]</t>
  </si>
  <si>
    <t>LT:[]</t>
  </si>
  <si>
    <t>LU:[0924 A&amp;G Property Insurance - Gross Plant]</t>
  </si>
  <si>
    <t xml:space="preserve">     LV:[0924 A&amp;G Property Insurance - Distribution Plant]</t>
  </si>
  <si>
    <t xml:space="preserve">     LW:[0924 A&amp;G Property Insurance - Wholesale]</t>
  </si>
  <si>
    <t xml:space="preserve">          LX:[0924 A&amp;G Property Insurance - Total]</t>
  </si>
  <si>
    <t>LY:[]</t>
  </si>
  <si>
    <t>LZ:[0924 Storm Expenses (Wholesale/OATT)]</t>
  </si>
  <si>
    <t xml:space="preserve">     MA:[0924 Storm Expenses (Tax Savings)]</t>
  </si>
  <si>
    <t xml:space="preserve">     MB:[0924 Storm Expenses (Surcharge)]</t>
  </si>
  <si>
    <t xml:space="preserve">          MC:[0924 Storm Expenses - Total]</t>
  </si>
  <si>
    <t>MD:[]</t>
  </si>
  <si>
    <t>ME:[0925 A&amp;G Injuries &amp; Damages - Labor]</t>
  </si>
  <si>
    <t>MF:[]</t>
  </si>
  <si>
    <t>MG:[0926 A&amp;G Pension &amp; Benefits - Labor]</t>
  </si>
  <si>
    <t>MH:[0926 A&amp;G Pension &amp; Benefits - Wholesale]</t>
  </si>
  <si>
    <t xml:space="preserve">     MI:[0926 A&amp;G Pension &amp; Benefits - Total]</t>
  </si>
  <si>
    <t>MJ:[]</t>
  </si>
  <si>
    <t xml:space="preserve">     MK:[0927 Franchise Requirements - Labor]</t>
  </si>
  <si>
    <t>ML:[]</t>
  </si>
  <si>
    <t>MM:[0928 A&amp;G Reg Commission - Retail]</t>
  </si>
  <si>
    <t>MN:[0928 A&amp;G Reg Commission - Wholesale]</t>
  </si>
  <si>
    <t xml:space="preserve">     MO:[0928 - Reg Assessment Fee (Removed from O&amp;M and Base Rates)]</t>
  </si>
  <si>
    <t xml:space="preserve">     MP:[0928 A&amp;G Reg Commission - Total]</t>
  </si>
  <si>
    <t>MQ:[]</t>
  </si>
  <si>
    <t>MR:[0929 A&amp;G Duplicate Charges - Labor]</t>
  </si>
  <si>
    <t>MS:[]</t>
  </si>
  <si>
    <t>MT:[0930 Misc. General Expenses - Labor]</t>
  </si>
  <si>
    <t>MU:[]</t>
  </si>
  <si>
    <t>MV:[0931 A&amp;G Rents - Labor]</t>
  </si>
  <si>
    <t>MW:[]</t>
  </si>
  <si>
    <t xml:space="preserve">          MY:[Total Administration &amp; General Expenses]</t>
  </si>
  <si>
    <t>MZ:[]</t>
  </si>
  <si>
    <t>NA:[Add Amount to tie to IS (Not Used - See Row PN)]</t>
  </si>
  <si>
    <t>NB:[]</t>
  </si>
  <si>
    <t>NC:[TOTAL BASE RECOVERABLE O&amp;M:]</t>
  </si>
  <si>
    <t>ND:[]</t>
  </si>
  <si>
    <t>NE:[CLAUSE RECOVERABLE O&amp;M:]</t>
  </si>
  <si>
    <t>NF:[Total ECCR Recoverable O&amp;M]</t>
  </si>
  <si>
    <t>NG:[]</t>
  </si>
  <si>
    <t>NH:[ECRC - Production Base O&amp;M]</t>
  </si>
  <si>
    <t>NI:[ECRC - Energy O&amp;M]</t>
  </si>
  <si>
    <t>NJ:[ECRC - Transmission O&amp;M (0573100)]</t>
  </si>
  <si>
    <t>NK:[ECRC - Distribution O&amp;M (0598400)]</t>
  </si>
  <si>
    <t xml:space="preserve">          NL:[Total ECRC Recoverable O&amp;M]</t>
  </si>
  <si>
    <t>NM:[]</t>
  </si>
  <si>
    <t>NN:[SPP FORECAST - Transmission O&amp;M]</t>
  </si>
  <si>
    <t>NO:[SPP FORECAST - Distribution O&amp;M]</t>
  </si>
  <si>
    <t xml:space="preserve">          NP:[Total SPP FORECAST Recoverable O&amp;M]</t>
  </si>
  <si>
    <t>NQ:[]</t>
  </si>
  <si>
    <t>NR:[TOTAL O&amp;M BEFORE FUEL &amp; FPSC ADJS]</t>
  </si>
  <si>
    <t>NS:[]</t>
  </si>
  <si>
    <t>NT:[FPSC Adjustments:]</t>
  </si>
  <si>
    <t>NU:[Corporate Aircraft Allocation]</t>
  </si>
  <si>
    <t>NV:[Promotional Advertising]</t>
  </si>
  <si>
    <t>NW:[Industry &amp; Association Dues]</t>
  </si>
  <si>
    <t>NX:[Directors &amp; Officers Insurance]</t>
  </si>
  <si>
    <t>NY:[Miscellaneous Interest]</t>
  </si>
  <si>
    <t>NZ:[Economic Development]</t>
  </si>
  <si>
    <t>OA:[LTIP &amp; SERP]</t>
  </si>
  <si>
    <t xml:space="preserve">          OB:[Total FPSC Adjustments]</t>
  </si>
  <si>
    <t>OC:[]</t>
  </si>
  <si>
    <t>OD:[Total FPSC ADJUSTED O&amp;M BEFORE FUEL]</t>
  </si>
  <si>
    <t>OE:[]</t>
  </si>
  <si>
    <t>OF:[Fuel Expense &amp; Purchased Power:]</t>
  </si>
  <si>
    <t>OG:[Capacity:]</t>
  </si>
  <si>
    <t xml:space="preserve">     OH:[Capacity - Retail 100%]</t>
  </si>
  <si>
    <t>OI:[Capacity - Manual Input Sep Factor]</t>
  </si>
  <si>
    <t xml:space="preserve">          OJ:[Total Capacity Clause]</t>
  </si>
  <si>
    <t>OK:[]</t>
  </si>
  <si>
    <t>OL:[Fuel:]</t>
  </si>
  <si>
    <t xml:space="preserve">     OM:[Fuel - Wholesale 100%]</t>
  </si>
  <si>
    <t>ON:[Fuel - Manual Input Sep Factor]</t>
  </si>
  <si>
    <t xml:space="preserve">     OO:[NEIL Refund]</t>
  </si>
  <si>
    <t xml:space="preserve">          OP:[Total Fuel &amp; Purchased Power Expense - Recoverable]</t>
  </si>
  <si>
    <t>OQ:[]</t>
  </si>
  <si>
    <t xml:space="preserve">          OS:[Total O&amp;M Expense - Clause Recoverable]</t>
  </si>
  <si>
    <t>OT:[]</t>
  </si>
  <si>
    <t>OU:[TOTAL O&amp;M SUMMARY:]</t>
  </si>
  <si>
    <t xml:space="preserve">     OV:[Total Production]</t>
  </si>
  <si>
    <t xml:space="preserve">     OW:[Total Transmission]</t>
  </si>
  <si>
    <t xml:space="preserve">     OX:[Total Distribution]</t>
  </si>
  <si>
    <t xml:space="preserve">     OY:[Total Customer Accounts]</t>
  </si>
  <si>
    <t xml:space="preserve">     OZ:[Total Customer Service &amp; Information]</t>
  </si>
  <si>
    <t xml:space="preserve">     PA:[Total Sales]</t>
  </si>
  <si>
    <t>PB:[Total Administrative &amp; General]</t>
  </si>
  <si>
    <t xml:space="preserve">          PC:[Total O&amp;M Excluding Clause Recoverable]</t>
  </si>
  <si>
    <t xml:space="preserve">     PD:[Add Total O&amp;M Expense - Clause Recoverable]</t>
  </si>
  <si>
    <t xml:space="preserve">          PE:[Total O&amp;M Including Clause Recoverable]</t>
  </si>
  <si>
    <t>PF:[]</t>
  </si>
  <si>
    <t>PG:[Reconcile O&amp;M to FERC Income Statement]</t>
  </si>
  <si>
    <t>PH:[Total O&amp;M including Fuel &amp; Net Interchange from Income Statement]</t>
  </si>
  <si>
    <t>PI:[Less Total Fuel &amp; Net Interchange from Income Statement]</t>
  </si>
  <si>
    <t>PJ:[Total O&amp;M excluding Fuel &amp; Net Interchange from Income Statement]</t>
  </si>
  <si>
    <t>PK:[Ammonia incl. in Production Exp (FERC Inc Stmnt)]</t>
  </si>
  <si>
    <t>PL:[Gypsum incl. in Production Exp (FERC Inc Stmnt)]</t>
  </si>
  <si>
    <t>PM:[Total O&amp;M Excluding Fuel from Above]</t>
  </si>
  <si>
    <t>PN:[Difference from Above to Income Statement]</t>
  </si>
  <si>
    <t>PO:[]</t>
  </si>
  <si>
    <t>PP:[Reconcile Fuel &amp; Net Interchange to FERC Income Statement]</t>
  </si>
  <si>
    <t>PQ:[Total Fuel &amp; Net Interchange from Income Statement]</t>
  </si>
  <si>
    <t>PR:[Total Fuel &amp; Net Interchange from Above]</t>
  </si>
  <si>
    <t>PS:[Difference from Above to Income Statement]</t>
  </si>
  <si>
    <t>PT:[]</t>
  </si>
  <si>
    <t>PU:[O&amp;M Import Details:]</t>
  </si>
  <si>
    <t>PV:[Total Production]</t>
  </si>
  <si>
    <t>PW:[Total Transmission]</t>
  </si>
  <si>
    <t>PX:[Total Distribution]</t>
  </si>
  <si>
    <t>PY:[Total Customer Accts, Services &amp; Sales]</t>
  </si>
  <si>
    <t>PZ:[Total Admin &amp; General]</t>
  </si>
  <si>
    <t>QA:[Total Clause Recoverable]</t>
  </si>
  <si>
    <t>QB:[Total]</t>
  </si>
  <si>
    <t>QC:[Variance:]</t>
  </si>
  <si>
    <t>QD:[Total O&amp;M Variance]</t>
  </si>
  <si>
    <t>QE:[Total Production Variance]</t>
  </si>
  <si>
    <t>QF:[Total Transmission Variance]</t>
  </si>
  <si>
    <t>QG:[Total Distribution Variance]</t>
  </si>
  <si>
    <t>QH:[Total Administration &amp; General Variance]</t>
  </si>
  <si>
    <t>QI:[Total Clause Recoverable Variance]</t>
  </si>
  <si>
    <t>QJ:[]</t>
  </si>
  <si>
    <t>QK:[Reconciliation Items:]</t>
  </si>
  <si>
    <t>QL:[Variance of Production Exp]</t>
  </si>
  <si>
    <t xml:space="preserve">     QM:[Net Variance]</t>
  </si>
  <si>
    <t>QN:[]</t>
  </si>
  <si>
    <t>QO:[Variance of Clause Recoverable Exp]</t>
  </si>
  <si>
    <t>QP:[ECCR - 557000 Other Expenses ??? (Import Only)]</t>
  </si>
  <si>
    <t>QQ:[ECRC - 502041 Gypsum (Import Only)]</t>
  </si>
  <si>
    <t>QR:[ECRC - Ammonia (Import Only)]</t>
  </si>
  <si>
    <t xml:space="preserve">     QS:[Net Variance]</t>
  </si>
  <si>
    <t>QT:[]</t>
  </si>
  <si>
    <t>QU:[O&amp;M - ECOS Sch 6 Reconciliation]</t>
  </si>
  <si>
    <t>QV:[Base Production - Energy]</t>
  </si>
  <si>
    <t>QW:[Intermediate Production - Energy]</t>
  </si>
  <si>
    <t>QX:[Peaking Production - Energy]</t>
  </si>
  <si>
    <t>QY:[Energy (fuel handling)]</t>
  </si>
  <si>
    <t xml:space="preserve">     QZ:[Total Energy Related O&amp;M]</t>
  </si>
  <si>
    <t>RA:[]</t>
  </si>
  <si>
    <t>RB:[Base Production - Demand]</t>
  </si>
  <si>
    <t>RC:[Intermediate Production - Demand]</t>
  </si>
  <si>
    <t>RD:[Peaking Production - Demand]</t>
  </si>
  <si>
    <t xml:space="preserve">     RE:[Total Demand Related O&amp;M]</t>
  </si>
  <si>
    <t>RF:[]</t>
  </si>
  <si>
    <t>RG:[Base Transmission]</t>
  </si>
  <si>
    <t>RH:[Intermediate Transmission]</t>
  </si>
  <si>
    <t>RI:[Peaking Transmission]</t>
  </si>
  <si>
    <t>RJ:[Transmission]</t>
  </si>
  <si>
    <t xml:space="preserve">     RK:[Total Transmission Related O&amp;M]</t>
  </si>
  <si>
    <t>RL:[]</t>
  </si>
  <si>
    <t>RM:[Distribution Primary]</t>
  </si>
  <si>
    <t>RN:[Distribution Secondary]</t>
  </si>
  <si>
    <t>RO:[Distribution Services]</t>
  </si>
  <si>
    <t>RP:[Distribution Meters]</t>
  </si>
  <si>
    <t>RQ:[Distribution Lighting]</t>
  </si>
  <si>
    <t>RR:[Distribution IS Equipment]</t>
  </si>
  <si>
    <t xml:space="preserve">     RS:[Total Distribution Related O&amp;M]</t>
  </si>
  <si>
    <t>RT:[]</t>
  </si>
  <si>
    <t>RU:[Customer - Account Supervision]</t>
  </si>
  <si>
    <t>RV:[Customer - Meter Reading]</t>
  </si>
  <si>
    <t>RW:[Customer - Records &amp; Collection]</t>
  </si>
  <si>
    <t>RX:[Customer - Uncollectible]</t>
  </si>
  <si>
    <t>RY:[Customer - Account Miscellaneous]</t>
  </si>
  <si>
    <t xml:space="preserve">     RZ:[Total Customer Accounting Related O&amp;M]</t>
  </si>
  <si>
    <t>SA:[]</t>
  </si>
  <si>
    <t>SB:[Customer Service &amp; Information Related O&amp;M]</t>
  </si>
  <si>
    <t>SC:[]</t>
  </si>
  <si>
    <t>SD:[Sales - Advertising]</t>
  </si>
  <si>
    <t>SE:[Adj. - Economic Development]</t>
  </si>
  <si>
    <t xml:space="preserve">     SF:[Total Adjusted Sales Related O&amp;M]</t>
  </si>
  <si>
    <t>SG:[]</t>
  </si>
  <si>
    <t>SH:[A&amp;G - Production Base]</t>
  </si>
  <si>
    <t>SI:[A&amp;G - Transmission Plant]</t>
  </si>
  <si>
    <t>SJ:[A&amp;G - Distribution Plant]</t>
  </si>
  <si>
    <t>SK:[A&amp;G - Gross Plant]</t>
  </si>
  <si>
    <t>SL:[A&amp;G - Labor Related]</t>
  </si>
  <si>
    <t>SM:[A&amp;G - D. A. Wholesale]</t>
  </si>
  <si>
    <t>SN:[Adj.]</t>
  </si>
  <si>
    <t>SO:[Adj.]</t>
  </si>
  <si>
    <t>SP:[Adj.]</t>
  </si>
  <si>
    <t>SQ:[Adj.]</t>
  </si>
  <si>
    <t xml:space="preserve">     SR:[Total Adminstrative &amp; General Related O&amp;M]</t>
  </si>
  <si>
    <t>SS:[]</t>
  </si>
  <si>
    <t>ST:[Total O&amp;M Expenses]</t>
  </si>
  <si>
    <t>SU:[]</t>
  </si>
  <si>
    <t>SV:[Wholesale O&amp;M]</t>
  </si>
  <si>
    <t>SW:[Production Base - Demand]</t>
  </si>
  <si>
    <t>SX:[Production Intermediate - Demand]</t>
  </si>
  <si>
    <t>SY:[Production Peaking - Demand]</t>
  </si>
  <si>
    <t>SZ:[Production Base - Energy]</t>
  </si>
  <si>
    <t>TA:[Production Intermediate - Energy]</t>
  </si>
  <si>
    <t>TB:[Production Peaking - Energy]</t>
  </si>
  <si>
    <t xml:space="preserve">     TC:[Total Production]</t>
  </si>
  <si>
    <t>TD:[]</t>
  </si>
  <si>
    <t>TE:[Transmission - Base Demand]</t>
  </si>
  <si>
    <t>TF:[Transmission - Intermediate Demand]</t>
  </si>
  <si>
    <t>TG:[Transmission - Peaking Demand]</t>
  </si>
  <si>
    <t>TH:[Transmission]</t>
  </si>
  <si>
    <t xml:space="preserve">     TI:[Total Transmission]</t>
  </si>
  <si>
    <t>TJ:[]</t>
  </si>
  <si>
    <t>TK:[Distribution Primary]</t>
  </si>
  <si>
    <t>TL:[Distribution Secondary]</t>
  </si>
  <si>
    <t>TM:[Distribution Services]</t>
  </si>
  <si>
    <t>TN:[Distribution Metering]</t>
  </si>
  <si>
    <t>TO:[Distribution Lighting]</t>
  </si>
  <si>
    <t>TP:[Distribution IS Equipment]</t>
  </si>
  <si>
    <t xml:space="preserve">     TQ:[Total Distribution]</t>
  </si>
  <si>
    <t>TR:[]</t>
  </si>
  <si>
    <t>TS:[General]</t>
  </si>
  <si>
    <t>TT:[]</t>
  </si>
  <si>
    <t>TU:[Grand Total O&amp;M]</t>
  </si>
  <si>
    <t>TV:[Total O&amp;M (check total)]</t>
  </si>
  <si>
    <t>TW:[Variance]</t>
  </si>
  <si>
    <t>TX:[]</t>
  </si>
  <si>
    <t>TY:[Clause O&amp;M and Fuel]</t>
  </si>
  <si>
    <t>TZ:[ECRC - Production Base]</t>
  </si>
  <si>
    <t>UA:[ECRC - Production Energy]</t>
  </si>
  <si>
    <t>UB:[ECRC - Transmission]</t>
  </si>
  <si>
    <t>UC:[ECRC - Distribution]</t>
  </si>
  <si>
    <t>UD:[Capacity]</t>
  </si>
  <si>
    <t>UE:[Fuel]</t>
  </si>
  <si>
    <t xml:space="preserve">     UF:[Total Clause]</t>
  </si>
  <si>
    <t>UG:[EndMethodCalls]</t>
  </si>
  <si>
    <t>UH:[end if]</t>
  </si>
  <si>
    <t>UI:[RESULTANT ALLOCATORS:]</t>
  </si>
  <si>
    <t>UJ:[Total Base Recoverable O&amp;M - 12 Mo Avg Retail Adjusted]</t>
  </si>
  <si>
    <t>UK:[Total Base Recoverable O&amp;M - 12 Mo Avg System Adjusted]</t>
  </si>
  <si>
    <t>UL:[WTD O&amp;M Expense Allocator]</t>
  </si>
  <si>
    <t>UM:[]</t>
  </si>
  <si>
    <t>UN:[]</t>
  </si>
  <si>
    <t>UO:[]</t>
  </si>
  <si>
    <t>UP:[]</t>
  </si>
  <si>
    <t>UQ:[]</t>
  </si>
  <si>
    <t>REG FL: O&amp;M - 1 System Per Books (Cur Mo)</t>
  </si>
  <si>
    <t>REG FL: O&amp;M - 3 System Adjs (Cur Mo)</t>
  </si>
  <si>
    <t>REG FL: O&amp;M - 4 System Adjs (12 Mo End)</t>
  </si>
  <si>
    <t>REG FL: O&amp;M - 5 System Adj'd (Per End)</t>
  </si>
  <si>
    <t>REG FL: O&amp;M - 7 Juris Sep Factor</t>
  </si>
  <si>
    <t>REG FL: O&amp;M - 8 Retail Per Books (Per End)</t>
  </si>
  <si>
    <t>REG FL: O&amp;M - 10 Retail Adj's (Per End)</t>
  </si>
  <si>
    <t>REG FL: O&amp;M - 11 Retail Adjs (12 Mo End)</t>
  </si>
  <si>
    <t>REG FL: O&amp;M - 13 Retail Adj'd (12 Mo End)</t>
  </si>
  <si>
    <t>KJ:[]</t>
  </si>
  <si>
    <t>LN:[]</t>
  </si>
  <si>
    <t>RU:[Customer - Meter Reading]</t>
  </si>
  <si>
    <t>T:\FORECAST - 5 YEAR\2022\2022 12&amp;0 Rate Case\Revenue Forecast Spring 2023\2023 Spring - Retail Revenue Forecast 04-11-2023.xlsb.xlsx</t>
  </si>
  <si>
    <t>DEF MWH Sales</t>
  </si>
  <si>
    <t>RETAIL</t>
  </si>
  <si>
    <t>RS-1</t>
  </si>
  <si>
    <t>GS-1</t>
  </si>
  <si>
    <t>GS-2</t>
  </si>
  <si>
    <t>GSD</t>
  </si>
  <si>
    <t>IS</t>
  </si>
  <si>
    <t>CS</t>
  </si>
  <si>
    <t>LS</t>
  </si>
  <si>
    <t>SS-1</t>
  </si>
  <si>
    <t>SS-2</t>
  </si>
  <si>
    <t>SS-3</t>
  </si>
  <si>
    <t>Total Retail</t>
  </si>
  <si>
    <t>Number of Customers:</t>
  </si>
  <si>
    <t>Supporting Schedules: C-4, C-13</t>
  </si>
  <si>
    <t>Recap Schedules:</t>
  </si>
  <si>
    <t xml:space="preserve">   </t>
  </si>
  <si>
    <t xml:space="preserve">X </t>
  </si>
  <si>
    <t>Page 1 of 3</t>
  </si>
  <si>
    <t>Page 2 of 3</t>
  </si>
  <si>
    <t>Page 3 of 3</t>
  </si>
  <si>
    <t>TOTAL JURISDICTIONAL ADMINISTRATIVE EXPENSES</t>
  </si>
  <si>
    <t>Prior Year Ended</t>
  </si>
  <si>
    <t>REG FL: 2023-12</t>
  </si>
  <si>
    <t>a-Jan 2023</t>
  </si>
  <si>
    <t>a-Feb 2023</t>
  </si>
  <si>
    <t>a-Mar 2023</t>
  </si>
  <si>
    <t>a-Apr 2023</t>
  </si>
  <si>
    <t>a-May 2023</t>
  </si>
  <si>
    <t>a-Jun 2023</t>
  </si>
  <si>
    <t>a-Jul 2023</t>
  </si>
  <si>
    <t>a-Aug 2023</t>
  </si>
  <si>
    <t>a-Sep 2023</t>
  </si>
  <si>
    <t>a-Oct 2023</t>
  </si>
  <si>
    <t>a-Nov 2023</t>
  </si>
  <si>
    <t>a-Dec 2023</t>
  </si>
  <si>
    <t xml:space="preserve">     KH:[0903000 - Customer Records &amp; Collection]</t>
  </si>
  <si>
    <t xml:space="preserve">     KI:[0903300 - Credit Card Fees]</t>
  </si>
  <si>
    <t xml:space="preserve">     LR:[0923 MRC Program]</t>
  </si>
  <si>
    <t>MX:[0935 A&amp;G Maintenance of General Plant - Labor]</t>
  </si>
  <si>
    <t>REG FL: 2022 Forecast - Based on 2022 12&amp;00 FL 2024 Rate Case</t>
  </si>
  <si>
    <t xml:space="preserve">     KI:[0903 Cust Records &amp; Collection - Total]</t>
  </si>
  <si>
    <t>KK:[0904 Cust Acct Uncollectible - Retail]</t>
  </si>
  <si>
    <t>KL:[]</t>
  </si>
  <si>
    <t xml:space="preserve">     KM:[0905 Cust Acct Miscellaneous - Total]</t>
  </si>
  <si>
    <t xml:space="preserve">          KN:[Total Customer Account Expense]</t>
  </si>
  <si>
    <t>KO:[]</t>
  </si>
  <si>
    <t>KP:[CUSTOMER SERVICE AND INFORMATION EXPENSES:]</t>
  </si>
  <si>
    <t xml:space="preserve">     KQ:[0907 Supervision]</t>
  </si>
  <si>
    <t>KR:[0908 Customer Assistance Exp - Retail]</t>
  </si>
  <si>
    <t xml:space="preserve">     KS:[0909 Misc Advertising Exp - Retail]</t>
  </si>
  <si>
    <t>KT:[0910 Misc Customer Service and Informational Exp - Retail]</t>
  </si>
  <si>
    <t xml:space="preserve">          KU:[Total Customer Service &amp; Information Expenses]</t>
  </si>
  <si>
    <t>KV:[]</t>
  </si>
  <si>
    <t>KW:[SALES EXPENSES:]</t>
  </si>
  <si>
    <t xml:space="preserve">     KX:[0911 Sales Expense - Supervision]</t>
  </si>
  <si>
    <t>KY:[0912 Sales Expense - Demo &amp; Selling - Retail]</t>
  </si>
  <si>
    <t>KZ:[0913 Sales Expense - Advertising - Retail]</t>
  </si>
  <si>
    <t>LA:[0916 Sales Expense - Miscellaneous - Retail]</t>
  </si>
  <si>
    <t xml:space="preserve">          LB:[Total Sales Expenses]</t>
  </si>
  <si>
    <t>LC:[]</t>
  </si>
  <si>
    <t>LD:[ADMINISTRATIVE &amp; GENERAL EXPENSES:]</t>
  </si>
  <si>
    <t>LE:[0920 A&amp;G Salaries - Labor]</t>
  </si>
  <si>
    <t>LF:[0920 A&amp;G Salaries - Wholesale]</t>
  </si>
  <si>
    <t xml:space="preserve">     LG:[0920 A&amp;G Salaries - Total]</t>
  </si>
  <si>
    <t>LH:[]</t>
  </si>
  <si>
    <t>LI:[0921 Employee Expenses - Labor]</t>
  </si>
  <si>
    <t>LJ:[0921 Office Supplies &amp; Expenses - Wholesale]</t>
  </si>
  <si>
    <t xml:space="preserve">     LK:[0921 Office Supplies &amp; Expenses - Total]</t>
  </si>
  <si>
    <t>LL:[]</t>
  </si>
  <si>
    <t xml:space="preserve">     LM:[0922 Admin Exp Transfer - Labor]</t>
  </si>
  <si>
    <t>LO:[0923 A&amp;G Outside Service - Labor]</t>
  </si>
  <si>
    <t xml:space="preserve">     LP:[0923 A&amp;G Outside Service - Wholesale]</t>
  </si>
  <si>
    <t xml:space="preserve">     LQ:[0923 MRC Program]</t>
  </si>
  <si>
    <t xml:space="preserve">          LR:[0923 A&amp;G Outside Labor - Total]</t>
  </si>
  <si>
    <t>LS:[]</t>
  </si>
  <si>
    <t>LT:[0924 A&amp;G Property Insurance - Gross Plant]</t>
  </si>
  <si>
    <t xml:space="preserve">     LU:[0924 A&amp;G Property Insurance - Distribution Plant]</t>
  </si>
  <si>
    <t xml:space="preserve">     LV:[0924 A&amp;G Property Insurance - Wholesale]</t>
  </si>
  <si>
    <t xml:space="preserve">          LW:[0924 A&amp;G Property Insurance - Total]</t>
  </si>
  <si>
    <t>LX:[]</t>
  </si>
  <si>
    <t>LY:[0924 Storm Expenses (Wholesale/OATT)]</t>
  </si>
  <si>
    <t xml:space="preserve">     LZ:[0924 Storm Expenses (Tax Savings)]</t>
  </si>
  <si>
    <t xml:space="preserve">     MA:[0924 Storm Expenses (Surcharge)]</t>
  </si>
  <si>
    <t xml:space="preserve">          MB:[0924 Storm Expenses - Total]</t>
  </si>
  <si>
    <t>MC:[]</t>
  </si>
  <si>
    <t>MD:[0925 A&amp;G Injuries &amp; Damages - Labor]</t>
  </si>
  <si>
    <t>ME:[]</t>
  </si>
  <si>
    <t>MF:[0926 A&amp;G Pension &amp; Benefits - Labor]</t>
  </si>
  <si>
    <t>MG:[0926 A&amp;G Pension &amp; Benefits - Wholesale]</t>
  </si>
  <si>
    <t xml:space="preserve">     MH:[0926 A&amp;G Pension &amp; Benefits - Total]</t>
  </si>
  <si>
    <t>MI:[]</t>
  </si>
  <si>
    <t xml:space="preserve">     MJ:[0927 Franchise Requirements - Labor]</t>
  </si>
  <si>
    <t>MK:[]</t>
  </si>
  <si>
    <t>ML:[0928 A&amp;G Reg Commission - Retail]</t>
  </si>
  <si>
    <t>MM:[0928 A&amp;G Reg Commission - Wholesale]</t>
  </si>
  <si>
    <t xml:space="preserve">     MN:[0928 - Reg Assessment Fee (Removed from O&amp;M and Base Rates)]</t>
  </si>
  <si>
    <t xml:space="preserve">     MO:[0928 A&amp;G Reg Commission - Total]</t>
  </si>
  <si>
    <t>MP:[]</t>
  </si>
  <si>
    <t>MQ:[0929 A&amp;G Duplicate Charges - Labor]</t>
  </si>
  <si>
    <t>MR:[]</t>
  </si>
  <si>
    <t>MS:[0930 Misc. General Expenses - Labor]</t>
  </si>
  <si>
    <t>MT:[]</t>
  </si>
  <si>
    <t>MU:[0931 A&amp;G Rents - Labor]</t>
  </si>
  <si>
    <t>MV:[]</t>
  </si>
  <si>
    <t>MW:[0935 A&amp;G Maintenance of General Plant - Labor]</t>
  </si>
  <si>
    <t xml:space="preserve">          MX:[Total Administration &amp; General Expenses]</t>
  </si>
  <si>
    <t>MY:[]</t>
  </si>
  <si>
    <t>MZ:[Add Amount to tie to IS (Not Used - See Row PN)]</t>
  </si>
  <si>
    <t>NA:[]</t>
  </si>
  <si>
    <t>NB:[TOTAL BASE RECOVERABLE O&amp;M:]</t>
  </si>
  <si>
    <t>NC:[]</t>
  </si>
  <si>
    <t>ND:[CLAUSE RECOVERABLE O&amp;M:]</t>
  </si>
  <si>
    <t>NE:[Total ECCR Recoverable O&amp;M]</t>
  </si>
  <si>
    <t>NF:[]</t>
  </si>
  <si>
    <t>NG:[ECRC - Production Base O&amp;M]</t>
  </si>
  <si>
    <t>NH:[ECRC - Energy O&amp;M]</t>
  </si>
  <si>
    <t>NI:[ECRC - Transmission O&amp;M (0573100)]</t>
  </si>
  <si>
    <t>NJ:[ECRC - Distribution O&amp;M (0598400)]</t>
  </si>
  <si>
    <t xml:space="preserve">          NK:[Total ECRC Recoverable O&amp;M]</t>
  </si>
  <si>
    <t>NL:[]</t>
  </si>
  <si>
    <t>NM:[SPP FORECAST - Transmission O&amp;M]</t>
  </si>
  <si>
    <t>NN:[SPP FORECAST - Distribution O&amp;M]</t>
  </si>
  <si>
    <t xml:space="preserve">          NO:[Total SPP FORECAST Recoverable O&amp;M]</t>
  </si>
  <si>
    <t>NP:[]</t>
  </si>
  <si>
    <t>NQ:[TOTAL O&amp;M BEFORE FUEL &amp; FPSC ADJS]</t>
  </si>
  <si>
    <t>NR:[]</t>
  </si>
  <si>
    <t>NS:[FPSC Adjustments:]</t>
  </si>
  <si>
    <t>NT:[Corporate Aircraft Allocation]</t>
  </si>
  <si>
    <t>NU:[Promotional Advertising]</t>
  </si>
  <si>
    <t>NV:[Industry &amp; Association Dues]</t>
  </si>
  <si>
    <t>NW:[Directors &amp; Officers Insurance]</t>
  </si>
  <si>
    <t>NX:[Miscellaneous Interest]</t>
  </si>
  <si>
    <t>NY:[Economic Development]</t>
  </si>
  <si>
    <t>NZ:[LTIP &amp; SERP]</t>
  </si>
  <si>
    <t xml:space="preserve">          OA:[Total FPSC Adjustments]</t>
  </si>
  <si>
    <t>OB:[]</t>
  </si>
  <si>
    <t>OC:[Total FPSC ADJUSTED O&amp;M BEFORE FUEL]</t>
  </si>
  <si>
    <t>OD:[]</t>
  </si>
  <si>
    <t>OE:[Fuel Expense &amp; Purchased Power:]</t>
  </si>
  <si>
    <t>OF:[Capacity:]</t>
  </si>
  <si>
    <t xml:space="preserve">     OG:[Capacity - Retail 100%]</t>
  </si>
  <si>
    <t>OH:[Capacity - Manual Input Sep Factor]</t>
  </si>
  <si>
    <t xml:space="preserve">          OI:[Total Capacity Clause]</t>
  </si>
  <si>
    <t>OJ:[]</t>
  </si>
  <si>
    <t>OK:[Fuel:]</t>
  </si>
  <si>
    <t xml:space="preserve">     OL:[Fuel - Wholesale 100%]</t>
  </si>
  <si>
    <t>OM:[Fuel - Manual Input Sep Factor]</t>
  </si>
  <si>
    <t xml:space="preserve">     ON:[NEIL Refund]</t>
  </si>
  <si>
    <t xml:space="preserve">          OO:[Total Fuel &amp; Purchased Power Expense - Recoverable]</t>
  </si>
  <si>
    <t>OP:[]</t>
  </si>
  <si>
    <t xml:space="preserve">          OQ:[Total O&amp;M Expense - Clause Recoverable]</t>
  </si>
  <si>
    <t>OS:[]</t>
  </si>
  <si>
    <t>OT:[TOTAL O&amp;M SUMMARY:]</t>
  </si>
  <si>
    <t xml:space="preserve">     OU:[Total Production]</t>
  </si>
  <si>
    <t xml:space="preserve">     OV:[Total Transmission]</t>
  </si>
  <si>
    <t xml:space="preserve">     OW:[Total Distribution]</t>
  </si>
  <si>
    <t xml:space="preserve">     OX:[Total Customer Accounts]</t>
  </si>
  <si>
    <t xml:space="preserve">     OY:[Total Customer Service &amp; Information]</t>
  </si>
  <si>
    <t xml:space="preserve">     OZ:[Total Sales]</t>
  </si>
  <si>
    <t>PA:[Total Administrative &amp; General]</t>
  </si>
  <si>
    <t xml:space="preserve">          PB:[Total O&amp;M Excluding Clause Recoverable]</t>
  </si>
  <si>
    <t xml:space="preserve">     PC:[Add Total O&amp;M Expense - Clause Recoverable]</t>
  </si>
  <si>
    <t xml:space="preserve">          PD:[Total O&amp;M Including Clause Recoverable]</t>
  </si>
  <si>
    <t>PE:[]</t>
  </si>
  <si>
    <t>PF:[Reconcile O&amp;M to FERC Income Statement]</t>
  </si>
  <si>
    <t>PG:[Total O&amp;M including Fuel &amp; Net Interchange from Income Statement]</t>
  </si>
  <si>
    <t>PH:[Less Total Fuel &amp; Net Interchange from Income Statement]</t>
  </si>
  <si>
    <t>PI:[Total O&amp;M excluding Fuel &amp; Net Interchange from Income Statement]</t>
  </si>
  <si>
    <t>PJ:[Ammonia incl. in Production Exp (FERC Inc Stmnt)]</t>
  </si>
  <si>
    <t>PK:[Gypsum incl. in Production Exp (FERC Inc Stmnt)]</t>
  </si>
  <si>
    <t>PL:[Total O&amp;M Excluding Fuel from Above]</t>
  </si>
  <si>
    <t>PM:[Difference from Above to Income Statement]</t>
  </si>
  <si>
    <t>PN:[]</t>
  </si>
  <si>
    <t>PO:[Reconcile Fuel &amp; Net Interchange to FERC Income Statement]</t>
  </si>
  <si>
    <t>PP:[Total Fuel &amp; Net Interchange from Income Statement]</t>
  </si>
  <si>
    <t>PQ:[Total Fuel &amp; Net Interchange from Above]</t>
  </si>
  <si>
    <t>PR:[Difference from Above to Income Statement]</t>
  </si>
  <si>
    <t>PS:[]</t>
  </si>
  <si>
    <t>PT:[O&amp;M Import Details:]</t>
  </si>
  <si>
    <t>PU:[Total Production]</t>
  </si>
  <si>
    <t>PV:[Total Transmission]</t>
  </si>
  <si>
    <t>PW:[Total Distribution]</t>
  </si>
  <si>
    <t>PX:[Total Customer Accts, Services &amp; Sales]</t>
  </si>
  <si>
    <t>PY:[Total Admin &amp; General]</t>
  </si>
  <si>
    <t>PZ:[Total Clause Recoverable]</t>
  </si>
  <si>
    <t>QA:[Total]</t>
  </si>
  <si>
    <t>QB:[Variance:]</t>
  </si>
  <si>
    <t>QC:[Total O&amp;M Variance]</t>
  </si>
  <si>
    <t>QD:[Total Production Variance]</t>
  </si>
  <si>
    <t>QE:[Total Transmission Variance]</t>
  </si>
  <si>
    <t>QF:[Total Distribution Variance]</t>
  </si>
  <si>
    <t>QG:[Total Administration &amp; General Variance]</t>
  </si>
  <si>
    <t>QH:[Total Clause Recoverable Variance]</t>
  </si>
  <si>
    <t>QI:[]</t>
  </si>
  <si>
    <t>QJ:[Reconciliation Items:]</t>
  </si>
  <si>
    <t>QK:[Variance of Production Exp]</t>
  </si>
  <si>
    <t xml:space="preserve">     QL:[Net Variance]</t>
  </si>
  <si>
    <t>QM:[]</t>
  </si>
  <si>
    <t>QN:[Variance of Clause Recoverable Exp]</t>
  </si>
  <si>
    <t>QO:[ECCR - 557000 Other Expenses ??? (Import Only)]</t>
  </si>
  <si>
    <t>QP:[ECRC - 502041 Gypsum (Import Only)]</t>
  </si>
  <si>
    <t>QQ:[ECRC - Ammonia (Import Only)]</t>
  </si>
  <si>
    <t xml:space="preserve">     QR:[Net Variance]</t>
  </si>
  <si>
    <t>QS:[]</t>
  </si>
  <si>
    <t>QT:[O&amp;M - ECOS Sch 6 Reconciliation]</t>
  </si>
  <si>
    <t>QU:[Base Production - Energy]</t>
  </si>
  <si>
    <t>QV:[Intermediate Production - Energy]</t>
  </si>
  <si>
    <t>QW:[Peaking Production - Energy]</t>
  </si>
  <si>
    <t>QX:[Energy (fuel handling)]</t>
  </si>
  <si>
    <t xml:space="preserve">     QY:[Total Energy Related O&amp;M]</t>
  </si>
  <si>
    <t>QZ:[]</t>
  </si>
  <si>
    <t>RA:[Base Production - Demand]</t>
  </si>
  <si>
    <t>RB:[Intermediate Production - Demand]</t>
  </si>
  <si>
    <t>RC:[Peaking Production - Demand]</t>
  </si>
  <si>
    <t xml:space="preserve">     RD:[Total Demand Related O&amp;M]</t>
  </si>
  <si>
    <t>RE:[]</t>
  </si>
  <si>
    <t>RF:[Base Transmission]</t>
  </si>
  <si>
    <t>RG:[Intermediate Transmission]</t>
  </si>
  <si>
    <t>RH:[Peaking Transmission]</t>
  </si>
  <si>
    <t>RI:[Transmission]</t>
  </si>
  <si>
    <t xml:space="preserve">     RJ:[Total Transmission Related O&amp;M]</t>
  </si>
  <si>
    <t>RK:[]</t>
  </si>
  <si>
    <t>RL:[Distribution Primary]</t>
  </si>
  <si>
    <t>RM:[Distribution Secondary]</t>
  </si>
  <si>
    <t>RN:[Distribution Services]</t>
  </si>
  <si>
    <t>RO:[Distribution Meters]</t>
  </si>
  <si>
    <t>RP:[Distribution Lighting]</t>
  </si>
  <si>
    <t>RQ:[Distribution IS Equipment]</t>
  </si>
  <si>
    <t xml:space="preserve">     RR:[Total Distribution Related O&amp;M]</t>
  </si>
  <si>
    <t>RS:[]</t>
  </si>
  <si>
    <t>RT:[Customer - Account Supervision]</t>
  </si>
  <si>
    <t>RV:[Customer - Records &amp; Collection]</t>
  </si>
  <si>
    <t>RW:[Customer - Uncollectible]</t>
  </si>
  <si>
    <t>RX:[Customer - Account Miscellaneous]</t>
  </si>
  <si>
    <t xml:space="preserve">     RY:[Total Customer Accounting Related O&amp;M]</t>
  </si>
  <si>
    <t>RZ:[]</t>
  </si>
  <si>
    <t>SA:[Customer Service &amp; Information Related O&amp;M]</t>
  </si>
  <si>
    <t>SB:[]</t>
  </si>
  <si>
    <t>SC:[Sales - Advertising]</t>
  </si>
  <si>
    <t>SD:[Adj. - Economic Development]</t>
  </si>
  <si>
    <t xml:space="preserve">     SE:[Total Adjusted Sales Related O&amp;M]</t>
  </si>
  <si>
    <t>SF:[]</t>
  </si>
  <si>
    <t>SG:[A&amp;G - Production Base]</t>
  </si>
  <si>
    <t>SH:[A&amp;G - Transmission Plant]</t>
  </si>
  <si>
    <t>SI:[A&amp;G - Distribution Plant]</t>
  </si>
  <si>
    <t>SJ:[A&amp;G - Gross Plant]</t>
  </si>
  <si>
    <t>SK:[A&amp;G - Labor Related]</t>
  </si>
  <si>
    <t>SL:[A&amp;G - D. A. Wholesale]</t>
  </si>
  <si>
    <t>SM:[Adj.]</t>
  </si>
  <si>
    <t xml:space="preserve">     SQ:[Total Adminstrative &amp; General Related O&amp;M]</t>
  </si>
  <si>
    <t>SR:[]</t>
  </si>
  <si>
    <t>SS:[Total O&amp;M Expenses]</t>
  </si>
  <si>
    <t>ST:[]</t>
  </si>
  <si>
    <t>SU:[Wholesale O&amp;M]</t>
  </si>
  <si>
    <t>SV:[Production Base - Demand]</t>
  </si>
  <si>
    <t>SW:[Production Intermediate - Demand]</t>
  </si>
  <si>
    <t>SX:[Production Peaking - Demand]</t>
  </si>
  <si>
    <t>SY:[Production Base - Energy]</t>
  </si>
  <si>
    <t>SZ:[Production Intermediate - Energy]</t>
  </si>
  <si>
    <t>TA:[Production Peaking - Energy]</t>
  </si>
  <si>
    <t xml:space="preserve">     TB:[Total Production]</t>
  </si>
  <si>
    <t>TC:[]</t>
  </si>
  <si>
    <t>TD:[Transmission - Base Demand]</t>
  </si>
  <si>
    <t>TE:[Transmission - Intermediate Demand]</t>
  </si>
  <si>
    <t>TF:[Transmission - Peaking Demand]</t>
  </si>
  <si>
    <t>TG:[Transmission]</t>
  </si>
  <si>
    <t xml:space="preserve">     TH:[Total Transmission]</t>
  </si>
  <si>
    <t>TI:[]</t>
  </si>
  <si>
    <t>TJ:[Distribution Primary]</t>
  </si>
  <si>
    <t>TK:[Distribution Secondary]</t>
  </si>
  <si>
    <t>TL:[Distribution Services]</t>
  </si>
  <si>
    <t>TM:[Distribution Metering]</t>
  </si>
  <si>
    <t>TN:[Distribution Lighting]</t>
  </si>
  <si>
    <t>TO:[Distribution IS Equipment]</t>
  </si>
  <si>
    <t xml:space="preserve">     TP:[Total Distribution]</t>
  </si>
  <si>
    <t>TQ:[]</t>
  </si>
  <si>
    <t>TR:[General]</t>
  </si>
  <si>
    <t>TS:[]</t>
  </si>
  <si>
    <t>TT:[Grand Total O&amp;M]</t>
  </si>
  <si>
    <t>TU:[Total O&amp;M (check total)]</t>
  </si>
  <si>
    <t>TV:[Variance]</t>
  </si>
  <si>
    <t>TW:[]</t>
  </si>
  <si>
    <t>TX:[Clause O&amp;M and Fuel]</t>
  </si>
  <si>
    <t>TY:[ECRC - Production Base]</t>
  </si>
  <si>
    <t>TZ:[ECRC - Production Energy]</t>
  </si>
  <si>
    <t>UA:[ECRC - Transmission]</t>
  </si>
  <si>
    <t>UB:[ECRC - Distribution]</t>
  </si>
  <si>
    <t>UC:[Capacity]</t>
  </si>
  <si>
    <t>UD:[Fuel]</t>
  </si>
  <si>
    <t xml:space="preserve">     UE:[Total Clause]</t>
  </si>
  <si>
    <t>UF:[EndMethodCalls]</t>
  </si>
  <si>
    <t>UG:[end if]</t>
  </si>
  <si>
    <t>UH:[RESULTANT ALLOCATORS:]</t>
  </si>
  <si>
    <t>UI:[Total Base Recoverable O&amp;M - 12 Mo Avg Retail Adjusted]</t>
  </si>
  <si>
    <t>UJ:[Total Base Recoverable O&amp;M - 12 Mo Avg System Adjusted]</t>
  </si>
  <si>
    <t>UK:[WTD O&amp;M Expense Allocator]</t>
  </si>
  <si>
    <t>UL:[]</t>
  </si>
  <si>
    <t>20240025-EI</t>
  </si>
  <si>
    <t xml:space="preserve">Aquilina, </t>
  </si>
  <si>
    <t xml:space="preserve">Buck, </t>
  </si>
  <si>
    <t xml:space="preserve">Caldwell, </t>
  </si>
  <si>
    <t>Quick</t>
  </si>
  <si>
    <t>*[Total Sales Expenses]*</t>
  </si>
  <si>
    <t>*[0930 Misc. General Expenses - Labor]*</t>
  </si>
  <si>
    <t>*[Total Administration &amp; General Expenses]*</t>
  </si>
  <si>
    <t>*[Total Customer Service &amp; Information Expenses]*</t>
  </si>
  <si>
    <t>*[Total Customer Account Expense]*</t>
  </si>
  <si>
    <t>DEF - Customer Count</t>
  </si>
  <si>
    <t>2023 Actuals:</t>
  </si>
  <si>
    <t>Avg. Q1/YTD</t>
  </si>
  <si>
    <t>Avg. Q2</t>
  </si>
  <si>
    <t>Avg. Q3</t>
  </si>
  <si>
    <t>Avg. Q4</t>
  </si>
  <si>
    <t>Avg. YTD</t>
  </si>
  <si>
    <t>RESIDENTIAL</t>
  </si>
  <si>
    <t>COMMERCIAL</t>
  </si>
  <si>
    <t>INDUSTRIAL</t>
  </si>
  <si>
    <t>OTHER SALES TO PUBLIC AUTHORITY</t>
  </si>
  <si>
    <t>PUBLIC STREET AND HIGHWAY LIGHTING</t>
  </si>
  <si>
    <t>Total</t>
  </si>
  <si>
    <t>2022 Actuals:</t>
  </si>
  <si>
    <t>2023 Budget:</t>
  </si>
  <si>
    <t>Provided by Nicole Aquilina on 02-21-24 to be used in 2023 FF1</t>
  </si>
  <si>
    <t>DOESN’T TIE TO WKTB</t>
  </si>
  <si>
    <r>
      <t xml:space="preserve">REG FL: O&amp;M - 2 </t>
    </r>
    <r>
      <rPr>
        <sz val="8"/>
        <color rgb="FFFF0000"/>
        <rFont val="Calibri"/>
        <family val="2"/>
      </rPr>
      <t>System</t>
    </r>
    <r>
      <rPr>
        <sz val="8"/>
        <color theme="1"/>
        <rFont val="Calibri"/>
        <family val="2"/>
        <scheme val="minor"/>
      </rPr>
      <t xml:space="preserve"> Per Books (12 Mo Ended)</t>
    </r>
  </si>
  <si>
    <r>
      <t xml:space="preserve">REG FL: O&amp;M - 6 </t>
    </r>
    <r>
      <rPr>
        <sz val="8"/>
        <color rgb="FFFF0000"/>
        <rFont val="Calibri"/>
        <family val="2"/>
      </rPr>
      <t>System Adj'd</t>
    </r>
    <r>
      <rPr>
        <sz val="8"/>
        <color theme="1"/>
        <rFont val="Calibri"/>
        <family val="2"/>
        <scheme val="minor"/>
      </rPr>
      <t xml:space="preserve"> (12 Mo End)</t>
    </r>
  </si>
  <si>
    <r>
      <t xml:space="preserve">REG FL: O&amp;M - 9 </t>
    </r>
    <r>
      <rPr>
        <sz val="8"/>
        <color rgb="FFFF0000"/>
        <rFont val="Calibri"/>
        <family val="2"/>
      </rPr>
      <t>Retail</t>
    </r>
    <r>
      <rPr>
        <sz val="8"/>
        <color theme="1"/>
        <rFont val="Calibri"/>
        <family val="2"/>
        <scheme val="minor"/>
      </rPr>
      <t xml:space="preserve"> Per Books (12 Mo End)</t>
    </r>
  </si>
  <si>
    <r>
      <t xml:space="preserve">REG FL: O&amp;M - 12 </t>
    </r>
    <r>
      <rPr>
        <sz val="8"/>
        <color rgb="FFFF0000"/>
        <rFont val="Calibri"/>
        <family val="2"/>
      </rPr>
      <t>Retail Adj'd</t>
    </r>
    <r>
      <rPr>
        <sz val="8"/>
        <color theme="1"/>
        <rFont val="Calibri"/>
        <family val="2"/>
        <scheme val="minor"/>
      </rPr>
      <t xml:space="preserve"> (Per End)</t>
    </r>
  </si>
  <si>
    <t>DE Florida (Inp)</t>
  </si>
  <si>
    <t>ARO</t>
  </si>
  <si>
    <t>Base Rate Revenue Sync</t>
  </si>
  <si>
    <t>Capital &amp; Operating leases</t>
  </si>
  <si>
    <t>CCR</t>
  </si>
  <si>
    <t>CEC 2.0 Subscription Revenue</t>
  </si>
  <si>
    <t>Clause Under-Recovery</t>
  </si>
  <si>
    <t>Corporate Aircraft</t>
  </si>
  <si>
    <t>CR3 Removal</t>
  </si>
  <si>
    <t>Credit Card Fee Impact</t>
  </si>
  <si>
    <t>CWIP - AFUDC</t>
  </si>
  <si>
    <t>Depreciation Study</t>
  </si>
  <si>
    <t>Derivatives</t>
  </si>
  <si>
    <t>Directors &amp; Officers Liability Insurance</t>
  </si>
  <si>
    <t>Dismantlement Study</t>
  </si>
  <si>
    <t>ECCR</t>
  </si>
  <si>
    <t>Economic Development</t>
  </si>
  <si>
    <t>Economic Development Program</t>
  </si>
  <si>
    <t>ECRC</t>
  </si>
  <si>
    <t>Electric Plant In Service - Retail</t>
  </si>
  <si>
    <t>Electric Plant In Service-Retail</t>
  </si>
  <si>
    <t>Electrical Vehicle Charging Stations</t>
  </si>
  <si>
    <t>Employee Related</t>
  </si>
  <si>
    <t>Franchise Fee &amp; Gross Rec Tax Revenue</t>
  </si>
  <si>
    <t>FUEL</t>
  </si>
  <si>
    <t>Gain/Loss On Disposition &amp; Other</t>
  </si>
  <si>
    <t>Imputed Off Balance Sheet Obligations</t>
  </si>
  <si>
    <t>Increase Lives of CCs to 40 yrs - Settlement Adj</t>
  </si>
  <si>
    <t>Interest On Tax Deficiency</t>
  </si>
  <si>
    <t>Interest Synchronization</t>
  </si>
  <si>
    <t>Investments Earning a Return</t>
  </si>
  <si>
    <t>Jobbing Accounts</t>
  </si>
  <si>
    <t>LTIP &amp; SERP</t>
  </si>
  <si>
    <t>Miscellaneous Interest Expense</t>
  </si>
  <si>
    <t>MRC Program</t>
  </si>
  <si>
    <t>N/A</t>
  </si>
  <si>
    <t>Non-Regulated and Miscellaneous</t>
  </si>
  <si>
    <t>Nuclear</t>
  </si>
  <si>
    <t>Organization Dues</t>
  </si>
  <si>
    <t>Parent Debt Adjustment</t>
  </si>
  <si>
    <t>Promotional Advertising</t>
  </si>
  <si>
    <t>Rate Case Expense</t>
  </si>
  <si>
    <t>Rate Case Regulatory Asset</t>
  </si>
  <si>
    <t>Rate Simulation</t>
  </si>
  <si>
    <t>Reg Assessment Fee</t>
  </si>
  <si>
    <t>Retention Accounts</t>
  </si>
  <si>
    <t>Revenue Tax</t>
  </si>
  <si>
    <t>SPPCRC</t>
  </si>
  <si>
    <t>Storm Cost Recovery</t>
  </si>
  <si>
    <t>Storm Costs</t>
  </si>
  <si>
    <t>Storm Reserve Study</t>
  </si>
  <si>
    <t>System</t>
  </si>
  <si>
    <t>DE Florida - Retail</t>
  </si>
  <si>
    <t>Year 2023 </t>
  </si>
  <si>
    <t xml:space="preserve">     AX:[0517-0525 Nuclear - Operation - Base - Demand]</t>
  </si>
  <si>
    <t xml:space="preserve">     BC:[0546-0550 Other Pwr Gen - Operation - Base - Demand]</t>
  </si>
  <si>
    <t xml:space="preserve">     BD:[0546-0550 Other Pwr Gen - Operation - Intermediate - Demand]</t>
  </si>
  <si>
    <t xml:space="preserve">     BE:[0546-0550 Other Pwr Gen - Operation - Peaking - Demand]</t>
  </si>
  <si>
    <t xml:space="preserve">     BH:[]</t>
  </si>
  <si>
    <t xml:space="preserve">     BI:[0551-0554 Other Pwr Gen - Maintenance - Base - Energy]</t>
  </si>
  <si>
    <t xml:space="preserve">     BJ:[0551-0554 Other Pwr Gen - Maintenance - Intermediate - Energy]</t>
  </si>
  <si>
    <t xml:space="preserve">     BK:[0551-0554 Other Pwr Gen - Maintenance - Peaking - Energy]</t>
  </si>
  <si>
    <t xml:space="preserve">     BS:[0556-0557 Other Pwr Supply - Base - Demand]</t>
  </si>
  <si>
    <t xml:space="preserve">     BT:[0556-0557 Other Pwr Supply - Intermediate - Demand]</t>
  </si>
  <si>
    <t xml:space="preserve">     BU:[0556-0557 Other Pwr Supply - Peaking - Demand]</t>
  </si>
  <si>
    <t xml:space="preserve">     BX:[]</t>
  </si>
  <si>
    <t xml:space="preserve">     CC:[0501150 Coal &amp; Other Fuel Handling]</t>
  </si>
  <si>
    <t xml:space="preserve">     CD:[0518600 Nuclear Fuel Disposal Cost]</t>
  </si>
  <si>
    <t xml:space="preserve">     CI:[0547300 Fuel Handling &amp; Testing CT]</t>
  </si>
  <si>
    <t xml:space="preserve">     CQ:[0560 Trans Supv &amp; Engineering - Base - Demand]</t>
  </si>
  <si>
    <t xml:space="preserve">     CR:[0560 Trans Supv &amp; Engineering - Intermediate - Demand]</t>
  </si>
  <si>
    <t xml:space="preserve">     CS:[0560 Trans Supv &amp; Engineering - Peaking - Demand]</t>
  </si>
  <si>
    <t xml:space="preserve">     CV:[0560 Trans Supv &amp; Engineering - Transmission]</t>
  </si>
  <si>
    <t xml:space="preserve">          CW:[0560 Trans Supv &amp; Engineering - Total]</t>
  </si>
  <si>
    <t xml:space="preserve">     CY:[0561 Trans Load Dispatching - Base - Demand]</t>
  </si>
  <si>
    <t xml:space="preserve">     CZ:[0561 Trans Load Dispatching - Intermediate - Demand]</t>
  </si>
  <si>
    <t xml:space="preserve">     DA:[0561 Trans Load Dispatching - Peaking - Demand]</t>
  </si>
  <si>
    <t xml:space="preserve">          DD:[0561 Trans Load Dispatching - Total]</t>
  </si>
  <si>
    <t xml:space="preserve">     DF:[0562 Trans Station Expenses - Base - Demand]</t>
  </si>
  <si>
    <t xml:space="preserve">     DG:[0562 Trans Station Expenses - Intermediate - Demand]</t>
  </si>
  <si>
    <t xml:space="preserve">     DH:[0562 Trans Station Expenses - Peaking - Demand]</t>
  </si>
  <si>
    <t xml:space="preserve">     DK:[0562 Trans Station Expenses - Transmission]</t>
  </si>
  <si>
    <t xml:space="preserve">          DL:[0562 Trans Station Expenses - Total]</t>
  </si>
  <si>
    <t xml:space="preserve">     DX:[0566 Trans Misc Expenses - Base - Demand]</t>
  </si>
  <si>
    <t xml:space="preserve">     DY:[0566 Trans Misc Expenses - Intermediate - Demand]</t>
  </si>
  <si>
    <t xml:space="preserve">     DZ:[0566 Trans Misc Expenses - Peaking - Demand]</t>
  </si>
  <si>
    <t xml:space="preserve">     EC:[0566 Trans Misc Expenses - Transmission]</t>
  </si>
  <si>
    <t xml:space="preserve">          ED:[0566 Trans Misc Expenses - Total]</t>
  </si>
  <si>
    <t xml:space="preserve">     EI:[0568 Trans Supv &amp; Engineering - Base - Demand]</t>
  </si>
  <si>
    <t xml:space="preserve">     EJ:[0568 Trans Supv &amp; Engineering - Intermediate - Demand]</t>
  </si>
  <si>
    <t xml:space="preserve">     EK:[0568 Trans Supv &amp; Engineering - Peaking - Demand]</t>
  </si>
  <si>
    <t xml:space="preserve">     EN:[0568 Trans Supv &amp; Engineering - Transmission]</t>
  </si>
  <si>
    <t xml:space="preserve">          EO:[0568 Trans Supv &amp; Engineering - Total]</t>
  </si>
  <si>
    <t xml:space="preserve">     EQ:[0569 Trans Structures - Base - Demand]</t>
  </si>
  <si>
    <t xml:space="preserve">     ER:[0569 Trans Structures - Intermediate - Demand]</t>
  </si>
  <si>
    <t xml:space="preserve">     ES:[0569 Trans Structures - Peaking - Demand]</t>
  </si>
  <si>
    <t xml:space="preserve">     EV:[0569 Trans Structures - Transmission]</t>
  </si>
  <si>
    <t xml:space="preserve">          EW:[0569 Trans Structures - Total]</t>
  </si>
  <si>
    <t xml:space="preserve">     EY:[0570 Trans Station Equipment - Base - Demand]</t>
  </si>
  <si>
    <t xml:space="preserve">     EZ:[0570 Trans Station Equipment - Intermediate - Demand]</t>
  </si>
  <si>
    <t xml:space="preserve">     FA:[0570 Trans Station Equipment - Peaking - Demand]</t>
  </si>
  <si>
    <t xml:space="preserve">     FD:[0570 Trans Station Equipment - Transmission]</t>
  </si>
  <si>
    <t xml:space="preserve">          FE:[0570 Trans Station Equipment - Total]</t>
  </si>
  <si>
    <t xml:space="preserve">     FG:[0571 Trans Overhead Lines - Base - Demand]</t>
  </si>
  <si>
    <t xml:space="preserve">     FH:[0571 Trans Overhead Lines - Intermediate - Demand]</t>
  </si>
  <si>
    <t xml:space="preserve">     FI:[0571 Trans Overhead Lines - Peaking - Demand]</t>
  </si>
  <si>
    <t xml:space="preserve">     FL:[0571 Trans Overhead Lines - Transmission]</t>
  </si>
  <si>
    <t xml:space="preserve">          FM:[0571 Trans Overhead Lines - Total]</t>
  </si>
  <si>
    <t xml:space="preserve">     FS:[0572 Trans Underground Lines - Transmission]</t>
  </si>
  <si>
    <t xml:space="preserve">     FV:[0573 Trans Misc Expenses - Base - Demand]</t>
  </si>
  <si>
    <t xml:space="preserve">     FW:[0573 Trans Misc Expenses - Intermediate - Demand]</t>
  </si>
  <si>
    <t xml:space="preserve">     FZ:[0573 Trans Misc Expenses - Transmission]</t>
  </si>
  <si>
    <t xml:space="preserve">          GA:[0573 Trans Misc Expenses - Total]</t>
  </si>
  <si>
    <t xml:space="preserve">     GH:[0580 Dist Supv &amp; Engineering - Primary ]</t>
  </si>
  <si>
    <t xml:space="preserve">     GI:[0580 Dist Supv &amp; Engineering - Secondary]</t>
  </si>
  <si>
    <t xml:space="preserve">     GJ:[0580 Dist Supv &amp; Engineering - Services]</t>
  </si>
  <si>
    <t xml:space="preserve">     GK:[0580 Dist Supv &amp; Engineering - Metering]</t>
  </si>
  <si>
    <t xml:space="preserve">     GL:[0580 Dist Supv &amp; Engineering - Lighting]</t>
  </si>
  <si>
    <t xml:space="preserve">     GM:[0580 Dist Supv &amp; Engineering - IS Equipment]</t>
  </si>
  <si>
    <t xml:space="preserve">          GN:[0580 Dist Supv &amp; Engineering - Total]</t>
  </si>
  <si>
    <t xml:space="preserve">     GR:[0582 Dist Station Expenses - Primary]</t>
  </si>
  <si>
    <t xml:space="preserve">     GT:[0583 Dist Overhead Lines - Primary]</t>
  </si>
  <si>
    <t xml:space="preserve">     GU:[0583 Dist Overhead Lines - Secondary]</t>
  </si>
  <si>
    <t xml:space="preserve">     GV:[0583 Dist Overhead Lines - Services]</t>
  </si>
  <si>
    <t xml:space="preserve">     GW:[0583 Dist Overhead Lines - Lighting]</t>
  </si>
  <si>
    <t xml:space="preserve">     GX:[0583 Dist Overhead Lines - IS Equipment]</t>
  </si>
  <si>
    <t xml:space="preserve">          GY:[0583 Dist Overhead Lines - Total]</t>
  </si>
  <si>
    <t xml:space="preserve">     HA:[0584 Dist Underground Lines - Primary]</t>
  </si>
  <si>
    <t xml:space="preserve">     HB:[0584 Dist Underground Lines - Secondary]</t>
  </si>
  <si>
    <t xml:space="preserve">     HC:[0584 Dist Underground Lines - Services]</t>
  </si>
  <si>
    <t xml:space="preserve">          HD:[0584 Dist Underground Lines - Total]</t>
  </si>
  <si>
    <t xml:space="preserve">     HJ:[0587 Dist Customer Installation Exp - Services]</t>
  </si>
  <si>
    <t xml:space="preserve">     HL:[0588 Dist Misc Expenses - Primary]</t>
  </si>
  <si>
    <t xml:space="preserve">     HM:[0588 Dist Misc Expenses - Secondary]</t>
  </si>
  <si>
    <t xml:space="preserve">     HN:[0588 Dist Misc Expenses - Services]</t>
  </si>
  <si>
    <t xml:space="preserve">     HO:[0588 Dist Misc Expenses - Metering]</t>
  </si>
  <si>
    <t xml:space="preserve">     HP:[0588 Dist Misc Expenses - Lighting]</t>
  </si>
  <si>
    <t xml:space="preserve">     HQ:[0588 Dist Misc Expenses - IS Equipment]</t>
  </si>
  <si>
    <t xml:space="preserve">          HR:[0588 Dist Misc Expenses - Total]</t>
  </si>
  <si>
    <t xml:space="preserve">     HT:[0589 Dist Rents - Primary]</t>
  </si>
  <si>
    <t xml:space="preserve">     IH:[0590 Dist Supv &amp; Engineering - Primary]</t>
  </si>
  <si>
    <t xml:space="preserve">     II:[0590 Dist Supv &amp; Engineering - Secondary]</t>
  </si>
  <si>
    <t xml:space="preserve">     IJ:[0590 Dist Supv &amp; Engineering - Services]</t>
  </si>
  <si>
    <t xml:space="preserve">     IK:[0590 Dist Supv &amp; Engineering - Metering]</t>
  </si>
  <si>
    <t xml:space="preserve">     IL:[0590 Dist Supv &amp; Engineering - Lighting]</t>
  </si>
  <si>
    <t xml:space="preserve">          IM:[0590 Dist Supv &amp; Engineering - Total]</t>
  </si>
  <si>
    <t xml:space="preserve">     IO:[0591 Dist Structures - Primary]</t>
  </si>
  <si>
    <t xml:space="preserve">     IQ:[0592 Dist Station Equipment - Primary]</t>
  </si>
  <si>
    <t xml:space="preserve">     IR:[0592 Dist Station Equipment - Secondary]</t>
  </si>
  <si>
    <t xml:space="preserve">     IS:[0592 Dist Station Equipment - Services]</t>
  </si>
  <si>
    <t xml:space="preserve">     IT:[0592 Dist Station Equipment - Metering]</t>
  </si>
  <si>
    <t xml:space="preserve">     IU:[0592 Dist Station Equipment - Lighting]</t>
  </si>
  <si>
    <t xml:space="preserve">     IV:[0592 Dist Station Equipment - IS Equipment]</t>
  </si>
  <si>
    <t xml:space="preserve">          IW:[0592 Dist Station Equipment - Total]</t>
  </si>
  <si>
    <t xml:space="preserve">     IY:[0593 Dist Overhead Lines - Primary]</t>
  </si>
  <si>
    <t xml:space="preserve">     IZ:[0593 Dist Overhead Lines - Secondary]</t>
  </si>
  <si>
    <t xml:space="preserve">     JA:[0593 Dist Overhead Lines - Services]</t>
  </si>
  <si>
    <t xml:space="preserve">     JB:[0593 Dist Overhead Lines - Lighting]</t>
  </si>
  <si>
    <t xml:space="preserve">     JC:[0593 Dist Overhead Lines - IS Equipment]</t>
  </si>
  <si>
    <t xml:space="preserve">          JD:[0593 Dist Overhead Lines - Total]</t>
  </si>
  <si>
    <t xml:space="preserve">     JF:[0594 Dist Underground Lines - Primary]</t>
  </si>
  <si>
    <t xml:space="preserve">     JG:[0594 Dist Underground Lines - Secondary]</t>
  </si>
  <si>
    <t xml:space="preserve">     JH:[0594 Dist Underground Lines - Services]</t>
  </si>
  <si>
    <t xml:space="preserve">          JI:[0594 Dist Underground Lines - Total]</t>
  </si>
  <si>
    <t xml:space="preserve">     JK:[0595 Maint Line Transformers -  Secondary]</t>
  </si>
  <si>
    <t xml:space="preserve">     JM:[0596 Dist Street Lighting - Lighting]</t>
  </si>
  <si>
    <t xml:space="preserve">     JO:[0597 Dist Meter Expenses - Metering]</t>
  </si>
  <si>
    <t xml:space="preserve">     JQ:[0598 Dist Miscellaneous - Primary]</t>
  </si>
  <si>
    <t xml:space="preserve">     JR:[0598 Dist Miscellaneous - Secondary]</t>
  </si>
  <si>
    <t xml:space="preserve">     JS:[0598 Dist Miscellaneous - Services]</t>
  </si>
  <si>
    <t xml:space="preserve">     JT:[0598 Dist Miscellaneous - Metering]</t>
  </si>
  <si>
    <t xml:space="preserve">     JU:[0598 Dist Miscellaneous - Lighting]</t>
  </si>
  <si>
    <t xml:space="preserve">          JV:[0598 Dist Miscellaneous - Total]</t>
  </si>
  <si>
    <t xml:space="preserve">     KL:[0904 Cust Acct Uncollectible - Retail]</t>
  </si>
  <si>
    <t>901-905</t>
  </si>
  <si>
    <t xml:space="preserve">     KS:[0908 Customer Assistance Exp - Retail]</t>
  </si>
  <si>
    <t xml:space="preserve">     KU:[0910 Misc Customer Service and Informational Exp - Retail]</t>
  </si>
  <si>
    <t>907-910</t>
  </si>
  <si>
    <t xml:space="preserve">     KZ:[0912 Sales Expense - Demo &amp; Selling - Retail]</t>
  </si>
  <si>
    <t xml:space="preserve">     LA:[0913 Sales Expense - Advertising - Retail]</t>
  </si>
  <si>
    <t xml:space="preserve">     LB:[0916 Sales Expense - Miscellaneous - Retail]</t>
  </si>
  <si>
    <t>911-0919</t>
  </si>
  <si>
    <t xml:space="preserve">     LF:[0920 A&amp;G Salaries - Labor]</t>
  </si>
  <si>
    <t xml:space="preserve">     LG:[0920 A&amp;G Salaries - Wholesale]</t>
  </si>
  <si>
    <t xml:space="preserve">     LJ:[0921 Employee Expenses - Labor]</t>
  </si>
  <si>
    <t xml:space="preserve">     LK:[0921 Office Supplies &amp; Expenses - Wholesale]</t>
  </si>
  <si>
    <t xml:space="preserve">          LL:[0921 Office Supplies &amp; Expenses - Total]</t>
  </si>
  <si>
    <t xml:space="preserve">     LP:[0923 A&amp;G Outside Service - Labor]</t>
  </si>
  <si>
    <t xml:space="preserve">     LT:[]</t>
  </si>
  <si>
    <t xml:space="preserve">     LU:[0924 A&amp;G Property Insurance - Gross Plant]</t>
  </si>
  <si>
    <t xml:space="preserve">     LX:[0924 A&amp;G Property Insurance - Total]</t>
  </si>
  <si>
    <t xml:space="preserve">          LY:[]</t>
  </si>
  <si>
    <t xml:space="preserve">     LZ:[0924 Storm Expenses (Wholesale/OATT)]</t>
  </si>
  <si>
    <t xml:space="preserve">     ME:[0925 A&amp;G Injuries &amp; Damages - Labor]</t>
  </si>
  <si>
    <t xml:space="preserve">     MF:[]</t>
  </si>
  <si>
    <t xml:space="preserve">     MG:[0926 A&amp;G Pension &amp; Benefits - Labor]</t>
  </si>
  <si>
    <t xml:space="preserve">     MH:[0926 A&amp;G Pension &amp; Benefits - Wholesale]</t>
  </si>
  <si>
    <t xml:space="preserve">          MI:[0926 A&amp;G Pension &amp; Benefits - Total]</t>
  </si>
  <si>
    <t xml:space="preserve">     MJ:[]</t>
  </si>
  <si>
    <t xml:space="preserve">     MM:[0928 A&amp;G Reg Commission - Retail]</t>
  </si>
  <si>
    <t xml:space="preserve">     MN:[0928 A&amp;G Reg Commission - Wholesale]</t>
  </si>
  <si>
    <t xml:space="preserve">          MP:[0928 A&amp;G Reg Commission - Total]</t>
  </si>
  <si>
    <t xml:space="preserve">     MR:[0929 A&amp;G Duplicate Charges - Labor]</t>
  </si>
  <si>
    <t xml:space="preserve">     MT:[0930 Misc. General Expenses - Labor]</t>
  </si>
  <si>
    <t xml:space="preserve">     MV:[0931 A&amp;G Rents - Labor]</t>
  </si>
  <si>
    <t xml:space="preserve">     MX:[0935 A&amp;G Maintenance of General Plant - Labor]</t>
  </si>
  <si>
    <t xml:space="preserve">     MY:[Total Administration &amp; General Expenses]</t>
  </si>
  <si>
    <t>920-929 &amp; 931-935</t>
  </si>
  <si>
    <t xml:space="preserve">     NA:[Add Amount to tie to IS (Not Used - See Row PN)]</t>
  </si>
  <si>
    <t xml:space="preserve">     OI:[Capacity - Manual Input Sep Factor]</t>
  </si>
  <si>
    <t xml:space="preserve">     ON:[Fuel - Manual Input Sep Factor]</t>
  </si>
  <si>
    <t xml:space="preserve">     PB:[Total Administrative &amp; General]</t>
  </si>
  <si>
    <t>Year 2024 </t>
  </si>
  <si>
    <t>Year 2025 </t>
  </si>
  <si>
    <t>Year 2026 </t>
  </si>
  <si>
    <t>Year 2027 </t>
  </si>
  <si>
    <t>Year 2028 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6" formatCode="&quot;$&quot;#,##0_);[Red]\(&quot;$&quot;#,##0\)"/>
    <numFmt numFmtId="43" formatCode="_(* #,##0.00_);_(* \(#,##0.00\);_(* &quot;-&quot;??_);_(@_)"/>
    <numFmt numFmtId="164" formatCode="_(* #,##0_);_(* \(#,##0\);_(* &quot;-&quot;??_);_(@_)"/>
    <numFmt numFmtId="165" formatCode="_(&quot;$&quot;\ * #,##0.00_);_(&quot;$&quot;\ * \(#,##0.00\);_(&quot;$&quot;\ * &quot;-&quot;??_);_(@_)"/>
    <numFmt numFmtId="166" formatCode="#,##0_);[Red]\(#,##0\);&quot; &quot;"/>
    <numFmt numFmtId="167" formatCode="_(* #,##0.000_);_(* \(#,##0.000\);_(* &quot;-&quot;??_);_(@_)"/>
    <numFmt numFmtId="168" formatCode="###0.00%;\(###0.00%\)"/>
    <numFmt numFmtId="169" formatCode="0.0000%"/>
    <numFmt numFmtId="170" formatCode="mmm\-yyyy"/>
    <numFmt numFmtId="171" formatCode="mmm\ yyyy"/>
    <numFmt numFmtId="172" formatCode="#,##0.000%_);[Red]\(#,##0.000%\);&quot; &quot;"/>
    <numFmt numFmtId="173" formatCode="#,##0.0000%_);[Red]\(#,##0.0000%\);&quot; &quot;"/>
    <numFmt numFmtId="174" formatCode="#,##0.00%_);[Red]\(#,##0.00%\);&quot; &quot;"/>
  </numFmts>
  <fonts count="33" x14ac:knownFonts="1">
    <font>
      <sz val="10"/>
      <color rgb="FF000000"/>
      <name val="Times New Roman"/>
      <family val="1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rgb="FF00000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10"/>
      <name val="Arial"/>
      <family val="2"/>
    </font>
    <font>
      <u/>
      <sz val="10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sz val="10"/>
      <color rgb="FF000000"/>
      <name val="Times New Roman"/>
      <family val="1"/>
    </font>
    <font>
      <sz val="8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name val="Calibri"/>
      <family val="2"/>
      <scheme val="minor"/>
    </font>
    <font>
      <sz val="11"/>
      <color theme="1"/>
      <name val="Calibri"/>
      <family val="2"/>
    </font>
    <font>
      <b/>
      <sz val="8"/>
      <color theme="1"/>
      <name val="Calibri"/>
      <family val="2"/>
      <scheme val="minor"/>
    </font>
    <font>
      <u/>
      <sz val="10"/>
      <color theme="10"/>
      <name val="Times New Roman"/>
      <family val="1"/>
    </font>
    <font>
      <i/>
      <sz val="8"/>
      <color theme="1"/>
      <name val="Calibri"/>
      <family val="2"/>
      <scheme val="minor"/>
    </font>
    <font>
      <b/>
      <i/>
      <u/>
      <sz val="10"/>
      <color rgb="FF000000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8"/>
      <color rgb="FFFF0000"/>
      <name val="Calibri"/>
      <family val="2"/>
      <scheme val="minor"/>
    </font>
    <font>
      <sz val="8"/>
      <color rgb="FFFF0000"/>
      <name val="Calibri"/>
      <family val="2"/>
    </font>
    <font>
      <sz val="8"/>
      <name val="Calibri"/>
      <family val="2"/>
      <scheme val="minor"/>
    </font>
    <font>
      <b/>
      <i/>
      <sz val="8"/>
      <color theme="1"/>
      <name val="Calibri"/>
      <family val="2"/>
      <scheme val="minor"/>
    </font>
  </fonts>
  <fills count="8">
    <fill>
      <patternFill patternType="none"/>
    </fill>
    <fill>
      <patternFill patternType="gray125"/>
    </fill>
    <fill>
      <patternFill patternType="solid">
        <fgColor theme="4" tint="-0.249977111117893"/>
        <bgColor indexed="64"/>
      </patternFill>
    </fill>
    <fill>
      <patternFill patternType="solid">
        <fgColor theme="4" tint="0.79998168889431442"/>
        <bgColor theme="4" tint="0.79998168889431442"/>
      </patternFill>
    </fill>
    <fill>
      <patternFill patternType="solid">
        <fgColor theme="5" tint="0.79998168889431442"/>
        <bgColor theme="4" tint="0.79998168889431442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39997558519241921"/>
        <bgColor indexed="64"/>
      </patternFill>
    </fill>
  </fills>
  <borders count="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theme="4" tint="0.39997558519241921"/>
      </bottom>
      <diagonal/>
    </border>
  </borders>
  <cellStyleXfs count="29">
    <xf numFmtId="0" fontId="0" fillId="0" borderId="0"/>
    <xf numFmtId="0" fontId="6" fillId="0" borderId="0"/>
    <xf numFmtId="0" fontId="10" fillId="0" borderId="0"/>
    <xf numFmtId="0" fontId="6" fillId="0" borderId="0"/>
    <xf numFmtId="0" fontId="5" fillId="0" borderId="0"/>
    <xf numFmtId="43" fontId="5" fillId="0" borderId="0" applyFont="0" applyFill="0" applyBorder="0" applyAlignment="0" applyProtection="0"/>
    <xf numFmtId="0" fontId="10" fillId="0" borderId="0"/>
    <xf numFmtId="9" fontId="5" fillId="0" borderId="0" applyFont="0" applyFill="0" applyBorder="0" applyAlignment="0" applyProtection="0"/>
    <xf numFmtId="0" fontId="10" fillId="0" borderId="0"/>
    <xf numFmtId="0" fontId="5" fillId="0" borderId="0"/>
    <xf numFmtId="0" fontId="5" fillId="0" borderId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4" fillId="0" borderId="0"/>
    <xf numFmtId="43" fontId="14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0" fontId="16" fillId="0" borderId="0" applyNumberFormat="0" applyFill="0" applyBorder="0" applyAlignment="0" applyProtection="0"/>
    <xf numFmtId="0" fontId="2" fillId="0" borderId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0" fontId="19" fillId="0" borderId="0"/>
    <xf numFmtId="0" fontId="14" fillId="0" borderId="0"/>
    <xf numFmtId="0" fontId="21" fillId="0" borderId="0" applyNumberFormat="0" applyFill="0" applyBorder="0" applyAlignment="0" applyProtection="0"/>
    <xf numFmtId="9" fontId="14" fillId="0" borderId="0" applyFont="0" applyFill="0" applyBorder="0" applyAlignment="0" applyProtection="0"/>
    <xf numFmtId="0" fontId="1" fillId="0" borderId="0"/>
  </cellStyleXfs>
  <cellXfs count="183">
    <xf numFmtId="0" fontId="0" fillId="0" borderId="0" xfId="0"/>
    <xf numFmtId="0" fontId="7" fillId="0" borderId="0" xfId="0" applyFont="1"/>
    <xf numFmtId="0" fontId="8" fillId="0" borderId="0" xfId="1" applyFont="1"/>
    <xf numFmtId="0" fontId="9" fillId="0" borderId="1" xfId="0" applyFont="1" applyBorder="1"/>
    <xf numFmtId="0" fontId="7" fillId="0" borderId="0" xfId="0" applyFont="1" applyAlignment="1">
      <alignment horizontal="right"/>
    </xf>
    <xf numFmtId="0" fontId="7" fillId="0" borderId="0" xfId="0" applyFont="1" applyAlignment="1">
      <alignment horizontal="centerContinuous" wrapText="1"/>
    </xf>
    <xf numFmtId="0" fontId="11" fillId="0" borderId="0" xfId="2" applyFont="1" applyAlignment="1">
      <alignment horizontal="right"/>
    </xf>
    <xf numFmtId="0" fontId="12" fillId="0" borderId="0" xfId="2" applyFont="1"/>
    <xf numFmtId="14" fontId="8" fillId="0" borderId="0" xfId="1" applyNumberFormat="1" applyFont="1"/>
    <xf numFmtId="0" fontId="13" fillId="0" borderId="0" xfId="2" applyFont="1"/>
    <xf numFmtId="0" fontId="12" fillId="0" borderId="0" xfId="2" quotePrefix="1" applyFont="1" applyAlignment="1">
      <alignment horizontal="center"/>
    </xf>
    <xf numFmtId="0" fontId="12" fillId="0" borderId="1" xfId="1" applyFont="1" applyBorder="1" applyAlignment="1">
      <alignment horizontal="fill" vertical="center"/>
    </xf>
    <xf numFmtId="0" fontId="8" fillId="0" borderId="0" xfId="1" applyFont="1" applyAlignment="1">
      <alignment vertical="center"/>
    </xf>
    <xf numFmtId="0" fontId="12" fillId="0" borderId="2" xfId="3" quotePrefix="1" applyFont="1" applyBorder="1" applyAlignment="1">
      <alignment horizontal="center" vertical="center"/>
    </xf>
    <xf numFmtId="0" fontId="12" fillId="0" borderId="0" xfId="3" quotePrefix="1" applyFont="1" applyAlignment="1">
      <alignment horizontal="center" vertical="center"/>
    </xf>
    <xf numFmtId="0" fontId="12" fillId="0" borderId="0" xfId="3" applyFont="1" applyAlignment="1">
      <alignment horizontal="center" vertical="center"/>
    </xf>
    <xf numFmtId="0" fontId="12" fillId="0" borderId="0" xfId="1" applyFont="1" applyAlignment="1">
      <alignment horizontal="center" vertical="center"/>
    </xf>
    <xf numFmtId="0" fontId="11" fillId="0" borderId="0" xfId="1" applyFont="1" applyAlignment="1">
      <alignment vertical="center"/>
    </xf>
    <xf numFmtId="0" fontId="12" fillId="0" borderId="0" xfId="1" applyFont="1" applyAlignment="1">
      <alignment vertical="center"/>
    </xf>
    <xf numFmtId="0" fontId="12" fillId="0" borderId="1" xfId="1" applyFont="1" applyBorder="1" applyAlignment="1">
      <alignment horizontal="center" vertical="center"/>
    </xf>
    <xf numFmtId="0" fontId="12" fillId="0" borderId="1" xfId="1" quotePrefix="1" applyFont="1" applyBorder="1" applyAlignment="1">
      <alignment horizontal="center" vertical="center"/>
    </xf>
    <xf numFmtId="49" fontId="12" fillId="0" borderId="1" xfId="3" quotePrefix="1" applyNumberFormat="1" applyFont="1" applyBorder="1" applyAlignment="1">
      <alignment horizontal="center" vertical="center"/>
    </xf>
    <xf numFmtId="0" fontId="12" fillId="0" borderId="0" xfId="0" applyFont="1" applyAlignment="1">
      <alignment horizontal="center" vertical="center"/>
    </xf>
    <xf numFmtId="3" fontId="12" fillId="0" borderId="0" xfId="0" applyNumberFormat="1" applyFont="1" applyAlignment="1">
      <alignment vertical="center"/>
    </xf>
    <xf numFmtId="0" fontId="12" fillId="0" borderId="0" xfId="0" applyFont="1" applyAlignment="1">
      <alignment vertical="center"/>
    </xf>
    <xf numFmtId="3" fontId="8" fillId="0" borderId="0" xfId="3" applyNumberFormat="1" applyFont="1"/>
    <xf numFmtId="0" fontId="12" fillId="0" borderId="0" xfId="0" applyFont="1" applyAlignment="1">
      <alignment horizontal="left" vertical="center"/>
    </xf>
    <xf numFmtId="37" fontId="12" fillId="0" borderId="0" xfId="0" applyNumberFormat="1" applyFont="1" applyAlignment="1">
      <alignment vertical="center"/>
    </xf>
    <xf numFmtId="0" fontId="8" fillId="0" borderId="0" xfId="0" applyFont="1" applyAlignment="1">
      <alignment vertical="center"/>
    </xf>
    <xf numFmtId="3" fontId="8" fillId="0" borderId="0" xfId="0" applyNumberFormat="1" applyFont="1" applyAlignment="1">
      <alignment vertical="center"/>
    </xf>
    <xf numFmtId="37" fontId="12" fillId="0" borderId="0" xfId="0" applyNumberFormat="1" applyFont="1" applyAlignment="1">
      <alignment horizontal="center" vertical="center"/>
    </xf>
    <xf numFmtId="3" fontId="12" fillId="0" borderId="0" xfId="0" applyNumberFormat="1" applyFont="1" applyAlignment="1">
      <alignment horizontal="center" vertical="center"/>
    </xf>
    <xf numFmtId="6" fontId="12" fillId="0" borderId="1" xfId="1" quotePrefix="1" applyNumberFormat="1" applyFont="1" applyBorder="1" applyAlignment="1">
      <alignment horizontal="center" vertical="center"/>
    </xf>
    <xf numFmtId="49" fontId="12" fillId="0" borderId="0" xfId="1" quotePrefix="1" applyNumberFormat="1" applyFont="1" applyAlignment="1">
      <alignment horizontal="center" vertical="center"/>
    </xf>
    <xf numFmtId="49" fontId="12" fillId="0" borderId="1" xfId="1" quotePrefix="1" applyNumberFormat="1" applyFont="1" applyBorder="1" applyAlignment="1">
      <alignment horizontal="center" vertical="center"/>
    </xf>
    <xf numFmtId="0" fontId="8" fillId="0" borderId="0" xfId="3" applyFont="1" applyAlignment="1">
      <alignment horizontal="left"/>
    </xf>
    <xf numFmtId="10" fontId="8" fillId="0" borderId="0" xfId="0" applyNumberFormat="1" applyFont="1" applyAlignment="1">
      <alignment vertical="center"/>
    </xf>
    <xf numFmtId="37" fontId="12" fillId="0" borderId="5" xfId="0" applyNumberFormat="1" applyFont="1" applyBorder="1" applyAlignment="1">
      <alignment vertical="center"/>
    </xf>
    <xf numFmtId="37" fontId="8" fillId="0" borderId="6" xfId="3" applyNumberFormat="1" applyFont="1" applyBorder="1"/>
    <xf numFmtId="37" fontId="12" fillId="0" borderId="6" xfId="0" applyNumberFormat="1" applyFont="1" applyBorder="1" applyAlignment="1">
      <alignment vertical="center"/>
    </xf>
    <xf numFmtId="37" fontId="8" fillId="0" borderId="0" xfId="1" applyNumberFormat="1" applyFont="1" applyAlignment="1">
      <alignment vertical="center"/>
    </xf>
    <xf numFmtId="164" fontId="8" fillId="0" borderId="0" xfId="16" applyNumberFormat="1" applyFont="1"/>
    <xf numFmtId="164" fontId="8" fillId="0" borderId="4" xfId="16" applyNumberFormat="1" applyFont="1" applyBorder="1" applyAlignment="1">
      <alignment vertical="center"/>
    </xf>
    <xf numFmtId="0" fontId="2" fillId="0" borderId="0" xfId="20"/>
    <xf numFmtId="167" fontId="2" fillId="0" borderId="0" xfId="20" applyNumberFormat="1"/>
    <xf numFmtId="0" fontId="0" fillId="0" borderId="0" xfId="20" applyFont="1" applyAlignment="1">
      <alignment horizontal="center"/>
    </xf>
    <xf numFmtId="0" fontId="18" fillId="0" borderId="1" xfId="20" applyFont="1" applyBorder="1" applyAlignment="1">
      <alignment horizontal="center"/>
    </xf>
    <xf numFmtId="0" fontId="18" fillId="0" borderId="1" xfId="21" applyFont="1" applyBorder="1" applyAlignment="1">
      <alignment horizontal="center"/>
    </xf>
    <xf numFmtId="0" fontId="2" fillId="0" borderId="0" xfId="20" applyAlignment="1">
      <alignment horizontal="right"/>
    </xf>
    <xf numFmtId="0" fontId="17" fillId="2" borderId="0" xfId="20" applyFont="1" applyFill="1" applyAlignment="1">
      <alignment horizontal="center"/>
    </xf>
    <xf numFmtId="0" fontId="0" fillId="0" borderId="0" xfId="20" applyFont="1"/>
    <xf numFmtId="164" fontId="0" fillId="0" borderId="0" xfId="22" applyNumberFormat="1" applyFont="1" applyFill="1"/>
    <xf numFmtId="164" fontId="0" fillId="0" borderId="0" xfId="22" applyNumberFormat="1" applyFont="1"/>
    <xf numFmtId="0" fontId="2" fillId="0" borderId="0" xfId="20" applyAlignment="1">
      <alignment horizontal="center"/>
    </xf>
    <xf numFmtId="0" fontId="17" fillId="2" borderId="0" xfId="20" applyFont="1" applyFill="1"/>
    <xf numFmtId="14" fontId="8" fillId="0" borderId="0" xfId="23" applyNumberFormat="1" applyFont="1" applyAlignment="1">
      <alignment horizontal="right"/>
    </xf>
    <xf numFmtId="0" fontId="8" fillId="0" borderId="0" xfId="23" applyFont="1" applyAlignment="1">
      <alignment horizontal="right"/>
    </xf>
    <xf numFmtId="167" fontId="0" fillId="0" borderId="0" xfId="22" applyNumberFormat="1" applyFont="1" applyFill="1"/>
    <xf numFmtId="0" fontId="8" fillId="0" borderId="0" xfId="23" applyFont="1" applyAlignment="1">
      <alignment horizontal="left"/>
    </xf>
    <xf numFmtId="164" fontId="18" fillId="0" borderId="0" xfId="22" applyNumberFormat="1" applyFont="1" applyFill="1"/>
    <xf numFmtId="0" fontId="19" fillId="0" borderId="0" xfId="24"/>
    <xf numFmtId="0" fontId="2" fillId="0" borderId="0" xfId="20" quotePrefix="1"/>
    <xf numFmtId="14" fontId="8" fillId="0" borderId="0" xfId="23" applyNumberFormat="1" applyFont="1" applyAlignment="1">
      <alignment horizontal="center"/>
    </xf>
    <xf numFmtId="0" fontId="2" fillId="0" borderId="7" xfId="20" quotePrefix="1" applyBorder="1"/>
    <xf numFmtId="0" fontId="17" fillId="2" borderId="7" xfId="20" applyFont="1" applyFill="1" applyBorder="1"/>
    <xf numFmtId="0" fontId="2" fillId="0" borderId="1" xfId="20" applyBorder="1"/>
    <xf numFmtId="14" fontId="8" fillId="0" borderId="0" xfId="23" applyNumberFormat="1" applyFont="1" applyAlignment="1">
      <alignment horizontal="left"/>
    </xf>
    <xf numFmtId="164" fontId="0" fillId="0" borderId="0" xfId="22" applyNumberFormat="1" applyFont="1" applyFill="1" applyBorder="1"/>
    <xf numFmtId="0" fontId="7" fillId="0" borderId="0" xfId="25" applyFont="1" applyAlignment="1">
      <alignment horizontal="centerContinuous" wrapText="1"/>
    </xf>
    <xf numFmtId="14" fontId="8" fillId="0" borderId="0" xfId="23" applyNumberFormat="1" applyFont="1"/>
    <xf numFmtId="0" fontId="8" fillId="0" borderId="0" xfId="23" applyFont="1"/>
    <xf numFmtId="14" fontId="12" fillId="0" borderId="0" xfId="1" applyNumberFormat="1" applyFont="1" applyAlignment="1">
      <alignment horizontal="center" vertical="center"/>
    </xf>
    <xf numFmtId="0" fontId="17" fillId="2" borderId="0" xfId="4" applyFont="1" applyFill="1" applyAlignment="1">
      <alignment horizontal="center"/>
    </xf>
    <xf numFmtId="0" fontId="17" fillId="2" borderId="0" xfId="6" applyFont="1" applyFill="1" applyAlignment="1">
      <alignment horizontal="center"/>
    </xf>
    <xf numFmtId="0" fontId="17" fillId="2" borderId="0" xfId="21" applyFont="1" applyFill="1" applyAlignment="1">
      <alignment horizontal="center"/>
    </xf>
    <xf numFmtId="0" fontId="12" fillId="0" borderId="0" xfId="0" applyFont="1"/>
    <xf numFmtId="0" fontId="13" fillId="0" borderId="0" xfId="0" applyFont="1"/>
    <xf numFmtId="0" fontId="13" fillId="0" borderId="0" xfId="0" applyFont="1" applyAlignment="1">
      <alignment horizontal="centerContinuous"/>
    </xf>
    <xf numFmtId="0" fontId="13" fillId="0" borderId="3" xfId="0" applyFont="1" applyBorder="1" applyAlignment="1">
      <alignment horizontal="centerContinuous"/>
    </xf>
    <xf numFmtId="0" fontId="12" fillId="0" borderId="3" xfId="0" applyFont="1" applyBorder="1" applyAlignment="1">
      <alignment horizontal="centerContinuous"/>
    </xf>
    <xf numFmtId="0" fontId="13" fillId="0" borderId="1" xfId="0" applyFont="1" applyBorder="1" applyAlignment="1">
      <alignment horizontal="center"/>
    </xf>
    <xf numFmtId="164" fontId="12" fillId="0" borderId="0" xfId="13" applyNumberFormat="1" applyFont="1"/>
    <xf numFmtId="164" fontId="12" fillId="0" borderId="0" xfId="0" applyNumberFormat="1" applyFont="1"/>
    <xf numFmtId="0" fontId="21" fillId="0" borderId="0" xfId="26"/>
    <xf numFmtId="164" fontId="0" fillId="0" borderId="0" xfId="16" applyNumberFormat="1" applyFont="1"/>
    <xf numFmtId="0" fontId="12" fillId="0" borderId="0" xfId="1" quotePrefix="1" applyFont="1" applyAlignment="1">
      <alignment horizontal="center" vertical="center"/>
    </xf>
    <xf numFmtId="6" fontId="12" fillId="0" borderId="0" xfId="1" quotePrefix="1" applyNumberFormat="1" applyFont="1" applyAlignment="1">
      <alignment horizontal="center" vertical="center"/>
    </xf>
    <xf numFmtId="49" fontId="12" fillId="0" borderId="0" xfId="3" quotePrefix="1" applyNumberFormat="1" applyFont="1" applyAlignment="1">
      <alignment horizontal="center" vertical="center"/>
    </xf>
    <xf numFmtId="164" fontId="12" fillId="0" borderId="0" xfId="16" applyNumberFormat="1" applyFont="1" applyAlignment="1">
      <alignment vertical="center"/>
    </xf>
    <xf numFmtId="164" fontId="12" fillId="0" borderId="0" xfId="16" applyNumberFormat="1" applyFont="1" applyAlignment="1" applyProtection="1">
      <alignment vertical="center"/>
    </xf>
    <xf numFmtId="164" fontId="8" fillId="0" borderId="0" xfId="16" applyNumberFormat="1" applyFont="1" applyBorder="1" applyAlignment="1"/>
    <xf numFmtId="164" fontId="12" fillId="0" borderId="0" xfId="16" applyNumberFormat="1" applyFont="1" applyBorder="1" applyAlignment="1" applyProtection="1">
      <alignment vertical="center"/>
    </xf>
    <xf numFmtId="164" fontId="8" fillId="0" borderId="0" xfId="16" applyNumberFormat="1" applyFont="1" applyBorder="1" applyAlignment="1">
      <alignment vertical="center"/>
    </xf>
    <xf numFmtId="37" fontId="12" fillId="0" borderId="2" xfId="3" quotePrefix="1" applyNumberFormat="1" applyFont="1" applyBorder="1" applyAlignment="1">
      <alignment horizontal="center" vertical="center"/>
    </xf>
    <xf numFmtId="168" fontId="12" fillId="0" borderId="0" xfId="0" applyNumberFormat="1" applyFont="1" applyAlignment="1">
      <alignment vertical="center"/>
    </xf>
    <xf numFmtId="168" fontId="12" fillId="0" borderId="0" xfId="3" applyNumberFormat="1" applyFont="1"/>
    <xf numFmtId="168" fontId="12" fillId="0" borderId="4" xfId="1" applyNumberFormat="1" applyFont="1" applyBorder="1" applyAlignment="1">
      <alignment vertical="center"/>
    </xf>
    <xf numFmtId="168" fontId="12" fillId="0" borderId="0" xfId="1" applyNumberFormat="1" applyFont="1" applyAlignment="1">
      <alignment vertical="center"/>
    </xf>
    <xf numFmtId="168" fontId="12" fillId="0" borderId="5" xfId="0" applyNumberFormat="1" applyFont="1" applyBorder="1" applyAlignment="1">
      <alignment vertical="center"/>
    </xf>
    <xf numFmtId="168" fontId="12" fillId="0" borderId="6" xfId="3" applyNumberFormat="1" applyFont="1" applyBorder="1"/>
    <xf numFmtId="168" fontId="12" fillId="0" borderId="5" xfId="3" applyNumberFormat="1" applyFont="1" applyBorder="1"/>
    <xf numFmtId="164" fontId="12" fillId="0" borderId="5" xfId="16" applyNumberFormat="1" applyFont="1" applyBorder="1" applyAlignment="1" applyProtection="1">
      <alignment vertical="center"/>
    </xf>
    <xf numFmtId="43" fontId="12" fillId="0" borderId="5" xfId="16" applyFont="1" applyBorder="1" applyAlignment="1" applyProtection="1">
      <alignment vertical="center"/>
    </xf>
    <xf numFmtId="164" fontId="12" fillId="0" borderId="5" xfId="16" applyNumberFormat="1" applyFont="1" applyFill="1" applyBorder="1" applyAlignment="1">
      <alignment vertical="center"/>
    </xf>
    <xf numFmtId="164" fontId="12" fillId="0" borderId="5" xfId="16" applyNumberFormat="1" applyFont="1" applyFill="1" applyBorder="1" applyAlignment="1" applyProtection="1">
      <alignment vertical="center"/>
    </xf>
    <xf numFmtId="0" fontId="17" fillId="2" borderId="7" xfId="20" applyFont="1" applyFill="1" applyBorder="1" applyAlignment="1">
      <alignment horizontal="left"/>
    </xf>
    <xf numFmtId="49" fontId="15" fillId="0" borderId="0" xfId="0" applyNumberFormat="1" applyFont="1" applyAlignment="1">
      <alignment horizontal="right" wrapText="1"/>
    </xf>
    <xf numFmtId="166" fontId="15" fillId="0" borderId="0" xfId="0" applyNumberFormat="1" applyFont="1" applyAlignment="1">
      <alignment horizontal="right"/>
    </xf>
    <xf numFmtId="10" fontId="12" fillId="0" borderId="0" xfId="27" applyNumberFormat="1" applyFont="1" applyAlignment="1">
      <alignment vertical="center"/>
    </xf>
    <xf numFmtId="169" fontId="12" fillId="0" borderId="0" xfId="27" applyNumberFormat="1" applyFont="1" applyAlignment="1">
      <alignment vertical="center"/>
    </xf>
    <xf numFmtId="0" fontId="7" fillId="0" borderId="1" xfId="0" applyFont="1" applyBorder="1" applyAlignment="1">
      <alignment horizontal="left" vertical="top"/>
    </xf>
    <xf numFmtId="0" fontId="12" fillId="0" borderId="0" xfId="1" applyFont="1" applyAlignment="1">
      <alignment horizontal="fill" vertical="center"/>
    </xf>
    <xf numFmtId="37" fontId="12" fillId="0" borderId="2" xfId="3" applyNumberFormat="1" applyFont="1" applyBorder="1" applyAlignment="1">
      <alignment horizontal="center" vertical="center"/>
    </xf>
    <xf numFmtId="9" fontId="7" fillId="0" borderId="0" xfId="27" applyFont="1"/>
    <xf numFmtId="43" fontId="7" fillId="0" borderId="0" xfId="16" applyFont="1"/>
    <xf numFmtId="43" fontId="7" fillId="0" borderId="0" xfId="0" applyNumberFormat="1" applyFont="1"/>
    <xf numFmtId="0" fontId="9" fillId="0" borderId="0" xfId="0" applyFont="1"/>
    <xf numFmtId="0" fontId="23" fillId="0" borderId="0" xfId="0" applyFont="1"/>
    <xf numFmtId="0" fontId="8" fillId="0" borderId="0" xfId="18" applyFont="1" applyAlignment="1">
      <alignment horizontal="right" wrapText="1"/>
    </xf>
    <xf numFmtId="49" fontId="8" fillId="0" borderId="0" xfId="18" applyNumberFormat="1" applyFont="1" applyAlignment="1">
      <alignment horizontal="right" wrapText="1"/>
    </xf>
    <xf numFmtId="166" fontId="8" fillId="0" borderId="0" xfId="18" applyNumberFormat="1" applyFont="1" applyAlignment="1">
      <alignment horizontal="left"/>
    </xf>
    <xf numFmtId="0" fontId="7" fillId="0" borderId="0" xfId="0" applyFont="1" applyAlignment="1"/>
    <xf numFmtId="0" fontId="12" fillId="0" borderId="2" xfId="0" applyFont="1" applyBorder="1" applyAlignment="1">
      <alignment horizontal="left" vertical="center"/>
    </xf>
    <xf numFmtId="37" fontId="12" fillId="0" borderId="2" xfId="0" applyNumberFormat="1" applyFont="1" applyBorder="1" applyAlignment="1">
      <alignment vertical="center"/>
    </xf>
    <xf numFmtId="3" fontId="12" fillId="0" borderId="2" xfId="0" applyNumberFormat="1" applyFont="1" applyBorder="1" applyAlignment="1">
      <alignment vertical="center"/>
    </xf>
    <xf numFmtId="0" fontId="12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left" vertical="center"/>
    </xf>
    <xf numFmtId="37" fontId="12" fillId="0" borderId="0" xfId="0" applyNumberFormat="1" applyFont="1" applyBorder="1" applyAlignment="1">
      <alignment vertical="center"/>
    </xf>
    <xf numFmtId="0" fontId="8" fillId="0" borderId="0" xfId="1" applyFont="1" applyBorder="1"/>
    <xf numFmtId="3" fontId="12" fillId="0" borderId="0" xfId="0" applyNumberFormat="1" applyFont="1" applyBorder="1" applyAlignment="1">
      <alignment vertical="center"/>
    </xf>
    <xf numFmtId="164" fontId="12" fillId="0" borderId="0" xfId="0" applyNumberFormat="1" applyFont="1" applyFill="1"/>
    <xf numFmtId="49" fontId="15" fillId="0" borderId="0" xfId="0" applyNumberFormat="1" applyFont="1" applyFill="1" applyAlignment="1">
      <alignment horizontal="left" wrapText="1"/>
    </xf>
    <xf numFmtId="49" fontId="15" fillId="0" borderId="0" xfId="0" applyNumberFormat="1" applyFont="1" applyFill="1" applyAlignment="1">
      <alignment horizontal="right" wrapText="1"/>
    </xf>
    <xf numFmtId="166" fontId="15" fillId="0" borderId="0" xfId="0" applyNumberFormat="1" applyFont="1" applyFill="1" applyAlignment="1">
      <alignment horizontal="left"/>
    </xf>
    <xf numFmtId="166" fontId="15" fillId="0" borderId="0" xfId="0" applyNumberFormat="1" applyFont="1" applyFill="1" applyAlignment="1">
      <alignment horizontal="right"/>
    </xf>
    <xf numFmtId="166" fontId="20" fillId="0" borderId="3" xfId="0" applyNumberFormat="1" applyFont="1" applyFill="1" applyBorder="1" applyAlignment="1">
      <alignment horizontal="left"/>
    </xf>
    <xf numFmtId="166" fontId="20" fillId="0" borderId="0" xfId="0" applyNumberFormat="1" applyFont="1" applyFill="1" applyAlignment="1">
      <alignment horizontal="left"/>
    </xf>
    <xf numFmtId="166" fontId="22" fillId="0" borderId="0" xfId="0" applyNumberFormat="1" applyFont="1" applyFill="1" applyAlignment="1">
      <alignment horizontal="left"/>
    </xf>
    <xf numFmtId="166" fontId="15" fillId="0" borderId="3" xfId="0" applyNumberFormat="1" applyFont="1" applyFill="1" applyBorder="1" applyAlignment="1">
      <alignment horizontal="left"/>
    </xf>
    <xf numFmtId="0" fontId="25" fillId="0" borderId="0" xfId="0" applyFont="1"/>
    <xf numFmtId="170" fontId="26" fillId="0" borderId="0" xfId="0" applyNumberFormat="1" applyFont="1"/>
    <xf numFmtId="0" fontId="26" fillId="0" borderId="0" xfId="0" applyFont="1"/>
    <xf numFmtId="0" fontId="27" fillId="0" borderId="0" xfId="0" applyFont="1" applyAlignment="1">
      <alignment horizontal="left" indent="1"/>
    </xf>
    <xf numFmtId="0" fontId="28" fillId="0" borderId="0" xfId="0" applyFont="1"/>
    <xf numFmtId="0" fontId="0" fillId="0" borderId="0" xfId="0" applyAlignment="1">
      <alignment horizontal="center"/>
    </xf>
    <xf numFmtId="171" fontId="24" fillId="3" borderId="8" xfId="0" applyNumberFormat="1" applyFont="1" applyFill="1" applyBorder="1" applyAlignment="1">
      <alignment horizontal="center"/>
    </xf>
    <xf numFmtId="171" fontId="24" fillId="4" borderId="8" xfId="0" applyNumberFormat="1" applyFont="1" applyFill="1" applyBorder="1" applyAlignment="1">
      <alignment horizontal="center"/>
    </xf>
    <xf numFmtId="0" fontId="24" fillId="0" borderId="0" xfId="0" applyFont="1" applyAlignment="1">
      <alignment horizontal="left" indent="1"/>
    </xf>
    <xf numFmtId="3" fontId="0" fillId="0" borderId="0" xfId="0" applyNumberFormat="1"/>
    <xf numFmtId="3" fontId="0" fillId="5" borderId="0" xfId="0" applyNumberFormat="1" applyFill="1"/>
    <xf numFmtId="164" fontId="0" fillId="0" borderId="0" xfId="0" applyNumberFormat="1"/>
    <xf numFmtId="3" fontId="0" fillId="0" borderId="2" xfId="0" applyNumberFormat="1" applyBorder="1"/>
    <xf numFmtId="3" fontId="0" fillId="5" borderId="2" xfId="0" applyNumberFormat="1" applyFill="1" applyBorder="1"/>
    <xf numFmtId="164" fontId="0" fillId="0" borderId="0" xfId="16" applyNumberFormat="1" applyFont="1" applyFill="1"/>
    <xf numFmtId="164" fontId="0" fillId="0" borderId="2" xfId="16" applyNumberFormat="1" applyFont="1" applyBorder="1"/>
    <xf numFmtId="164" fontId="0" fillId="0" borderId="2" xfId="16" applyNumberFormat="1" applyFont="1" applyFill="1" applyBorder="1"/>
    <xf numFmtId="164" fontId="0" fillId="0" borderId="0" xfId="16" applyNumberFormat="1" applyFont="1" applyBorder="1"/>
    <xf numFmtId="164" fontId="0" fillId="5" borderId="0" xfId="16" applyNumberFormat="1" applyFont="1" applyFill="1" applyBorder="1"/>
    <xf numFmtId="164" fontId="0" fillId="5" borderId="0" xfId="16" applyNumberFormat="1" applyFont="1" applyFill="1"/>
    <xf numFmtId="164" fontId="0" fillId="5" borderId="1" xfId="16" applyNumberFormat="1" applyFont="1" applyFill="1" applyBorder="1"/>
    <xf numFmtId="164" fontId="0" fillId="0" borderId="1" xfId="16" applyNumberFormat="1" applyFont="1" applyBorder="1"/>
    <xf numFmtId="166" fontId="29" fillId="0" borderId="0" xfId="0" applyNumberFormat="1" applyFont="1" applyFill="1" applyAlignment="1">
      <alignment horizontal="right"/>
    </xf>
    <xf numFmtId="49" fontId="15" fillId="0" borderId="0" xfId="28" applyNumberFormat="1" applyFont="1" applyAlignment="1">
      <alignment horizontal="center" vertical="center" wrapText="1"/>
    </xf>
    <xf numFmtId="49" fontId="15" fillId="0" borderId="0" xfId="28" applyNumberFormat="1" applyFont="1" applyAlignment="1">
      <alignment horizontal="left" wrapText="1"/>
    </xf>
    <xf numFmtId="49" fontId="15" fillId="0" borderId="0" xfId="28" applyNumberFormat="1" applyFont="1" applyAlignment="1">
      <alignment horizontal="right" wrapText="1"/>
    </xf>
    <xf numFmtId="166" fontId="15" fillId="6" borderId="0" xfId="28" applyNumberFormat="1" applyFont="1" applyFill="1" applyAlignment="1">
      <alignment horizontal="left"/>
    </xf>
    <xf numFmtId="166" fontId="15" fillId="0" borderId="0" xfId="28" applyNumberFormat="1" applyFont="1" applyAlignment="1">
      <alignment horizontal="right"/>
    </xf>
    <xf numFmtId="166" fontId="15" fillId="0" borderId="0" xfId="28" applyNumberFormat="1" applyFont="1" applyAlignment="1">
      <alignment horizontal="left"/>
    </xf>
    <xf numFmtId="172" fontId="31" fillId="0" borderId="0" xfId="28" applyNumberFormat="1" applyFont="1" applyAlignment="1">
      <alignment horizontal="right"/>
    </xf>
    <xf numFmtId="166" fontId="20" fillId="0" borderId="3" xfId="28" applyNumberFormat="1" applyFont="1" applyBorder="1" applyAlignment="1">
      <alignment horizontal="left"/>
    </xf>
    <xf numFmtId="166" fontId="20" fillId="0" borderId="0" xfId="28" applyNumberFormat="1" applyFont="1" applyAlignment="1">
      <alignment horizontal="left"/>
    </xf>
    <xf numFmtId="173" fontId="31" fillId="0" borderId="0" xfId="28" applyNumberFormat="1" applyFont="1" applyAlignment="1">
      <alignment horizontal="right"/>
    </xf>
    <xf numFmtId="166" fontId="20" fillId="7" borderId="0" xfId="28" applyNumberFormat="1" applyFont="1" applyFill="1" applyAlignment="1">
      <alignment horizontal="left"/>
    </xf>
    <xf numFmtId="166" fontId="15" fillId="7" borderId="0" xfId="28" applyNumberFormat="1" applyFont="1" applyFill="1" applyAlignment="1">
      <alignment horizontal="right"/>
    </xf>
    <xf numFmtId="172" fontId="31" fillId="7" borderId="0" xfId="28" applyNumberFormat="1" applyFont="1" applyFill="1" applyAlignment="1">
      <alignment horizontal="right"/>
    </xf>
    <xf numFmtId="166" fontId="32" fillId="7" borderId="0" xfId="28" applyNumberFormat="1" applyFont="1" applyFill="1" applyAlignment="1">
      <alignment horizontal="right"/>
    </xf>
    <xf numFmtId="166" fontId="15" fillId="7" borderId="0" xfId="28" applyNumberFormat="1" applyFont="1" applyFill="1" applyAlignment="1">
      <alignment horizontal="left"/>
    </xf>
    <xf numFmtId="166" fontId="22" fillId="0" borderId="0" xfId="28" applyNumberFormat="1" applyFont="1" applyAlignment="1">
      <alignment horizontal="left"/>
    </xf>
    <xf numFmtId="166" fontId="15" fillId="0" borderId="3" xfId="28" applyNumberFormat="1" applyFont="1" applyBorder="1" applyAlignment="1">
      <alignment horizontal="left"/>
    </xf>
    <xf numFmtId="174" fontId="31" fillId="0" borderId="0" xfId="28" applyNumberFormat="1" applyFont="1" applyAlignment="1">
      <alignment horizontal="right"/>
    </xf>
    <xf numFmtId="0" fontId="7" fillId="0" borderId="2" xfId="0" applyFont="1" applyBorder="1" applyAlignment="1">
      <alignment horizontal="left" vertical="top" wrapText="1"/>
    </xf>
    <xf numFmtId="0" fontId="7" fillId="0" borderId="0" xfId="0" applyFont="1" applyAlignment="1">
      <alignment horizontal="left" vertical="top" wrapText="1"/>
    </xf>
    <xf numFmtId="0" fontId="8" fillId="0" borderId="2" xfId="1" applyFont="1" applyBorder="1" applyAlignment="1">
      <alignment horizontal="left"/>
    </xf>
  </cellXfs>
  <cellStyles count="29">
    <cellStyle name="Comma" xfId="16" builtinId="3"/>
    <cellStyle name="Comma 10" xfId="13" xr:uid="{E8ECECBD-7C01-4BB0-9442-45B7BFADE644}"/>
    <cellStyle name="Comma 2" xfId="5" xr:uid="{27DA8891-15E3-4ACD-AC72-53355C8EF59E}"/>
    <cellStyle name="Comma 2 2" xfId="12" xr:uid="{55535F30-BE32-411A-8873-58684AB4C2F4}"/>
    <cellStyle name="Comma 2 3" xfId="22" xr:uid="{BD861AD7-B235-43BE-B3B9-DE13F5B46069}"/>
    <cellStyle name="Comma 3" xfId="17" xr:uid="{46A73523-6F90-4F63-8102-D62D01D8D053}"/>
    <cellStyle name="Currency 4" xfId="11" xr:uid="{6DBFB5E9-047F-438D-81DB-4B25F86AE4E2}"/>
    <cellStyle name="Hyperlink" xfId="26" builtinId="8"/>
    <cellStyle name="Hyperlink 2" xfId="19" xr:uid="{CB43A19D-8188-48B2-8073-7903B95B24D7}"/>
    <cellStyle name="Normal" xfId="0" builtinId="0"/>
    <cellStyle name="Normal 10" xfId="8" xr:uid="{077D954D-A710-4832-A6F6-9FC06481E7C0}"/>
    <cellStyle name="Normal 2" xfId="1" xr:uid="{537DD5F6-7D73-4CE2-82CF-8DAB6A6EC6E1}"/>
    <cellStyle name="Normal 2 10" xfId="23" xr:uid="{05F37F59-B0D1-4A12-94CD-8F2AA9264284}"/>
    <cellStyle name="Normal 2 2" xfId="3" xr:uid="{0315C681-512B-484E-BC11-5EC460758BEF}"/>
    <cellStyle name="Normal 2 2 2" xfId="10" xr:uid="{3EEFDA9D-5D6A-4387-87C2-BB5D1EBF105F}"/>
    <cellStyle name="Normal 2 3" xfId="9" xr:uid="{B3737098-DC7A-4293-8677-C72B42CED5C3}"/>
    <cellStyle name="Normal 2 4 2" xfId="24" xr:uid="{913A6E34-2ADA-42D1-B52A-2A5C78BE5E7F}"/>
    <cellStyle name="Normal 3" xfId="4" xr:uid="{970F0283-A316-439C-AD68-9A5DB91CC99B}"/>
    <cellStyle name="Normal 3 2" xfId="6" xr:uid="{2C94F704-2000-4B2C-BD43-59613C9FCB75}"/>
    <cellStyle name="Normal 3 2 2" xfId="20" xr:uid="{B039816E-F4E1-4D67-9510-CFBE76DA9FDF}"/>
    <cellStyle name="Normal 3 3" xfId="21" xr:uid="{CE84CCA6-18AB-4E79-8949-A1D40EC86EC6}"/>
    <cellStyle name="Normal 303" xfId="25" xr:uid="{A6A17535-D0ED-4C35-B629-972677CBD561}"/>
    <cellStyle name="Normal 4" xfId="28" xr:uid="{4D29ADD5-2C8F-416F-A986-7069913DDFA0}"/>
    <cellStyle name="Normal 4 2" xfId="15" xr:uid="{8B86CDF2-4101-4515-958A-70DB6839F6D6}"/>
    <cellStyle name="Normal 5" xfId="2" xr:uid="{12D4AD59-836E-4B02-AD40-69336FAC74FF}"/>
    <cellStyle name="Normal 7" xfId="18" xr:uid="{AB437BE9-DD0A-4E03-8EFF-6234EDD05D60}"/>
    <cellStyle name="Percent" xfId="27" builtinId="5"/>
    <cellStyle name="Percent 2" xfId="7" xr:uid="{FFD8FE46-1C5A-428D-B736-D356ECD346A8}"/>
    <cellStyle name="Percent 2 2" xfId="14" xr:uid="{B068262E-1493-43C5-9006-F566124238E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17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6</xdr:col>
      <xdr:colOff>0</xdr:colOff>
      <xdr:row>29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E31AC697-F8D7-4E55-BDBE-64801FAE2477}"/>
            </a:ext>
          </a:extLst>
        </xdr:cNvPr>
        <xdr:cNvSpPr txBox="1"/>
      </xdr:nvSpPr>
      <xdr:spPr>
        <a:xfrm>
          <a:off x="11439525" y="46482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66DE4AE-2705-4BCA-978E-87F9D1389AA9}"/>
            </a:ext>
          </a:extLst>
        </xdr:cNvPr>
        <xdr:cNvSpPr txBox="1"/>
      </xdr:nvSpPr>
      <xdr:spPr>
        <a:xfrm>
          <a:off x="11439525" y="72866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F67573AE-32EF-48EF-95BB-0DF60C9EC623}"/>
            </a:ext>
          </a:extLst>
        </xdr:cNvPr>
        <xdr:cNvSpPr txBox="1"/>
      </xdr:nvSpPr>
      <xdr:spPr>
        <a:xfrm>
          <a:off x="11439525" y="72866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B6187994-CDEC-4F9F-85F4-0634FFF14B29}"/>
            </a:ext>
          </a:extLst>
        </xdr:cNvPr>
        <xdr:cNvSpPr txBox="1"/>
      </xdr:nvSpPr>
      <xdr:spPr>
        <a:xfrm>
          <a:off x="11439525" y="72866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DD48428D-B81F-4706-AA8B-64B655DA0446}"/>
            </a:ext>
          </a:extLst>
        </xdr:cNvPr>
        <xdr:cNvSpPr txBox="1"/>
      </xdr:nvSpPr>
      <xdr:spPr>
        <a:xfrm>
          <a:off x="11439525" y="72866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EB015A90-A15C-46AF-94A9-AEC48C295296}"/>
            </a:ext>
          </a:extLst>
        </xdr:cNvPr>
        <xdr:cNvSpPr txBox="1"/>
      </xdr:nvSpPr>
      <xdr:spPr>
        <a:xfrm>
          <a:off x="11439525" y="72866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8FD22391-6541-4A8D-BB8C-58F6D1D3DCCE}"/>
            </a:ext>
          </a:extLst>
        </xdr:cNvPr>
        <xdr:cNvSpPr txBox="1"/>
      </xdr:nvSpPr>
      <xdr:spPr>
        <a:xfrm>
          <a:off x="11439525" y="72866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1E61AAF6-C82B-40CF-BF5C-E6DC51291961}"/>
            </a:ext>
          </a:extLst>
        </xdr:cNvPr>
        <xdr:cNvSpPr txBox="1"/>
      </xdr:nvSpPr>
      <xdr:spPr>
        <a:xfrm>
          <a:off x="11439525" y="72866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16</xdr:col>
      <xdr:colOff>0</xdr:colOff>
      <xdr:row>29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/>
      </xdr:nvSpPr>
      <xdr:spPr>
        <a:xfrm>
          <a:off x="9734550" y="42195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 txBox="1"/>
      </xdr:nvSpPr>
      <xdr:spPr>
        <a:xfrm>
          <a:off x="9734550" y="78009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 txBox="1"/>
      </xdr:nvSpPr>
      <xdr:spPr>
        <a:xfrm>
          <a:off x="9734550" y="78009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 txBox="1"/>
      </xdr:nvSpPr>
      <xdr:spPr>
        <a:xfrm>
          <a:off x="9734550" y="78009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 txBox="1"/>
      </xdr:nvSpPr>
      <xdr:spPr>
        <a:xfrm>
          <a:off x="9734550" y="78009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 txBox="1"/>
      </xdr:nvSpPr>
      <xdr:spPr>
        <a:xfrm>
          <a:off x="9734550" y="78009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 txBox="1"/>
      </xdr:nvSpPr>
      <xdr:spPr>
        <a:xfrm>
          <a:off x="9734550" y="78009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 txBox="1"/>
      </xdr:nvSpPr>
      <xdr:spPr>
        <a:xfrm>
          <a:off x="9734550" y="78009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16</xdr:col>
      <xdr:colOff>0</xdr:colOff>
      <xdr:row>28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 txBox="1"/>
      </xdr:nvSpPr>
      <xdr:spPr>
        <a:xfrm>
          <a:off x="9915525" y="42100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200-000003000000}"/>
            </a:ext>
          </a:extLst>
        </xdr:cNvPr>
        <xdr:cNvSpPr txBox="1"/>
      </xdr:nvSpPr>
      <xdr:spPr>
        <a:xfrm>
          <a:off x="9915525" y="78390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200-000004000000}"/>
            </a:ext>
          </a:extLst>
        </xdr:cNvPr>
        <xdr:cNvSpPr txBox="1"/>
      </xdr:nvSpPr>
      <xdr:spPr>
        <a:xfrm>
          <a:off x="9915525" y="78390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200-000005000000}"/>
            </a:ext>
          </a:extLst>
        </xdr:cNvPr>
        <xdr:cNvSpPr txBox="1"/>
      </xdr:nvSpPr>
      <xdr:spPr>
        <a:xfrm>
          <a:off x="9915525" y="78390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200-000006000000}"/>
            </a:ext>
          </a:extLst>
        </xdr:cNvPr>
        <xdr:cNvSpPr txBox="1"/>
      </xdr:nvSpPr>
      <xdr:spPr>
        <a:xfrm>
          <a:off x="9915525" y="78390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200-000007000000}"/>
            </a:ext>
          </a:extLst>
        </xdr:cNvPr>
        <xdr:cNvSpPr txBox="1"/>
      </xdr:nvSpPr>
      <xdr:spPr>
        <a:xfrm>
          <a:off x="9915525" y="78390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200-000008000000}"/>
            </a:ext>
          </a:extLst>
        </xdr:cNvPr>
        <xdr:cNvSpPr txBox="1"/>
      </xdr:nvSpPr>
      <xdr:spPr>
        <a:xfrm>
          <a:off x="9915525" y="78390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6</xdr:col>
      <xdr:colOff>0</xdr:colOff>
      <xdr:row>50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0200-000009000000}"/>
            </a:ext>
          </a:extLst>
        </xdr:cNvPr>
        <xdr:cNvSpPr txBox="1"/>
      </xdr:nvSpPr>
      <xdr:spPr>
        <a:xfrm>
          <a:off x="9915525" y="78390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8.bin"/><Relationship Id="rId1" Type="http://schemas.openxmlformats.org/officeDocument/2006/relationships/hyperlink" Target="file:///\\nt000063\corpplng_guest\Regulatory%20Planning\Florida\FORECAST%20-%205%20YEAR\2022\2022%2012&amp;0%20Rate%20Case\Revenue%20Forecast%20Spring%202023\2023%20Spring%20-%20Retail%20Revenue%20Forecast%2004-11-2023.xlsb.xlsx" TargetMode="Externa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66BA21-ED77-42C8-8F32-0EFC11DE9CE8}">
  <sheetPr>
    <tabColor theme="5" tint="-0.499984740745262"/>
  </sheetPr>
  <dimension ref="B1:O82"/>
  <sheetViews>
    <sheetView tabSelected="1" workbookViewId="0">
      <selection activeCell="F30" sqref="F30"/>
    </sheetView>
  </sheetViews>
  <sheetFormatPr defaultColWidth="9.33203125" defaultRowHeight="14.4" x14ac:dyDescent="0.3"/>
  <cols>
    <col min="1" max="1" width="9.33203125" style="43"/>
    <col min="2" max="2" width="30.33203125" style="43" customWidth="1"/>
    <col min="3" max="7" width="16" style="43" customWidth="1"/>
    <col min="8" max="8" width="12" style="43" customWidth="1"/>
    <col min="9" max="9" width="23.77734375" style="43" customWidth="1"/>
    <col min="10" max="14" width="13.77734375" style="43" customWidth="1"/>
    <col min="15" max="16" width="12.33203125" style="43" bestFit="1" customWidth="1"/>
    <col min="17" max="17" width="10.44140625" style="43" bestFit="1" customWidth="1"/>
    <col min="18" max="18" width="11.44140625" style="43" bestFit="1" customWidth="1"/>
    <col min="19" max="19" width="10.109375" style="43" bestFit="1" customWidth="1"/>
    <col min="20" max="20" width="9.33203125" style="43"/>
    <col min="21" max="21" width="48.109375" style="43" bestFit="1" customWidth="1"/>
    <col min="22" max="23" width="12.33203125" style="43" bestFit="1" customWidth="1"/>
    <col min="24" max="24" width="9.77734375" style="43" bestFit="1" customWidth="1"/>
    <col min="25" max="25" width="11.44140625" style="43" bestFit="1" customWidth="1"/>
    <col min="26" max="26" width="10.109375" style="43" bestFit="1" customWidth="1"/>
    <col min="27" max="16384" width="9.33203125" style="43"/>
  </cols>
  <sheetData>
    <row r="1" spans="2:14" x14ac:dyDescent="0.3">
      <c r="J1" s="44"/>
    </row>
    <row r="2" spans="2:14" x14ac:dyDescent="0.3">
      <c r="J2" s="45" t="s">
        <v>0</v>
      </c>
      <c r="K2" s="45" t="s">
        <v>1</v>
      </c>
      <c r="L2" s="45" t="s">
        <v>2</v>
      </c>
      <c r="M2" s="45" t="s">
        <v>3</v>
      </c>
      <c r="N2" s="45" t="s">
        <v>4</v>
      </c>
    </row>
    <row r="3" spans="2:14" x14ac:dyDescent="0.3">
      <c r="J3" s="46" t="str">
        <f>C13</f>
        <v>Year 2022</v>
      </c>
      <c r="K3" s="46" t="str">
        <f>C11</f>
        <v>Year 2024</v>
      </c>
      <c r="L3" s="46" t="str">
        <f>C10</f>
        <v>Year 2025</v>
      </c>
      <c r="M3" s="46" t="str">
        <f>C9</f>
        <v>Year 2026</v>
      </c>
      <c r="N3" s="47" t="str">
        <f>C8</f>
        <v>Year 2027</v>
      </c>
    </row>
    <row r="4" spans="2:14" x14ac:dyDescent="0.3">
      <c r="C4" s="48" t="s">
        <v>5</v>
      </c>
      <c r="D4" s="49" t="s">
        <v>965</v>
      </c>
      <c r="G4" s="50"/>
      <c r="H4" s="50"/>
      <c r="I4" s="50"/>
      <c r="J4" s="51"/>
      <c r="K4" s="51"/>
      <c r="L4" s="51"/>
      <c r="M4" s="51"/>
      <c r="N4" s="51"/>
    </row>
    <row r="5" spans="2:14" x14ac:dyDescent="0.3">
      <c r="H5" s="50"/>
      <c r="I5" s="50"/>
      <c r="J5" s="51"/>
      <c r="K5" s="51"/>
      <c r="L5" s="51"/>
      <c r="M5" s="51"/>
      <c r="N5" s="51"/>
    </row>
    <row r="6" spans="2:14" x14ac:dyDescent="0.3">
      <c r="G6" s="50"/>
      <c r="H6" s="50"/>
      <c r="I6" s="50"/>
      <c r="J6" s="51"/>
      <c r="K6" s="52"/>
      <c r="L6" s="52"/>
      <c r="M6" s="52"/>
      <c r="N6" s="52"/>
    </row>
    <row r="7" spans="2:14" x14ac:dyDescent="0.3">
      <c r="C7" s="43" t="s">
        <v>6</v>
      </c>
      <c r="D7" s="43" t="s">
        <v>6</v>
      </c>
      <c r="F7" s="53"/>
      <c r="G7" s="50"/>
      <c r="H7" s="50"/>
      <c r="I7" s="50"/>
      <c r="J7" s="51"/>
      <c r="K7" s="51"/>
      <c r="L7" s="52"/>
      <c r="M7" s="52"/>
      <c r="N7" s="52"/>
    </row>
    <row r="8" spans="2:14" x14ac:dyDescent="0.3">
      <c r="B8" s="54" t="s">
        <v>7</v>
      </c>
      <c r="C8" s="72" t="s">
        <v>8</v>
      </c>
      <c r="D8" s="55">
        <f>VLOOKUP(C8,$B$21:$C$34,2,FALSE)</f>
        <v>46752</v>
      </c>
      <c r="E8" s="56">
        <f>VLOOKUP(C8,$B$21:$D$34,3,FALSE)</f>
        <v>2027</v>
      </c>
      <c r="G8" s="50"/>
      <c r="H8" s="50"/>
      <c r="I8" s="50"/>
      <c r="J8" s="51"/>
      <c r="K8" s="51"/>
      <c r="L8" s="51"/>
      <c r="M8" s="51"/>
      <c r="N8" s="51"/>
    </row>
    <row r="9" spans="2:14" x14ac:dyDescent="0.3">
      <c r="B9" s="54" t="s">
        <v>9</v>
      </c>
      <c r="C9" s="72" t="s">
        <v>10</v>
      </c>
      <c r="D9" s="55">
        <f t="shared" ref="D9:D13" si="0">VLOOKUP(C9,$B$21:$C$34,2,FALSE)</f>
        <v>46387</v>
      </c>
      <c r="E9" s="56">
        <f t="shared" ref="E9:E13" si="1">VLOOKUP(C9,$B$21:$D$34,3,FALSE)</f>
        <v>2026</v>
      </c>
      <c r="G9" s="50"/>
      <c r="H9" s="50"/>
      <c r="I9" s="50"/>
      <c r="J9" s="51"/>
      <c r="K9" s="51"/>
      <c r="L9" s="52"/>
      <c r="M9" s="52"/>
      <c r="N9" s="52"/>
    </row>
    <row r="10" spans="2:14" x14ac:dyDescent="0.3">
      <c r="B10" s="54" t="s">
        <v>11</v>
      </c>
      <c r="C10" s="73" t="s">
        <v>12</v>
      </c>
      <c r="D10" s="55">
        <f t="shared" si="0"/>
        <v>46022</v>
      </c>
      <c r="E10" s="56">
        <f t="shared" si="1"/>
        <v>2025</v>
      </c>
      <c r="J10" s="57"/>
      <c r="K10" s="52"/>
      <c r="L10" s="52"/>
      <c r="M10" s="52"/>
      <c r="N10" s="52"/>
    </row>
    <row r="11" spans="2:14" x14ac:dyDescent="0.3">
      <c r="B11" s="54" t="s">
        <v>689</v>
      </c>
      <c r="C11" s="73" t="s">
        <v>13</v>
      </c>
      <c r="D11" s="55">
        <f t="shared" si="0"/>
        <v>45657</v>
      </c>
      <c r="E11" s="56">
        <f t="shared" si="1"/>
        <v>2024</v>
      </c>
      <c r="G11" s="50"/>
      <c r="J11" s="51"/>
      <c r="K11" s="52"/>
      <c r="L11" s="52"/>
      <c r="M11" s="52"/>
      <c r="N11" s="52"/>
    </row>
    <row r="12" spans="2:14" x14ac:dyDescent="0.3">
      <c r="B12" s="54" t="s">
        <v>15</v>
      </c>
      <c r="C12" s="74" t="s">
        <v>14</v>
      </c>
      <c r="D12" s="55">
        <f t="shared" ref="D12" si="2">VLOOKUP(C12,$B$21:$C$34,2,FALSE)</f>
        <v>45291</v>
      </c>
      <c r="E12" s="56">
        <f t="shared" ref="E12" si="3">VLOOKUP(C12,$B$21:$D$34,3,FALSE)</f>
        <v>2023</v>
      </c>
      <c r="G12" s="50"/>
      <c r="J12" s="51"/>
      <c r="K12" s="52"/>
      <c r="L12" s="52"/>
      <c r="M12" s="52"/>
      <c r="N12" s="52"/>
    </row>
    <row r="13" spans="2:14" x14ac:dyDescent="0.3">
      <c r="B13" s="54"/>
      <c r="C13" s="74" t="s">
        <v>16</v>
      </c>
      <c r="D13" s="55">
        <f t="shared" si="0"/>
        <v>44926</v>
      </c>
      <c r="E13" s="56">
        <f t="shared" si="1"/>
        <v>2022</v>
      </c>
      <c r="G13" s="50"/>
      <c r="J13" s="51"/>
      <c r="K13" s="52"/>
      <c r="L13" s="52"/>
      <c r="M13" s="52"/>
      <c r="N13" s="52"/>
    </row>
    <row r="14" spans="2:14" x14ac:dyDescent="0.3">
      <c r="E14" s="58"/>
      <c r="G14" s="50"/>
      <c r="J14" s="59"/>
      <c r="K14" s="52"/>
      <c r="L14" s="51"/>
      <c r="M14" s="52"/>
      <c r="N14" s="52"/>
    </row>
    <row r="15" spans="2:14" x14ac:dyDescent="0.3">
      <c r="B15" s="60"/>
      <c r="C15" s="60"/>
      <c r="D15" s="60"/>
      <c r="G15" s="50"/>
      <c r="J15" s="59"/>
      <c r="K15" s="51"/>
      <c r="L15" s="51"/>
      <c r="M15" s="52"/>
      <c r="N15" s="52"/>
    </row>
    <row r="16" spans="2:14" x14ac:dyDescent="0.3">
      <c r="B16" s="61"/>
      <c r="C16" s="62" t="s">
        <v>17</v>
      </c>
      <c r="D16" s="53" t="s">
        <v>18</v>
      </c>
      <c r="E16" s="53" t="s">
        <v>19</v>
      </c>
      <c r="F16" s="53" t="s">
        <v>20</v>
      </c>
      <c r="G16" s="53" t="s">
        <v>21</v>
      </c>
      <c r="J16" s="51"/>
      <c r="K16" s="52"/>
      <c r="L16" s="52"/>
      <c r="M16" s="52"/>
      <c r="N16" s="52"/>
    </row>
    <row r="17" spans="2:14" x14ac:dyDescent="0.3">
      <c r="B17" s="63" t="s">
        <v>22</v>
      </c>
      <c r="C17" s="64" t="s">
        <v>966</v>
      </c>
      <c r="D17" s="64" t="s">
        <v>967</v>
      </c>
      <c r="E17" s="64" t="s">
        <v>968</v>
      </c>
      <c r="F17" s="105" t="s">
        <v>23</v>
      </c>
      <c r="G17" s="105" t="s">
        <v>969</v>
      </c>
      <c r="J17" s="51"/>
      <c r="K17" s="52"/>
      <c r="L17" s="52"/>
      <c r="M17" s="52"/>
      <c r="N17" s="52"/>
    </row>
    <row r="18" spans="2:14" x14ac:dyDescent="0.3">
      <c r="J18" s="51"/>
      <c r="K18" s="52"/>
      <c r="L18" s="52"/>
      <c r="M18" s="52"/>
      <c r="N18" s="52"/>
    </row>
    <row r="19" spans="2:14" x14ac:dyDescent="0.3">
      <c r="J19" s="51"/>
      <c r="K19" s="52"/>
      <c r="L19" s="52"/>
      <c r="M19" s="52"/>
      <c r="N19" s="52"/>
    </row>
    <row r="20" spans="2:14" x14ac:dyDescent="0.3">
      <c r="B20" s="65" t="s">
        <v>24</v>
      </c>
      <c r="C20" s="65"/>
      <c r="D20" s="65"/>
      <c r="J20" s="51"/>
      <c r="K20" s="52"/>
      <c r="L20" s="52"/>
      <c r="M20" s="52"/>
      <c r="N20" s="52"/>
    </row>
    <row r="21" spans="2:14" x14ac:dyDescent="0.3">
      <c r="B21" s="50" t="s">
        <v>25</v>
      </c>
      <c r="C21" s="66">
        <v>48579</v>
      </c>
      <c r="D21" s="43">
        <v>2032</v>
      </c>
      <c r="J21" s="51"/>
      <c r="K21" s="52"/>
      <c r="L21" s="52"/>
      <c r="M21" s="52"/>
      <c r="N21" s="52"/>
    </row>
    <row r="22" spans="2:14" x14ac:dyDescent="0.3">
      <c r="B22" s="50" t="s">
        <v>26</v>
      </c>
      <c r="C22" s="66">
        <v>48213</v>
      </c>
      <c r="D22" s="43">
        <v>2031</v>
      </c>
      <c r="J22" s="51"/>
      <c r="K22" s="52"/>
      <c r="L22" s="52"/>
      <c r="M22" s="52"/>
      <c r="N22" s="52"/>
    </row>
    <row r="23" spans="2:14" x14ac:dyDescent="0.3">
      <c r="B23" s="50" t="s">
        <v>27</v>
      </c>
      <c r="C23" s="66">
        <v>47848</v>
      </c>
      <c r="D23" s="43">
        <v>2030</v>
      </c>
      <c r="J23" s="51"/>
      <c r="K23" s="52"/>
      <c r="L23" s="52"/>
      <c r="M23" s="52"/>
      <c r="N23" s="52"/>
    </row>
    <row r="24" spans="2:14" x14ac:dyDescent="0.3">
      <c r="B24" s="50" t="s">
        <v>28</v>
      </c>
      <c r="C24" s="66">
        <v>47483</v>
      </c>
      <c r="D24" s="43">
        <v>2029</v>
      </c>
      <c r="J24" s="51"/>
      <c r="K24" s="52"/>
      <c r="L24" s="52"/>
      <c r="M24" s="52"/>
      <c r="N24" s="52"/>
    </row>
    <row r="25" spans="2:14" x14ac:dyDescent="0.3">
      <c r="B25" s="50" t="s">
        <v>29</v>
      </c>
      <c r="C25" s="66">
        <v>47118</v>
      </c>
      <c r="D25" s="43">
        <v>2028</v>
      </c>
      <c r="J25" s="51"/>
      <c r="K25" s="52"/>
      <c r="L25" s="52"/>
      <c r="M25" s="52"/>
      <c r="N25" s="52"/>
    </row>
    <row r="26" spans="2:14" x14ac:dyDescent="0.3">
      <c r="B26" s="50" t="s">
        <v>8</v>
      </c>
      <c r="C26" s="66">
        <v>46752</v>
      </c>
      <c r="D26" s="43">
        <v>2027</v>
      </c>
      <c r="J26" s="51"/>
      <c r="K26" s="52"/>
      <c r="L26" s="52"/>
      <c r="M26" s="52"/>
      <c r="N26" s="52"/>
    </row>
    <row r="27" spans="2:14" x14ac:dyDescent="0.3">
      <c r="B27" s="43" t="s">
        <v>10</v>
      </c>
      <c r="C27" s="66">
        <v>46387</v>
      </c>
      <c r="D27" s="43">
        <v>2026</v>
      </c>
      <c r="J27" s="51"/>
      <c r="K27" s="52"/>
      <c r="L27" s="52"/>
      <c r="M27" s="52"/>
      <c r="N27" s="52"/>
    </row>
    <row r="28" spans="2:14" x14ac:dyDescent="0.3">
      <c r="B28" s="43" t="s">
        <v>12</v>
      </c>
      <c r="C28" s="66">
        <v>46022</v>
      </c>
      <c r="D28" s="43">
        <v>2025</v>
      </c>
      <c r="J28" s="51"/>
      <c r="K28" s="52"/>
      <c r="L28" s="52"/>
      <c r="M28" s="52"/>
      <c r="N28" s="52"/>
    </row>
    <row r="29" spans="2:14" x14ac:dyDescent="0.3">
      <c r="B29" s="43" t="s">
        <v>13</v>
      </c>
      <c r="C29" s="66">
        <v>45657</v>
      </c>
      <c r="D29" s="43">
        <v>2024</v>
      </c>
      <c r="J29" s="51"/>
      <c r="K29" s="51"/>
      <c r="L29" s="51"/>
      <c r="M29" s="51"/>
      <c r="N29" s="51"/>
    </row>
    <row r="30" spans="2:14" x14ac:dyDescent="0.3">
      <c r="B30" s="43" t="s">
        <v>14</v>
      </c>
      <c r="C30" s="66">
        <v>45291</v>
      </c>
      <c r="D30" s="43">
        <v>2023</v>
      </c>
      <c r="J30" s="51"/>
      <c r="K30" s="52"/>
      <c r="L30" s="52"/>
      <c r="M30" s="52"/>
      <c r="N30" s="52"/>
    </row>
    <row r="31" spans="2:14" x14ac:dyDescent="0.3">
      <c r="B31" s="43" t="s">
        <v>16</v>
      </c>
      <c r="C31" s="66">
        <v>44926</v>
      </c>
      <c r="D31" s="43">
        <v>2022</v>
      </c>
      <c r="J31" s="51"/>
      <c r="K31" s="52"/>
      <c r="L31" s="52"/>
      <c r="M31" s="52"/>
      <c r="N31" s="52"/>
    </row>
    <row r="32" spans="2:14" x14ac:dyDescent="0.3">
      <c r="B32" s="43" t="s">
        <v>30</v>
      </c>
      <c r="C32" s="66">
        <v>44561</v>
      </c>
      <c r="D32" s="43">
        <v>2021</v>
      </c>
      <c r="J32" s="51"/>
      <c r="K32" s="52"/>
      <c r="L32" s="52"/>
      <c r="M32" s="52"/>
      <c r="N32" s="52"/>
    </row>
    <row r="33" spans="2:14" x14ac:dyDescent="0.3">
      <c r="B33" s="43" t="s">
        <v>31</v>
      </c>
      <c r="C33" s="66">
        <v>44196</v>
      </c>
      <c r="D33" s="43">
        <v>2020</v>
      </c>
      <c r="J33" s="51"/>
      <c r="K33" s="52"/>
      <c r="L33" s="52"/>
      <c r="M33" s="52"/>
      <c r="N33" s="52"/>
    </row>
    <row r="34" spans="2:14" x14ac:dyDescent="0.3">
      <c r="B34" s="43" t="s">
        <v>32</v>
      </c>
      <c r="C34" s="66">
        <v>43830</v>
      </c>
      <c r="D34" s="43">
        <v>2019</v>
      </c>
      <c r="J34" s="51"/>
      <c r="K34" s="52"/>
      <c r="L34" s="52"/>
      <c r="M34" s="52"/>
      <c r="N34" s="52"/>
    </row>
    <row r="35" spans="2:14" x14ac:dyDescent="0.3">
      <c r="J35" s="51"/>
      <c r="K35" s="52"/>
      <c r="L35" s="52"/>
      <c r="M35" s="52"/>
      <c r="N35" s="52"/>
    </row>
    <row r="36" spans="2:14" x14ac:dyDescent="0.3">
      <c r="J36" s="51"/>
      <c r="K36" s="52"/>
      <c r="L36" s="52"/>
      <c r="M36" s="52"/>
      <c r="N36" s="52"/>
    </row>
    <row r="37" spans="2:14" x14ac:dyDescent="0.3">
      <c r="J37" s="51"/>
      <c r="K37" s="52"/>
      <c r="L37" s="52"/>
      <c r="M37" s="52"/>
      <c r="N37" s="52"/>
    </row>
    <row r="38" spans="2:14" x14ac:dyDescent="0.3">
      <c r="J38" s="51"/>
      <c r="K38" s="51"/>
      <c r="L38" s="51"/>
      <c r="M38" s="51"/>
      <c r="N38" s="51"/>
    </row>
    <row r="39" spans="2:14" x14ac:dyDescent="0.3">
      <c r="J39" s="67"/>
      <c r="K39" s="52"/>
      <c r="L39" s="52"/>
      <c r="M39" s="52"/>
      <c r="N39" s="52"/>
    </row>
    <row r="40" spans="2:14" x14ac:dyDescent="0.3">
      <c r="J40" s="67"/>
      <c r="K40" s="52"/>
      <c r="L40" s="52"/>
      <c r="M40" s="52"/>
      <c r="N40" s="52"/>
    </row>
    <row r="41" spans="2:14" x14ac:dyDescent="0.3">
      <c r="J41" s="67"/>
      <c r="K41" s="52"/>
      <c r="L41" s="52"/>
      <c r="M41" s="52"/>
      <c r="N41" s="52"/>
    </row>
    <row r="42" spans="2:14" x14ac:dyDescent="0.3">
      <c r="J42" s="51"/>
      <c r="K42" s="52"/>
      <c r="L42" s="52"/>
      <c r="M42" s="52"/>
      <c r="N42" s="52"/>
    </row>
    <row r="43" spans="2:14" x14ac:dyDescent="0.3">
      <c r="J43" s="51"/>
      <c r="K43" s="52"/>
      <c r="L43" s="52"/>
      <c r="M43" s="52"/>
      <c r="N43" s="52"/>
    </row>
    <row r="44" spans="2:14" x14ac:dyDescent="0.3">
      <c r="G44" s="50"/>
      <c r="J44" s="51"/>
      <c r="K44" s="51"/>
      <c r="L44" s="51"/>
      <c r="M44" s="51"/>
      <c r="N44" s="51"/>
    </row>
    <row r="45" spans="2:14" x14ac:dyDescent="0.3">
      <c r="G45" s="50"/>
      <c r="J45" s="51"/>
      <c r="K45" s="52"/>
      <c r="L45" s="52"/>
      <c r="M45" s="52"/>
      <c r="N45" s="52"/>
    </row>
    <row r="46" spans="2:14" x14ac:dyDescent="0.3">
      <c r="G46" s="50"/>
      <c r="J46" s="51"/>
      <c r="K46" s="52"/>
      <c r="L46" s="52"/>
      <c r="M46" s="52"/>
      <c r="N46" s="52"/>
    </row>
    <row r="47" spans="2:14" x14ac:dyDescent="0.3">
      <c r="J47" s="51"/>
      <c r="K47" s="52"/>
      <c r="L47" s="52"/>
      <c r="M47" s="52"/>
      <c r="N47" s="52"/>
    </row>
    <row r="48" spans="2:14" x14ac:dyDescent="0.3">
      <c r="G48" s="50"/>
      <c r="J48" s="51"/>
      <c r="K48" s="52"/>
      <c r="L48" s="52"/>
      <c r="M48" s="52"/>
      <c r="N48" s="52"/>
    </row>
    <row r="49" spans="7:15" x14ac:dyDescent="0.3">
      <c r="G49" s="50"/>
      <c r="J49" s="51"/>
      <c r="K49" s="52"/>
      <c r="L49" s="52"/>
      <c r="M49" s="52"/>
      <c r="N49" s="52"/>
    </row>
    <row r="50" spans="7:15" x14ac:dyDescent="0.3">
      <c r="G50" s="50"/>
      <c r="J50" s="52"/>
      <c r="K50" s="52"/>
      <c r="L50" s="52"/>
      <c r="M50" s="52"/>
      <c r="N50" s="52"/>
    </row>
    <row r="51" spans="7:15" x14ac:dyDescent="0.3">
      <c r="J51" s="51"/>
      <c r="K51" s="52"/>
      <c r="L51" s="52"/>
      <c r="M51" s="52"/>
      <c r="N51" s="52"/>
    </row>
    <row r="52" spans="7:15" x14ac:dyDescent="0.3">
      <c r="J52" s="51"/>
      <c r="K52" s="52"/>
      <c r="L52" s="52"/>
      <c r="M52" s="52"/>
      <c r="N52" s="52"/>
    </row>
    <row r="53" spans="7:15" x14ac:dyDescent="0.3">
      <c r="J53" s="51"/>
      <c r="K53" s="52"/>
      <c r="L53" s="52"/>
      <c r="M53" s="52"/>
      <c r="N53" s="52"/>
    </row>
    <row r="54" spans="7:15" x14ac:dyDescent="0.3">
      <c r="G54" s="50"/>
      <c r="J54" s="51"/>
      <c r="K54" s="51"/>
      <c r="L54" s="51"/>
      <c r="M54" s="51"/>
      <c r="N54" s="51"/>
    </row>
    <row r="55" spans="7:15" x14ac:dyDescent="0.3">
      <c r="J55" s="51"/>
      <c r="K55" s="52"/>
      <c r="L55" s="52"/>
      <c r="M55" s="52"/>
      <c r="N55" s="52"/>
    </row>
    <row r="56" spans="7:15" x14ac:dyDescent="0.3">
      <c r="J56" s="51"/>
      <c r="K56" s="52"/>
      <c r="L56" s="52"/>
      <c r="M56" s="52"/>
      <c r="N56" s="52"/>
    </row>
    <row r="57" spans="7:15" x14ac:dyDescent="0.3">
      <c r="J57" s="51"/>
      <c r="K57" s="52"/>
      <c r="L57" s="52"/>
      <c r="M57" s="52"/>
      <c r="N57" s="52"/>
    </row>
    <row r="58" spans="7:15" x14ac:dyDescent="0.3">
      <c r="J58" s="51"/>
      <c r="K58" s="52"/>
      <c r="L58" s="52"/>
      <c r="M58" s="52"/>
      <c r="N58" s="52"/>
    </row>
    <row r="59" spans="7:15" x14ac:dyDescent="0.3">
      <c r="J59" s="51"/>
      <c r="K59" s="51"/>
      <c r="L59" s="51"/>
      <c r="M59" s="51"/>
      <c r="N59" s="51"/>
    </row>
    <row r="60" spans="7:15" x14ac:dyDescent="0.3">
      <c r="J60" s="51"/>
      <c r="K60" s="52"/>
      <c r="L60" s="52"/>
      <c r="M60" s="52"/>
      <c r="N60" s="52"/>
    </row>
    <row r="61" spans="7:15" x14ac:dyDescent="0.3">
      <c r="J61" s="51"/>
      <c r="K61" s="52"/>
      <c r="L61" s="52"/>
      <c r="M61" s="52"/>
      <c r="N61" s="52"/>
    </row>
    <row r="62" spans="7:15" x14ac:dyDescent="0.3">
      <c r="J62" s="51"/>
      <c r="K62" s="52"/>
      <c r="L62" s="52"/>
      <c r="M62" s="52"/>
      <c r="N62" s="52"/>
    </row>
    <row r="63" spans="7:15" x14ac:dyDescent="0.3">
      <c r="J63" s="51"/>
      <c r="K63" s="52"/>
      <c r="L63" s="52"/>
      <c r="M63" s="52"/>
      <c r="N63" s="52"/>
    </row>
    <row r="64" spans="7:15" x14ac:dyDescent="0.3">
      <c r="G64" s="50"/>
      <c r="J64" s="51"/>
      <c r="K64" s="51"/>
      <c r="L64" s="51"/>
      <c r="M64" s="51"/>
      <c r="N64" s="51"/>
      <c r="O64" s="51"/>
    </row>
    <row r="65" spans="7:14" x14ac:dyDescent="0.3">
      <c r="J65" s="51"/>
      <c r="K65" s="52"/>
      <c r="L65" s="52"/>
      <c r="M65" s="52"/>
      <c r="N65" s="52"/>
    </row>
    <row r="66" spans="7:14" x14ac:dyDescent="0.3">
      <c r="J66" s="57"/>
      <c r="K66" s="52"/>
      <c r="L66" s="52"/>
      <c r="M66" s="52"/>
      <c r="N66" s="52"/>
    </row>
    <row r="67" spans="7:14" x14ac:dyDescent="0.3">
      <c r="J67" s="57"/>
      <c r="K67" s="52"/>
      <c r="L67" s="52"/>
      <c r="M67" s="52"/>
      <c r="N67" s="52"/>
    </row>
    <row r="68" spans="7:14" x14ac:dyDescent="0.3">
      <c r="J68" s="57"/>
      <c r="K68" s="52"/>
      <c r="L68" s="52"/>
      <c r="M68" s="52"/>
      <c r="N68" s="52"/>
    </row>
    <row r="69" spans="7:14" x14ac:dyDescent="0.3">
      <c r="G69" s="50"/>
      <c r="J69" s="57"/>
      <c r="K69" s="51"/>
      <c r="L69" s="51"/>
      <c r="M69" s="51"/>
      <c r="N69" s="51"/>
    </row>
    <row r="70" spans="7:14" x14ac:dyDescent="0.3">
      <c r="J70" s="51"/>
      <c r="K70" s="52"/>
      <c r="L70" s="52"/>
      <c r="M70" s="52"/>
      <c r="N70" s="52"/>
    </row>
    <row r="71" spans="7:14" x14ac:dyDescent="0.3">
      <c r="J71" s="51"/>
      <c r="K71" s="52"/>
      <c r="L71" s="52"/>
      <c r="M71" s="52"/>
      <c r="N71" s="52"/>
    </row>
    <row r="72" spans="7:14" x14ac:dyDescent="0.3">
      <c r="J72" s="51"/>
      <c r="K72" s="52"/>
      <c r="L72" s="52"/>
      <c r="M72" s="52"/>
      <c r="N72" s="52"/>
    </row>
    <row r="73" spans="7:14" x14ac:dyDescent="0.3">
      <c r="J73" s="51"/>
      <c r="K73" s="52"/>
      <c r="L73" s="52"/>
      <c r="M73" s="52"/>
      <c r="N73" s="52"/>
    </row>
    <row r="74" spans="7:14" x14ac:dyDescent="0.3">
      <c r="G74" s="50"/>
      <c r="J74" s="51"/>
      <c r="K74" s="51"/>
      <c r="L74" s="51"/>
      <c r="M74" s="51"/>
      <c r="N74" s="51"/>
    </row>
    <row r="75" spans="7:14" x14ac:dyDescent="0.3">
      <c r="J75" s="51"/>
      <c r="K75" s="52"/>
      <c r="L75" s="52"/>
      <c r="M75" s="52"/>
      <c r="N75" s="52"/>
    </row>
    <row r="76" spans="7:14" x14ac:dyDescent="0.3">
      <c r="J76" s="51"/>
      <c r="K76" s="52"/>
      <c r="L76" s="52"/>
      <c r="M76" s="52"/>
      <c r="N76" s="52"/>
    </row>
    <row r="77" spans="7:14" x14ac:dyDescent="0.3">
      <c r="J77" s="51"/>
      <c r="K77" s="52"/>
      <c r="L77" s="52"/>
      <c r="M77" s="52"/>
      <c r="N77" s="52"/>
    </row>
    <row r="78" spans="7:14" x14ac:dyDescent="0.3">
      <c r="J78" s="51"/>
      <c r="K78" s="52"/>
      <c r="L78" s="52"/>
      <c r="M78" s="52"/>
      <c r="N78" s="52"/>
    </row>
    <row r="79" spans="7:14" x14ac:dyDescent="0.3">
      <c r="G79" s="50"/>
      <c r="J79" s="51"/>
      <c r="K79" s="51"/>
      <c r="L79" s="51"/>
      <c r="M79" s="51"/>
      <c r="N79" s="51"/>
    </row>
    <row r="80" spans="7:14" x14ac:dyDescent="0.3">
      <c r="J80" s="51"/>
      <c r="K80" s="52"/>
      <c r="L80" s="52"/>
      <c r="M80" s="52"/>
      <c r="N80" s="52"/>
    </row>
    <row r="81" spans="10:14" x14ac:dyDescent="0.3">
      <c r="J81" s="51"/>
      <c r="K81" s="52"/>
      <c r="L81" s="52"/>
      <c r="M81" s="52"/>
      <c r="N81" s="52"/>
    </row>
    <row r="82" spans="10:14" x14ac:dyDescent="0.3">
      <c r="J82" s="51"/>
      <c r="K82" s="52"/>
      <c r="L82" s="52"/>
      <c r="M82" s="52"/>
      <c r="N82" s="52"/>
    </row>
  </sheetData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42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7ED0EB-AEB5-4D54-9411-CEE8710645B1}">
  <sheetPr>
    <tabColor rgb="FFFF0000"/>
  </sheetPr>
  <dimension ref="A1:DA3369"/>
  <sheetViews>
    <sheetView tabSelected="1" workbookViewId="0">
      <pane xSplit="1" ySplit="3" topLeftCell="C4" activePane="bottomRight" state="frozen"/>
      <selection activeCell="F30" sqref="F30"/>
      <selection pane="topRight" activeCell="F30" sqref="F30"/>
      <selection pane="bottomLeft" activeCell="F30" sqref="F30"/>
      <selection pane="bottomRight" activeCell="F30" sqref="F30"/>
    </sheetView>
  </sheetViews>
  <sheetFormatPr defaultColWidth="9.33203125" defaultRowHeight="10.199999999999999" outlineLevelRow="1" outlineLevelCol="1" x14ac:dyDescent="0.2"/>
  <cols>
    <col min="1" max="1" width="70" style="167" bestFit="1" customWidth="1"/>
    <col min="2" max="2" width="13.109375" style="166" hidden="1" customWidth="1" outlineLevel="1"/>
    <col min="3" max="3" width="14.109375" style="166" bestFit="1" customWidth="1" collapsed="1"/>
    <col min="4" max="27" width="13.109375" style="166" hidden="1" customWidth="1" outlineLevel="1"/>
    <col min="28" max="28" width="13.6640625" style="166" hidden="1" customWidth="1" outlineLevel="1"/>
    <col min="29" max="55" width="13.109375" style="166" hidden="1" customWidth="1" outlineLevel="1"/>
    <col min="56" max="56" width="12.109375" style="166" hidden="1" customWidth="1" outlineLevel="1"/>
    <col min="57" max="58" width="11.77734375" style="166" hidden="1" customWidth="1" outlineLevel="1"/>
    <col min="59" max="59" width="12.109375" style="166" hidden="1" customWidth="1" outlineLevel="1"/>
    <col min="60" max="61" width="11.77734375" style="166" hidden="1" customWidth="1" outlineLevel="1"/>
    <col min="62" max="62" width="13.6640625" style="166" hidden="1" customWidth="1" outlineLevel="1"/>
    <col min="63" max="68" width="11.77734375" style="166" hidden="1" customWidth="1" outlineLevel="1"/>
    <col min="69" max="69" width="12.109375" style="166" hidden="1" customWidth="1" outlineLevel="1"/>
    <col min="70" max="70" width="13.109375" style="166" hidden="1" customWidth="1" outlineLevel="1"/>
    <col min="71" max="71" width="13.109375" style="166" bestFit="1" customWidth="1" collapsed="1"/>
    <col min="72" max="72" width="11.77734375" style="166" bestFit="1" customWidth="1"/>
    <col min="73" max="73" width="11.77734375" style="166" hidden="1" customWidth="1" outlineLevel="1"/>
    <col min="74" max="74" width="13.109375" style="166" bestFit="1" customWidth="1" collapsed="1"/>
    <col min="75" max="80" width="12.109375" style="166" hidden="1" customWidth="1" outlineLevel="1"/>
    <col min="81" max="81" width="13.6640625" style="166" hidden="1" customWidth="1" outlineLevel="1"/>
    <col min="82" max="89" width="12.109375" style="166" hidden="1" customWidth="1" outlineLevel="1"/>
    <col min="90" max="91" width="11.77734375" style="166" hidden="1" customWidth="1" outlineLevel="1"/>
    <col min="92" max="92" width="12.109375" style="166" hidden="1" customWidth="1" outlineLevel="1"/>
    <col min="93" max="94" width="11.77734375" style="166" hidden="1" customWidth="1" outlineLevel="1"/>
    <col min="95" max="95" width="13.6640625" style="166" hidden="1" customWidth="1" outlineLevel="1"/>
    <col min="96" max="101" width="11.77734375" style="166" hidden="1" customWidth="1" outlineLevel="1"/>
    <col min="102" max="102" width="12.109375" style="166" hidden="1" customWidth="1" outlineLevel="1"/>
    <col min="103" max="103" width="12.33203125" style="166" bestFit="1" customWidth="1" collapsed="1"/>
    <col min="104" max="104" width="13.109375" style="166" hidden="1" customWidth="1"/>
    <col min="105" max="105" width="17" style="166" bestFit="1" customWidth="1"/>
    <col min="106" max="16384" width="9.33203125" style="166"/>
  </cols>
  <sheetData>
    <row r="1" spans="1:104" s="162" customFormat="1" ht="30.6" x14ac:dyDescent="0.25">
      <c r="B1" s="162" t="s">
        <v>654</v>
      </c>
      <c r="C1" s="162" t="s">
        <v>992</v>
      </c>
      <c r="D1" s="162" t="s">
        <v>655</v>
      </c>
      <c r="E1" s="162" t="s">
        <v>655</v>
      </c>
      <c r="F1" s="162" t="s">
        <v>655</v>
      </c>
      <c r="G1" s="162" t="s">
        <v>655</v>
      </c>
      <c r="H1" s="162" t="s">
        <v>655</v>
      </c>
      <c r="I1" s="162" t="s">
        <v>655</v>
      </c>
      <c r="J1" s="162" t="s">
        <v>655</v>
      </c>
      <c r="K1" s="162" t="s">
        <v>655</v>
      </c>
      <c r="L1" s="162" t="s">
        <v>655</v>
      </c>
      <c r="M1" s="162" t="s">
        <v>655</v>
      </c>
      <c r="N1" s="162" t="s">
        <v>655</v>
      </c>
      <c r="O1" s="162" t="s">
        <v>655</v>
      </c>
      <c r="P1" s="162" t="s">
        <v>655</v>
      </c>
      <c r="Q1" s="162" t="s">
        <v>655</v>
      </c>
      <c r="R1" s="162" t="s">
        <v>655</v>
      </c>
      <c r="S1" s="162" t="s">
        <v>655</v>
      </c>
      <c r="T1" s="162" t="s">
        <v>655</v>
      </c>
      <c r="U1" s="162" t="s">
        <v>655</v>
      </c>
      <c r="V1" s="162" t="s">
        <v>655</v>
      </c>
      <c r="W1" s="162" t="s">
        <v>655</v>
      </c>
      <c r="X1" s="162" t="s">
        <v>655</v>
      </c>
      <c r="Y1" s="162" t="s">
        <v>655</v>
      </c>
      <c r="Z1" s="162" t="s">
        <v>655</v>
      </c>
      <c r="AA1" s="162" t="s">
        <v>655</v>
      </c>
      <c r="AB1" s="162" t="s">
        <v>655</v>
      </c>
      <c r="AC1" s="162" t="s">
        <v>655</v>
      </c>
      <c r="AD1" s="162" t="s">
        <v>655</v>
      </c>
      <c r="AE1" s="162" t="s">
        <v>655</v>
      </c>
      <c r="AF1" s="162" t="s">
        <v>655</v>
      </c>
      <c r="AG1" s="162" t="s">
        <v>655</v>
      </c>
      <c r="AH1" s="162" t="s">
        <v>655</v>
      </c>
      <c r="AI1" s="162" t="s">
        <v>655</v>
      </c>
      <c r="AJ1" s="162" t="s">
        <v>655</v>
      </c>
      <c r="AK1" s="162" t="s">
        <v>655</v>
      </c>
      <c r="AL1" s="162" t="s">
        <v>655</v>
      </c>
      <c r="AM1" s="162" t="s">
        <v>655</v>
      </c>
      <c r="AN1" s="162" t="s">
        <v>655</v>
      </c>
      <c r="AO1" s="162" t="s">
        <v>655</v>
      </c>
      <c r="AP1" s="162" t="s">
        <v>655</v>
      </c>
      <c r="AQ1" s="162" t="s">
        <v>655</v>
      </c>
      <c r="AR1" s="162" t="s">
        <v>655</v>
      </c>
      <c r="AS1" s="162" t="s">
        <v>655</v>
      </c>
      <c r="AT1" s="162" t="s">
        <v>655</v>
      </c>
      <c r="AU1" s="162" t="s">
        <v>655</v>
      </c>
      <c r="AV1" s="162" t="s">
        <v>655</v>
      </c>
      <c r="AW1" s="162" t="s">
        <v>655</v>
      </c>
      <c r="AX1" s="162" t="s">
        <v>655</v>
      </c>
      <c r="AY1" s="162" t="s">
        <v>655</v>
      </c>
      <c r="AZ1" s="162" t="s">
        <v>655</v>
      </c>
      <c r="BA1" s="162" t="s">
        <v>655</v>
      </c>
      <c r="BB1" s="162" t="s">
        <v>655</v>
      </c>
      <c r="BC1" s="162" t="s">
        <v>655</v>
      </c>
      <c r="BD1" s="162" t="s">
        <v>656</v>
      </c>
      <c r="BE1" s="162" t="s">
        <v>656</v>
      </c>
      <c r="BF1" s="162" t="s">
        <v>656</v>
      </c>
      <c r="BG1" s="162" t="s">
        <v>656</v>
      </c>
      <c r="BH1" s="162" t="s">
        <v>656</v>
      </c>
      <c r="BI1" s="162" t="s">
        <v>656</v>
      </c>
      <c r="BJ1" s="162" t="s">
        <v>656</v>
      </c>
      <c r="BK1" s="162" t="s">
        <v>656</v>
      </c>
      <c r="BL1" s="162" t="s">
        <v>656</v>
      </c>
      <c r="BM1" s="162" t="s">
        <v>656</v>
      </c>
      <c r="BN1" s="162" t="s">
        <v>656</v>
      </c>
      <c r="BO1" s="162" t="s">
        <v>656</v>
      </c>
      <c r="BP1" s="162" t="s">
        <v>656</v>
      </c>
      <c r="BQ1" s="162" t="s">
        <v>656</v>
      </c>
      <c r="BR1" s="162" t="s">
        <v>657</v>
      </c>
      <c r="BS1" s="162" t="s">
        <v>993</v>
      </c>
      <c r="BT1" s="162" t="s">
        <v>658</v>
      </c>
      <c r="BU1" s="162" t="s">
        <v>659</v>
      </c>
      <c r="BV1" s="162" t="s">
        <v>994</v>
      </c>
      <c r="BW1" s="162" t="s">
        <v>660</v>
      </c>
      <c r="BX1" s="162" t="s">
        <v>660</v>
      </c>
      <c r="BY1" s="162" t="s">
        <v>660</v>
      </c>
      <c r="BZ1" s="162" t="s">
        <v>660</v>
      </c>
      <c r="CA1" s="162" t="s">
        <v>660</v>
      </c>
      <c r="CB1" s="162" t="s">
        <v>660</v>
      </c>
      <c r="CC1" s="162" t="s">
        <v>660</v>
      </c>
      <c r="CD1" s="162" t="s">
        <v>660</v>
      </c>
      <c r="CE1" s="162" t="s">
        <v>660</v>
      </c>
      <c r="CF1" s="162" t="s">
        <v>660</v>
      </c>
      <c r="CG1" s="162" t="s">
        <v>660</v>
      </c>
      <c r="CH1" s="162" t="s">
        <v>660</v>
      </c>
      <c r="CI1" s="162" t="s">
        <v>660</v>
      </c>
      <c r="CJ1" s="162" t="s">
        <v>660</v>
      </c>
      <c r="CK1" s="162" t="s">
        <v>661</v>
      </c>
      <c r="CL1" s="162" t="s">
        <v>661</v>
      </c>
      <c r="CM1" s="162" t="s">
        <v>661</v>
      </c>
      <c r="CN1" s="162" t="s">
        <v>661</v>
      </c>
      <c r="CO1" s="162" t="s">
        <v>661</v>
      </c>
      <c r="CP1" s="162" t="s">
        <v>661</v>
      </c>
      <c r="CQ1" s="162" t="s">
        <v>661</v>
      </c>
      <c r="CR1" s="162" t="s">
        <v>661</v>
      </c>
      <c r="CS1" s="162" t="s">
        <v>661</v>
      </c>
      <c r="CT1" s="162" t="s">
        <v>661</v>
      </c>
      <c r="CU1" s="162" t="s">
        <v>661</v>
      </c>
      <c r="CV1" s="162" t="s">
        <v>661</v>
      </c>
      <c r="CW1" s="162" t="s">
        <v>661</v>
      </c>
      <c r="CX1" s="162" t="s">
        <v>661</v>
      </c>
      <c r="CY1" s="162" t="s">
        <v>995</v>
      </c>
      <c r="CZ1" s="162" t="s">
        <v>662</v>
      </c>
    </row>
    <row r="2" spans="1:104" s="164" customFormat="1" ht="30.6" x14ac:dyDescent="0.2">
      <c r="A2" s="163" t="s">
        <v>690</v>
      </c>
      <c r="B2" s="164" t="s">
        <v>996</v>
      </c>
      <c r="C2" s="164" t="s">
        <v>996</v>
      </c>
      <c r="D2" s="164" t="s">
        <v>997</v>
      </c>
      <c r="E2" s="164" t="s">
        <v>998</v>
      </c>
      <c r="F2" s="164" t="s">
        <v>999</v>
      </c>
      <c r="G2" s="164" t="s">
        <v>1000</v>
      </c>
      <c r="H2" s="164" t="s">
        <v>1001</v>
      </c>
      <c r="I2" s="164" t="s">
        <v>1002</v>
      </c>
      <c r="J2" s="164" t="s">
        <v>1003</v>
      </c>
      <c r="K2" s="164" t="s">
        <v>1004</v>
      </c>
      <c r="L2" s="164" t="s">
        <v>1005</v>
      </c>
      <c r="M2" s="164" t="s">
        <v>1006</v>
      </c>
      <c r="N2" s="164" t="s">
        <v>1007</v>
      </c>
      <c r="O2" s="164" t="s">
        <v>1008</v>
      </c>
      <c r="P2" s="164" t="s">
        <v>1009</v>
      </c>
      <c r="Q2" s="164" t="s">
        <v>1010</v>
      </c>
      <c r="R2" s="164" t="s">
        <v>1011</v>
      </c>
      <c r="S2" s="164" t="s">
        <v>1012</v>
      </c>
      <c r="T2" s="164" t="s">
        <v>1013</v>
      </c>
      <c r="U2" s="164" t="s">
        <v>1014</v>
      </c>
      <c r="V2" s="164" t="s">
        <v>1015</v>
      </c>
      <c r="W2" s="164" t="s">
        <v>1015</v>
      </c>
      <c r="X2" s="164" t="s">
        <v>1016</v>
      </c>
      <c r="Y2" s="164" t="s">
        <v>1017</v>
      </c>
      <c r="Z2" s="164" t="s">
        <v>1018</v>
      </c>
      <c r="AA2" s="164" t="s">
        <v>1019</v>
      </c>
      <c r="AB2" s="164" t="s">
        <v>1020</v>
      </c>
      <c r="AC2" s="164" t="s">
        <v>1021</v>
      </c>
      <c r="AD2" s="164" t="s">
        <v>1022</v>
      </c>
      <c r="AE2" s="164" t="s">
        <v>1023</v>
      </c>
      <c r="AF2" s="164" t="s">
        <v>1024</v>
      </c>
      <c r="AG2" s="164" t="s">
        <v>1025</v>
      </c>
      <c r="AH2" s="164" t="s">
        <v>1026</v>
      </c>
      <c r="AI2" s="164" t="s">
        <v>1027</v>
      </c>
      <c r="AJ2" s="164" t="s">
        <v>1028</v>
      </c>
      <c r="AK2" s="164" t="s">
        <v>1029</v>
      </c>
      <c r="AL2" s="164" t="s">
        <v>1030</v>
      </c>
      <c r="AM2" s="164" t="s">
        <v>1031</v>
      </c>
      <c r="AN2" s="164" t="s">
        <v>1032</v>
      </c>
      <c r="AO2" s="164" t="s">
        <v>1033</v>
      </c>
      <c r="AP2" s="164" t="s">
        <v>1034</v>
      </c>
      <c r="AQ2" s="164" t="s">
        <v>1035</v>
      </c>
      <c r="AR2" s="164" t="s">
        <v>1036</v>
      </c>
      <c r="AS2" s="164" t="s">
        <v>1037</v>
      </c>
      <c r="AT2" s="164" t="s">
        <v>1038</v>
      </c>
      <c r="AU2" s="164" t="s">
        <v>1039</v>
      </c>
      <c r="AV2" s="164" t="s">
        <v>1040</v>
      </c>
      <c r="AW2" s="164" t="s">
        <v>1041</v>
      </c>
      <c r="AX2" s="164" t="s">
        <v>1042</v>
      </c>
      <c r="AY2" s="164" t="s">
        <v>1043</v>
      </c>
      <c r="AZ2" s="164" t="s">
        <v>1044</v>
      </c>
      <c r="BA2" s="164" t="s">
        <v>1045</v>
      </c>
      <c r="BB2" s="164" t="s">
        <v>1046</v>
      </c>
      <c r="BC2" s="164" t="s">
        <v>1047</v>
      </c>
      <c r="BD2" s="164" t="s">
        <v>1000</v>
      </c>
      <c r="BE2" s="164" t="s">
        <v>1003</v>
      </c>
      <c r="BF2" s="164" t="s">
        <v>1009</v>
      </c>
      <c r="BG2" s="164" t="s">
        <v>1011</v>
      </c>
      <c r="BH2" s="164" t="s">
        <v>1012</v>
      </c>
      <c r="BI2" s="164" t="s">
        <v>1014</v>
      </c>
      <c r="BJ2" s="164" t="s">
        <v>1020</v>
      </c>
      <c r="BK2" s="164" t="s">
        <v>1028</v>
      </c>
      <c r="BL2" s="164" t="s">
        <v>1029</v>
      </c>
      <c r="BM2" s="164" t="s">
        <v>1034</v>
      </c>
      <c r="BN2" s="164" t="s">
        <v>1036</v>
      </c>
      <c r="BO2" s="164" t="s">
        <v>1042</v>
      </c>
      <c r="BP2" s="164" t="s">
        <v>1043</v>
      </c>
      <c r="BQ2" s="164" t="s">
        <v>1044</v>
      </c>
      <c r="BR2" s="164" t="s">
        <v>996</v>
      </c>
      <c r="BS2" s="164" t="s">
        <v>996</v>
      </c>
      <c r="BT2" s="164" t="s">
        <v>1048</v>
      </c>
      <c r="BU2" s="164" t="s">
        <v>1048</v>
      </c>
      <c r="BV2" s="164" t="s">
        <v>1048</v>
      </c>
      <c r="BW2" s="164" t="s">
        <v>1000</v>
      </c>
      <c r="BX2" s="164" t="s">
        <v>1003</v>
      </c>
      <c r="BY2" s="164" t="s">
        <v>1009</v>
      </c>
      <c r="BZ2" s="164" t="s">
        <v>1011</v>
      </c>
      <c r="CA2" s="164" t="s">
        <v>1012</v>
      </c>
      <c r="CB2" s="164" t="s">
        <v>1014</v>
      </c>
      <c r="CC2" s="164" t="s">
        <v>1020</v>
      </c>
      <c r="CD2" s="164" t="s">
        <v>1028</v>
      </c>
      <c r="CE2" s="164" t="s">
        <v>1029</v>
      </c>
      <c r="CF2" s="164" t="s">
        <v>1034</v>
      </c>
      <c r="CG2" s="164" t="s">
        <v>1036</v>
      </c>
      <c r="CH2" s="164" t="s">
        <v>1042</v>
      </c>
      <c r="CI2" s="164" t="s">
        <v>1043</v>
      </c>
      <c r="CJ2" s="164" t="s">
        <v>1044</v>
      </c>
      <c r="CK2" s="164" t="s">
        <v>1000</v>
      </c>
      <c r="CL2" s="164" t="s">
        <v>1003</v>
      </c>
      <c r="CM2" s="164" t="s">
        <v>1009</v>
      </c>
      <c r="CN2" s="164" t="s">
        <v>1011</v>
      </c>
      <c r="CO2" s="164" t="s">
        <v>1012</v>
      </c>
      <c r="CP2" s="164" t="s">
        <v>1014</v>
      </c>
      <c r="CQ2" s="164" t="s">
        <v>1020</v>
      </c>
      <c r="CR2" s="164" t="s">
        <v>1028</v>
      </c>
      <c r="CS2" s="164" t="s">
        <v>1029</v>
      </c>
      <c r="CT2" s="164" t="s">
        <v>1034</v>
      </c>
      <c r="CU2" s="164" t="s">
        <v>1036</v>
      </c>
      <c r="CV2" s="164" t="s">
        <v>1042</v>
      </c>
      <c r="CW2" s="164" t="s">
        <v>1043</v>
      </c>
      <c r="CX2" s="164" t="s">
        <v>1044</v>
      </c>
      <c r="CY2" s="164" t="s">
        <v>1048</v>
      </c>
      <c r="CZ2" s="164" t="s">
        <v>1048</v>
      </c>
    </row>
    <row r="3" spans="1:104" s="164" customFormat="1" x14ac:dyDescent="0.2">
      <c r="A3" s="163"/>
    </row>
    <row r="4" spans="1:104" x14ac:dyDescent="0.2">
      <c r="A4" s="165" t="s">
        <v>1049</v>
      </c>
      <c r="B4" s="166">
        <v>0</v>
      </c>
      <c r="C4" s="166">
        <v>0</v>
      </c>
      <c r="D4" s="166">
        <v>0</v>
      </c>
      <c r="E4" s="166">
        <v>0</v>
      </c>
      <c r="F4" s="166">
        <v>0</v>
      </c>
      <c r="G4" s="166">
        <v>0</v>
      </c>
      <c r="H4" s="166">
        <v>0</v>
      </c>
      <c r="I4" s="166">
        <v>0</v>
      </c>
      <c r="J4" s="166">
        <v>0</v>
      </c>
      <c r="K4" s="166">
        <v>0</v>
      </c>
      <c r="L4" s="166">
        <v>0</v>
      </c>
      <c r="M4" s="166">
        <v>0</v>
      </c>
      <c r="N4" s="166">
        <v>0</v>
      </c>
      <c r="O4" s="166">
        <v>0</v>
      </c>
      <c r="P4" s="166">
        <v>0</v>
      </c>
      <c r="Q4" s="166">
        <v>0</v>
      </c>
      <c r="R4" s="166">
        <v>0</v>
      </c>
      <c r="S4" s="166">
        <v>0</v>
      </c>
      <c r="T4" s="166">
        <v>0</v>
      </c>
      <c r="U4" s="166">
        <v>0</v>
      </c>
      <c r="V4" s="166">
        <v>0</v>
      </c>
      <c r="W4" s="166">
        <v>0</v>
      </c>
      <c r="X4" s="166">
        <v>0</v>
      </c>
      <c r="Y4" s="166">
        <v>0</v>
      </c>
      <c r="Z4" s="166">
        <v>0</v>
      </c>
      <c r="AA4" s="166">
        <v>0</v>
      </c>
      <c r="AB4" s="166">
        <v>0</v>
      </c>
      <c r="AC4" s="166">
        <v>0</v>
      </c>
      <c r="AD4" s="166">
        <v>0</v>
      </c>
      <c r="AE4" s="166">
        <v>0</v>
      </c>
      <c r="AF4" s="166">
        <v>0</v>
      </c>
      <c r="AG4" s="166">
        <v>0</v>
      </c>
      <c r="AH4" s="166">
        <v>0</v>
      </c>
      <c r="AI4" s="166">
        <v>0</v>
      </c>
      <c r="AJ4" s="166">
        <v>0</v>
      </c>
      <c r="AK4" s="166">
        <v>0</v>
      </c>
      <c r="AL4" s="166">
        <v>0</v>
      </c>
      <c r="AM4" s="166">
        <v>0</v>
      </c>
      <c r="AN4" s="166">
        <v>0</v>
      </c>
      <c r="AO4" s="166">
        <v>0</v>
      </c>
      <c r="AP4" s="166">
        <v>0</v>
      </c>
      <c r="AQ4" s="166">
        <v>0</v>
      </c>
      <c r="AR4" s="166">
        <v>0</v>
      </c>
      <c r="AS4" s="166">
        <v>0</v>
      </c>
      <c r="AT4" s="166">
        <v>0</v>
      </c>
      <c r="AU4" s="166">
        <v>0</v>
      </c>
      <c r="AV4" s="166">
        <v>0</v>
      </c>
      <c r="AW4" s="166">
        <v>0</v>
      </c>
      <c r="AX4" s="166">
        <v>0</v>
      </c>
      <c r="AY4" s="166">
        <v>0</v>
      </c>
      <c r="AZ4" s="166">
        <v>0</v>
      </c>
      <c r="BA4" s="166">
        <v>0</v>
      </c>
      <c r="BB4" s="166">
        <v>0</v>
      </c>
      <c r="BC4" s="166">
        <v>0</v>
      </c>
      <c r="BD4" s="166">
        <v>0</v>
      </c>
      <c r="BE4" s="166">
        <v>0</v>
      </c>
      <c r="BF4" s="166">
        <v>0</v>
      </c>
      <c r="BG4" s="166">
        <v>0</v>
      </c>
      <c r="BH4" s="166">
        <v>0</v>
      </c>
      <c r="BI4" s="166">
        <v>0</v>
      </c>
      <c r="BJ4" s="166">
        <v>0</v>
      </c>
      <c r="BK4" s="166">
        <v>0</v>
      </c>
      <c r="BL4" s="166">
        <v>0</v>
      </c>
      <c r="BM4" s="166">
        <v>0</v>
      </c>
      <c r="BN4" s="166">
        <v>0</v>
      </c>
      <c r="BO4" s="166">
        <v>0</v>
      </c>
      <c r="BP4" s="166">
        <v>0</v>
      </c>
      <c r="BQ4" s="166">
        <v>0</v>
      </c>
      <c r="BR4" s="166">
        <v>0</v>
      </c>
      <c r="BS4" s="166">
        <v>0</v>
      </c>
      <c r="BT4" s="166">
        <v>0</v>
      </c>
      <c r="BU4" s="166">
        <v>0</v>
      </c>
      <c r="BV4" s="166">
        <v>0</v>
      </c>
      <c r="BW4" s="166">
        <v>0</v>
      </c>
      <c r="BX4" s="166">
        <v>0</v>
      </c>
      <c r="BY4" s="166">
        <v>0</v>
      </c>
      <c r="BZ4" s="166">
        <v>0</v>
      </c>
      <c r="CA4" s="166">
        <v>0</v>
      </c>
      <c r="CB4" s="166">
        <v>0</v>
      </c>
      <c r="CC4" s="166">
        <v>0</v>
      </c>
      <c r="CD4" s="166">
        <v>0</v>
      </c>
      <c r="CE4" s="166">
        <v>0</v>
      </c>
      <c r="CF4" s="166">
        <v>0</v>
      </c>
      <c r="CG4" s="166">
        <v>0</v>
      </c>
      <c r="CH4" s="166">
        <v>0</v>
      </c>
      <c r="CI4" s="166">
        <v>0</v>
      </c>
      <c r="CJ4" s="166">
        <v>0</v>
      </c>
      <c r="CK4" s="166">
        <v>0</v>
      </c>
      <c r="CL4" s="166">
        <v>0</v>
      </c>
      <c r="CM4" s="166">
        <v>0</v>
      </c>
      <c r="CN4" s="166">
        <v>0</v>
      </c>
      <c r="CO4" s="166">
        <v>0</v>
      </c>
      <c r="CP4" s="166">
        <v>0</v>
      </c>
      <c r="CQ4" s="166">
        <v>0</v>
      </c>
      <c r="CR4" s="166">
        <v>0</v>
      </c>
      <c r="CS4" s="166">
        <v>0</v>
      </c>
      <c r="CT4" s="166">
        <v>0</v>
      </c>
      <c r="CU4" s="166">
        <v>0</v>
      </c>
      <c r="CV4" s="166">
        <v>0</v>
      </c>
      <c r="CW4" s="166">
        <v>0</v>
      </c>
      <c r="CX4" s="166">
        <v>0</v>
      </c>
      <c r="CY4" s="166">
        <v>0</v>
      </c>
      <c r="CZ4" s="166">
        <v>0</v>
      </c>
    </row>
    <row r="5" spans="1:104" hidden="1" outlineLevel="1" x14ac:dyDescent="0.2">
      <c r="A5" s="167" t="s">
        <v>97</v>
      </c>
      <c r="B5" s="166">
        <v>0</v>
      </c>
      <c r="C5" s="166">
        <v>0</v>
      </c>
      <c r="D5" s="166">
        <v>1000</v>
      </c>
      <c r="E5" s="166">
        <v>1000</v>
      </c>
      <c r="F5" s="166">
        <v>1000</v>
      </c>
      <c r="G5" s="166">
        <v>1000</v>
      </c>
      <c r="H5" s="166">
        <v>1000</v>
      </c>
      <c r="I5" s="166">
        <v>1000</v>
      </c>
      <c r="J5" s="166">
        <v>1000</v>
      </c>
      <c r="K5" s="166">
        <v>1000</v>
      </c>
      <c r="L5" s="166">
        <v>1000</v>
      </c>
      <c r="M5" s="166">
        <v>1000</v>
      </c>
      <c r="N5" s="166">
        <v>1000</v>
      </c>
      <c r="O5" s="166">
        <v>1000</v>
      </c>
      <c r="P5" s="166">
        <v>1000</v>
      </c>
      <c r="Q5" s="166">
        <v>1000</v>
      </c>
      <c r="R5" s="166">
        <v>1000</v>
      </c>
      <c r="S5" s="166">
        <v>1000</v>
      </c>
      <c r="T5" s="166">
        <v>1000</v>
      </c>
      <c r="U5" s="166">
        <v>1000</v>
      </c>
      <c r="V5" s="166">
        <v>1000</v>
      </c>
      <c r="W5" s="166">
        <v>1000</v>
      </c>
      <c r="X5" s="166">
        <v>1000</v>
      </c>
      <c r="Y5" s="166">
        <v>1000</v>
      </c>
      <c r="Z5" s="166">
        <v>1000</v>
      </c>
      <c r="AA5" s="166">
        <v>1000</v>
      </c>
      <c r="AB5" s="166">
        <v>1000</v>
      </c>
      <c r="AC5" s="166">
        <v>1000</v>
      </c>
      <c r="AD5" s="166">
        <v>1000</v>
      </c>
      <c r="AE5" s="166">
        <v>1000</v>
      </c>
      <c r="AF5" s="166">
        <v>1000</v>
      </c>
      <c r="AG5" s="166">
        <v>1000</v>
      </c>
      <c r="AH5" s="166">
        <v>1000</v>
      </c>
      <c r="AI5" s="166">
        <v>1000</v>
      </c>
      <c r="AJ5" s="166">
        <v>1000</v>
      </c>
      <c r="AK5" s="166">
        <v>1000</v>
      </c>
      <c r="AL5" s="166">
        <v>1000</v>
      </c>
      <c r="AM5" s="166">
        <v>1000</v>
      </c>
      <c r="AN5" s="166">
        <v>1000</v>
      </c>
      <c r="AO5" s="166">
        <v>1000</v>
      </c>
      <c r="AP5" s="166">
        <v>1000</v>
      </c>
      <c r="AQ5" s="166">
        <v>1000</v>
      </c>
      <c r="AR5" s="166">
        <v>1000</v>
      </c>
      <c r="AS5" s="166">
        <v>1000</v>
      </c>
      <c r="AT5" s="166">
        <v>1000</v>
      </c>
      <c r="AU5" s="166">
        <v>1000</v>
      </c>
      <c r="AV5" s="166">
        <v>1000</v>
      </c>
      <c r="AW5" s="166">
        <v>1000</v>
      </c>
      <c r="AX5" s="166">
        <v>1000</v>
      </c>
      <c r="AY5" s="166">
        <v>1000</v>
      </c>
      <c r="AZ5" s="166">
        <v>1000</v>
      </c>
      <c r="BA5" s="166">
        <v>1000</v>
      </c>
      <c r="BB5" s="166">
        <v>1000</v>
      </c>
      <c r="BC5" s="166">
        <v>1000</v>
      </c>
      <c r="BD5" s="166">
        <v>0</v>
      </c>
      <c r="BE5" s="166">
        <v>0</v>
      </c>
      <c r="BF5" s="166">
        <v>0</v>
      </c>
      <c r="BG5" s="166">
        <v>0</v>
      </c>
      <c r="BH5" s="166">
        <v>0</v>
      </c>
      <c r="BI5" s="166">
        <v>0</v>
      </c>
      <c r="BJ5" s="166">
        <v>0</v>
      </c>
      <c r="BK5" s="166">
        <v>0</v>
      </c>
      <c r="BL5" s="166">
        <v>0</v>
      </c>
      <c r="BM5" s="166">
        <v>0</v>
      </c>
      <c r="BN5" s="166">
        <v>0</v>
      </c>
      <c r="BO5" s="166">
        <v>0</v>
      </c>
      <c r="BP5" s="166">
        <v>0</v>
      </c>
      <c r="BQ5" s="166">
        <v>0</v>
      </c>
      <c r="BR5" s="166">
        <v>0</v>
      </c>
      <c r="BS5" s="166">
        <v>0</v>
      </c>
      <c r="BT5" s="166">
        <v>0</v>
      </c>
      <c r="BU5" s="166">
        <v>0</v>
      </c>
      <c r="BV5" s="166">
        <v>0</v>
      </c>
      <c r="BW5" s="166">
        <v>0</v>
      </c>
      <c r="BX5" s="166">
        <v>0</v>
      </c>
      <c r="BY5" s="166">
        <v>0</v>
      </c>
      <c r="BZ5" s="166">
        <v>0</v>
      </c>
      <c r="CA5" s="166">
        <v>0</v>
      </c>
      <c r="CB5" s="166">
        <v>0</v>
      </c>
      <c r="CC5" s="166">
        <v>0</v>
      </c>
      <c r="CD5" s="166">
        <v>0</v>
      </c>
      <c r="CE5" s="166">
        <v>0</v>
      </c>
      <c r="CF5" s="166">
        <v>0</v>
      </c>
      <c r="CG5" s="166">
        <v>0</v>
      </c>
      <c r="CH5" s="166">
        <v>0</v>
      </c>
      <c r="CI5" s="166">
        <v>0</v>
      </c>
      <c r="CJ5" s="166">
        <v>0</v>
      </c>
      <c r="CK5" s="166">
        <v>0</v>
      </c>
      <c r="CL5" s="166">
        <v>0</v>
      </c>
      <c r="CM5" s="166">
        <v>0</v>
      </c>
      <c r="CN5" s="166">
        <v>0</v>
      </c>
      <c r="CO5" s="166">
        <v>0</v>
      </c>
      <c r="CP5" s="166">
        <v>0</v>
      </c>
      <c r="CQ5" s="166">
        <v>0</v>
      </c>
      <c r="CR5" s="166">
        <v>0</v>
      </c>
      <c r="CS5" s="166">
        <v>0</v>
      </c>
      <c r="CT5" s="166">
        <v>0</v>
      </c>
      <c r="CU5" s="166">
        <v>0</v>
      </c>
      <c r="CV5" s="166">
        <v>0</v>
      </c>
      <c r="CW5" s="166">
        <v>0</v>
      </c>
      <c r="CX5" s="166">
        <v>0</v>
      </c>
      <c r="CY5" s="166">
        <v>0</v>
      </c>
      <c r="CZ5" s="166">
        <v>0</v>
      </c>
    </row>
    <row r="6" spans="1:104" hidden="1" outlineLevel="1" x14ac:dyDescent="0.2">
      <c r="A6" s="167" t="s">
        <v>98</v>
      </c>
      <c r="B6" s="166">
        <v>0</v>
      </c>
      <c r="C6" s="166">
        <v>0</v>
      </c>
      <c r="D6" s="166">
        <v>1929022000</v>
      </c>
      <c r="E6" s="166">
        <v>5069008000</v>
      </c>
      <c r="F6" s="166">
        <v>1929029000</v>
      </c>
      <c r="G6" s="166">
        <v>1929027000</v>
      </c>
      <c r="H6" s="166">
        <v>5035213000</v>
      </c>
      <c r="I6" s="166">
        <v>3569408000</v>
      </c>
      <c r="J6" s="166">
        <v>2008017000</v>
      </c>
      <c r="K6" s="166">
        <v>2141607000</v>
      </c>
      <c r="L6" s="166">
        <v>4381640000</v>
      </c>
      <c r="M6" s="166">
        <v>1929028000</v>
      </c>
      <c r="N6" s="166">
        <v>4381636000</v>
      </c>
      <c r="O6" s="166">
        <v>2008008000</v>
      </c>
      <c r="P6" s="166">
        <v>2008027000</v>
      </c>
      <c r="Q6" s="166">
        <v>4381637000</v>
      </c>
      <c r="R6" s="166">
        <v>1929023000</v>
      </c>
      <c r="S6" s="166">
        <v>2008025000</v>
      </c>
      <c r="T6" s="166">
        <v>4381639000</v>
      </c>
      <c r="U6" s="166">
        <v>1929024000</v>
      </c>
      <c r="V6" s="166">
        <v>2115210000</v>
      </c>
      <c r="W6" s="166">
        <v>2115211000</v>
      </c>
      <c r="X6" s="166">
        <v>2115212000</v>
      </c>
      <c r="Y6" s="166">
        <v>4381635000</v>
      </c>
      <c r="Z6" s="166">
        <v>2008009000</v>
      </c>
      <c r="AA6" s="166">
        <v>2008018000</v>
      </c>
      <c r="AB6" s="166">
        <v>1929025000</v>
      </c>
      <c r="AC6" s="166">
        <v>2008020000</v>
      </c>
      <c r="AD6" s="166">
        <v>2008015000</v>
      </c>
      <c r="AE6" s="166">
        <v>4483608000</v>
      </c>
      <c r="AF6" s="166">
        <v>2008022000</v>
      </c>
      <c r="AG6" s="166">
        <v>2008028000</v>
      </c>
      <c r="AH6" s="166">
        <v>2008010000</v>
      </c>
      <c r="AI6" s="166">
        <v>2008011000</v>
      </c>
      <c r="AJ6" s="166">
        <v>4664408000</v>
      </c>
      <c r="AK6" s="166">
        <v>2008023000</v>
      </c>
      <c r="AL6" s="166">
        <v>5048229000</v>
      </c>
      <c r="AM6" s="166">
        <v>3161028000</v>
      </c>
      <c r="AN6" s="166">
        <v>2008012000</v>
      </c>
      <c r="AO6" s="166">
        <v>1929026000</v>
      </c>
      <c r="AP6" s="166">
        <v>2008024000</v>
      </c>
      <c r="AQ6" s="166">
        <v>2008026000</v>
      </c>
      <c r="AR6" s="166">
        <v>2008021000</v>
      </c>
      <c r="AS6" s="166">
        <v>4381633000</v>
      </c>
      <c r="AT6" s="166">
        <v>2008013000</v>
      </c>
      <c r="AU6" s="166">
        <v>4381634000</v>
      </c>
      <c r="AV6" s="166">
        <v>4381632000</v>
      </c>
      <c r="AW6" s="166">
        <v>2008014000</v>
      </c>
      <c r="AX6" s="166">
        <v>2008019000</v>
      </c>
      <c r="AY6" s="166">
        <v>4328307000</v>
      </c>
      <c r="AZ6" s="166">
        <v>2008016000</v>
      </c>
      <c r="BA6" s="166">
        <v>3674808000</v>
      </c>
      <c r="BB6" s="166">
        <v>4381638000</v>
      </c>
      <c r="BC6" s="166">
        <v>3079223000</v>
      </c>
      <c r="BD6" s="166">
        <v>0</v>
      </c>
      <c r="BE6" s="166">
        <v>0</v>
      </c>
      <c r="BF6" s="166">
        <v>0</v>
      </c>
      <c r="BG6" s="166">
        <v>0</v>
      </c>
      <c r="BH6" s="166">
        <v>0</v>
      </c>
      <c r="BI6" s="166">
        <v>0</v>
      </c>
      <c r="BJ6" s="166">
        <v>0</v>
      </c>
      <c r="BK6" s="166">
        <v>0</v>
      </c>
      <c r="BL6" s="166">
        <v>0</v>
      </c>
      <c r="BM6" s="166">
        <v>0</v>
      </c>
      <c r="BN6" s="166">
        <v>0</v>
      </c>
      <c r="BO6" s="166">
        <v>0</v>
      </c>
      <c r="BP6" s="166">
        <v>0</v>
      </c>
      <c r="BQ6" s="166">
        <v>0</v>
      </c>
      <c r="BR6" s="166">
        <v>0</v>
      </c>
      <c r="BS6" s="166">
        <v>0</v>
      </c>
      <c r="BT6" s="166">
        <v>0</v>
      </c>
      <c r="BU6" s="166">
        <v>0</v>
      </c>
      <c r="BV6" s="166">
        <v>0</v>
      </c>
      <c r="BW6" s="166">
        <v>0</v>
      </c>
      <c r="BX6" s="166">
        <v>0</v>
      </c>
      <c r="BY6" s="166">
        <v>0</v>
      </c>
      <c r="BZ6" s="166">
        <v>0</v>
      </c>
      <c r="CA6" s="166">
        <v>0</v>
      </c>
      <c r="CB6" s="166">
        <v>0</v>
      </c>
      <c r="CC6" s="166">
        <v>0</v>
      </c>
      <c r="CD6" s="166">
        <v>0</v>
      </c>
      <c r="CE6" s="166">
        <v>0</v>
      </c>
      <c r="CF6" s="166">
        <v>0</v>
      </c>
      <c r="CG6" s="166">
        <v>0</v>
      </c>
      <c r="CH6" s="166">
        <v>0</v>
      </c>
      <c r="CI6" s="166">
        <v>0</v>
      </c>
      <c r="CJ6" s="166">
        <v>0</v>
      </c>
      <c r="CK6" s="166">
        <v>0</v>
      </c>
      <c r="CL6" s="166">
        <v>0</v>
      </c>
      <c r="CM6" s="166">
        <v>0</v>
      </c>
      <c r="CN6" s="166">
        <v>0</v>
      </c>
      <c r="CO6" s="166">
        <v>0</v>
      </c>
      <c r="CP6" s="166">
        <v>0</v>
      </c>
      <c r="CQ6" s="166">
        <v>0</v>
      </c>
      <c r="CR6" s="166">
        <v>0</v>
      </c>
      <c r="CS6" s="166">
        <v>0</v>
      </c>
      <c r="CT6" s="166">
        <v>0</v>
      </c>
      <c r="CU6" s="166">
        <v>0</v>
      </c>
      <c r="CV6" s="166">
        <v>0</v>
      </c>
      <c r="CW6" s="166">
        <v>0</v>
      </c>
      <c r="CX6" s="166">
        <v>0</v>
      </c>
      <c r="CY6" s="166">
        <v>0</v>
      </c>
      <c r="CZ6" s="166">
        <v>0</v>
      </c>
    </row>
    <row r="7" spans="1:104" hidden="1" outlineLevel="1" x14ac:dyDescent="0.2">
      <c r="A7" s="167" t="s">
        <v>99</v>
      </c>
      <c r="B7" s="166">
        <v>0</v>
      </c>
      <c r="C7" s="166">
        <v>0</v>
      </c>
      <c r="D7" s="166">
        <v>1929025000</v>
      </c>
      <c r="E7" s="166">
        <v>1929025000</v>
      </c>
      <c r="F7" s="166">
        <v>1929025000</v>
      </c>
      <c r="G7" s="166">
        <v>1929025000</v>
      </c>
      <c r="H7" s="166">
        <v>1929025000</v>
      </c>
      <c r="I7" s="166">
        <v>1929025000</v>
      </c>
      <c r="J7" s="166">
        <v>1929025000</v>
      </c>
      <c r="K7" s="166">
        <v>1929025000</v>
      </c>
      <c r="L7" s="166">
        <v>1929025000</v>
      </c>
      <c r="M7" s="166">
        <v>1929025000</v>
      </c>
      <c r="N7" s="166">
        <v>1929025000</v>
      </c>
      <c r="O7" s="166">
        <v>1929025000</v>
      </c>
      <c r="P7" s="166">
        <v>1929025000</v>
      </c>
      <c r="Q7" s="166">
        <v>1929025000</v>
      </c>
      <c r="R7" s="166">
        <v>1929025000</v>
      </c>
      <c r="S7" s="166">
        <v>1929025000</v>
      </c>
      <c r="T7" s="166">
        <v>1929025000</v>
      </c>
      <c r="U7" s="166">
        <v>1929025000</v>
      </c>
      <c r="V7" s="166">
        <v>1929025000</v>
      </c>
      <c r="W7" s="166">
        <v>1929025000</v>
      </c>
      <c r="X7" s="166">
        <v>1929025000</v>
      </c>
      <c r="Y7" s="166">
        <v>1929025000</v>
      </c>
      <c r="Z7" s="166">
        <v>1929025000</v>
      </c>
      <c r="AA7" s="166">
        <v>1929025000</v>
      </c>
      <c r="AB7" s="166">
        <v>1929025000</v>
      </c>
      <c r="AC7" s="166">
        <v>1929025000</v>
      </c>
      <c r="AD7" s="166">
        <v>1929025000</v>
      </c>
      <c r="AE7" s="166">
        <v>1929025000</v>
      </c>
      <c r="AF7" s="166">
        <v>1929025000</v>
      </c>
      <c r="AG7" s="166">
        <v>1929025000</v>
      </c>
      <c r="AH7" s="166">
        <v>1929025000</v>
      </c>
      <c r="AI7" s="166">
        <v>1929025000</v>
      </c>
      <c r="AJ7" s="166">
        <v>1929025000</v>
      </c>
      <c r="AK7" s="166">
        <v>1929025000</v>
      </c>
      <c r="AL7" s="166">
        <v>1929025000</v>
      </c>
      <c r="AM7" s="166">
        <v>1929025000</v>
      </c>
      <c r="AN7" s="166">
        <v>1929025000</v>
      </c>
      <c r="AO7" s="166">
        <v>1929025000</v>
      </c>
      <c r="AP7" s="166">
        <v>1929025000</v>
      </c>
      <c r="AQ7" s="166">
        <v>1929025000</v>
      </c>
      <c r="AR7" s="166">
        <v>1929025000</v>
      </c>
      <c r="AS7" s="166">
        <v>1929025000</v>
      </c>
      <c r="AT7" s="166">
        <v>1929025000</v>
      </c>
      <c r="AU7" s="166">
        <v>1929025000</v>
      </c>
      <c r="AV7" s="166">
        <v>1929025000</v>
      </c>
      <c r="AW7" s="166">
        <v>1929025000</v>
      </c>
      <c r="AX7" s="166">
        <v>1929025000</v>
      </c>
      <c r="AY7" s="166">
        <v>1929025000</v>
      </c>
      <c r="AZ7" s="166">
        <v>1929025000</v>
      </c>
      <c r="BA7" s="166">
        <v>1929025000</v>
      </c>
      <c r="BB7" s="166">
        <v>1929025000</v>
      </c>
      <c r="BC7" s="166">
        <v>1929025000</v>
      </c>
      <c r="BD7" s="166">
        <v>0</v>
      </c>
      <c r="BE7" s="166">
        <v>0</v>
      </c>
      <c r="BF7" s="166">
        <v>0</v>
      </c>
      <c r="BG7" s="166">
        <v>0</v>
      </c>
      <c r="BH7" s="166">
        <v>0</v>
      </c>
      <c r="BI7" s="166">
        <v>0</v>
      </c>
      <c r="BJ7" s="166">
        <v>0</v>
      </c>
      <c r="BK7" s="166">
        <v>0</v>
      </c>
      <c r="BL7" s="166">
        <v>0</v>
      </c>
      <c r="BM7" s="166">
        <v>0</v>
      </c>
      <c r="BN7" s="166">
        <v>0</v>
      </c>
      <c r="BO7" s="166">
        <v>0</v>
      </c>
      <c r="BP7" s="166">
        <v>0</v>
      </c>
      <c r="BQ7" s="166">
        <v>0</v>
      </c>
      <c r="BR7" s="166">
        <v>0</v>
      </c>
      <c r="BS7" s="166">
        <v>0</v>
      </c>
      <c r="BT7" s="166">
        <v>0</v>
      </c>
      <c r="BU7" s="166">
        <v>0</v>
      </c>
      <c r="BV7" s="166">
        <v>0</v>
      </c>
      <c r="BW7" s="166">
        <v>0</v>
      </c>
      <c r="BX7" s="166">
        <v>0</v>
      </c>
      <c r="BY7" s="166">
        <v>0</v>
      </c>
      <c r="BZ7" s="166">
        <v>0</v>
      </c>
      <c r="CA7" s="166">
        <v>0</v>
      </c>
      <c r="CB7" s="166">
        <v>0</v>
      </c>
      <c r="CC7" s="166">
        <v>0</v>
      </c>
      <c r="CD7" s="166">
        <v>0</v>
      </c>
      <c r="CE7" s="166">
        <v>0</v>
      </c>
      <c r="CF7" s="166">
        <v>0</v>
      </c>
      <c r="CG7" s="166">
        <v>0</v>
      </c>
      <c r="CH7" s="166">
        <v>0</v>
      </c>
      <c r="CI7" s="166">
        <v>0</v>
      </c>
      <c r="CJ7" s="166">
        <v>0</v>
      </c>
      <c r="CK7" s="166">
        <v>0</v>
      </c>
      <c r="CL7" s="166">
        <v>0</v>
      </c>
      <c r="CM7" s="166">
        <v>0</v>
      </c>
      <c r="CN7" s="166">
        <v>0</v>
      </c>
      <c r="CO7" s="166">
        <v>0</v>
      </c>
      <c r="CP7" s="166">
        <v>0</v>
      </c>
      <c r="CQ7" s="166">
        <v>0</v>
      </c>
      <c r="CR7" s="166">
        <v>0</v>
      </c>
      <c r="CS7" s="166">
        <v>0</v>
      </c>
      <c r="CT7" s="166">
        <v>0</v>
      </c>
      <c r="CU7" s="166">
        <v>0</v>
      </c>
      <c r="CV7" s="166">
        <v>0</v>
      </c>
      <c r="CW7" s="166">
        <v>0</v>
      </c>
      <c r="CX7" s="166">
        <v>0</v>
      </c>
      <c r="CY7" s="166">
        <v>0</v>
      </c>
      <c r="CZ7" s="166">
        <v>0</v>
      </c>
    </row>
    <row r="8" spans="1:104" hidden="1" outlineLevel="1" x14ac:dyDescent="0.2">
      <c r="A8" s="167" t="s">
        <v>100</v>
      </c>
      <c r="B8" s="166">
        <v>0</v>
      </c>
      <c r="C8" s="166">
        <v>0</v>
      </c>
      <c r="D8" s="166">
        <v>1929027000</v>
      </c>
      <c r="E8" s="166">
        <v>1929027000</v>
      </c>
      <c r="F8" s="166">
        <v>1929027000</v>
      </c>
      <c r="G8" s="166">
        <v>1929027000</v>
      </c>
      <c r="H8" s="166">
        <v>1929027000</v>
      </c>
      <c r="I8" s="166">
        <v>1929027000</v>
      </c>
      <c r="J8" s="166">
        <v>1929027000</v>
      </c>
      <c r="K8" s="166">
        <v>1929027000</v>
      </c>
      <c r="L8" s="166">
        <v>1929027000</v>
      </c>
      <c r="M8" s="166">
        <v>1929027000</v>
      </c>
      <c r="N8" s="166">
        <v>1929027000</v>
      </c>
      <c r="O8" s="166">
        <v>1929027000</v>
      </c>
      <c r="P8" s="166">
        <v>1929027000</v>
      </c>
      <c r="Q8" s="166">
        <v>1929027000</v>
      </c>
      <c r="R8" s="166">
        <v>1929027000</v>
      </c>
      <c r="S8" s="166">
        <v>1929027000</v>
      </c>
      <c r="T8" s="166">
        <v>1929027000</v>
      </c>
      <c r="U8" s="166">
        <v>1929027000</v>
      </c>
      <c r="V8" s="166">
        <v>1929027000</v>
      </c>
      <c r="W8" s="166">
        <v>1929027000</v>
      </c>
      <c r="X8" s="166">
        <v>1929027000</v>
      </c>
      <c r="Y8" s="166">
        <v>1929027000</v>
      </c>
      <c r="Z8" s="166">
        <v>1929027000</v>
      </c>
      <c r="AA8" s="166">
        <v>1929027000</v>
      </c>
      <c r="AB8" s="166">
        <v>1929027000</v>
      </c>
      <c r="AC8" s="166">
        <v>1929027000</v>
      </c>
      <c r="AD8" s="166">
        <v>1929027000</v>
      </c>
      <c r="AE8" s="166">
        <v>1929027000</v>
      </c>
      <c r="AF8" s="166">
        <v>1929027000</v>
      </c>
      <c r="AG8" s="166">
        <v>1929027000</v>
      </c>
      <c r="AH8" s="166">
        <v>1929027000</v>
      </c>
      <c r="AI8" s="166">
        <v>1929027000</v>
      </c>
      <c r="AJ8" s="166">
        <v>1929027000</v>
      </c>
      <c r="AK8" s="166">
        <v>1929027000</v>
      </c>
      <c r="AL8" s="166">
        <v>1929027000</v>
      </c>
      <c r="AM8" s="166">
        <v>1929027000</v>
      </c>
      <c r="AN8" s="166">
        <v>1929027000</v>
      </c>
      <c r="AO8" s="166">
        <v>1929027000</v>
      </c>
      <c r="AP8" s="166">
        <v>1929027000</v>
      </c>
      <c r="AQ8" s="166">
        <v>1929027000</v>
      </c>
      <c r="AR8" s="166">
        <v>1929027000</v>
      </c>
      <c r="AS8" s="166">
        <v>1929027000</v>
      </c>
      <c r="AT8" s="166">
        <v>1929027000</v>
      </c>
      <c r="AU8" s="166">
        <v>1929027000</v>
      </c>
      <c r="AV8" s="166">
        <v>1929027000</v>
      </c>
      <c r="AW8" s="166">
        <v>1929027000</v>
      </c>
      <c r="AX8" s="166">
        <v>1929027000</v>
      </c>
      <c r="AY8" s="166">
        <v>1929027000</v>
      </c>
      <c r="AZ8" s="166">
        <v>1929027000</v>
      </c>
      <c r="BA8" s="166">
        <v>1929027000</v>
      </c>
      <c r="BB8" s="166">
        <v>1929027000</v>
      </c>
      <c r="BC8" s="166">
        <v>1929027000</v>
      </c>
      <c r="BD8" s="166">
        <v>0</v>
      </c>
      <c r="BE8" s="166">
        <v>0</v>
      </c>
      <c r="BF8" s="166">
        <v>0</v>
      </c>
      <c r="BG8" s="166">
        <v>0</v>
      </c>
      <c r="BH8" s="166">
        <v>0</v>
      </c>
      <c r="BI8" s="166">
        <v>0</v>
      </c>
      <c r="BJ8" s="166">
        <v>0</v>
      </c>
      <c r="BK8" s="166">
        <v>0</v>
      </c>
      <c r="BL8" s="166">
        <v>0</v>
      </c>
      <c r="BM8" s="166">
        <v>0</v>
      </c>
      <c r="BN8" s="166">
        <v>0</v>
      </c>
      <c r="BO8" s="166">
        <v>0</v>
      </c>
      <c r="BP8" s="166">
        <v>0</v>
      </c>
      <c r="BQ8" s="166">
        <v>0</v>
      </c>
      <c r="BR8" s="166">
        <v>0</v>
      </c>
      <c r="BS8" s="166">
        <v>0</v>
      </c>
      <c r="BT8" s="166">
        <v>0</v>
      </c>
      <c r="BU8" s="166">
        <v>0</v>
      </c>
      <c r="BV8" s="166">
        <v>0</v>
      </c>
      <c r="BW8" s="166">
        <v>0</v>
      </c>
      <c r="BX8" s="166">
        <v>0</v>
      </c>
      <c r="BY8" s="166">
        <v>0</v>
      </c>
      <c r="BZ8" s="166">
        <v>0</v>
      </c>
      <c r="CA8" s="166">
        <v>0</v>
      </c>
      <c r="CB8" s="166">
        <v>0</v>
      </c>
      <c r="CC8" s="166">
        <v>0</v>
      </c>
      <c r="CD8" s="166">
        <v>0</v>
      </c>
      <c r="CE8" s="166">
        <v>0</v>
      </c>
      <c r="CF8" s="166">
        <v>0</v>
      </c>
      <c r="CG8" s="166">
        <v>0</v>
      </c>
      <c r="CH8" s="166">
        <v>0</v>
      </c>
      <c r="CI8" s="166">
        <v>0</v>
      </c>
      <c r="CJ8" s="166">
        <v>0</v>
      </c>
      <c r="CK8" s="166">
        <v>0</v>
      </c>
      <c r="CL8" s="166">
        <v>0</v>
      </c>
      <c r="CM8" s="166">
        <v>0</v>
      </c>
      <c r="CN8" s="166">
        <v>0</v>
      </c>
      <c r="CO8" s="166">
        <v>0</v>
      </c>
      <c r="CP8" s="166">
        <v>0</v>
      </c>
      <c r="CQ8" s="166">
        <v>0</v>
      </c>
      <c r="CR8" s="166">
        <v>0</v>
      </c>
      <c r="CS8" s="166">
        <v>0</v>
      </c>
      <c r="CT8" s="166">
        <v>0</v>
      </c>
      <c r="CU8" s="166">
        <v>0</v>
      </c>
      <c r="CV8" s="166">
        <v>0</v>
      </c>
      <c r="CW8" s="166">
        <v>0</v>
      </c>
      <c r="CX8" s="166">
        <v>0</v>
      </c>
      <c r="CY8" s="166">
        <v>0</v>
      </c>
      <c r="CZ8" s="166">
        <v>0</v>
      </c>
    </row>
    <row r="9" spans="1:104" hidden="1" outlineLevel="1" x14ac:dyDescent="0.2">
      <c r="A9" s="167" t="s">
        <v>101</v>
      </c>
      <c r="B9" s="166">
        <v>0</v>
      </c>
      <c r="C9" s="166">
        <v>0</v>
      </c>
      <c r="D9" s="166">
        <v>1929023000</v>
      </c>
      <c r="E9" s="166">
        <v>1929023000</v>
      </c>
      <c r="F9" s="166">
        <v>1929023000</v>
      </c>
      <c r="G9" s="166">
        <v>1929023000</v>
      </c>
      <c r="H9" s="166">
        <v>1929023000</v>
      </c>
      <c r="I9" s="166">
        <v>1929023000</v>
      </c>
      <c r="J9" s="166">
        <v>1929023000</v>
      </c>
      <c r="K9" s="166">
        <v>1929023000</v>
      </c>
      <c r="L9" s="166">
        <v>1929023000</v>
      </c>
      <c r="M9" s="166">
        <v>1929023000</v>
      </c>
      <c r="N9" s="166">
        <v>1929023000</v>
      </c>
      <c r="O9" s="166">
        <v>1929023000</v>
      </c>
      <c r="P9" s="166">
        <v>1929023000</v>
      </c>
      <c r="Q9" s="166">
        <v>1929023000</v>
      </c>
      <c r="R9" s="166">
        <v>1929023000</v>
      </c>
      <c r="S9" s="166">
        <v>1929023000</v>
      </c>
      <c r="T9" s="166">
        <v>1929023000</v>
      </c>
      <c r="U9" s="166">
        <v>1929023000</v>
      </c>
      <c r="V9" s="166">
        <v>1929023000</v>
      </c>
      <c r="W9" s="166">
        <v>1929023000</v>
      </c>
      <c r="X9" s="166">
        <v>1929023000</v>
      </c>
      <c r="Y9" s="166">
        <v>1929023000</v>
      </c>
      <c r="Z9" s="166">
        <v>1929023000</v>
      </c>
      <c r="AA9" s="166">
        <v>1929023000</v>
      </c>
      <c r="AB9" s="166">
        <v>1929023000</v>
      </c>
      <c r="AC9" s="166">
        <v>1929023000</v>
      </c>
      <c r="AD9" s="166">
        <v>1929023000</v>
      </c>
      <c r="AE9" s="166">
        <v>1929023000</v>
      </c>
      <c r="AF9" s="166">
        <v>1929023000</v>
      </c>
      <c r="AG9" s="166">
        <v>1929023000</v>
      </c>
      <c r="AH9" s="166">
        <v>1929023000</v>
      </c>
      <c r="AI9" s="166">
        <v>1929023000</v>
      </c>
      <c r="AJ9" s="166">
        <v>1929023000</v>
      </c>
      <c r="AK9" s="166">
        <v>1929023000</v>
      </c>
      <c r="AL9" s="166">
        <v>1929023000</v>
      </c>
      <c r="AM9" s="166">
        <v>1929023000</v>
      </c>
      <c r="AN9" s="166">
        <v>1929023000</v>
      </c>
      <c r="AO9" s="166">
        <v>1929023000</v>
      </c>
      <c r="AP9" s="166">
        <v>1929023000</v>
      </c>
      <c r="AQ9" s="166">
        <v>1929023000</v>
      </c>
      <c r="AR9" s="166">
        <v>1929023000</v>
      </c>
      <c r="AS9" s="166">
        <v>1929023000</v>
      </c>
      <c r="AT9" s="166">
        <v>1929023000</v>
      </c>
      <c r="AU9" s="166">
        <v>1929023000</v>
      </c>
      <c r="AV9" s="166">
        <v>1929023000</v>
      </c>
      <c r="AW9" s="166">
        <v>1929023000</v>
      </c>
      <c r="AX9" s="166">
        <v>1929023000</v>
      </c>
      <c r="AY9" s="166">
        <v>1929023000</v>
      </c>
      <c r="AZ9" s="166">
        <v>1929023000</v>
      </c>
      <c r="BA9" s="166">
        <v>1929023000</v>
      </c>
      <c r="BB9" s="166">
        <v>1929023000</v>
      </c>
      <c r="BC9" s="166">
        <v>1929023000</v>
      </c>
      <c r="BD9" s="166">
        <v>0</v>
      </c>
      <c r="BE9" s="166">
        <v>0</v>
      </c>
      <c r="BF9" s="166">
        <v>0</v>
      </c>
      <c r="BG9" s="166">
        <v>0</v>
      </c>
      <c r="BH9" s="166">
        <v>0</v>
      </c>
      <c r="BI9" s="166">
        <v>0</v>
      </c>
      <c r="BJ9" s="166">
        <v>0</v>
      </c>
      <c r="BK9" s="166">
        <v>0</v>
      </c>
      <c r="BL9" s="166">
        <v>0</v>
      </c>
      <c r="BM9" s="166">
        <v>0</v>
      </c>
      <c r="BN9" s="166">
        <v>0</v>
      </c>
      <c r="BO9" s="166">
        <v>0</v>
      </c>
      <c r="BP9" s="166">
        <v>0</v>
      </c>
      <c r="BQ9" s="166">
        <v>0</v>
      </c>
      <c r="BR9" s="166">
        <v>0</v>
      </c>
      <c r="BS9" s="166">
        <v>0</v>
      </c>
      <c r="BT9" s="166">
        <v>0</v>
      </c>
      <c r="BU9" s="166">
        <v>0</v>
      </c>
      <c r="BV9" s="166">
        <v>0</v>
      </c>
      <c r="BW9" s="166">
        <v>0</v>
      </c>
      <c r="BX9" s="166">
        <v>0</v>
      </c>
      <c r="BY9" s="166">
        <v>0</v>
      </c>
      <c r="BZ9" s="166">
        <v>0</v>
      </c>
      <c r="CA9" s="166">
        <v>0</v>
      </c>
      <c r="CB9" s="166">
        <v>0</v>
      </c>
      <c r="CC9" s="166">
        <v>0</v>
      </c>
      <c r="CD9" s="166">
        <v>0</v>
      </c>
      <c r="CE9" s="166">
        <v>0</v>
      </c>
      <c r="CF9" s="166">
        <v>0</v>
      </c>
      <c r="CG9" s="166">
        <v>0</v>
      </c>
      <c r="CH9" s="166">
        <v>0</v>
      </c>
      <c r="CI9" s="166">
        <v>0</v>
      </c>
      <c r="CJ9" s="166">
        <v>0</v>
      </c>
      <c r="CK9" s="166">
        <v>0</v>
      </c>
      <c r="CL9" s="166">
        <v>0</v>
      </c>
      <c r="CM9" s="166">
        <v>0</v>
      </c>
      <c r="CN9" s="166">
        <v>0</v>
      </c>
      <c r="CO9" s="166">
        <v>0</v>
      </c>
      <c r="CP9" s="166">
        <v>0</v>
      </c>
      <c r="CQ9" s="166">
        <v>0</v>
      </c>
      <c r="CR9" s="166">
        <v>0</v>
      </c>
      <c r="CS9" s="166">
        <v>0</v>
      </c>
      <c r="CT9" s="166">
        <v>0</v>
      </c>
      <c r="CU9" s="166">
        <v>0</v>
      </c>
      <c r="CV9" s="166">
        <v>0</v>
      </c>
      <c r="CW9" s="166">
        <v>0</v>
      </c>
      <c r="CX9" s="166">
        <v>0</v>
      </c>
      <c r="CY9" s="166">
        <v>0</v>
      </c>
      <c r="CZ9" s="166">
        <v>0</v>
      </c>
    </row>
    <row r="10" spans="1:104" hidden="1" outlineLevel="1" x14ac:dyDescent="0.2">
      <c r="A10" s="167" t="s">
        <v>102</v>
      </c>
      <c r="B10" s="166">
        <v>0</v>
      </c>
      <c r="C10" s="166">
        <v>0</v>
      </c>
      <c r="D10" s="166">
        <v>1929024000</v>
      </c>
      <c r="E10" s="166">
        <v>1929024000</v>
      </c>
      <c r="F10" s="166">
        <v>1929024000</v>
      </c>
      <c r="G10" s="166">
        <v>1929024000</v>
      </c>
      <c r="H10" s="166">
        <v>1929024000</v>
      </c>
      <c r="I10" s="166">
        <v>1929024000</v>
      </c>
      <c r="J10" s="166">
        <v>1929024000</v>
      </c>
      <c r="K10" s="166">
        <v>1929024000</v>
      </c>
      <c r="L10" s="166">
        <v>1929024000</v>
      </c>
      <c r="M10" s="166">
        <v>1929024000</v>
      </c>
      <c r="N10" s="166">
        <v>1929024000</v>
      </c>
      <c r="O10" s="166">
        <v>1929024000</v>
      </c>
      <c r="P10" s="166">
        <v>1929024000</v>
      </c>
      <c r="Q10" s="166">
        <v>1929024000</v>
      </c>
      <c r="R10" s="166">
        <v>1929024000</v>
      </c>
      <c r="S10" s="166">
        <v>1929024000</v>
      </c>
      <c r="T10" s="166">
        <v>1929024000</v>
      </c>
      <c r="U10" s="166">
        <v>1929024000</v>
      </c>
      <c r="V10" s="166">
        <v>1929024000</v>
      </c>
      <c r="W10" s="166">
        <v>1929024000</v>
      </c>
      <c r="X10" s="166">
        <v>1929024000</v>
      </c>
      <c r="Y10" s="166">
        <v>1929024000</v>
      </c>
      <c r="Z10" s="166">
        <v>1929024000</v>
      </c>
      <c r="AA10" s="166">
        <v>1929024000</v>
      </c>
      <c r="AB10" s="166">
        <v>1929024000</v>
      </c>
      <c r="AC10" s="166">
        <v>1929024000</v>
      </c>
      <c r="AD10" s="166">
        <v>1929024000</v>
      </c>
      <c r="AE10" s="166">
        <v>1929024000</v>
      </c>
      <c r="AF10" s="166">
        <v>1929024000</v>
      </c>
      <c r="AG10" s="166">
        <v>1929024000</v>
      </c>
      <c r="AH10" s="166">
        <v>1929024000</v>
      </c>
      <c r="AI10" s="166">
        <v>1929024000</v>
      </c>
      <c r="AJ10" s="166">
        <v>1929024000</v>
      </c>
      <c r="AK10" s="166">
        <v>1929024000</v>
      </c>
      <c r="AL10" s="166">
        <v>1929024000</v>
      </c>
      <c r="AM10" s="166">
        <v>1929024000</v>
      </c>
      <c r="AN10" s="166">
        <v>1929024000</v>
      </c>
      <c r="AO10" s="166">
        <v>1929024000</v>
      </c>
      <c r="AP10" s="166">
        <v>1929024000</v>
      </c>
      <c r="AQ10" s="166">
        <v>1929024000</v>
      </c>
      <c r="AR10" s="166">
        <v>1929024000</v>
      </c>
      <c r="AS10" s="166">
        <v>1929024000</v>
      </c>
      <c r="AT10" s="166">
        <v>1929024000</v>
      </c>
      <c r="AU10" s="166">
        <v>1929024000</v>
      </c>
      <c r="AV10" s="166">
        <v>1929024000</v>
      </c>
      <c r="AW10" s="166">
        <v>1929024000</v>
      </c>
      <c r="AX10" s="166">
        <v>1929024000</v>
      </c>
      <c r="AY10" s="166">
        <v>1929024000</v>
      </c>
      <c r="AZ10" s="166">
        <v>1929024000</v>
      </c>
      <c r="BA10" s="166">
        <v>1929024000</v>
      </c>
      <c r="BB10" s="166">
        <v>1929024000</v>
      </c>
      <c r="BC10" s="166">
        <v>1929024000</v>
      </c>
      <c r="BD10" s="166">
        <v>0</v>
      </c>
      <c r="BE10" s="166">
        <v>0</v>
      </c>
      <c r="BF10" s="166">
        <v>0</v>
      </c>
      <c r="BG10" s="166">
        <v>0</v>
      </c>
      <c r="BH10" s="166">
        <v>0</v>
      </c>
      <c r="BI10" s="166">
        <v>0</v>
      </c>
      <c r="BJ10" s="166">
        <v>0</v>
      </c>
      <c r="BK10" s="166">
        <v>0</v>
      </c>
      <c r="BL10" s="166">
        <v>0</v>
      </c>
      <c r="BM10" s="166">
        <v>0</v>
      </c>
      <c r="BN10" s="166">
        <v>0</v>
      </c>
      <c r="BO10" s="166">
        <v>0</v>
      </c>
      <c r="BP10" s="166">
        <v>0</v>
      </c>
      <c r="BQ10" s="166">
        <v>0</v>
      </c>
      <c r="BR10" s="166">
        <v>0</v>
      </c>
      <c r="BS10" s="166">
        <v>0</v>
      </c>
      <c r="BT10" s="166">
        <v>0</v>
      </c>
      <c r="BU10" s="166">
        <v>0</v>
      </c>
      <c r="BV10" s="166">
        <v>0</v>
      </c>
      <c r="BW10" s="166">
        <v>0</v>
      </c>
      <c r="BX10" s="166">
        <v>0</v>
      </c>
      <c r="BY10" s="166">
        <v>0</v>
      </c>
      <c r="BZ10" s="166">
        <v>0</v>
      </c>
      <c r="CA10" s="166">
        <v>0</v>
      </c>
      <c r="CB10" s="166">
        <v>0</v>
      </c>
      <c r="CC10" s="166">
        <v>0</v>
      </c>
      <c r="CD10" s="166">
        <v>0</v>
      </c>
      <c r="CE10" s="166">
        <v>0</v>
      </c>
      <c r="CF10" s="166">
        <v>0</v>
      </c>
      <c r="CG10" s="166">
        <v>0</v>
      </c>
      <c r="CH10" s="166">
        <v>0</v>
      </c>
      <c r="CI10" s="166">
        <v>0</v>
      </c>
      <c r="CJ10" s="166">
        <v>0</v>
      </c>
      <c r="CK10" s="166">
        <v>0</v>
      </c>
      <c r="CL10" s="166">
        <v>0</v>
      </c>
      <c r="CM10" s="166">
        <v>0</v>
      </c>
      <c r="CN10" s="166">
        <v>0</v>
      </c>
      <c r="CO10" s="166">
        <v>0</v>
      </c>
      <c r="CP10" s="166">
        <v>0</v>
      </c>
      <c r="CQ10" s="166">
        <v>0</v>
      </c>
      <c r="CR10" s="166">
        <v>0</v>
      </c>
      <c r="CS10" s="166">
        <v>0</v>
      </c>
      <c r="CT10" s="166">
        <v>0</v>
      </c>
      <c r="CU10" s="166">
        <v>0</v>
      </c>
      <c r="CV10" s="166">
        <v>0</v>
      </c>
      <c r="CW10" s="166">
        <v>0</v>
      </c>
      <c r="CX10" s="166">
        <v>0</v>
      </c>
      <c r="CY10" s="166">
        <v>0</v>
      </c>
      <c r="CZ10" s="166">
        <v>0</v>
      </c>
    </row>
    <row r="11" spans="1:104" hidden="1" outlineLevel="1" x14ac:dyDescent="0.2">
      <c r="A11" s="167" t="s">
        <v>103</v>
      </c>
      <c r="B11" s="166">
        <v>0</v>
      </c>
      <c r="C11" s="166">
        <v>0</v>
      </c>
      <c r="D11" s="166">
        <v>4328307000</v>
      </c>
      <c r="E11" s="166">
        <v>4328307000</v>
      </c>
      <c r="F11" s="166">
        <v>4328307000</v>
      </c>
      <c r="G11" s="166">
        <v>4328307000</v>
      </c>
      <c r="H11" s="166">
        <v>4328307000</v>
      </c>
      <c r="I11" s="166">
        <v>4328307000</v>
      </c>
      <c r="J11" s="166">
        <v>4328307000</v>
      </c>
      <c r="K11" s="166">
        <v>4328307000</v>
      </c>
      <c r="L11" s="166">
        <v>4328307000</v>
      </c>
      <c r="M11" s="166">
        <v>4328307000</v>
      </c>
      <c r="N11" s="166">
        <v>4328307000</v>
      </c>
      <c r="O11" s="166">
        <v>4328307000</v>
      </c>
      <c r="P11" s="166">
        <v>4328307000</v>
      </c>
      <c r="Q11" s="166">
        <v>4328307000</v>
      </c>
      <c r="R11" s="166">
        <v>4328307000</v>
      </c>
      <c r="S11" s="166">
        <v>4328307000</v>
      </c>
      <c r="T11" s="166">
        <v>4328307000</v>
      </c>
      <c r="U11" s="166">
        <v>4328307000</v>
      </c>
      <c r="V11" s="166">
        <v>4328307000</v>
      </c>
      <c r="W11" s="166">
        <v>4328307000</v>
      </c>
      <c r="X11" s="166">
        <v>4328307000</v>
      </c>
      <c r="Y11" s="166">
        <v>4328307000</v>
      </c>
      <c r="Z11" s="166">
        <v>4328307000</v>
      </c>
      <c r="AA11" s="166">
        <v>4328307000</v>
      </c>
      <c r="AB11" s="166">
        <v>4328307000</v>
      </c>
      <c r="AC11" s="166">
        <v>4328307000</v>
      </c>
      <c r="AD11" s="166">
        <v>4328307000</v>
      </c>
      <c r="AE11" s="166">
        <v>4328307000</v>
      </c>
      <c r="AF11" s="166">
        <v>4328307000</v>
      </c>
      <c r="AG11" s="166">
        <v>4328307000</v>
      </c>
      <c r="AH11" s="166">
        <v>4328307000</v>
      </c>
      <c r="AI11" s="166">
        <v>4328307000</v>
      </c>
      <c r="AJ11" s="166">
        <v>4328307000</v>
      </c>
      <c r="AK11" s="166">
        <v>4328307000</v>
      </c>
      <c r="AL11" s="166">
        <v>4328307000</v>
      </c>
      <c r="AM11" s="166">
        <v>4328307000</v>
      </c>
      <c r="AN11" s="166">
        <v>4328307000</v>
      </c>
      <c r="AO11" s="166">
        <v>4328307000</v>
      </c>
      <c r="AP11" s="166">
        <v>4328307000</v>
      </c>
      <c r="AQ11" s="166">
        <v>4328307000</v>
      </c>
      <c r="AR11" s="166">
        <v>4328307000</v>
      </c>
      <c r="AS11" s="166">
        <v>4328307000</v>
      </c>
      <c r="AT11" s="166">
        <v>4328307000</v>
      </c>
      <c r="AU11" s="166">
        <v>4328307000</v>
      </c>
      <c r="AV11" s="166">
        <v>4328307000</v>
      </c>
      <c r="AW11" s="166">
        <v>4328307000</v>
      </c>
      <c r="AX11" s="166">
        <v>4328307000</v>
      </c>
      <c r="AY11" s="166">
        <v>4328307000</v>
      </c>
      <c r="AZ11" s="166">
        <v>4328307000</v>
      </c>
      <c r="BA11" s="166">
        <v>4328307000</v>
      </c>
      <c r="BB11" s="166">
        <v>4328307000</v>
      </c>
      <c r="BC11" s="166">
        <v>4328307000</v>
      </c>
      <c r="BD11" s="166">
        <v>0</v>
      </c>
      <c r="BE11" s="166">
        <v>0</v>
      </c>
      <c r="BF11" s="166">
        <v>0</v>
      </c>
      <c r="BG11" s="166">
        <v>0</v>
      </c>
      <c r="BH11" s="166">
        <v>0</v>
      </c>
      <c r="BI11" s="166">
        <v>0</v>
      </c>
      <c r="BJ11" s="166">
        <v>0</v>
      </c>
      <c r="BK11" s="166">
        <v>0</v>
      </c>
      <c r="BL11" s="166">
        <v>0</v>
      </c>
      <c r="BM11" s="166">
        <v>0</v>
      </c>
      <c r="BN11" s="166">
        <v>0</v>
      </c>
      <c r="BO11" s="166">
        <v>0</v>
      </c>
      <c r="BP11" s="166">
        <v>0</v>
      </c>
      <c r="BQ11" s="166">
        <v>0</v>
      </c>
      <c r="BR11" s="166">
        <v>0</v>
      </c>
      <c r="BS11" s="166">
        <v>0</v>
      </c>
      <c r="BT11" s="166">
        <v>0</v>
      </c>
      <c r="BU11" s="166">
        <v>0</v>
      </c>
      <c r="BV11" s="166">
        <v>0</v>
      </c>
      <c r="BW11" s="166">
        <v>0</v>
      </c>
      <c r="BX11" s="166">
        <v>0</v>
      </c>
      <c r="BY11" s="166">
        <v>0</v>
      </c>
      <c r="BZ11" s="166">
        <v>0</v>
      </c>
      <c r="CA11" s="166">
        <v>0</v>
      </c>
      <c r="CB11" s="166">
        <v>0</v>
      </c>
      <c r="CC11" s="166">
        <v>0</v>
      </c>
      <c r="CD11" s="166">
        <v>0</v>
      </c>
      <c r="CE11" s="166">
        <v>0</v>
      </c>
      <c r="CF11" s="166">
        <v>0</v>
      </c>
      <c r="CG11" s="166">
        <v>0</v>
      </c>
      <c r="CH11" s="166">
        <v>0</v>
      </c>
      <c r="CI11" s="166">
        <v>0</v>
      </c>
      <c r="CJ11" s="166">
        <v>0</v>
      </c>
      <c r="CK11" s="166">
        <v>0</v>
      </c>
      <c r="CL11" s="166">
        <v>0</v>
      </c>
      <c r="CM11" s="166">
        <v>0</v>
      </c>
      <c r="CN11" s="166">
        <v>0</v>
      </c>
      <c r="CO11" s="166">
        <v>0</v>
      </c>
      <c r="CP11" s="166">
        <v>0</v>
      </c>
      <c r="CQ11" s="166">
        <v>0</v>
      </c>
      <c r="CR11" s="166">
        <v>0</v>
      </c>
      <c r="CS11" s="166">
        <v>0</v>
      </c>
      <c r="CT11" s="166">
        <v>0</v>
      </c>
      <c r="CU11" s="166">
        <v>0</v>
      </c>
      <c r="CV11" s="166">
        <v>0</v>
      </c>
      <c r="CW11" s="166">
        <v>0</v>
      </c>
      <c r="CX11" s="166">
        <v>0</v>
      </c>
      <c r="CY11" s="166">
        <v>0</v>
      </c>
      <c r="CZ11" s="166">
        <v>0</v>
      </c>
    </row>
    <row r="12" spans="1:104" hidden="1" outlineLevel="1" x14ac:dyDescent="0.2">
      <c r="A12" s="167" t="s">
        <v>104</v>
      </c>
      <c r="B12" s="166">
        <v>0</v>
      </c>
      <c r="C12" s="166">
        <v>0</v>
      </c>
      <c r="D12" s="166">
        <v>0</v>
      </c>
      <c r="E12" s="166">
        <v>0</v>
      </c>
      <c r="F12" s="166">
        <v>0</v>
      </c>
      <c r="G12" s="166">
        <v>0</v>
      </c>
      <c r="H12" s="166">
        <v>0</v>
      </c>
      <c r="I12" s="166">
        <v>0</v>
      </c>
      <c r="J12" s="166">
        <v>0</v>
      </c>
      <c r="K12" s="166">
        <v>0</v>
      </c>
      <c r="L12" s="166">
        <v>0</v>
      </c>
      <c r="M12" s="166">
        <v>0</v>
      </c>
      <c r="N12" s="166">
        <v>0</v>
      </c>
      <c r="O12" s="166">
        <v>0</v>
      </c>
      <c r="P12" s="166">
        <v>0</v>
      </c>
      <c r="Q12" s="166">
        <v>0</v>
      </c>
      <c r="R12" s="166">
        <v>0</v>
      </c>
      <c r="S12" s="166">
        <v>0</v>
      </c>
      <c r="T12" s="166">
        <v>0</v>
      </c>
      <c r="U12" s="166">
        <v>0</v>
      </c>
      <c r="V12" s="166">
        <v>0</v>
      </c>
      <c r="W12" s="166">
        <v>0</v>
      </c>
      <c r="X12" s="166">
        <v>0</v>
      </c>
      <c r="Y12" s="166">
        <v>0</v>
      </c>
      <c r="Z12" s="166">
        <v>0</v>
      </c>
      <c r="AA12" s="166">
        <v>0</v>
      </c>
      <c r="AB12" s="166">
        <v>1000</v>
      </c>
      <c r="AC12" s="166">
        <v>0</v>
      </c>
      <c r="AD12" s="166">
        <v>0</v>
      </c>
      <c r="AE12" s="166">
        <v>0</v>
      </c>
      <c r="AF12" s="166">
        <v>0</v>
      </c>
      <c r="AG12" s="166">
        <v>0</v>
      </c>
      <c r="AH12" s="166">
        <v>0</v>
      </c>
      <c r="AI12" s="166">
        <v>0</v>
      </c>
      <c r="AJ12" s="166">
        <v>0</v>
      </c>
      <c r="AK12" s="166">
        <v>0</v>
      </c>
      <c r="AL12" s="166">
        <v>0</v>
      </c>
      <c r="AM12" s="166">
        <v>0</v>
      </c>
      <c r="AN12" s="166">
        <v>0</v>
      </c>
      <c r="AO12" s="166">
        <v>0</v>
      </c>
      <c r="AP12" s="166">
        <v>0</v>
      </c>
      <c r="AQ12" s="166">
        <v>0</v>
      </c>
      <c r="AR12" s="166">
        <v>0</v>
      </c>
      <c r="AS12" s="166">
        <v>0</v>
      </c>
      <c r="AT12" s="166">
        <v>0</v>
      </c>
      <c r="AU12" s="166">
        <v>0</v>
      </c>
      <c r="AV12" s="166">
        <v>0</v>
      </c>
      <c r="AW12" s="166">
        <v>0</v>
      </c>
      <c r="AX12" s="166">
        <v>0</v>
      </c>
      <c r="AY12" s="166">
        <v>0</v>
      </c>
      <c r="AZ12" s="166">
        <v>0</v>
      </c>
      <c r="BA12" s="166">
        <v>0</v>
      </c>
      <c r="BB12" s="166">
        <v>0</v>
      </c>
      <c r="BC12" s="166">
        <v>0</v>
      </c>
      <c r="BD12" s="166">
        <v>0</v>
      </c>
      <c r="BE12" s="166">
        <v>0</v>
      </c>
      <c r="BF12" s="166">
        <v>0</v>
      </c>
      <c r="BG12" s="166">
        <v>0</v>
      </c>
      <c r="BH12" s="166">
        <v>0</v>
      </c>
      <c r="BI12" s="166">
        <v>0</v>
      </c>
      <c r="BJ12" s="166">
        <v>0</v>
      </c>
      <c r="BK12" s="166">
        <v>0</v>
      </c>
      <c r="BL12" s="166">
        <v>0</v>
      </c>
      <c r="BM12" s="166">
        <v>0</v>
      </c>
      <c r="BN12" s="166">
        <v>0</v>
      </c>
      <c r="BO12" s="166">
        <v>0</v>
      </c>
      <c r="BP12" s="166">
        <v>0</v>
      </c>
      <c r="BQ12" s="166">
        <v>0</v>
      </c>
      <c r="BR12" s="166">
        <v>0</v>
      </c>
      <c r="BS12" s="166">
        <v>0</v>
      </c>
      <c r="BT12" s="166">
        <v>0</v>
      </c>
      <c r="BU12" s="166">
        <v>0</v>
      </c>
      <c r="BV12" s="166">
        <v>0</v>
      </c>
      <c r="BW12" s="166">
        <v>0</v>
      </c>
      <c r="BX12" s="166">
        <v>0</v>
      </c>
      <c r="BY12" s="166">
        <v>0</v>
      </c>
      <c r="BZ12" s="166">
        <v>0</v>
      </c>
      <c r="CA12" s="166">
        <v>0</v>
      </c>
      <c r="CB12" s="166">
        <v>0</v>
      </c>
      <c r="CC12" s="166">
        <v>0</v>
      </c>
      <c r="CD12" s="166">
        <v>0</v>
      </c>
      <c r="CE12" s="166">
        <v>0</v>
      </c>
      <c r="CF12" s="166">
        <v>0</v>
      </c>
      <c r="CG12" s="166">
        <v>0</v>
      </c>
      <c r="CH12" s="166">
        <v>0</v>
      </c>
      <c r="CI12" s="166">
        <v>0</v>
      </c>
      <c r="CJ12" s="166">
        <v>0</v>
      </c>
      <c r="CK12" s="166">
        <v>0</v>
      </c>
      <c r="CL12" s="166">
        <v>0</v>
      </c>
      <c r="CM12" s="166">
        <v>0</v>
      </c>
      <c r="CN12" s="166">
        <v>0</v>
      </c>
      <c r="CO12" s="166">
        <v>0</v>
      </c>
      <c r="CP12" s="166">
        <v>0</v>
      </c>
      <c r="CQ12" s="166">
        <v>0</v>
      </c>
      <c r="CR12" s="166">
        <v>0</v>
      </c>
      <c r="CS12" s="166">
        <v>0</v>
      </c>
      <c r="CT12" s="166">
        <v>0</v>
      </c>
      <c r="CU12" s="166">
        <v>0</v>
      </c>
      <c r="CV12" s="166">
        <v>0</v>
      </c>
      <c r="CW12" s="166">
        <v>0</v>
      </c>
      <c r="CX12" s="166">
        <v>0</v>
      </c>
      <c r="CY12" s="166">
        <v>0</v>
      </c>
      <c r="CZ12" s="166">
        <v>0</v>
      </c>
    </row>
    <row r="13" spans="1:104" hidden="1" outlineLevel="1" x14ac:dyDescent="0.2">
      <c r="A13" s="167" t="s">
        <v>105</v>
      </c>
      <c r="B13" s="166">
        <v>0</v>
      </c>
      <c r="C13" s="166">
        <v>0</v>
      </c>
      <c r="D13" s="166">
        <v>0</v>
      </c>
      <c r="E13" s="166">
        <v>0</v>
      </c>
      <c r="F13" s="166">
        <v>0</v>
      </c>
      <c r="G13" s="166">
        <v>1000</v>
      </c>
      <c r="H13" s="166">
        <v>0</v>
      </c>
      <c r="I13" s="166">
        <v>0</v>
      </c>
      <c r="J13" s="166">
        <v>0</v>
      </c>
      <c r="K13" s="166">
        <v>0</v>
      </c>
      <c r="L13" s="166">
        <v>0</v>
      </c>
      <c r="M13" s="166">
        <v>0</v>
      </c>
      <c r="N13" s="166">
        <v>0</v>
      </c>
      <c r="O13" s="166">
        <v>0</v>
      </c>
      <c r="P13" s="166">
        <v>0</v>
      </c>
      <c r="Q13" s="166">
        <v>0</v>
      </c>
      <c r="R13" s="166">
        <v>0</v>
      </c>
      <c r="S13" s="166">
        <v>0</v>
      </c>
      <c r="T13" s="166">
        <v>0</v>
      </c>
      <c r="U13" s="166">
        <v>0</v>
      </c>
      <c r="V13" s="166">
        <v>0</v>
      </c>
      <c r="W13" s="166">
        <v>0</v>
      </c>
      <c r="X13" s="166">
        <v>0</v>
      </c>
      <c r="Y13" s="166">
        <v>0</v>
      </c>
      <c r="Z13" s="166">
        <v>0</v>
      </c>
      <c r="AA13" s="166">
        <v>0</v>
      </c>
      <c r="AB13" s="166">
        <v>0</v>
      </c>
      <c r="AC13" s="166">
        <v>0</v>
      </c>
      <c r="AD13" s="166">
        <v>0</v>
      </c>
      <c r="AE13" s="166">
        <v>0</v>
      </c>
      <c r="AF13" s="166">
        <v>0</v>
      </c>
      <c r="AG13" s="166">
        <v>0</v>
      </c>
      <c r="AH13" s="166">
        <v>0</v>
      </c>
      <c r="AI13" s="166">
        <v>0</v>
      </c>
      <c r="AJ13" s="166">
        <v>0</v>
      </c>
      <c r="AK13" s="166">
        <v>0</v>
      </c>
      <c r="AL13" s="166">
        <v>0</v>
      </c>
      <c r="AM13" s="166">
        <v>0</v>
      </c>
      <c r="AN13" s="166">
        <v>0</v>
      </c>
      <c r="AO13" s="166">
        <v>0</v>
      </c>
      <c r="AP13" s="166">
        <v>0</v>
      </c>
      <c r="AQ13" s="166">
        <v>0</v>
      </c>
      <c r="AR13" s="166">
        <v>0</v>
      </c>
      <c r="AS13" s="166">
        <v>0</v>
      </c>
      <c r="AT13" s="166">
        <v>0</v>
      </c>
      <c r="AU13" s="166">
        <v>0</v>
      </c>
      <c r="AV13" s="166">
        <v>0</v>
      </c>
      <c r="AW13" s="166">
        <v>0</v>
      </c>
      <c r="AX13" s="166">
        <v>0</v>
      </c>
      <c r="AY13" s="166">
        <v>0</v>
      </c>
      <c r="AZ13" s="166">
        <v>0</v>
      </c>
      <c r="BA13" s="166">
        <v>0</v>
      </c>
      <c r="BB13" s="166">
        <v>0</v>
      </c>
      <c r="BC13" s="166">
        <v>0</v>
      </c>
      <c r="BD13" s="166">
        <v>0</v>
      </c>
      <c r="BE13" s="166">
        <v>0</v>
      </c>
      <c r="BF13" s="166">
        <v>0</v>
      </c>
      <c r="BG13" s="166">
        <v>0</v>
      </c>
      <c r="BH13" s="166">
        <v>0</v>
      </c>
      <c r="BI13" s="166">
        <v>0</v>
      </c>
      <c r="BJ13" s="166">
        <v>0</v>
      </c>
      <c r="BK13" s="166">
        <v>0</v>
      </c>
      <c r="BL13" s="166">
        <v>0</v>
      </c>
      <c r="BM13" s="166">
        <v>0</v>
      </c>
      <c r="BN13" s="166">
        <v>0</v>
      </c>
      <c r="BO13" s="166">
        <v>0</v>
      </c>
      <c r="BP13" s="166">
        <v>0</v>
      </c>
      <c r="BQ13" s="166">
        <v>0</v>
      </c>
      <c r="BR13" s="166">
        <v>0</v>
      </c>
      <c r="BS13" s="166">
        <v>0</v>
      </c>
      <c r="BT13" s="166">
        <v>0</v>
      </c>
      <c r="BU13" s="166">
        <v>0</v>
      </c>
      <c r="BV13" s="166">
        <v>0</v>
      </c>
      <c r="BW13" s="166">
        <v>0</v>
      </c>
      <c r="BX13" s="166">
        <v>0</v>
      </c>
      <c r="BY13" s="166">
        <v>0</v>
      </c>
      <c r="BZ13" s="166">
        <v>0</v>
      </c>
      <c r="CA13" s="166">
        <v>0</v>
      </c>
      <c r="CB13" s="166">
        <v>0</v>
      </c>
      <c r="CC13" s="166">
        <v>0</v>
      </c>
      <c r="CD13" s="166">
        <v>0</v>
      </c>
      <c r="CE13" s="166">
        <v>0</v>
      </c>
      <c r="CF13" s="166">
        <v>0</v>
      </c>
      <c r="CG13" s="166">
        <v>0</v>
      </c>
      <c r="CH13" s="166">
        <v>0</v>
      </c>
      <c r="CI13" s="166">
        <v>0</v>
      </c>
      <c r="CJ13" s="166">
        <v>0</v>
      </c>
      <c r="CK13" s="166">
        <v>0</v>
      </c>
      <c r="CL13" s="166">
        <v>0</v>
      </c>
      <c r="CM13" s="166">
        <v>0</v>
      </c>
      <c r="CN13" s="166">
        <v>0</v>
      </c>
      <c r="CO13" s="166">
        <v>0</v>
      </c>
      <c r="CP13" s="166">
        <v>0</v>
      </c>
      <c r="CQ13" s="166">
        <v>0</v>
      </c>
      <c r="CR13" s="166">
        <v>0</v>
      </c>
      <c r="CS13" s="166">
        <v>0</v>
      </c>
      <c r="CT13" s="166">
        <v>0</v>
      </c>
      <c r="CU13" s="166">
        <v>0</v>
      </c>
      <c r="CV13" s="166">
        <v>0</v>
      </c>
      <c r="CW13" s="166">
        <v>0</v>
      </c>
      <c r="CX13" s="166">
        <v>0</v>
      </c>
      <c r="CY13" s="166">
        <v>0</v>
      </c>
      <c r="CZ13" s="166">
        <v>0</v>
      </c>
    </row>
    <row r="14" spans="1:104" hidden="1" outlineLevel="1" x14ac:dyDescent="0.2">
      <c r="A14" s="167" t="s">
        <v>106</v>
      </c>
      <c r="B14" s="166">
        <v>0</v>
      </c>
      <c r="C14" s="166">
        <v>0</v>
      </c>
      <c r="D14" s="166">
        <v>0</v>
      </c>
      <c r="E14" s="166">
        <v>0</v>
      </c>
      <c r="F14" s="166">
        <v>0</v>
      </c>
      <c r="G14" s="166">
        <v>0</v>
      </c>
      <c r="H14" s="166">
        <v>0</v>
      </c>
      <c r="I14" s="166">
        <v>0</v>
      </c>
      <c r="J14" s="166">
        <v>0</v>
      </c>
      <c r="K14" s="166">
        <v>0</v>
      </c>
      <c r="L14" s="166">
        <v>0</v>
      </c>
      <c r="M14" s="166">
        <v>0</v>
      </c>
      <c r="N14" s="166">
        <v>0</v>
      </c>
      <c r="O14" s="166">
        <v>0</v>
      </c>
      <c r="P14" s="166">
        <v>0</v>
      </c>
      <c r="Q14" s="166">
        <v>0</v>
      </c>
      <c r="R14" s="166">
        <v>1000</v>
      </c>
      <c r="S14" s="166">
        <v>0</v>
      </c>
      <c r="T14" s="166">
        <v>0</v>
      </c>
      <c r="U14" s="166">
        <v>0</v>
      </c>
      <c r="V14" s="166">
        <v>0</v>
      </c>
      <c r="W14" s="166">
        <v>0</v>
      </c>
      <c r="X14" s="166">
        <v>0</v>
      </c>
      <c r="Y14" s="166">
        <v>0</v>
      </c>
      <c r="Z14" s="166">
        <v>0</v>
      </c>
      <c r="AA14" s="166">
        <v>0</v>
      </c>
      <c r="AB14" s="166">
        <v>0</v>
      </c>
      <c r="AC14" s="166">
        <v>0</v>
      </c>
      <c r="AD14" s="166">
        <v>0</v>
      </c>
      <c r="AE14" s="166">
        <v>0</v>
      </c>
      <c r="AF14" s="166">
        <v>0</v>
      </c>
      <c r="AG14" s="166">
        <v>0</v>
      </c>
      <c r="AH14" s="166">
        <v>0</v>
      </c>
      <c r="AI14" s="166">
        <v>0</v>
      </c>
      <c r="AJ14" s="166">
        <v>0</v>
      </c>
      <c r="AK14" s="166">
        <v>0</v>
      </c>
      <c r="AL14" s="166">
        <v>0</v>
      </c>
      <c r="AM14" s="166">
        <v>0</v>
      </c>
      <c r="AN14" s="166">
        <v>0</v>
      </c>
      <c r="AO14" s="166">
        <v>0</v>
      </c>
      <c r="AP14" s="166">
        <v>0</v>
      </c>
      <c r="AQ14" s="166">
        <v>0</v>
      </c>
      <c r="AR14" s="166">
        <v>0</v>
      </c>
      <c r="AS14" s="166">
        <v>0</v>
      </c>
      <c r="AT14" s="166">
        <v>0</v>
      </c>
      <c r="AU14" s="166">
        <v>0</v>
      </c>
      <c r="AV14" s="166">
        <v>0</v>
      </c>
      <c r="AW14" s="166">
        <v>0</v>
      </c>
      <c r="AX14" s="166">
        <v>0</v>
      </c>
      <c r="AY14" s="166">
        <v>0</v>
      </c>
      <c r="AZ14" s="166">
        <v>0</v>
      </c>
      <c r="BA14" s="166">
        <v>0</v>
      </c>
      <c r="BB14" s="166">
        <v>0</v>
      </c>
      <c r="BC14" s="166">
        <v>0</v>
      </c>
      <c r="BD14" s="166">
        <v>0</v>
      </c>
      <c r="BE14" s="166">
        <v>0</v>
      </c>
      <c r="BF14" s="166">
        <v>0</v>
      </c>
      <c r="BG14" s="166">
        <v>0</v>
      </c>
      <c r="BH14" s="166">
        <v>0</v>
      </c>
      <c r="BI14" s="166">
        <v>0</v>
      </c>
      <c r="BJ14" s="166">
        <v>0</v>
      </c>
      <c r="BK14" s="166">
        <v>0</v>
      </c>
      <c r="BL14" s="166">
        <v>0</v>
      </c>
      <c r="BM14" s="166">
        <v>0</v>
      </c>
      <c r="BN14" s="166">
        <v>0</v>
      </c>
      <c r="BO14" s="166">
        <v>0</v>
      </c>
      <c r="BP14" s="166">
        <v>0</v>
      </c>
      <c r="BQ14" s="166">
        <v>0</v>
      </c>
      <c r="BR14" s="166">
        <v>0</v>
      </c>
      <c r="BS14" s="166">
        <v>0</v>
      </c>
      <c r="BT14" s="166">
        <v>0</v>
      </c>
      <c r="BU14" s="166">
        <v>0</v>
      </c>
      <c r="BV14" s="166">
        <v>0</v>
      </c>
      <c r="BW14" s="166">
        <v>0</v>
      </c>
      <c r="BX14" s="166">
        <v>0</v>
      </c>
      <c r="BY14" s="166">
        <v>0</v>
      </c>
      <c r="BZ14" s="166">
        <v>0</v>
      </c>
      <c r="CA14" s="166">
        <v>0</v>
      </c>
      <c r="CB14" s="166">
        <v>0</v>
      </c>
      <c r="CC14" s="166">
        <v>0</v>
      </c>
      <c r="CD14" s="166">
        <v>0</v>
      </c>
      <c r="CE14" s="166">
        <v>0</v>
      </c>
      <c r="CF14" s="166">
        <v>0</v>
      </c>
      <c r="CG14" s="166">
        <v>0</v>
      </c>
      <c r="CH14" s="166">
        <v>0</v>
      </c>
      <c r="CI14" s="166">
        <v>0</v>
      </c>
      <c r="CJ14" s="166">
        <v>0</v>
      </c>
      <c r="CK14" s="166">
        <v>0</v>
      </c>
      <c r="CL14" s="166">
        <v>0</v>
      </c>
      <c r="CM14" s="166">
        <v>0</v>
      </c>
      <c r="CN14" s="166">
        <v>0</v>
      </c>
      <c r="CO14" s="166">
        <v>0</v>
      </c>
      <c r="CP14" s="166">
        <v>0</v>
      </c>
      <c r="CQ14" s="166">
        <v>0</v>
      </c>
      <c r="CR14" s="166">
        <v>0</v>
      </c>
      <c r="CS14" s="166">
        <v>0</v>
      </c>
      <c r="CT14" s="166">
        <v>0</v>
      </c>
      <c r="CU14" s="166">
        <v>0</v>
      </c>
      <c r="CV14" s="166">
        <v>0</v>
      </c>
      <c r="CW14" s="166">
        <v>0</v>
      </c>
      <c r="CX14" s="166">
        <v>0</v>
      </c>
      <c r="CY14" s="166">
        <v>0</v>
      </c>
      <c r="CZ14" s="166">
        <v>0</v>
      </c>
    </row>
    <row r="15" spans="1:104" hidden="1" outlineLevel="1" x14ac:dyDescent="0.2">
      <c r="A15" s="167" t="s">
        <v>107</v>
      </c>
      <c r="B15" s="166">
        <v>0</v>
      </c>
      <c r="C15" s="166">
        <v>0</v>
      </c>
      <c r="D15" s="166">
        <v>0</v>
      </c>
      <c r="E15" s="166">
        <v>0</v>
      </c>
      <c r="F15" s="166">
        <v>0</v>
      </c>
      <c r="G15" s="166">
        <v>0</v>
      </c>
      <c r="H15" s="166">
        <v>0</v>
      </c>
      <c r="I15" s="166">
        <v>0</v>
      </c>
      <c r="J15" s="166">
        <v>0</v>
      </c>
      <c r="K15" s="166">
        <v>0</v>
      </c>
      <c r="L15" s="166">
        <v>0</v>
      </c>
      <c r="M15" s="166">
        <v>0</v>
      </c>
      <c r="N15" s="166">
        <v>0</v>
      </c>
      <c r="O15" s="166">
        <v>0</v>
      </c>
      <c r="P15" s="166">
        <v>0</v>
      </c>
      <c r="Q15" s="166">
        <v>0</v>
      </c>
      <c r="R15" s="166">
        <v>0</v>
      </c>
      <c r="S15" s="166">
        <v>0</v>
      </c>
      <c r="T15" s="166">
        <v>0</v>
      </c>
      <c r="U15" s="166">
        <v>1000</v>
      </c>
      <c r="V15" s="166">
        <v>0</v>
      </c>
      <c r="W15" s="166">
        <v>0</v>
      </c>
      <c r="X15" s="166">
        <v>0</v>
      </c>
      <c r="Y15" s="166">
        <v>0</v>
      </c>
      <c r="Z15" s="166">
        <v>0</v>
      </c>
      <c r="AA15" s="166">
        <v>0</v>
      </c>
      <c r="AB15" s="166">
        <v>0</v>
      </c>
      <c r="AC15" s="166">
        <v>0</v>
      </c>
      <c r="AD15" s="166">
        <v>0</v>
      </c>
      <c r="AE15" s="166">
        <v>0</v>
      </c>
      <c r="AF15" s="166">
        <v>0</v>
      </c>
      <c r="AG15" s="166">
        <v>0</v>
      </c>
      <c r="AH15" s="166">
        <v>0</v>
      </c>
      <c r="AI15" s="166">
        <v>0</v>
      </c>
      <c r="AJ15" s="166">
        <v>0</v>
      </c>
      <c r="AK15" s="166">
        <v>0</v>
      </c>
      <c r="AL15" s="166">
        <v>0</v>
      </c>
      <c r="AM15" s="166">
        <v>0</v>
      </c>
      <c r="AN15" s="166">
        <v>0</v>
      </c>
      <c r="AO15" s="166">
        <v>0</v>
      </c>
      <c r="AP15" s="166">
        <v>0</v>
      </c>
      <c r="AQ15" s="166">
        <v>0</v>
      </c>
      <c r="AR15" s="166">
        <v>0</v>
      </c>
      <c r="AS15" s="166">
        <v>0</v>
      </c>
      <c r="AT15" s="166">
        <v>0</v>
      </c>
      <c r="AU15" s="166">
        <v>0</v>
      </c>
      <c r="AV15" s="166">
        <v>0</v>
      </c>
      <c r="AW15" s="166">
        <v>0</v>
      </c>
      <c r="AX15" s="166">
        <v>0</v>
      </c>
      <c r="AY15" s="166">
        <v>0</v>
      </c>
      <c r="AZ15" s="166">
        <v>0</v>
      </c>
      <c r="BA15" s="166">
        <v>0</v>
      </c>
      <c r="BB15" s="166">
        <v>0</v>
      </c>
      <c r="BC15" s="166">
        <v>0</v>
      </c>
      <c r="BD15" s="166">
        <v>0</v>
      </c>
      <c r="BE15" s="166">
        <v>0</v>
      </c>
      <c r="BF15" s="166">
        <v>0</v>
      </c>
      <c r="BG15" s="166">
        <v>0</v>
      </c>
      <c r="BH15" s="166">
        <v>0</v>
      </c>
      <c r="BI15" s="166">
        <v>0</v>
      </c>
      <c r="BJ15" s="166">
        <v>0</v>
      </c>
      <c r="BK15" s="166">
        <v>0</v>
      </c>
      <c r="BL15" s="166">
        <v>0</v>
      </c>
      <c r="BM15" s="166">
        <v>0</v>
      </c>
      <c r="BN15" s="166">
        <v>0</v>
      </c>
      <c r="BO15" s="166">
        <v>0</v>
      </c>
      <c r="BP15" s="166">
        <v>0</v>
      </c>
      <c r="BQ15" s="166">
        <v>0</v>
      </c>
      <c r="BR15" s="166">
        <v>0</v>
      </c>
      <c r="BS15" s="166">
        <v>0</v>
      </c>
      <c r="BT15" s="166">
        <v>0</v>
      </c>
      <c r="BU15" s="166">
        <v>0</v>
      </c>
      <c r="BV15" s="166">
        <v>0</v>
      </c>
      <c r="BW15" s="166">
        <v>0</v>
      </c>
      <c r="BX15" s="166">
        <v>0</v>
      </c>
      <c r="BY15" s="166">
        <v>0</v>
      </c>
      <c r="BZ15" s="166">
        <v>0</v>
      </c>
      <c r="CA15" s="166">
        <v>0</v>
      </c>
      <c r="CB15" s="166">
        <v>0</v>
      </c>
      <c r="CC15" s="166">
        <v>0</v>
      </c>
      <c r="CD15" s="166">
        <v>0</v>
      </c>
      <c r="CE15" s="166">
        <v>0</v>
      </c>
      <c r="CF15" s="166">
        <v>0</v>
      </c>
      <c r="CG15" s="166">
        <v>0</v>
      </c>
      <c r="CH15" s="166">
        <v>0</v>
      </c>
      <c r="CI15" s="166">
        <v>0</v>
      </c>
      <c r="CJ15" s="166">
        <v>0</v>
      </c>
      <c r="CK15" s="166">
        <v>0</v>
      </c>
      <c r="CL15" s="166">
        <v>0</v>
      </c>
      <c r="CM15" s="166">
        <v>0</v>
      </c>
      <c r="CN15" s="166">
        <v>0</v>
      </c>
      <c r="CO15" s="166">
        <v>0</v>
      </c>
      <c r="CP15" s="166">
        <v>0</v>
      </c>
      <c r="CQ15" s="166">
        <v>0</v>
      </c>
      <c r="CR15" s="166">
        <v>0</v>
      </c>
      <c r="CS15" s="166">
        <v>0</v>
      </c>
      <c r="CT15" s="166">
        <v>0</v>
      </c>
      <c r="CU15" s="166">
        <v>0</v>
      </c>
      <c r="CV15" s="166">
        <v>0</v>
      </c>
      <c r="CW15" s="166">
        <v>0</v>
      </c>
      <c r="CX15" s="166">
        <v>0</v>
      </c>
      <c r="CY15" s="166">
        <v>0</v>
      </c>
      <c r="CZ15" s="166">
        <v>0</v>
      </c>
    </row>
    <row r="16" spans="1:104" hidden="1" outlineLevel="1" x14ac:dyDescent="0.2">
      <c r="A16" s="167" t="s">
        <v>108</v>
      </c>
      <c r="B16" s="166">
        <v>0</v>
      </c>
      <c r="C16" s="166">
        <v>0</v>
      </c>
      <c r="D16" s="166">
        <v>0</v>
      </c>
      <c r="E16" s="166">
        <v>0</v>
      </c>
      <c r="F16" s="166">
        <v>0</v>
      </c>
      <c r="G16" s="166">
        <v>0</v>
      </c>
      <c r="H16" s="166">
        <v>0</v>
      </c>
      <c r="I16" s="166">
        <v>0</v>
      </c>
      <c r="J16" s="166">
        <v>0</v>
      </c>
      <c r="K16" s="166">
        <v>0</v>
      </c>
      <c r="L16" s="166">
        <v>0</v>
      </c>
      <c r="M16" s="166">
        <v>0</v>
      </c>
      <c r="N16" s="166">
        <v>0</v>
      </c>
      <c r="O16" s="166">
        <v>0</v>
      </c>
      <c r="P16" s="166">
        <v>0</v>
      </c>
      <c r="Q16" s="166">
        <v>0</v>
      </c>
      <c r="R16" s="166">
        <v>0</v>
      </c>
      <c r="S16" s="166">
        <v>0</v>
      </c>
      <c r="T16" s="166">
        <v>0</v>
      </c>
      <c r="U16" s="166">
        <v>0</v>
      </c>
      <c r="V16" s="166">
        <v>0</v>
      </c>
      <c r="W16" s="166">
        <v>0</v>
      </c>
      <c r="X16" s="166">
        <v>0</v>
      </c>
      <c r="Y16" s="166">
        <v>0</v>
      </c>
      <c r="Z16" s="166">
        <v>0</v>
      </c>
      <c r="AA16" s="166">
        <v>0</v>
      </c>
      <c r="AB16" s="166">
        <v>0</v>
      </c>
      <c r="AC16" s="166">
        <v>0</v>
      </c>
      <c r="AD16" s="166">
        <v>0</v>
      </c>
      <c r="AE16" s="166">
        <v>0</v>
      </c>
      <c r="AF16" s="166">
        <v>0</v>
      </c>
      <c r="AG16" s="166">
        <v>0</v>
      </c>
      <c r="AH16" s="166">
        <v>0</v>
      </c>
      <c r="AI16" s="166">
        <v>0</v>
      </c>
      <c r="AJ16" s="166">
        <v>0</v>
      </c>
      <c r="AK16" s="166">
        <v>0</v>
      </c>
      <c r="AL16" s="166">
        <v>0</v>
      </c>
      <c r="AM16" s="166">
        <v>0</v>
      </c>
      <c r="AN16" s="166">
        <v>0</v>
      </c>
      <c r="AO16" s="166">
        <v>0</v>
      </c>
      <c r="AP16" s="166">
        <v>0</v>
      </c>
      <c r="AQ16" s="166">
        <v>0</v>
      </c>
      <c r="AR16" s="166">
        <v>0</v>
      </c>
      <c r="AS16" s="166">
        <v>0</v>
      </c>
      <c r="AT16" s="166">
        <v>0</v>
      </c>
      <c r="AU16" s="166">
        <v>0</v>
      </c>
      <c r="AV16" s="166">
        <v>0</v>
      </c>
      <c r="AW16" s="166">
        <v>0</v>
      </c>
      <c r="AX16" s="166">
        <v>0</v>
      </c>
      <c r="AY16" s="166">
        <v>1000</v>
      </c>
      <c r="AZ16" s="166">
        <v>0</v>
      </c>
      <c r="BA16" s="166">
        <v>0</v>
      </c>
      <c r="BB16" s="166">
        <v>0</v>
      </c>
      <c r="BC16" s="166">
        <v>0</v>
      </c>
      <c r="BD16" s="166">
        <v>0</v>
      </c>
      <c r="BE16" s="166">
        <v>0</v>
      </c>
      <c r="BF16" s="166">
        <v>0</v>
      </c>
      <c r="BG16" s="166">
        <v>0</v>
      </c>
      <c r="BH16" s="166">
        <v>0</v>
      </c>
      <c r="BI16" s="166">
        <v>0</v>
      </c>
      <c r="BJ16" s="166">
        <v>0</v>
      </c>
      <c r="BK16" s="166">
        <v>0</v>
      </c>
      <c r="BL16" s="166">
        <v>0</v>
      </c>
      <c r="BM16" s="166">
        <v>0</v>
      </c>
      <c r="BN16" s="166">
        <v>0</v>
      </c>
      <c r="BO16" s="166">
        <v>0</v>
      </c>
      <c r="BP16" s="166">
        <v>0</v>
      </c>
      <c r="BQ16" s="166">
        <v>0</v>
      </c>
      <c r="BR16" s="166">
        <v>0</v>
      </c>
      <c r="BS16" s="166">
        <v>0</v>
      </c>
      <c r="BT16" s="166">
        <v>0</v>
      </c>
      <c r="BU16" s="166">
        <v>0</v>
      </c>
      <c r="BV16" s="166">
        <v>0</v>
      </c>
      <c r="BW16" s="166">
        <v>0</v>
      </c>
      <c r="BX16" s="166">
        <v>0</v>
      </c>
      <c r="BY16" s="166">
        <v>0</v>
      </c>
      <c r="BZ16" s="166">
        <v>0</v>
      </c>
      <c r="CA16" s="166">
        <v>0</v>
      </c>
      <c r="CB16" s="166">
        <v>0</v>
      </c>
      <c r="CC16" s="166">
        <v>0</v>
      </c>
      <c r="CD16" s="166">
        <v>0</v>
      </c>
      <c r="CE16" s="166">
        <v>0</v>
      </c>
      <c r="CF16" s="166">
        <v>0</v>
      </c>
      <c r="CG16" s="166">
        <v>0</v>
      </c>
      <c r="CH16" s="166">
        <v>0</v>
      </c>
      <c r="CI16" s="166">
        <v>0</v>
      </c>
      <c r="CJ16" s="166">
        <v>0</v>
      </c>
      <c r="CK16" s="166">
        <v>0</v>
      </c>
      <c r="CL16" s="166">
        <v>0</v>
      </c>
      <c r="CM16" s="166">
        <v>0</v>
      </c>
      <c r="CN16" s="166">
        <v>0</v>
      </c>
      <c r="CO16" s="166">
        <v>0</v>
      </c>
      <c r="CP16" s="166">
        <v>0</v>
      </c>
      <c r="CQ16" s="166">
        <v>0</v>
      </c>
      <c r="CR16" s="166">
        <v>0</v>
      </c>
      <c r="CS16" s="166">
        <v>0</v>
      </c>
      <c r="CT16" s="166">
        <v>0</v>
      </c>
      <c r="CU16" s="166">
        <v>0</v>
      </c>
      <c r="CV16" s="166">
        <v>0</v>
      </c>
      <c r="CW16" s="166">
        <v>0</v>
      </c>
      <c r="CX16" s="166">
        <v>0</v>
      </c>
      <c r="CY16" s="166">
        <v>0</v>
      </c>
      <c r="CZ16" s="166">
        <v>0</v>
      </c>
    </row>
    <row r="17" spans="1:104" hidden="1" outlineLevel="1" x14ac:dyDescent="0.2">
      <c r="A17" s="167" t="s">
        <v>109</v>
      </c>
      <c r="B17" s="166">
        <v>0</v>
      </c>
      <c r="C17" s="166">
        <v>0</v>
      </c>
      <c r="D17" s="166">
        <v>0</v>
      </c>
      <c r="E17" s="166">
        <v>0</v>
      </c>
      <c r="F17" s="166">
        <v>0</v>
      </c>
      <c r="G17" s="166">
        <v>1000</v>
      </c>
      <c r="H17" s="166">
        <v>0</v>
      </c>
      <c r="I17" s="166">
        <v>0</v>
      </c>
      <c r="J17" s="166">
        <v>0</v>
      </c>
      <c r="K17" s="166">
        <v>0</v>
      </c>
      <c r="L17" s="166">
        <v>0</v>
      </c>
      <c r="M17" s="166">
        <v>0</v>
      </c>
      <c r="N17" s="166">
        <v>0</v>
      </c>
      <c r="O17" s="166">
        <v>0</v>
      </c>
      <c r="P17" s="166">
        <v>0</v>
      </c>
      <c r="Q17" s="166">
        <v>0</v>
      </c>
      <c r="R17" s="166">
        <v>1000</v>
      </c>
      <c r="S17" s="166">
        <v>0</v>
      </c>
      <c r="T17" s="166">
        <v>0</v>
      </c>
      <c r="U17" s="166">
        <v>1000</v>
      </c>
      <c r="V17" s="166">
        <v>0</v>
      </c>
      <c r="W17" s="166">
        <v>0</v>
      </c>
      <c r="X17" s="166">
        <v>0</v>
      </c>
      <c r="Y17" s="166">
        <v>0</v>
      </c>
      <c r="Z17" s="166">
        <v>0</v>
      </c>
      <c r="AA17" s="166">
        <v>0</v>
      </c>
      <c r="AB17" s="166">
        <v>1000</v>
      </c>
      <c r="AC17" s="166">
        <v>0</v>
      </c>
      <c r="AD17" s="166">
        <v>0</v>
      </c>
      <c r="AE17" s="166">
        <v>0</v>
      </c>
      <c r="AF17" s="166">
        <v>0</v>
      </c>
      <c r="AG17" s="166">
        <v>0</v>
      </c>
      <c r="AH17" s="166">
        <v>0</v>
      </c>
      <c r="AI17" s="166">
        <v>0</v>
      </c>
      <c r="AJ17" s="166">
        <v>0</v>
      </c>
      <c r="AK17" s="166">
        <v>0</v>
      </c>
      <c r="AL17" s="166">
        <v>0</v>
      </c>
      <c r="AM17" s="166">
        <v>0</v>
      </c>
      <c r="AN17" s="166">
        <v>0</v>
      </c>
      <c r="AO17" s="166">
        <v>0</v>
      </c>
      <c r="AP17" s="166">
        <v>0</v>
      </c>
      <c r="AQ17" s="166">
        <v>0</v>
      </c>
      <c r="AR17" s="166">
        <v>0</v>
      </c>
      <c r="AS17" s="166">
        <v>0</v>
      </c>
      <c r="AT17" s="166">
        <v>0</v>
      </c>
      <c r="AU17" s="166">
        <v>0</v>
      </c>
      <c r="AV17" s="166">
        <v>0</v>
      </c>
      <c r="AW17" s="166">
        <v>0</v>
      </c>
      <c r="AX17" s="166">
        <v>0</v>
      </c>
      <c r="AY17" s="166">
        <v>1000</v>
      </c>
      <c r="AZ17" s="166">
        <v>0</v>
      </c>
      <c r="BA17" s="166">
        <v>0</v>
      </c>
      <c r="BB17" s="166">
        <v>0</v>
      </c>
      <c r="BC17" s="166">
        <v>0</v>
      </c>
      <c r="BD17" s="166">
        <v>0</v>
      </c>
      <c r="BE17" s="166">
        <v>0</v>
      </c>
      <c r="BF17" s="166">
        <v>0</v>
      </c>
      <c r="BG17" s="166">
        <v>0</v>
      </c>
      <c r="BH17" s="166">
        <v>0</v>
      </c>
      <c r="BI17" s="166">
        <v>0</v>
      </c>
      <c r="BJ17" s="166">
        <v>0</v>
      </c>
      <c r="BK17" s="166">
        <v>0</v>
      </c>
      <c r="BL17" s="166">
        <v>0</v>
      </c>
      <c r="BM17" s="166">
        <v>0</v>
      </c>
      <c r="BN17" s="166">
        <v>0</v>
      </c>
      <c r="BO17" s="166">
        <v>0</v>
      </c>
      <c r="BP17" s="166">
        <v>0</v>
      </c>
      <c r="BQ17" s="166">
        <v>0</v>
      </c>
      <c r="BR17" s="166">
        <v>0</v>
      </c>
      <c r="BS17" s="166">
        <v>0</v>
      </c>
      <c r="BT17" s="166">
        <v>0</v>
      </c>
      <c r="BU17" s="166">
        <v>0</v>
      </c>
      <c r="BV17" s="166">
        <v>0</v>
      </c>
      <c r="BW17" s="166">
        <v>0</v>
      </c>
      <c r="BX17" s="166">
        <v>0</v>
      </c>
      <c r="BY17" s="166">
        <v>0</v>
      </c>
      <c r="BZ17" s="166">
        <v>0</v>
      </c>
      <c r="CA17" s="166">
        <v>0</v>
      </c>
      <c r="CB17" s="166">
        <v>0</v>
      </c>
      <c r="CC17" s="166">
        <v>0</v>
      </c>
      <c r="CD17" s="166">
        <v>0</v>
      </c>
      <c r="CE17" s="166">
        <v>0</v>
      </c>
      <c r="CF17" s="166">
        <v>0</v>
      </c>
      <c r="CG17" s="166">
        <v>0</v>
      </c>
      <c r="CH17" s="166">
        <v>0</v>
      </c>
      <c r="CI17" s="166">
        <v>0</v>
      </c>
      <c r="CJ17" s="166">
        <v>0</v>
      </c>
      <c r="CK17" s="166">
        <v>0</v>
      </c>
      <c r="CL17" s="166">
        <v>0</v>
      </c>
      <c r="CM17" s="166">
        <v>0</v>
      </c>
      <c r="CN17" s="166">
        <v>0</v>
      </c>
      <c r="CO17" s="166">
        <v>0</v>
      </c>
      <c r="CP17" s="166">
        <v>0</v>
      </c>
      <c r="CQ17" s="166">
        <v>0</v>
      </c>
      <c r="CR17" s="166">
        <v>0</v>
      </c>
      <c r="CS17" s="166">
        <v>0</v>
      </c>
      <c r="CT17" s="166">
        <v>0</v>
      </c>
      <c r="CU17" s="166">
        <v>0</v>
      </c>
      <c r="CV17" s="166">
        <v>0</v>
      </c>
      <c r="CW17" s="166">
        <v>0</v>
      </c>
      <c r="CX17" s="166">
        <v>0</v>
      </c>
      <c r="CY17" s="166">
        <v>0</v>
      </c>
      <c r="CZ17" s="166">
        <v>0</v>
      </c>
    </row>
    <row r="18" spans="1:104" hidden="1" outlineLevel="1" x14ac:dyDescent="0.2">
      <c r="A18" s="167" t="s">
        <v>110</v>
      </c>
    </row>
    <row r="19" spans="1:104" hidden="1" outlineLevel="1" x14ac:dyDescent="0.2">
      <c r="A19" s="167" t="s">
        <v>111</v>
      </c>
    </row>
    <row r="20" spans="1:104" hidden="1" outlineLevel="1" x14ac:dyDescent="0.2">
      <c r="A20" s="167" t="s">
        <v>112</v>
      </c>
    </row>
    <row r="21" spans="1:104" hidden="1" outlineLevel="1" x14ac:dyDescent="0.2">
      <c r="A21" s="167" t="s">
        <v>113</v>
      </c>
    </row>
    <row r="22" spans="1:104" hidden="1" outlineLevel="1" x14ac:dyDescent="0.2">
      <c r="A22" s="167" t="s">
        <v>114</v>
      </c>
      <c r="B22" s="166">
        <v>0</v>
      </c>
      <c r="C22" s="166">
        <v>0</v>
      </c>
      <c r="D22" s="166">
        <v>0</v>
      </c>
      <c r="E22" s="166">
        <v>0</v>
      </c>
      <c r="F22" s="166">
        <v>0</v>
      </c>
      <c r="G22" s="166">
        <v>0</v>
      </c>
      <c r="H22" s="166">
        <v>0</v>
      </c>
      <c r="I22" s="166">
        <v>0</v>
      </c>
      <c r="J22" s="166">
        <v>0</v>
      </c>
      <c r="K22" s="166">
        <v>0</v>
      </c>
      <c r="L22" s="166">
        <v>0</v>
      </c>
      <c r="M22" s="166">
        <v>0</v>
      </c>
      <c r="N22" s="166">
        <v>0</v>
      </c>
      <c r="O22" s="166">
        <v>0</v>
      </c>
      <c r="P22" s="166">
        <v>0</v>
      </c>
      <c r="Q22" s="166">
        <v>0</v>
      </c>
      <c r="R22" s="166">
        <v>0</v>
      </c>
      <c r="S22" s="166">
        <v>0</v>
      </c>
      <c r="T22" s="166">
        <v>0</v>
      </c>
      <c r="U22" s="166">
        <v>0</v>
      </c>
      <c r="V22" s="166">
        <v>0</v>
      </c>
      <c r="W22" s="166">
        <v>0</v>
      </c>
      <c r="X22" s="166">
        <v>0</v>
      </c>
      <c r="Y22" s="166">
        <v>0</v>
      </c>
      <c r="Z22" s="166">
        <v>0</v>
      </c>
      <c r="AA22" s="166">
        <v>0</v>
      </c>
      <c r="AB22" s="166">
        <v>0</v>
      </c>
      <c r="AC22" s="166">
        <v>0</v>
      </c>
      <c r="AD22" s="166">
        <v>0</v>
      </c>
      <c r="AE22" s="166">
        <v>0</v>
      </c>
      <c r="AF22" s="166">
        <v>0</v>
      </c>
      <c r="AG22" s="166">
        <v>0</v>
      </c>
      <c r="AH22" s="166">
        <v>0</v>
      </c>
      <c r="AI22" s="166">
        <v>0</v>
      </c>
      <c r="AJ22" s="166">
        <v>0</v>
      </c>
      <c r="AK22" s="166">
        <v>0</v>
      </c>
      <c r="AL22" s="166">
        <v>0</v>
      </c>
      <c r="AM22" s="166">
        <v>0</v>
      </c>
      <c r="AN22" s="166">
        <v>0</v>
      </c>
      <c r="AO22" s="166">
        <v>0</v>
      </c>
      <c r="AP22" s="166">
        <v>0</v>
      </c>
      <c r="AQ22" s="166">
        <v>0</v>
      </c>
      <c r="AR22" s="166">
        <v>0</v>
      </c>
      <c r="AS22" s="166">
        <v>0</v>
      </c>
      <c r="AT22" s="166">
        <v>0</v>
      </c>
      <c r="AU22" s="166">
        <v>0</v>
      </c>
      <c r="AV22" s="166">
        <v>0</v>
      </c>
      <c r="AW22" s="166">
        <v>0</v>
      </c>
      <c r="AX22" s="166">
        <v>0</v>
      </c>
      <c r="AY22" s="166">
        <v>0</v>
      </c>
      <c r="AZ22" s="166">
        <v>0</v>
      </c>
      <c r="BA22" s="166">
        <v>0</v>
      </c>
      <c r="BB22" s="166">
        <v>0</v>
      </c>
      <c r="BC22" s="166">
        <v>0</v>
      </c>
      <c r="BD22" s="166">
        <v>0</v>
      </c>
      <c r="BE22" s="166">
        <v>0</v>
      </c>
      <c r="BF22" s="166">
        <v>0</v>
      </c>
      <c r="BG22" s="166">
        <v>0</v>
      </c>
      <c r="BH22" s="166">
        <v>0</v>
      </c>
      <c r="BI22" s="166">
        <v>0</v>
      </c>
      <c r="BJ22" s="166">
        <v>0</v>
      </c>
      <c r="BK22" s="166">
        <v>0</v>
      </c>
      <c r="BL22" s="166">
        <v>0</v>
      </c>
      <c r="BM22" s="166">
        <v>0</v>
      </c>
      <c r="BN22" s="166">
        <v>0</v>
      </c>
      <c r="BO22" s="166">
        <v>0</v>
      </c>
      <c r="BP22" s="166">
        <v>0</v>
      </c>
      <c r="BQ22" s="166">
        <v>0</v>
      </c>
      <c r="BR22" s="166">
        <v>0</v>
      </c>
      <c r="BS22" s="166">
        <v>0</v>
      </c>
      <c r="BT22" s="166">
        <v>0</v>
      </c>
      <c r="BU22" s="166">
        <v>0</v>
      </c>
      <c r="BV22" s="166">
        <v>0</v>
      </c>
      <c r="BW22" s="166">
        <v>0</v>
      </c>
      <c r="BX22" s="166">
        <v>0</v>
      </c>
      <c r="BY22" s="166">
        <v>0</v>
      </c>
      <c r="BZ22" s="166">
        <v>0</v>
      </c>
      <c r="CA22" s="166">
        <v>0</v>
      </c>
      <c r="CB22" s="166">
        <v>0</v>
      </c>
      <c r="CC22" s="166">
        <v>0</v>
      </c>
      <c r="CD22" s="166">
        <v>0</v>
      </c>
      <c r="CE22" s="166">
        <v>0</v>
      </c>
      <c r="CF22" s="166">
        <v>0</v>
      </c>
      <c r="CG22" s="166">
        <v>0</v>
      </c>
      <c r="CH22" s="166">
        <v>0</v>
      </c>
      <c r="CI22" s="166">
        <v>0</v>
      </c>
      <c r="CJ22" s="166">
        <v>0</v>
      </c>
      <c r="CK22" s="166">
        <v>0</v>
      </c>
      <c r="CL22" s="166">
        <v>0</v>
      </c>
      <c r="CM22" s="166">
        <v>0</v>
      </c>
      <c r="CN22" s="166">
        <v>0</v>
      </c>
      <c r="CO22" s="166">
        <v>0</v>
      </c>
      <c r="CP22" s="166">
        <v>0</v>
      </c>
      <c r="CQ22" s="166">
        <v>0</v>
      </c>
      <c r="CR22" s="166">
        <v>0</v>
      </c>
      <c r="CS22" s="166">
        <v>0</v>
      </c>
      <c r="CT22" s="166">
        <v>0</v>
      </c>
      <c r="CU22" s="166">
        <v>0</v>
      </c>
      <c r="CV22" s="166">
        <v>0</v>
      </c>
      <c r="CW22" s="166">
        <v>0</v>
      </c>
      <c r="CX22" s="166">
        <v>0</v>
      </c>
      <c r="CY22" s="166">
        <v>0</v>
      </c>
      <c r="CZ22" s="166">
        <v>0</v>
      </c>
    </row>
    <row r="23" spans="1:104" hidden="1" outlineLevel="1" x14ac:dyDescent="0.2">
      <c r="A23" s="167" t="s">
        <v>115</v>
      </c>
      <c r="B23" s="166">
        <v>0</v>
      </c>
      <c r="C23" s="166">
        <v>0</v>
      </c>
      <c r="D23" s="166">
        <v>0</v>
      </c>
      <c r="E23" s="166">
        <v>0</v>
      </c>
      <c r="F23" s="166">
        <v>0</v>
      </c>
      <c r="G23" s="166">
        <v>0</v>
      </c>
      <c r="H23" s="166">
        <v>0</v>
      </c>
      <c r="I23" s="166">
        <v>0</v>
      </c>
      <c r="J23" s="166">
        <v>0</v>
      </c>
      <c r="K23" s="166">
        <v>0</v>
      </c>
      <c r="L23" s="166">
        <v>0</v>
      </c>
      <c r="M23" s="166">
        <v>0</v>
      </c>
      <c r="N23" s="166">
        <v>0</v>
      </c>
      <c r="O23" s="166">
        <v>0</v>
      </c>
      <c r="P23" s="166">
        <v>0</v>
      </c>
      <c r="Q23" s="166">
        <v>0</v>
      </c>
      <c r="R23" s="166">
        <v>0</v>
      </c>
      <c r="S23" s="166">
        <v>0</v>
      </c>
      <c r="T23" s="166">
        <v>0</v>
      </c>
      <c r="U23" s="166">
        <v>0</v>
      </c>
      <c r="V23" s="166">
        <v>0</v>
      </c>
      <c r="W23" s="166">
        <v>0</v>
      </c>
      <c r="X23" s="166">
        <v>0</v>
      </c>
      <c r="Y23" s="166">
        <v>0</v>
      </c>
      <c r="Z23" s="166">
        <v>0</v>
      </c>
      <c r="AA23" s="166">
        <v>0</v>
      </c>
      <c r="AB23" s="166">
        <v>0</v>
      </c>
      <c r="AC23" s="166">
        <v>0</v>
      </c>
      <c r="AD23" s="166">
        <v>0</v>
      </c>
      <c r="AE23" s="166">
        <v>0</v>
      </c>
      <c r="AF23" s="166">
        <v>0</v>
      </c>
      <c r="AG23" s="166">
        <v>0</v>
      </c>
      <c r="AH23" s="166">
        <v>0</v>
      </c>
      <c r="AI23" s="166">
        <v>0</v>
      </c>
      <c r="AJ23" s="166">
        <v>0</v>
      </c>
      <c r="AK23" s="166">
        <v>0</v>
      </c>
      <c r="AL23" s="166">
        <v>0</v>
      </c>
      <c r="AM23" s="166">
        <v>0</v>
      </c>
      <c r="AN23" s="166">
        <v>0</v>
      </c>
      <c r="AO23" s="166">
        <v>0</v>
      </c>
      <c r="AP23" s="166">
        <v>0</v>
      </c>
      <c r="AQ23" s="166">
        <v>0</v>
      </c>
      <c r="AR23" s="166">
        <v>0</v>
      </c>
      <c r="AS23" s="166">
        <v>0</v>
      </c>
      <c r="AT23" s="166">
        <v>0</v>
      </c>
      <c r="AU23" s="166">
        <v>0</v>
      </c>
      <c r="AV23" s="166">
        <v>0</v>
      </c>
      <c r="AW23" s="166">
        <v>0</v>
      </c>
      <c r="AX23" s="166">
        <v>0</v>
      </c>
      <c r="AY23" s="166">
        <v>0</v>
      </c>
      <c r="AZ23" s="166">
        <v>0</v>
      </c>
      <c r="BA23" s="166">
        <v>0</v>
      </c>
      <c r="BB23" s="166">
        <v>0</v>
      </c>
      <c r="BC23" s="166">
        <v>0</v>
      </c>
      <c r="BD23" s="166">
        <v>0</v>
      </c>
      <c r="BE23" s="166">
        <v>0</v>
      </c>
      <c r="BF23" s="166">
        <v>0</v>
      </c>
      <c r="BG23" s="166">
        <v>0</v>
      </c>
      <c r="BH23" s="166">
        <v>0</v>
      </c>
      <c r="BI23" s="166">
        <v>0</v>
      </c>
      <c r="BJ23" s="166">
        <v>0</v>
      </c>
      <c r="BK23" s="166">
        <v>0</v>
      </c>
      <c r="BL23" s="166">
        <v>0</v>
      </c>
      <c r="BM23" s="166">
        <v>0</v>
      </c>
      <c r="BN23" s="166">
        <v>0</v>
      </c>
      <c r="BO23" s="166">
        <v>0</v>
      </c>
      <c r="BP23" s="166">
        <v>0</v>
      </c>
      <c r="BQ23" s="166">
        <v>0</v>
      </c>
      <c r="BR23" s="166">
        <v>0</v>
      </c>
      <c r="BS23" s="166">
        <v>0</v>
      </c>
      <c r="BT23" s="168">
        <v>0</v>
      </c>
      <c r="BU23" s="166">
        <v>0</v>
      </c>
      <c r="BV23" s="166">
        <v>0</v>
      </c>
      <c r="BW23" s="166">
        <v>0</v>
      </c>
      <c r="BX23" s="166">
        <v>0</v>
      </c>
      <c r="BY23" s="166">
        <v>0</v>
      </c>
      <c r="BZ23" s="166">
        <v>0</v>
      </c>
      <c r="CA23" s="166">
        <v>0</v>
      </c>
      <c r="CB23" s="166">
        <v>0</v>
      </c>
      <c r="CC23" s="166">
        <v>0</v>
      </c>
      <c r="CD23" s="166">
        <v>0</v>
      </c>
      <c r="CE23" s="166">
        <v>0</v>
      </c>
      <c r="CF23" s="166">
        <v>0</v>
      </c>
      <c r="CG23" s="166">
        <v>0</v>
      </c>
      <c r="CH23" s="166">
        <v>0</v>
      </c>
      <c r="CI23" s="166">
        <v>0</v>
      </c>
      <c r="CJ23" s="166">
        <v>0</v>
      </c>
      <c r="CK23" s="166">
        <v>0</v>
      </c>
      <c r="CL23" s="166">
        <v>0</v>
      </c>
      <c r="CM23" s="166">
        <v>0</v>
      </c>
      <c r="CN23" s="166">
        <v>0</v>
      </c>
      <c r="CO23" s="166">
        <v>0</v>
      </c>
      <c r="CP23" s="166">
        <v>0</v>
      </c>
      <c r="CQ23" s="166">
        <v>0</v>
      </c>
      <c r="CR23" s="166">
        <v>0</v>
      </c>
      <c r="CS23" s="166">
        <v>0</v>
      </c>
      <c r="CT23" s="166">
        <v>0</v>
      </c>
      <c r="CU23" s="166">
        <v>0</v>
      </c>
      <c r="CV23" s="166">
        <v>0</v>
      </c>
      <c r="CW23" s="166">
        <v>0</v>
      </c>
      <c r="CX23" s="166">
        <v>0</v>
      </c>
      <c r="CY23" s="166">
        <v>0</v>
      </c>
      <c r="CZ23" s="166">
        <v>0</v>
      </c>
    </row>
    <row r="24" spans="1:104" hidden="1" outlineLevel="1" x14ac:dyDescent="0.2">
      <c r="A24" s="167" t="s">
        <v>116</v>
      </c>
      <c r="B24" s="166">
        <v>0</v>
      </c>
      <c r="C24" s="166">
        <v>0</v>
      </c>
      <c r="D24" s="166">
        <v>0</v>
      </c>
      <c r="E24" s="166">
        <v>0</v>
      </c>
      <c r="F24" s="166">
        <v>0</v>
      </c>
      <c r="G24" s="166">
        <v>0</v>
      </c>
      <c r="H24" s="166">
        <v>0</v>
      </c>
      <c r="I24" s="166">
        <v>0</v>
      </c>
      <c r="J24" s="166">
        <v>0</v>
      </c>
      <c r="K24" s="166">
        <v>0</v>
      </c>
      <c r="L24" s="166">
        <v>0</v>
      </c>
      <c r="M24" s="166">
        <v>0</v>
      </c>
      <c r="N24" s="166">
        <v>0</v>
      </c>
      <c r="O24" s="166">
        <v>0</v>
      </c>
      <c r="P24" s="166">
        <v>0</v>
      </c>
      <c r="Q24" s="166">
        <v>0</v>
      </c>
      <c r="R24" s="166">
        <v>0</v>
      </c>
      <c r="S24" s="166">
        <v>0</v>
      </c>
      <c r="T24" s="166">
        <v>0</v>
      </c>
      <c r="U24" s="166">
        <v>0</v>
      </c>
      <c r="V24" s="166">
        <v>0</v>
      </c>
      <c r="W24" s="166">
        <v>0</v>
      </c>
      <c r="X24" s="166">
        <v>0</v>
      </c>
      <c r="Y24" s="166">
        <v>0</v>
      </c>
      <c r="Z24" s="166">
        <v>0</v>
      </c>
      <c r="AA24" s="166">
        <v>0</v>
      </c>
      <c r="AB24" s="166">
        <v>0</v>
      </c>
      <c r="AC24" s="166">
        <v>0</v>
      </c>
      <c r="AD24" s="166">
        <v>0</v>
      </c>
      <c r="AE24" s="166">
        <v>0</v>
      </c>
      <c r="AF24" s="166">
        <v>0</v>
      </c>
      <c r="AG24" s="166">
        <v>0</v>
      </c>
      <c r="AH24" s="166">
        <v>0</v>
      </c>
      <c r="AI24" s="166">
        <v>0</v>
      </c>
      <c r="AJ24" s="166">
        <v>0</v>
      </c>
      <c r="AK24" s="166">
        <v>0</v>
      </c>
      <c r="AL24" s="166">
        <v>0</v>
      </c>
      <c r="AM24" s="166">
        <v>0</v>
      </c>
      <c r="AN24" s="166">
        <v>0</v>
      </c>
      <c r="AO24" s="166">
        <v>0</v>
      </c>
      <c r="AP24" s="166">
        <v>0</v>
      </c>
      <c r="AQ24" s="166">
        <v>0</v>
      </c>
      <c r="AR24" s="166">
        <v>0</v>
      </c>
      <c r="AS24" s="166">
        <v>0</v>
      </c>
      <c r="AT24" s="166">
        <v>0</v>
      </c>
      <c r="AU24" s="166">
        <v>0</v>
      </c>
      <c r="AV24" s="166">
        <v>0</v>
      </c>
      <c r="AW24" s="166">
        <v>0</v>
      </c>
      <c r="AX24" s="166">
        <v>0</v>
      </c>
      <c r="AY24" s="166">
        <v>0</v>
      </c>
      <c r="AZ24" s="166">
        <v>0</v>
      </c>
      <c r="BA24" s="166">
        <v>0</v>
      </c>
      <c r="BB24" s="166">
        <v>0</v>
      </c>
      <c r="BC24" s="166">
        <v>0</v>
      </c>
      <c r="BD24" s="166">
        <v>0</v>
      </c>
      <c r="BE24" s="166">
        <v>0</v>
      </c>
      <c r="BF24" s="166">
        <v>0</v>
      </c>
      <c r="BG24" s="166">
        <v>0</v>
      </c>
      <c r="BH24" s="166">
        <v>0</v>
      </c>
      <c r="BI24" s="166">
        <v>0</v>
      </c>
      <c r="BJ24" s="166">
        <v>0</v>
      </c>
      <c r="BK24" s="166">
        <v>0</v>
      </c>
      <c r="BL24" s="166">
        <v>0</v>
      </c>
      <c r="BM24" s="166">
        <v>0</v>
      </c>
      <c r="BN24" s="166">
        <v>0</v>
      </c>
      <c r="BO24" s="166">
        <v>0</v>
      </c>
      <c r="BP24" s="166">
        <v>0</v>
      </c>
      <c r="BQ24" s="166">
        <v>0</v>
      </c>
      <c r="BR24" s="166">
        <v>0</v>
      </c>
      <c r="BS24" s="166">
        <v>0</v>
      </c>
      <c r="BT24" s="168">
        <v>0</v>
      </c>
      <c r="BU24" s="166">
        <v>0</v>
      </c>
      <c r="BV24" s="166">
        <v>0</v>
      </c>
      <c r="BW24" s="166">
        <v>0</v>
      </c>
      <c r="BX24" s="166">
        <v>0</v>
      </c>
      <c r="BY24" s="166">
        <v>0</v>
      </c>
      <c r="BZ24" s="166">
        <v>0</v>
      </c>
      <c r="CA24" s="166">
        <v>0</v>
      </c>
      <c r="CB24" s="166">
        <v>0</v>
      </c>
      <c r="CC24" s="166">
        <v>0</v>
      </c>
      <c r="CD24" s="166">
        <v>0</v>
      </c>
      <c r="CE24" s="166">
        <v>0</v>
      </c>
      <c r="CF24" s="166">
        <v>0</v>
      </c>
      <c r="CG24" s="166">
        <v>0</v>
      </c>
      <c r="CH24" s="166">
        <v>0</v>
      </c>
      <c r="CI24" s="166">
        <v>0</v>
      </c>
      <c r="CJ24" s="166">
        <v>0</v>
      </c>
      <c r="CK24" s="166">
        <v>0</v>
      </c>
      <c r="CL24" s="166">
        <v>0</v>
      </c>
      <c r="CM24" s="166">
        <v>0</v>
      </c>
      <c r="CN24" s="166">
        <v>0</v>
      </c>
      <c r="CO24" s="166">
        <v>0</v>
      </c>
      <c r="CP24" s="166">
        <v>0</v>
      </c>
      <c r="CQ24" s="166">
        <v>0</v>
      </c>
      <c r="CR24" s="166">
        <v>0</v>
      </c>
      <c r="CS24" s="166">
        <v>0</v>
      </c>
      <c r="CT24" s="166">
        <v>0</v>
      </c>
      <c r="CU24" s="166">
        <v>0</v>
      </c>
      <c r="CV24" s="166">
        <v>0</v>
      </c>
      <c r="CW24" s="166">
        <v>0</v>
      </c>
      <c r="CX24" s="166">
        <v>0</v>
      </c>
      <c r="CY24" s="166">
        <v>0</v>
      </c>
      <c r="CZ24" s="166">
        <v>0</v>
      </c>
    </row>
    <row r="25" spans="1:104" hidden="1" outlineLevel="1" x14ac:dyDescent="0.2">
      <c r="A25" s="167" t="s">
        <v>117</v>
      </c>
      <c r="B25" s="166">
        <v>0</v>
      </c>
      <c r="C25" s="166">
        <v>0</v>
      </c>
      <c r="D25" s="166">
        <v>0</v>
      </c>
      <c r="E25" s="166">
        <v>0</v>
      </c>
      <c r="F25" s="166">
        <v>0</v>
      </c>
      <c r="G25" s="166">
        <v>0</v>
      </c>
      <c r="H25" s="166">
        <v>0</v>
      </c>
      <c r="I25" s="166">
        <v>0</v>
      </c>
      <c r="J25" s="166">
        <v>0</v>
      </c>
      <c r="K25" s="166">
        <v>0</v>
      </c>
      <c r="L25" s="166">
        <v>0</v>
      </c>
      <c r="M25" s="166">
        <v>0</v>
      </c>
      <c r="N25" s="166">
        <v>0</v>
      </c>
      <c r="O25" s="166">
        <v>0</v>
      </c>
      <c r="P25" s="166">
        <v>0</v>
      </c>
      <c r="Q25" s="166">
        <v>0</v>
      </c>
      <c r="R25" s="166">
        <v>0</v>
      </c>
      <c r="S25" s="166">
        <v>0</v>
      </c>
      <c r="T25" s="166">
        <v>0</v>
      </c>
      <c r="U25" s="166">
        <v>0</v>
      </c>
      <c r="V25" s="166">
        <v>0</v>
      </c>
      <c r="W25" s="166">
        <v>0</v>
      </c>
      <c r="X25" s="166">
        <v>0</v>
      </c>
      <c r="Y25" s="166">
        <v>0</v>
      </c>
      <c r="Z25" s="166">
        <v>0</v>
      </c>
      <c r="AA25" s="166">
        <v>0</v>
      </c>
      <c r="AB25" s="166">
        <v>0</v>
      </c>
      <c r="AC25" s="166">
        <v>0</v>
      </c>
      <c r="AD25" s="166">
        <v>0</v>
      </c>
      <c r="AE25" s="166">
        <v>0</v>
      </c>
      <c r="AF25" s="166">
        <v>0</v>
      </c>
      <c r="AG25" s="166">
        <v>0</v>
      </c>
      <c r="AH25" s="166">
        <v>0</v>
      </c>
      <c r="AI25" s="166">
        <v>0</v>
      </c>
      <c r="AJ25" s="166">
        <v>0</v>
      </c>
      <c r="AK25" s="166">
        <v>0</v>
      </c>
      <c r="AL25" s="166">
        <v>0</v>
      </c>
      <c r="AM25" s="166">
        <v>0</v>
      </c>
      <c r="AN25" s="166">
        <v>0</v>
      </c>
      <c r="AO25" s="166">
        <v>0</v>
      </c>
      <c r="AP25" s="166">
        <v>0</v>
      </c>
      <c r="AQ25" s="166">
        <v>0</v>
      </c>
      <c r="AR25" s="166">
        <v>0</v>
      </c>
      <c r="AS25" s="166">
        <v>0</v>
      </c>
      <c r="AT25" s="166">
        <v>0</v>
      </c>
      <c r="AU25" s="166">
        <v>0</v>
      </c>
      <c r="AV25" s="166">
        <v>0</v>
      </c>
      <c r="AW25" s="166">
        <v>0</v>
      </c>
      <c r="AX25" s="166">
        <v>0</v>
      </c>
      <c r="AY25" s="166">
        <v>0</v>
      </c>
      <c r="AZ25" s="166">
        <v>0</v>
      </c>
      <c r="BA25" s="166">
        <v>0</v>
      </c>
      <c r="BB25" s="166">
        <v>0</v>
      </c>
      <c r="BC25" s="166">
        <v>0</v>
      </c>
      <c r="BD25" s="166">
        <v>0</v>
      </c>
      <c r="BE25" s="166">
        <v>0</v>
      </c>
      <c r="BF25" s="166">
        <v>0</v>
      </c>
      <c r="BG25" s="166">
        <v>0</v>
      </c>
      <c r="BH25" s="166">
        <v>0</v>
      </c>
      <c r="BI25" s="166">
        <v>0</v>
      </c>
      <c r="BJ25" s="166">
        <v>0</v>
      </c>
      <c r="BK25" s="166">
        <v>0</v>
      </c>
      <c r="BL25" s="166">
        <v>0</v>
      </c>
      <c r="BM25" s="166">
        <v>0</v>
      </c>
      <c r="BN25" s="166">
        <v>0</v>
      </c>
      <c r="BO25" s="166">
        <v>0</v>
      </c>
      <c r="BP25" s="166">
        <v>0</v>
      </c>
      <c r="BQ25" s="166">
        <v>0</v>
      </c>
      <c r="BR25" s="166">
        <v>0</v>
      </c>
      <c r="BS25" s="166">
        <v>0</v>
      </c>
      <c r="BT25" s="166">
        <v>0</v>
      </c>
      <c r="BU25" s="166">
        <v>0</v>
      </c>
      <c r="BV25" s="166">
        <v>0</v>
      </c>
      <c r="BW25" s="166">
        <v>0</v>
      </c>
      <c r="BX25" s="166">
        <v>0</v>
      </c>
      <c r="BY25" s="166">
        <v>0</v>
      </c>
      <c r="BZ25" s="166">
        <v>0</v>
      </c>
      <c r="CA25" s="166">
        <v>0</v>
      </c>
      <c r="CB25" s="166">
        <v>0</v>
      </c>
      <c r="CC25" s="166">
        <v>0</v>
      </c>
      <c r="CD25" s="166">
        <v>0</v>
      </c>
      <c r="CE25" s="166">
        <v>0</v>
      </c>
      <c r="CF25" s="166">
        <v>0</v>
      </c>
      <c r="CG25" s="166">
        <v>0</v>
      </c>
      <c r="CH25" s="166">
        <v>0</v>
      </c>
      <c r="CI25" s="166">
        <v>0</v>
      </c>
      <c r="CJ25" s="166">
        <v>0</v>
      </c>
      <c r="CK25" s="166">
        <v>0</v>
      </c>
      <c r="CL25" s="166">
        <v>0</v>
      </c>
      <c r="CM25" s="166">
        <v>0</v>
      </c>
      <c r="CN25" s="166">
        <v>0</v>
      </c>
      <c r="CO25" s="166">
        <v>0</v>
      </c>
      <c r="CP25" s="166">
        <v>0</v>
      </c>
      <c r="CQ25" s="166">
        <v>0</v>
      </c>
      <c r="CR25" s="166">
        <v>0</v>
      </c>
      <c r="CS25" s="166">
        <v>0</v>
      </c>
      <c r="CT25" s="166">
        <v>0</v>
      </c>
      <c r="CU25" s="166">
        <v>0</v>
      </c>
      <c r="CV25" s="166">
        <v>0</v>
      </c>
      <c r="CW25" s="166">
        <v>0</v>
      </c>
      <c r="CX25" s="166">
        <v>0</v>
      </c>
      <c r="CY25" s="166">
        <v>0</v>
      </c>
      <c r="CZ25" s="166">
        <v>0</v>
      </c>
    </row>
    <row r="26" spans="1:104" hidden="1" outlineLevel="1" x14ac:dyDescent="0.2">
      <c r="A26" s="167" t="s">
        <v>118</v>
      </c>
      <c r="B26" s="166">
        <v>0</v>
      </c>
      <c r="C26" s="166">
        <v>0</v>
      </c>
      <c r="D26" s="166">
        <v>0</v>
      </c>
      <c r="E26" s="166">
        <v>0</v>
      </c>
      <c r="F26" s="166">
        <v>0</v>
      </c>
      <c r="G26" s="166">
        <v>0</v>
      </c>
      <c r="H26" s="166">
        <v>0</v>
      </c>
      <c r="I26" s="166">
        <v>0</v>
      </c>
      <c r="J26" s="166">
        <v>0</v>
      </c>
      <c r="K26" s="166">
        <v>0</v>
      </c>
      <c r="L26" s="166">
        <v>0</v>
      </c>
      <c r="M26" s="166">
        <v>0</v>
      </c>
      <c r="N26" s="166">
        <v>0</v>
      </c>
      <c r="O26" s="166">
        <v>0</v>
      </c>
      <c r="P26" s="166">
        <v>0</v>
      </c>
      <c r="Q26" s="166">
        <v>0</v>
      </c>
      <c r="R26" s="166">
        <v>0</v>
      </c>
      <c r="S26" s="166">
        <v>0</v>
      </c>
      <c r="T26" s="166">
        <v>0</v>
      </c>
      <c r="U26" s="166">
        <v>0</v>
      </c>
      <c r="V26" s="166">
        <v>0</v>
      </c>
      <c r="W26" s="166">
        <v>0</v>
      </c>
      <c r="X26" s="166">
        <v>0</v>
      </c>
      <c r="Y26" s="166">
        <v>0</v>
      </c>
      <c r="Z26" s="166">
        <v>0</v>
      </c>
      <c r="AA26" s="166">
        <v>0</v>
      </c>
      <c r="AB26" s="166">
        <v>0</v>
      </c>
      <c r="AC26" s="166">
        <v>0</v>
      </c>
      <c r="AD26" s="166">
        <v>0</v>
      </c>
      <c r="AE26" s="166">
        <v>0</v>
      </c>
      <c r="AF26" s="166">
        <v>0</v>
      </c>
      <c r="AG26" s="166">
        <v>0</v>
      </c>
      <c r="AH26" s="166">
        <v>0</v>
      </c>
      <c r="AI26" s="166">
        <v>0</v>
      </c>
      <c r="AJ26" s="166">
        <v>0</v>
      </c>
      <c r="AK26" s="166">
        <v>0</v>
      </c>
      <c r="AL26" s="166">
        <v>0</v>
      </c>
      <c r="AM26" s="166">
        <v>0</v>
      </c>
      <c r="AN26" s="166">
        <v>0</v>
      </c>
      <c r="AO26" s="166">
        <v>0</v>
      </c>
      <c r="AP26" s="166">
        <v>0</v>
      </c>
      <c r="AQ26" s="166">
        <v>0</v>
      </c>
      <c r="AR26" s="166">
        <v>0</v>
      </c>
      <c r="AS26" s="166">
        <v>0</v>
      </c>
      <c r="AT26" s="166">
        <v>0</v>
      </c>
      <c r="AU26" s="166">
        <v>0</v>
      </c>
      <c r="AV26" s="166">
        <v>0</v>
      </c>
      <c r="AW26" s="166">
        <v>0</v>
      </c>
      <c r="AX26" s="166">
        <v>0</v>
      </c>
      <c r="AY26" s="166">
        <v>0</v>
      </c>
      <c r="AZ26" s="166">
        <v>0</v>
      </c>
      <c r="BA26" s="166">
        <v>0</v>
      </c>
      <c r="BB26" s="166">
        <v>0</v>
      </c>
      <c r="BC26" s="166">
        <v>0</v>
      </c>
      <c r="BD26" s="166">
        <v>0</v>
      </c>
      <c r="BE26" s="166">
        <v>0</v>
      </c>
      <c r="BF26" s="166">
        <v>0</v>
      </c>
      <c r="BG26" s="166">
        <v>0</v>
      </c>
      <c r="BH26" s="166">
        <v>0</v>
      </c>
      <c r="BI26" s="166">
        <v>0</v>
      </c>
      <c r="BJ26" s="166">
        <v>0</v>
      </c>
      <c r="BK26" s="166">
        <v>0</v>
      </c>
      <c r="BL26" s="166">
        <v>0</v>
      </c>
      <c r="BM26" s="166">
        <v>0</v>
      </c>
      <c r="BN26" s="166">
        <v>0</v>
      </c>
      <c r="BO26" s="166">
        <v>0</v>
      </c>
      <c r="BP26" s="166">
        <v>0</v>
      </c>
      <c r="BQ26" s="166">
        <v>0</v>
      </c>
      <c r="BR26" s="166">
        <v>0</v>
      </c>
      <c r="BS26" s="166">
        <v>0</v>
      </c>
      <c r="BT26" s="168">
        <v>0</v>
      </c>
      <c r="BU26" s="166">
        <v>0</v>
      </c>
      <c r="BV26" s="166">
        <v>0</v>
      </c>
      <c r="BW26" s="166">
        <v>0</v>
      </c>
      <c r="BX26" s="166">
        <v>0</v>
      </c>
      <c r="BY26" s="166">
        <v>0</v>
      </c>
      <c r="BZ26" s="166">
        <v>0</v>
      </c>
      <c r="CA26" s="166">
        <v>0</v>
      </c>
      <c r="CB26" s="166">
        <v>0</v>
      </c>
      <c r="CC26" s="166">
        <v>0</v>
      </c>
      <c r="CD26" s="166">
        <v>0</v>
      </c>
      <c r="CE26" s="166">
        <v>0</v>
      </c>
      <c r="CF26" s="166">
        <v>0</v>
      </c>
      <c r="CG26" s="166">
        <v>0</v>
      </c>
      <c r="CH26" s="166">
        <v>0</v>
      </c>
      <c r="CI26" s="166">
        <v>0</v>
      </c>
      <c r="CJ26" s="166">
        <v>0</v>
      </c>
      <c r="CK26" s="166">
        <v>0</v>
      </c>
      <c r="CL26" s="166">
        <v>0</v>
      </c>
      <c r="CM26" s="166">
        <v>0</v>
      </c>
      <c r="CN26" s="166">
        <v>0</v>
      </c>
      <c r="CO26" s="166">
        <v>0</v>
      </c>
      <c r="CP26" s="166">
        <v>0</v>
      </c>
      <c r="CQ26" s="166">
        <v>0</v>
      </c>
      <c r="CR26" s="166">
        <v>0</v>
      </c>
      <c r="CS26" s="166">
        <v>0</v>
      </c>
      <c r="CT26" s="166">
        <v>0</v>
      </c>
      <c r="CU26" s="166">
        <v>0</v>
      </c>
      <c r="CV26" s="166">
        <v>0</v>
      </c>
      <c r="CW26" s="166">
        <v>0</v>
      </c>
      <c r="CX26" s="166">
        <v>0</v>
      </c>
      <c r="CY26" s="166">
        <v>0</v>
      </c>
      <c r="CZ26" s="166">
        <v>0</v>
      </c>
    </row>
    <row r="27" spans="1:104" hidden="1" outlineLevel="1" x14ac:dyDescent="0.2">
      <c r="A27" s="167" t="s">
        <v>119</v>
      </c>
      <c r="B27" s="166">
        <v>0</v>
      </c>
      <c r="C27" s="166">
        <v>0</v>
      </c>
      <c r="D27" s="166">
        <v>0</v>
      </c>
      <c r="E27" s="166">
        <v>0</v>
      </c>
      <c r="F27" s="166">
        <v>0</v>
      </c>
      <c r="G27" s="166">
        <v>0</v>
      </c>
      <c r="H27" s="166">
        <v>0</v>
      </c>
      <c r="I27" s="166">
        <v>0</v>
      </c>
      <c r="J27" s="166">
        <v>0</v>
      </c>
      <c r="K27" s="166">
        <v>0</v>
      </c>
      <c r="L27" s="166">
        <v>0</v>
      </c>
      <c r="M27" s="166">
        <v>0</v>
      </c>
      <c r="N27" s="166">
        <v>0</v>
      </c>
      <c r="O27" s="166">
        <v>0</v>
      </c>
      <c r="P27" s="166">
        <v>0</v>
      </c>
      <c r="Q27" s="166">
        <v>0</v>
      </c>
      <c r="R27" s="166">
        <v>0</v>
      </c>
      <c r="S27" s="166">
        <v>0</v>
      </c>
      <c r="T27" s="166">
        <v>0</v>
      </c>
      <c r="U27" s="166">
        <v>0</v>
      </c>
      <c r="V27" s="166">
        <v>0</v>
      </c>
      <c r="W27" s="166">
        <v>0</v>
      </c>
      <c r="X27" s="166">
        <v>0</v>
      </c>
      <c r="Y27" s="166">
        <v>0</v>
      </c>
      <c r="Z27" s="166">
        <v>0</v>
      </c>
      <c r="AA27" s="166">
        <v>0</v>
      </c>
      <c r="AB27" s="166">
        <v>0</v>
      </c>
      <c r="AC27" s="166">
        <v>0</v>
      </c>
      <c r="AD27" s="166">
        <v>0</v>
      </c>
      <c r="AE27" s="166">
        <v>0</v>
      </c>
      <c r="AF27" s="166">
        <v>0</v>
      </c>
      <c r="AG27" s="166">
        <v>0</v>
      </c>
      <c r="AH27" s="166">
        <v>0</v>
      </c>
      <c r="AI27" s="166">
        <v>0</v>
      </c>
      <c r="AJ27" s="166">
        <v>0</v>
      </c>
      <c r="AK27" s="166">
        <v>0</v>
      </c>
      <c r="AL27" s="166">
        <v>0</v>
      </c>
      <c r="AM27" s="166">
        <v>0</v>
      </c>
      <c r="AN27" s="166">
        <v>0</v>
      </c>
      <c r="AO27" s="166">
        <v>0</v>
      </c>
      <c r="AP27" s="166">
        <v>0</v>
      </c>
      <c r="AQ27" s="166">
        <v>0</v>
      </c>
      <c r="AR27" s="166">
        <v>0</v>
      </c>
      <c r="AS27" s="166">
        <v>0</v>
      </c>
      <c r="AT27" s="166">
        <v>0</v>
      </c>
      <c r="AU27" s="166">
        <v>0</v>
      </c>
      <c r="AV27" s="166">
        <v>0</v>
      </c>
      <c r="AW27" s="166">
        <v>0</v>
      </c>
      <c r="AX27" s="166">
        <v>0</v>
      </c>
      <c r="AY27" s="166">
        <v>0</v>
      </c>
      <c r="AZ27" s="166">
        <v>0</v>
      </c>
      <c r="BA27" s="166">
        <v>0</v>
      </c>
      <c r="BB27" s="166">
        <v>0</v>
      </c>
      <c r="BC27" s="166">
        <v>0</v>
      </c>
      <c r="BD27" s="166">
        <v>0</v>
      </c>
      <c r="BE27" s="166">
        <v>0</v>
      </c>
      <c r="BF27" s="166">
        <v>0</v>
      </c>
      <c r="BG27" s="166">
        <v>0</v>
      </c>
      <c r="BH27" s="166">
        <v>0</v>
      </c>
      <c r="BI27" s="166">
        <v>0</v>
      </c>
      <c r="BJ27" s="166">
        <v>0</v>
      </c>
      <c r="BK27" s="166">
        <v>0</v>
      </c>
      <c r="BL27" s="166">
        <v>0</v>
      </c>
      <c r="BM27" s="166">
        <v>0</v>
      </c>
      <c r="BN27" s="166">
        <v>0</v>
      </c>
      <c r="BO27" s="166">
        <v>0</v>
      </c>
      <c r="BP27" s="166">
        <v>0</v>
      </c>
      <c r="BQ27" s="166">
        <v>0</v>
      </c>
      <c r="BR27" s="166">
        <v>0</v>
      </c>
      <c r="BS27" s="166">
        <v>0</v>
      </c>
      <c r="BT27" s="168">
        <v>0</v>
      </c>
      <c r="BU27" s="166">
        <v>0</v>
      </c>
      <c r="BV27" s="166">
        <v>0</v>
      </c>
      <c r="BW27" s="166">
        <v>0</v>
      </c>
      <c r="BX27" s="166">
        <v>0</v>
      </c>
      <c r="BY27" s="166">
        <v>0</v>
      </c>
      <c r="BZ27" s="166">
        <v>0</v>
      </c>
      <c r="CA27" s="166">
        <v>0</v>
      </c>
      <c r="CB27" s="166">
        <v>0</v>
      </c>
      <c r="CC27" s="166">
        <v>0</v>
      </c>
      <c r="CD27" s="166">
        <v>0</v>
      </c>
      <c r="CE27" s="166">
        <v>0</v>
      </c>
      <c r="CF27" s="166">
        <v>0</v>
      </c>
      <c r="CG27" s="166">
        <v>0</v>
      </c>
      <c r="CH27" s="166">
        <v>0</v>
      </c>
      <c r="CI27" s="166">
        <v>0</v>
      </c>
      <c r="CJ27" s="166">
        <v>0</v>
      </c>
      <c r="CK27" s="166">
        <v>0</v>
      </c>
      <c r="CL27" s="166">
        <v>0</v>
      </c>
      <c r="CM27" s="166">
        <v>0</v>
      </c>
      <c r="CN27" s="166">
        <v>0</v>
      </c>
      <c r="CO27" s="166">
        <v>0</v>
      </c>
      <c r="CP27" s="166">
        <v>0</v>
      </c>
      <c r="CQ27" s="166">
        <v>0</v>
      </c>
      <c r="CR27" s="166">
        <v>0</v>
      </c>
      <c r="CS27" s="166">
        <v>0</v>
      </c>
      <c r="CT27" s="166">
        <v>0</v>
      </c>
      <c r="CU27" s="166">
        <v>0</v>
      </c>
      <c r="CV27" s="166">
        <v>0</v>
      </c>
      <c r="CW27" s="166">
        <v>0</v>
      </c>
      <c r="CX27" s="166">
        <v>0</v>
      </c>
      <c r="CY27" s="166">
        <v>0</v>
      </c>
      <c r="CZ27" s="166">
        <v>0</v>
      </c>
    </row>
    <row r="28" spans="1:104" hidden="1" outlineLevel="1" x14ac:dyDescent="0.2">
      <c r="A28" s="167" t="s">
        <v>120</v>
      </c>
      <c r="B28" s="166">
        <v>0</v>
      </c>
      <c r="C28" s="166">
        <v>0</v>
      </c>
      <c r="D28" s="166">
        <v>0</v>
      </c>
      <c r="E28" s="166">
        <v>0</v>
      </c>
      <c r="F28" s="166">
        <v>0</v>
      </c>
      <c r="G28" s="166">
        <v>0</v>
      </c>
      <c r="H28" s="166">
        <v>0</v>
      </c>
      <c r="I28" s="166">
        <v>0</v>
      </c>
      <c r="J28" s="166">
        <v>0</v>
      </c>
      <c r="K28" s="166">
        <v>0</v>
      </c>
      <c r="L28" s="166">
        <v>0</v>
      </c>
      <c r="M28" s="166">
        <v>0</v>
      </c>
      <c r="N28" s="166">
        <v>0</v>
      </c>
      <c r="O28" s="166">
        <v>0</v>
      </c>
      <c r="P28" s="166">
        <v>0</v>
      </c>
      <c r="Q28" s="166">
        <v>0</v>
      </c>
      <c r="R28" s="166">
        <v>0</v>
      </c>
      <c r="S28" s="166">
        <v>0</v>
      </c>
      <c r="T28" s="166">
        <v>0</v>
      </c>
      <c r="U28" s="166">
        <v>0</v>
      </c>
      <c r="V28" s="166">
        <v>0</v>
      </c>
      <c r="W28" s="166">
        <v>0</v>
      </c>
      <c r="X28" s="166">
        <v>0</v>
      </c>
      <c r="Y28" s="166">
        <v>0</v>
      </c>
      <c r="Z28" s="166">
        <v>0</v>
      </c>
      <c r="AA28" s="166">
        <v>0</v>
      </c>
      <c r="AB28" s="166">
        <v>0</v>
      </c>
      <c r="AC28" s="166">
        <v>0</v>
      </c>
      <c r="AD28" s="166">
        <v>0</v>
      </c>
      <c r="AE28" s="166">
        <v>0</v>
      </c>
      <c r="AF28" s="166">
        <v>0</v>
      </c>
      <c r="AG28" s="166">
        <v>0</v>
      </c>
      <c r="AH28" s="166">
        <v>0</v>
      </c>
      <c r="AI28" s="166">
        <v>0</v>
      </c>
      <c r="AJ28" s="166">
        <v>0</v>
      </c>
      <c r="AK28" s="166">
        <v>0</v>
      </c>
      <c r="AL28" s="166">
        <v>0</v>
      </c>
      <c r="AM28" s="166">
        <v>0</v>
      </c>
      <c r="AN28" s="166">
        <v>0</v>
      </c>
      <c r="AO28" s="166">
        <v>0</v>
      </c>
      <c r="AP28" s="166">
        <v>0</v>
      </c>
      <c r="AQ28" s="166">
        <v>0</v>
      </c>
      <c r="AR28" s="166">
        <v>0</v>
      </c>
      <c r="AS28" s="166">
        <v>0</v>
      </c>
      <c r="AT28" s="166">
        <v>0</v>
      </c>
      <c r="AU28" s="166">
        <v>0</v>
      </c>
      <c r="AV28" s="166">
        <v>0</v>
      </c>
      <c r="AW28" s="166">
        <v>0</v>
      </c>
      <c r="AX28" s="166">
        <v>0</v>
      </c>
      <c r="AY28" s="166">
        <v>0</v>
      </c>
      <c r="AZ28" s="166">
        <v>0</v>
      </c>
      <c r="BA28" s="166">
        <v>0</v>
      </c>
      <c r="BB28" s="166">
        <v>0</v>
      </c>
      <c r="BC28" s="166">
        <v>0</v>
      </c>
      <c r="BD28" s="166">
        <v>0</v>
      </c>
      <c r="BE28" s="166">
        <v>0</v>
      </c>
      <c r="BF28" s="166">
        <v>0</v>
      </c>
      <c r="BG28" s="166">
        <v>0</v>
      </c>
      <c r="BH28" s="166">
        <v>0</v>
      </c>
      <c r="BI28" s="166">
        <v>0</v>
      </c>
      <c r="BJ28" s="166">
        <v>0</v>
      </c>
      <c r="BK28" s="166">
        <v>0</v>
      </c>
      <c r="BL28" s="166">
        <v>0</v>
      </c>
      <c r="BM28" s="166">
        <v>0</v>
      </c>
      <c r="BN28" s="166">
        <v>0</v>
      </c>
      <c r="BO28" s="166">
        <v>0</v>
      </c>
      <c r="BP28" s="166">
        <v>0</v>
      </c>
      <c r="BQ28" s="166">
        <v>0</v>
      </c>
      <c r="BR28" s="166">
        <v>0</v>
      </c>
      <c r="BS28" s="166">
        <v>0</v>
      </c>
      <c r="BT28" s="168">
        <v>0</v>
      </c>
      <c r="BU28" s="166">
        <v>0</v>
      </c>
      <c r="BV28" s="166">
        <v>0</v>
      </c>
      <c r="BW28" s="166">
        <v>0</v>
      </c>
      <c r="BX28" s="166">
        <v>0</v>
      </c>
      <c r="BY28" s="166">
        <v>0</v>
      </c>
      <c r="BZ28" s="166">
        <v>0</v>
      </c>
      <c r="CA28" s="166">
        <v>0</v>
      </c>
      <c r="CB28" s="166">
        <v>0</v>
      </c>
      <c r="CC28" s="166">
        <v>0</v>
      </c>
      <c r="CD28" s="166">
        <v>0</v>
      </c>
      <c r="CE28" s="166">
        <v>0</v>
      </c>
      <c r="CF28" s="166">
        <v>0</v>
      </c>
      <c r="CG28" s="166">
        <v>0</v>
      </c>
      <c r="CH28" s="166">
        <v>0</v>
      </c>
      <c r="CI28" s="166">
        <v>0</v>
      </c>
      <c r="CJ28" s="166">
        <v>0</v>
      </c>
      <c r="CK28" s="166">
        <v>0</v>
      </c>
      <c r="CL28" s="166">
        <v>0</v>
      </c>
      <c r="CM28" s="166">
        <v>0</v>
      </c>
      <c r="CN28" s="166">
        <v>0</v>
      </c>
      <c r="CO28" s="166">
        <v>0</v>
      </c>
      <c r="CP28" s="166">
        <v>0</v>
      </c>
      <c r="CQ28" s="166">
        <v>0</v>
      </c>
      <c r="CR28" s="166">
        <v>0</v>
      </c>
      <c r="CS28" s="166">
        <v>0</v>
      </c>
      <c r="CT28" s="166">
        <v>0</v>
      </c>
      <c r="CU28" s="166">
        <v>0</v>
      </c>
      <c r="CV28" s="166">
        <v>0</v>
      </c>
      <c r="CW28" s="166">
        <v>0</v>
      </c>
      <c r="CX28" s="166">
        <v>0</v>
      </c>
      <c r="CY28" s="166">
        <v>0</v>
      </c>
      <c r="CZ28" s="166">
        <v>0</v>
      </c>
    </row>
    <row r="29" spans="1:104" hidden="1" outlineLevel="1" x14ac:dyDescent="0.2">
      <c r="A29" s="167" t="s">
        <v>121</v>
      </c>
      <c r="B29" s="166">
        <v>0</v>
      </c>
      <c r="C29" s="166">
        <v>0</v>
      </c>
      <c r="D29" s="166">
        <v>0</v>
      </c>
      <c r="E29" s="166">
        <v>0</v>
      </c>
      <c r="F29" s="166">
        <v>0</v>
      </c>
      <c r="G29" s="166">
        <v>0</v>
      </c>
      <c r="H29" s="166">
        <v>0</v>
      </c>
      <c r="I29" s="166">
        <v>0</v>
      </c>
      <c r="J29" s="166">
        <v>0</v>
      </c>
      <c r="K29" s="166">
        <v>0</v>
      </c>
      <c r="L29" s="166">
        <v>0</v>
      </c>
      <c r="M29" s="166">
        <v>0</v>
      </c>
      <c r="N29" s="166">
        <v>0</v>
      </c>
      <c r="O29" s="166">
        <v>0</v>
      </c>
      <c r="P29" s="166">
        <v>0</v>
      </c>
      <c r="Q29" s="166">
        <v>0</v>
      </c>
      <c r="R29" s="166">
        <v>0</v>
      </c>
      <c r="S29" s="166">
        <v>0</v>
      </c>
      <c r="T29" s="166">
        <v>0</v>
      </c>
      <c r="U29" s="166">
        <v>0</v>
      </c>
      <c r="V29" s="166">
        <v>0</v>
      </c>
      <c r="W29" s="166">
        <v>0</v>
      </c>
      <c r="X29" s="166">
        <v>0</v>
      </c>
      <c r="Y29" s="166">
        <v>0</v>
      </c>
      <c r="Z29" s="166">
        <v>0</v>
      </c>
      <c r="AA29" s="166">
        <v>0</v>
      </c>
      <c r="AB29" s="166">
        <v>0</v>
      </c>
      <c r="AC29" s="166">
        <v>0</v>
      </c>
      <c r="AD29" s="166">
        <v>0</v>
      </c>
      <c r="AE29" s="166">
        <v>0</v>
      </c>
      <c r="AF29" s="166">
        <v>0</v>
      </c>
      <c r="AG29" s="166">
        <v>0</v>
      </c>
      <c r="AH29" s="166">
        <v>0</v>
      </c>
      <c r="AI29" s="166">
        <v>0</v>
      </c>
      <c r="AJ29" s="166">
        <v>0</v>
      </c>
      <c r="AK29" s="166">
        <v>0</v>
      </c>
      <c r="AL29" s="166">
        <v>0</v>
      </c>
      <c r="AM29" s="166">
        <v>0</v>
      </c>
      <c r="AN29" s="166">
        <v>0</v>
      </c>
      <c r="AO29" s="166">
        <v>0</v>
      </c>
      <c r="AP29" s="166">
        <v>0</v>
      </c>
      <c r="AQ29" s="166">
        <v>0</v>
      </c>
      <c r="AR29" s="166">
        <v>0</v>
      </c>
      <c r="AS29" s="166">
        <v>0</v>
      </c>
      <c r="AT29" s="166">
        <v>0</v>
      </c>
      <c r="AU29" s="166">
        <v>0</v>
      </c>
      <c r="AV29" s="166">
        <v>0</v>
      </c>
      <c r="AW29" s="166">
        <v>0</v>
      </c>
      <c r="AX29" s="166">
        <v>0</v>
      </c>
      <c r="AY29" s="166">
        <v>0</v>
      </c>
      <c r="AZ29" s="166">
        <v>0</v>
      </c>
      <c r="BA29" s="166">
        <v>0</v>
      </c>
      <c r="BB29" s="166">
        <v>0</v>
      </c>
      <c r="BC29" s="166">
        <v>0</v>
      </c>
      <c r="BD29" s="166">
        <v>0</v>
      </c>
      <c r="BE29" s="166">
        <v>0</v>
      </c>
      <c r="BF29" s="166">
        <v>0</v>
      </c>
      <c r="BG29" s="166">
        <v>0</v>
      </c>
      <c r="BH29" s="166">
        <v>0</v>
      </c>
      <c r="BI29" s="166">
        <v>0</v>
      </c>
      <c r="BJ29" s="166">
        <v>0</v>
      </c>
      <c r="BK29" s="166">
        <v>0</v>
      </c>
      <c r="BL29" s="166">
        <v>0</v>
      </c>
      <c r="BM29" s="166">
        <v>0</v>
      </c>
      <c r="BN29" s="166">
        <v>0</v>
      </c>
      <c r="BO29" s="166">
        <v>0</v>
      </c>
      <c r="BP29" s="166">
        <v>0</v>
      </c>
      <c r="BQ29" s="166">
        <v>0</v>
      </c>
      <c r="BR29" s="166">
        <v>0</v>
      </c>
      <c r="BS29" s="166">
        <v>0</v>
      </c>
      <c r="BT29" s="166">
        <v>0</v>
      </c>
      <c r="BU29" s="166">
        <v>0</v>
      </c>
      <c r="BV29" s="166">
        <v>0</v>
      </c>
      <c r="BW29" s="166">
        <v>0</v>
      </c>
      <c r="BX29" s="166">
        <v>0</v>
      </c>
      <c r="BY29" s="166">
        <v>0</v>
      </c>
      <c r="BZ29" s="166">
        <v>0</v>
      </c>
      <c r="CA29" s="166">
        <v>0</v>
      </c>
      <c r="CB29" s="166">
        <v>0</v>
      </c>
      <c r="CC29" s="166">
        <v>0</v>
      </c>
      <c r="CD29" s="166">
        <v>0</v>
      </c>
      <c r="CE29" s="166">
        <v>0</v>
      </c>
      <c r="CF29" s="166">
        <v>0</v>
      </c>
      <c r="CG29" s="166">
        <v>0</v>
      </c>
      <c r="CH29" s="166">
        <v>0</v>
      </c>
      <c r="CI29" s="166">
        <v>0</v>
      </c>
      <c r="CJ29" s="166">
        <v>0</v>
      </c>
      <c r="CK29" s="166">
        <v>0</v>
      </c>
      <c r="CL29" s="166">
        <v>0</v>
      </c>
      <c r="CM29" s="166">
        <v>0</v>
      </c>
      <c r="CN29" s="166">
        <v>0</v>
      </c>
      <c r="CO29" s="166">
        <v>0</v>
      </c>
      <c r="CP29" s="166">
        <v>0</v>
      </c>
      <c r="CQ29" s="166">
        <v>0</v>
      </c>
      <c r="CR29" s="166">
        <v>0</v>
      </c>
      <c r="CS29" s="166">
        <v>0</v>
      </c>
      <c r="CT29" s="166">
        <v>0</v>
      </c>
      <c r="CU29" s="166">
        <v>0</v>
      </c>
      <c r="CV29" s="166">
        <v>0</v>
      </c>
      <c r="CW29" s="166">
        <v>0</v>
      </c>
      <c r="CX29" s="166">
        <v>0</v>
      </c>
      <c r="CY29" s="166">
        <v>0</v>
      </c>
      <c r="CZ29" s="166">
        <v>0</v>
      </c>
    </row>
    <row r="30" spans="1:104" hidden="1" outlineLevel="1" x14ac:dyDescent="0.2">
      <c r="A30" s="167" t="s">
        <v>122</v>
      </c>
      <c r="B30" s="166">
        <v>0</v>
      </c>
      <c r="C30" s="166">
        <v>0</v>
      </c>
      <c r="D30" s="166">
        <v>0</v>
      </c>
      <c r="E30" s="166">
        <v>0</v>
      </c>
      <c r="F30" s="166">
        <v>0</v>
      </c>
      <c r="G30" s="166">
        <v>0</v>
      </c>
      <c r="H30" s="166">
        <v>0</v>
      </c>
      <c r="I30" s="166">
        <v>0</v>
      </c>
      <c r="J30" s="166">
        <v>0</v>
      </c>
      <c r="K30" s="166">
        <v>0</v>
      </c>
      <c r="L30" s="166">
        <v>0</v>
      </c>
      <c r="M30" s="166">
        <v>0</v>
      </c>
      <c r="N30" s="166">
        <v>0</v>
      </c>
      <c r="O30" s="166">
        <v>0</v>
      </c>
      <c r="P30" s="166">
        <v>0</v>
      </c>
      <c r="Q30" s="166">
        <v>0</v>
      </c>
      <c r="R30" s="166">
        <v>0</v>
      </c>
      <c r="S30" s="166">
        <v>0</v>
      </c>
      <c r="T30" s="166">
        <v>0</v>
      </c>
      <c r="U30" s="166">
        <v>0</v>
      </c>
      <c r="V30" s="166">
        <v>0</v>
      </c>
      <c r="W30" s="166">
        <v>0</v>
      </c>
      <c r="X30" s="166">
        <v>0</v>
      </c>
      <c r="Y30" s="166">
        <v>0</v>
      </c>
      <c r="Z30" s="166">
        <v>0</v>
      </c>
      <c r="AA30" s="166">
        <v>0</v>
      </c>
      <c r="AB30" s="166">
        <v>0</v>
      </c>
      <c r="AC30" s="166">
        <v>0</v>
      </c>
      <c r="AD30" s="166">
        <v>0</v>
      </c>
      <c r="AE30" s="166">
        <v>0</v>
      </c>
      <c r="AF30" s="166">
        <v>0</v>
      </c>
      <c r="AG30" s="166">
        <v>0</v>
      </c>
      <c r="AH30" s="166">
        <v>0</v>
      </c>
      <c r="AI30" s="166">
        <v>0</v>
      </c>
      <c r="AJ30" s="166">
        <v>0</v>
      </c>
      <c r="AK30" s="166">
        <v>0</v>
      </c>
      <c r="AL30" s="166">
        <v>0</v>
      </c>
      <c r="AM30" s="166">
        <v>0</v>
      </c>
      <c r="AN30" s="166">
        <v>0</v>
      </c>
      <c r="AO30" s="166">
        <v>0</v>
      </c>
      <c r="AP30" s="166">
        <v>0</v>
      </c>
      <c r="AQ30" s="166">
        <v>0</v>
      </c>
      <c r="AR30" s="166">
        <v>0</v>
      </c>
      <c r="AS30" s="166">
        <v>0</v>
      </c>
      <c r="AT30" s="166">
        <v>0</v>
      </c>
      <c r="AU30" s="166">
        <v>0</v>
      </c>
      <c r="AV30" s="166">
        <v>0</v>
      </c>
      <c r="AW30" s="166">
        <v>0</v>
      </c>
      <c r="AX30" s="166">
        <v>0</v>
      </c>
      <c r="AY30" s="166">
        <v>0</v>
      </c>
      <c r="AZ30" s="166">
        <v>0</v>
      </c>
      <c r="BA30" s="166">
        <v>0</v>
      </c>
      <c r="BB30" s="166">
        <v>0</v>
      </c>
      <c r="BC30" s="166">
        <v>0</v>
      </c>
      <c r="BD30" s="166">
        <v>0</v>
      </c>
      <c r="BE30" s="166">
        <v>0</v>
      </c>
      <c r="BF30" s="166">
        <v>0</v>
      </c>
      <c r="BG30" s="166">
        <v>0</v>
      </c>
      <c r="BH30" s="166">
        <v>0</v>
      </c>
      <c r="BI30" s="166">
        <v>0</v>
      </c>
      <c r="BJ30" s="166">
        <v>0</v>
      </c>
      <c r="BK30" s="166">
        <v>0</v>
      </c>
      <c r="BL30" s="166">
        <v>0</v>
      </c>
      <c r="BM30" s="166">
        <v>0</v>
      </c>
      <c r="BN30" s="166">
        <v>0</v>
      </c>
      <c r="BO30" s="166">
        <v>0</v>
      </c>
      <c r="BP30" s="166">
        <v>0</v>
      </c>
      <c r="BQ30" s="166">
        <v>0</v>
      </c>
      <c r="BR30" s="166">
        <v>0</v>
      </c>
      <c r="BS30" s="166">
        <v>0</v>
      </c>
      <c r="BT30" s="166">
        <v>0</v>
      </c>
      <c r="BU30" s="166">
        <v>0</v>
      </c>
      <c r="BV30" s="166">
        <v>0</v>
      </c>
      <c r="BW30" s="166">
        <v>0</v>
      </c>
      <c r="BX30" s="166">
        <v>0</v>
      </c>
      <c r="BY30" s="166">
        <v>0</v>
      </c>
      <c r="BZ30" s="166">
        <v>0</v>
      </c>
      <c r="CA30" s="166">
        <v>0</v>
      </c>
      <c r="CB30" s="166">
        <v>0</v>
      </c>
      <c r="CC30" s="166">
        <v>0</v>
      </c>
      <c r="CD30" s="166">
        <v>0</v>
      </c>
      <c r="CE30" s="166">
        <v>0</v>
      </c>
      <c r="CF30" s="166">
        <v>0</v>
      </c>
      <c r="CG30" s="166">
        <v>0</v>
      </c>
      <c r="CH30" s="166">
        <v>0</v>
      </c>
      <c r="CI30" s="166">
        <v>0</v>
      </c>
      <c r="CJ30" s="166">
        <v>0</v>
      </c>
      <c r="CK30" s="166">
        <v>0</v>
      </c>
      <c r="CL30" s="166">
        <v>0</v>
      </c>
      <c r="CM30" s="166">
        <v>0</v>
      </c>
      <c r="CN30" s="166">
        <v>0</v>
      </c>
      <c r="CO30" s="166">
        <v>0</v>
      </c>
      <c r="CP30" s="166">
        <v>0</v>
      </c>
      <c r="CQ30" s="166">
        <v>0</v>
      </c>
      <c r="CR30" s="166">
        <v>0</v>
      </c>
      <c r="CS30" s="166">
        <v>0</v>
      </c>
      <c r="CT30" s="166">
        <v>0</v>
      </c>
      <c r="CU30" s="166">
        <v>0</v>
      </c>
      <c r="CV30" s="166">
        <v>0</v>
      </c>
      <c r="CW30" s="166">
        <v>0</v>
      </c>
      <c r="CX30" s="166">
        <v>0</v>
      </c>
      <c r="CY30" s="166">
        <v>0</v>
      </c>
      <c r="CZ30" s="166">
        <v>0</v>
      </c>
    </row>
    <row r="31" spans="1:104" hidden="1" outlineLevel="1" x14ac:dyDescent="0.2">
      <c r="A31" s="167" t="s">
        <v>123</v>
      </c>
      <c r="B31" s="166">
        <v>0</v>
      </c>
      <c r="C31" s="166">
        <v>0</v>
      </c>
      <c r="D31" s="166">
        <v>0</v>
      </c>
      <c r="E31" s="166">
        <v>0</v>
      </c>
      <c r="F31" s="166">
        <v>0</v>
      </c>
      <c r="G31" s="166">
        <v>0</v>
      </c>
      <c r="H31" s="166">
        <v>0</v>
      </c>
      <c r="I31" s="166">
        <v>0</v>
      </c>
      <c r="J31" s="166">
        <v>0</v>
      </c>
      <c r="K31" s="166">
        <v>0</v>
      </c>
      <c r="L31" s="166">
        <v>0</v>
      </c>
      <c r="M31" s="166">
        <v>0</v>
      </c>
      <c r="N31" s="166">
        <v>0</v>
      </c>
      <c r="O31" s="166">
        <v>0</v>
      </c>
      <c r="P31" s="166">
        <v>0</v>
      </c>
      <c r="Q31" s="166">
        <v>0</v>
      </c>
      <c r="R31" s="166">
        <v>0</v>
      </c>
      <c r="S31" s="166">
        <v>0</v>
      </c>
      <c r="T31" s="166">
        <v>0</v>
      </c>
      <c r="U31" s="166">
        <v>0</v>
      </c>
      <c r="V31" s="166">
        <v>0</v>
      </c>
      <c r="W31" s="166">
        <v>0</v>
      </c>
      <c r="X31" s="166">
        <v>0</v>
      </c>
      <c r="Y31" s="166">
        <v>0</v>
      </c>
      <c r="Z31" s="166">
        <v>0</v>
      </c>
      <c r="AA31" s="166">
        <v>0</v>
      </c>
      <c r="AB31" s="166">
        <v>0</v>
      </c>
      <c r="AC31" s="166">
        <v>0</v>
      </c>
      <c r="AD31" s="166">
        <v>0</v>
      </c>
      <c r="AE31" s="166">
        <v>0</v>
      </c>
      <c r="AF31" s="166">
        <v>0</v>
      </c>
      <c r="AG31" s="166">
        <v>0</v>
      </c>
      <c r="AH31" s="166">
        <v>0</v>
      </c>
      <c r="AI31" s="166">
        <v>0</v>
      </c>
      <c r="AJ31" s="166">
        <v>0</v>
      </c>
      <c r="AK31" s="166">
        <v>0</v>
      </c>
      <c r="AL31" s="166">
        <v>0</v>
      </c>
      <c r="AM31" s="166">
        <v>0</v>
      </c>
      <c r="AN31" s="166">
        <v>0</v>
      </c>
      <c r="AO31" s="166">
        <v>0</v>
      </c>
      <c r="AP31" s="166">
        <v>0</v>
      </c>
      <c r="AQ31" s="166">
        <v>0</v>
      </c>
      <c r="AR31" s="166">
        <v>0</v>
      </c>
      <c r="AS31" s="166">
        <v>0</v>
      </c>
      <c r="AT31" s="166">
        <v>0</v>
      </c>
      <c r="AU31" s="166">
        <v>0</v>
      </c>
      <c r="AV31" s="166">
        <v>0</v>
      </c>
      <c r="AW31" s="166">
        <v>0</v>
      </c>
      <c r="AX31" s="166">
        <v>0</v>
      </c>
      <c r="AY31" s="166">
        <v>0</v>
      </c>
      <c r="AZ31" s="166">
        <v>0</v>
      </c>
      <c r="BA31" s="166">
        <v>0</v>
      </c>
      <c r="BB31" s="166">
        <v>0</v>
      </c>
      <c r="BC31" s="166">
        <v>0</v>
      </c>
      <c r="BD31" s="166">
        <v>0</v>
      </c>
      <c r="BE31" s="166">
        <v>0</v>
      </c>
      <c r="BF31" s="166">
        <v>0</v>
      </c>
      <c r="BG31" s="166">
        <v>0</v>
      </c>
      <c r="BH31" s="166">
        <v>0</v>
      </c>
      <c r="BI31" s="166">
        <v>0</v>
      </c>
      <c r="BJ31" s="166">
        <v>0</v>
      </c>
      <c r="BK31" s="166">
        <v>0</v>
      </c>
      <c r="BL31" s="166">
        <v>0</v>
      </c>
      <c r="BM31" s="166">
        <v>0</v>
      </c>
      <c r="BN31" s="166">
        <v>0</v>
      </c>
      <c r="BO31" s="166">
        <v>0</v>
      </c>
      <c r="BP31" s="166">
        <v>0</v>
      </c>
      <c r="BQ31" s="166">
        <v>0</v>
      </c>
      <c r="BR31" s="166">
        <v>0</v>
      </c>
      <c r="BS31" s="166">
        <v>0</v>
      </c>
      <c r="BT31" s="168">
        <v>0</v>
      </c>
      <c r="BU31" s="166">
        <v>0</v>
      </c>
      <c r="BV31" s="166">
        <v>0</v>
      </c>
      <c r="BW31" s="166">
        <v>0</v>
      </c>
      <c r="BX31" s="166">
        <v>0</v>
      </c>
      <c r="BY31" s="166">
        <v>0</v>
      </c>
      <c r="BZ31" s="166">
        <v>0</v>
      </c>
      <c r="CA31" s="166">
        <v>0</v>
      </c>
      <c r="CB31" s="166">
        <v>0</v>
      </c>
      <c r="CC31" s="166">
        <v>0</v>
      </c>
      <c r="CD31" s="166">
        <v>0</v>
      </c>
      <c r="CE31" s="166">
        <v>0</v>
      </c>
      <c r="CF31" s="166">
        <v>0</v>
      </c>
      <c r="CG31" s="166">
        <v>0</v>
      </c>
      <c r="CH31" s="166">
        <v>0</v>
      </c>
      <c r="CI31" s="166">
        <v>0</v>
      </c>
      <c r="CJ31" s="166">
        <v>0</v>
      </c>
      <c r="CK31" s="166">
        <v>0</v>
      </c>
      <c r="CL31" s="166">
        <v>0</v>
      </c>
      <c r="CM31" s="166">
        <v>0</v>
      </c>
      <c r="CN31" s="166">
        <v>0</v>
      </c>
      <c r="CO31" s="166">
        <v>0</v>
      </c>
      <c r="CP31" s="166">
        <v>0</v>
      </c>
      <c r="CQ31" s="166">
        <v>0</v>
      </c>
      <c r="CR31" s="166">
        <v>0</v>
      </c>
      <c r="CS31" s="166">
        <v>0</v>
      </c>
      <c r="CT31" s="166">
        <v>0</v>
      </c>
      <c r="CU31" s="166">
        <v>0</v>
      </c>
      <c r="CV31" s="166">
        <v>0</v>
      </c>
      <c r="CW31" s="166">
        <v>0</v>
      </c>
      <c r="CX31" s="166">
        <v>0</v>
      </c>
      <c r="CY31" s="166">
        <v>0</v>
      </c>
      <c r="CZ31" s="166">
        <v>0</v>
      </c>
    </row>
    <row r="32" spans="1:104" hidden="1" outlineLevel="1" x14ac:dyDescent="0.2">
      <c r="A32" s="167" t="s">
        <v>124</v>
      </c>
      <c r="B32" s="166">
        <v>0</v>
      </c>
      <c r="C32" s="166">
        <v>0</v>
      </c>
      <c r="D32" s="166">
        <v>0</v>
      </c>
      <c r="E32" s="166">
        <v>0</v>
      </c>
      <c r="F32" s="166">
        <v>0</v>
      </c>
      <c r="G32" s="166">
        <v>0</v>
      </c>
      <c r="H32" s="166">
        <v>0</v>
      </c>
      <c r="I32" s="166">
        <v>0</v>
      </c>
      <c r="J32" s="166">
        <v>0</v>
      </c>
      <c r="K32" s="166">
        <v>0</v>
      </c>
      <c r="L32" s="166">
        <v>0</v>
      </c>
      <c r="M32" s="166">
        <v>0</v>
      </c>
      <c r="N32" s="166">
        <v>0</v>
      </c>
      <c r="O32" s="166">
        <v>0</v>
      </c>
      <c r="P32" s="166">
        <v>0</v>
      </c>
      <c r="Q32" s="166">
        <v>0</v>
      </c>
      <c r="R32" s="166">
        <v>0</v>
      </c>
      <c r="S32" s="166">
        <v>0</v>
      </c>
      <c r="T32" s="166">
        <v>0</v>
      </c>
      <c r="U32" s="166">
        <v>0</v>
      </c>
      <c r="V32" s="166">
        <v>0</v>
      </c>
      <c r="W32" s="166">
        <v>0</v>
      </c>
      <c r="X32" s="166">
        <v>0</v>
      </c>
      <c r="Y32" s="166">
        <v>0</v>
      </c>
      <c r="Z32" s="166">
        <v>0</v>
      </c>
      <c r="AA32" s="166">
        <v>0</v>
      </c>
      <c r="AB32" s="166">
        <v>0</v>
      </c>
      <c r="AC32" s="166">
        <v>0</v>
      </c>
      <c r="AD32" s="166">
        <v>0</v>
      </c>
      <c r="AE32" s="166">
        <v>0</v>
      </c>
      <c r="AF32" s="166">
        <v>0</v>
      </c>
      <c r="AG32" s="166">
        <v>0</v>
      </c>
      <c r="AH32" s="166">
        <v>0</v>
      </c>
      <c r="AI32" s="166">
        <v>0</v>
      </c>
      <c r="AJ32" s="166">
        <v>0</v>
      </c>
      <c r="AK32" s="166">
        <v>0</v>
      </c>
      <c r="AL32" s="166">
        <v>0</v>
      </c>
      <c r="AM32" s="166">
        <v>0</v>
      </c>
      <c r="AN32" s="166">
        <v>0</v>
      </c>
      <c r="AO32" s="166">
        <v>0</v>
      </c>
      <c r="AP32" s="166">
        <v>0</v>
      </c>
      <c r="AQ32" s="166">
        <v>0</v>
      </c>
      <c r="AR32" s="166">
        <v>0</v>
      </c>
      <c r="AS32" s="166">
        <v>0</v>
      </c>
      <c r="AT32" s="166">
        <v>0</v>
      </c>
      <c r="AU32" s="166">
        <v>0</v>
      </c>
      <c r="AV32" s="166">
        <v>0</v>
      </c>
      <c r="AW32" s="166">
        <v>0</v>
      </c>
      <c r="AX32" s="166">
        <v>0</v>
      </c>
      <c r="AY32" s="166">
        <v>0</v>
      </c>
      <c r="AZ32" s="166">
        <v>0</v>
      </c>
      <c r="BA32" s="166">
        <v>0</v>
      </c>
      <c r="BB32" s="166">
        <v>0</v>
      </c>
      <c r="BC32" s="166">
        <v>0</v>
      </c>
      <c r="BD32" s="166">
        <v>0</v>
      </c>
      <c r="BE32" s="166">
        <v>0</v>
      </c>
      <c r="BF32" s="166">
        <v>0</v>
      </c>
      <c r="BG32" s="166">
        <v>0</v>
      </c>
      <c r="BH32" s="166">
        <v>0</v>
      </c>
      <c r="BI32" s="166">
        <v>0</v>
      </c>
      <c r="BJ32" s="166">
        <v>0</v>
      </c>
      <c r="BK32" s="166">
        <v>0</v>
      </c>
      <c r="BL32" s="166">
        <v>0</v>
      </c>
      <c r="BM32" s="166">
        <v>0</v>
      </c>
      <c r="BN32" s="166">
        <v>0</v>
      </c>
      <c r="BO32" s="166">
        <v>0</v>
      </c>
      <c r="BP32" s="166">
        <v>0</v>
      </c>
      <c r="BQ32" s="166">
        <v>0</v>
      </c>
      <c r="BR32" s="166">
        <v>0</v>
      </c>
      <c r="BS32" s="166">
        <v>0</v>
      </c>
      <c r="BT32" s="168">
        <v>0</v>
      </c>
      <c r="BU32" s="166">
        <v>0</v>
      </c>
      <c r="BV32" s="166">
        <v>0</v>
      </c>
      <c r="BW32" s="166">
        <v>0</v>
      </c>
      <c r="BX32" s="166">
        <v>0</v>
      </c>
      <c r="BY32" s="166">
        <v>0</v>
      </c>
      <c r="BZ32" s="166">
        <v>0</v>
      </c>
      <c r="CA32" s="166">
        <v>0</v>
      </c>
      <c r="CB32" s="166">
        <v>0</v>
      </c>
      <c r="CC32" s="166">
        <v>0</v>
      </c>
      <c r="CD32" s="166">
        <v>0</v>
      </c>
      <c r="CE32" s="166">
        <v>0</v>
      </c>
      <c r="CF32" s="166">
        <v>0</v>
      </c>
      <c r="CG32" s="166">
        <v>0</v>
      </c>
      <c r="CH32" s="166">
        <v>0</v>
      </c>
      <c r="CI32" s="166">
        <v>0</v>
      </c>
      <c r="CJ32" s="166">
        <v>0</v>
      </c>
      <c r="CK32" s="166">
        <v>0</v>
      </c>
      <c r="CL32" s="166">
        <v>0</v>
      </c>
      <c r="CM32" s="166">
        <v>0</v>
      </c>
      <c r="CN32" s="166">
        <v>0</v>
      </c>
      <c r="CO32" s="166">
        <v>0</v>
      </c>
      <c r="CP32" s="166">
        <v>0</v>
      </c>
      <c r="CQ32" s="166">
        <v>0</v>
      </c>
      <c r="CR32" s="166">
        <v>0</v>
      </c>
      <c r="CS32" s="166">
        <v>0</v>
      </c>
      <c r="CT32" s="166">
        <v>0</v>
      </c>
      <c r="CU32" s="166">
        <v>0</v>
      </c>
      <c r="CV32" s="166">
        <v>0</v>
      </c>
      <c r="CW32" s="166">
        <v>0</v>
      </c>
      <c r="CX32" s="166">
        <v>0</v>
      </c>
      <c r="CY32" s="166">
        <v>0</v>
      </c>
      <c r="CZ32" s="166">
        <v>0</v>
      </c>
    </row>
    <row r="33" spans="1:104" hidden="1" outlineLevel="1" x14ac:dyDescent="0.2">
      <c r="A33" s="167" t="s">
        <v>125</v>
      </c>
      <c r="B33" s="166">
        <v>0</v>
      </c>
      <c r="C33" s="166">
        <v>0</v>
      </c>
      <c r="D33" s="166">
        <v>0</v>
      </c>
      <c r="E33" s="166">
        <v>0</v>
      </c>
      <c r="F33" s="166">
        <v>0</v>
      </c>
      <c r="G33" s="166">
        <v>0</v>
      </c>
      <c r="H33" s="166">
        <v>0</v>
      </c>
      <c r="I33" s="166">
        <v>0</v>
      </c>
      <c r="J33" s="166">
        <v>0</v>
      </c>
      <c r="K33" s="166">
        <v>0</v>
      </c>
      <c r="L33" s="166">
        <v>0</v>
      </c>
      <c r="M33" s="166">
        <v>0</v>
      </c>
      <c r="N33" s="166">
        <v>0</v>
      </c>
      <c r="O33" s="166">
        <v>0</v>
      </c>
      <c r="P33" s="166">
        <v>0</v>
      </c>
      <c r="Q33" s="166">
        <v>0</v>
      </c>
      <c r="R33" s="166">
        <v>0</v>
      </c>
      <c r="S33" s="166">
        <v>0</v>
      </c>
      <c r="T33" s="166">
        <v>0</v>
      </c>
      <c r="U33" s="166">
        <v>0</v>
      </c>
      <c r="V33" s="166">
        <v>0</v>
      </c>
      <c r="W33" s="166">
        <v>0</v>
      </c>
      <c r="X33" s="166">
        <v>0</v>
      </c>
      <c r="Y33" s="166">
        <v>0</v>
      </c>
      <c r="Z33" s="166">
        <v>0</v>
      </c>
      <c r="AA33" s="166">
        <v>0</v>
      </c>
      <c r="AB33" s="166">
        <v>0</v>
      </c>
      <c r="AC33" s="166">
        <v>0</v>
      </c>
      <c r="AD33" s="166">
        <v>0</v>
      </c>
      <c r="AE33" s="166">
        <v>0</v>
      </c>
      <c r="AF33" s="166">
        <v>0</v>
      </c>
      <c r="AG33" s="166">
        <v>0</v>
      </c>
      <c r="AH33" s="166">
        <v>0</v>
      </c>
      <c r="AI33" s="166">
        <v>0</v>
      </c>
      <c r="AJ33" s="166">
        <v>0</v>
      </c>
      <c r="AK33" s="166">
        <v>0</v>
      </c>
      <c r="AL33" s="166">
        <v>0</v>
      </c>
      <c r="AM33" s="166">
        <v>0</v>
      </c>
      <c r="AN33" s="166">
        <v>0</v>
      </c>
      <c r="AO33" s="166">
        <v>0</v>
      </c>
      <c r="AP33" s="166">
        <v>0</v>
      </c>
      <c r="AQ33" s="166">
        <v>0</v>
      </c>
      <c r="AR33" s="166">
        <v>0</v>
      </c>
      <c r="AS33" s="166">
        <v>0</v>
      </c>
      <c r="AT33" s="166">
        <v>0</v>
      </c>
      <c r="AU33" s="166">
        <v>0</v>
      </c>
      <c r="AV33" s="166">
        <v>0</v>
      </c>
      <c r="AW33" s="166">
        <v>0</v>
      </c>
      <c r="AX33" s="166">
        <v>0</v>
      </c>
      <c r="AY33" s="166">
        <v>0</v>
      </c>
      <c r="AZ33" s="166">
        <v>0</v>
      </c>
      <c r="BA33" s="166">
        <v>0</v>
      </c>
      <c r="BB33" s="166">
        <v>0</v>
      </c>
      <c r="BC33" s="166">
        <v>0</v>
      </c>
      <c r="BD33" s="166">
        <v>0</v>
      </c>
      <c r="BE33" s="166">
        <v>0</v>
      </c>
      <c r="BF33" s="166">
        <v>0</v>
      </c>
      <c r="BG33" s="166">
        <v>0</v>
      </c>
      <c r="BH33" s="166">
        <v>0</v>
      </c>
      <c r="BI33" s="166">
        <v>0</v>
      </c>
      <c r="BJ33" s="166">
        <v>0</v>
      </c>
      <c r="BK33" s="166">
        <v>0</v>
      </c>
      <c r="BL33" s="166">
        <v>0</v>
      </c>
      <c r="BM33" s="166">
        <v>0</v>
      </c>
      <c r="BN33" s="166">
        <v>0</v>
      </c>
      <c r="BO33" s="166">
        <v>0</v>
      </c>
      <c r="BP33" s="166">
        <v>0</v>
      </c>
      <c r="BQ33" s="166">
        <v>0</v>
      </c>
      <c r="BR33" s="166">
        <v>0</v>
      </c>
      <c r="BS33" s="166">
        <v>0</v>
      </c>
      <c r="BT33" s="168">
        <v>0</v>
      </c>
      <c r="BU33" s="166">
        <v>0</v>
      </c>
      <c r="BV33" s="166">
        <v>0</v>
      </c>
      <c r="BW33" s="166">
        <v>0</v>
      </c>
      <c r="BX33" s="166">
        <v>0</v>
      </c>
      <c r="BY33" s="166">
        <v>0</v>
      </c>
      <c r="BZ33" s="166">
        <v>0</v>
      </c>
      <c r="CA33" s="166">
        <v>0</v>
      </c>
      <c r="CB33" s="166">
        <v>0</v>
      </c>
      <c r="CC33" s="166">
        <v>0</v>
      </c>
      <c r="CD33" s="166">
        <v>0</v>
      </c>
      <c r="CE33" s="166">
        <v>0</v>
      </c>
      <c r="CF33" s="166">
        <v>0</v>
      </c>
      <c r="CG33" s="166">
        <v>0</v>
      </c>
      <c r="CH33" s="166">
        <v>0</v>
      </c>
      <c r="CI33" s="166">
        <v>0</v>
      </c>
      <c r="CJ33" s="166">
        <v>0</v>
      </c>
      <c r="CK33" s="166">
        <v>0</v>
      </c>
      <c r="CL33" s="166">
        <v>0</v>
      </c>
      <c r="CM33" s="166">
        <v>0</v>
      </c>
      <c r="CN33" s="166">
        <v>0</v>
      </c>
      <c r="CO33" s="166">
        <v>0</v>
      </c>
      <c r="CP33" s="166">
        <v>0</v>
      </c>
      <c r="CQ33" s="166">
        <v>0</v>
      </c>
      <c r="CR33" s="166">
        <v>0</v>
      </c>
      <c r="CS33" s="166">
        <v>0</v>
      </c>
      <c r="CT33" s="166">
        <v>0</v>
      </c>
      <c r="CU33" s="166">
        <v>0</v>
      </c>
      <c r="CV33" s="166">
        <v>0</v>
      </c>
      <c r="CW33" s="166">
        <v>0</v>
      </c>
      <c r="CX33" s="166">
        <v>0</v>
      </c>
      <c r="CY33" s="166">
        <v>0</v>
      </c>
      <c r="CZ33" s="166">
        <v>0</v>
      </c>
    </row>
    <row r="34" spans="1:104" hidden="1" outlineLevel="1" x14ac:dyDescent="0.2">
      <c r="A34" s="167" t="s">
        <v>126</v>
      </c>
      <c r="B34" s="166">
        <v>0</v>
      </c>
      <c r="C34" s="166">
        <v>0</v>
      </c>
      <c r="D34" s="166">
        <v>0</v>
      </c>
      <c r="E34" s="166">
        <v>0</v>
      </c>
      <c r="F34" s="166">
        <v>0</v>
      </c>
      <c r="G34" s="166">
        <v>0</v>
      </c>
      <c r="H34" s="166">
        <v>0</v>
      </c>
      <c r="I34" s="166">
        <v>0</v>
      </c>
      <c r="J34" s="166">
        <v>0</v>
      </c>
      <c r="K34" s="166">
        <v>0</v>
      </c>
      <c r="L34" s="166">
        <v>0</v>
      </c>
      <c r="M34" s="166">
        <v>0</v>
      </c>
      <c r="N34" s="166">
        <v>0</v>
      </c>
      <c r="O34" s="166">
        <v>0</v>
      </c>
      <c r="P34" s="166">
        <v>0</v>
      </c>
      <c r="Q34" s="166">
        <v>0</v>
      </c>
      <c r="R34" s="166">
        <v>0</v>
      </c>
      <c r="S34" s="166">
        <v>0</v>
      </c>
      <c r="T34" s="166">
        <v>0</v>
      </c>
      <c r="U34" s="166">
        <v>0</v>
      </c>
      <c r="V34" s="166">
        <v>0</v>
      </c>
      <c r="W34" s="166">
        <v>0</v>
      </c>
      <c r="X34" s="166">
        <v>0</v>
      </c>
      <c r="Y34" s="166">
        <v>0</v>
      </c>
      <c r="Z34" s="166">
        <v>0</v>
      </c>
      <c r="AA34" s="166">
        <v>0</v>
      </c>
      <c r="AB34" s="166">
        <v>0</v>
      </c>
      <c r="AC34" s="166">
        <v>0</v>
      </c>
      <c r="AD34" s="166">
        <v>0</v>
      </c>
      <c r="AE34" s="166">
        <v>0</v>
      </c>
      <c r="AF34" s="166">
        <v>0</v>
      </c>
      <c r="AG34" s="166">
        <v>0</v>
      </c>
      <c r="AH34" s="166">
        <v>0</v>
      </c>
      <c r="AI34" s="166">
        <v>0</v>
      </c>
      <c r="AJ34" s="166">
        <v>0</v>
      </c>
      <c r="AK34" s="166">
        <v>0</v>
      </c>
      <c r="AL34" s="166">
        <v>0</v>
      </c>
      <c r="AM34" s="166">
        <v>0</v>
      </c>
      <c r="AN34" s="166">
        <v>0</v>
      </c>
      <c r="AO34" s="166">
        <v>0</v>
      </c>
      <c r="AP34" s="166">
        <v>0</v>
      </c>
      <c r="AQ34" s="166">
        <v>0</v>
      </c>
      <c r="AR34" s="166">
        <v>0</v>
      </c>
      <c r="AS34" s="166">
        <v>0</v>
      </c>
      <c r="AT34" s="166">
        <v>0</v>
      </c>
      <c r="AU34" s="166">
        <v>0</v>
      </c>
      <c r="AV34" s="166">
        <v>0</v>
      </c>
      <c r="AW34" s="166">
        <v>0</v>
      </c>
      <c r="AX34" s="166">
        <v>0</v>
      </c>
      <c r="AY34" s="166">
        <v>0</v>
      </c>
      <c r="AZ34" s="166">
        <v>0</v>
      </c>
      <c r="BA34" s="166">
        <v>0</v>
      </c>
      <c r="BB34" s="166">
        <v>0</v>
      </c>
      <c r="BC34" s="166">
        <v>0</v>
      </c>
      <c r="BD34" s="166">
        <v>0</v>
      </c>
      <c r="BE34" s="166">
        <v>0</v>
      </c>
      <c r="BF34" s="166">
        <v>0</v>
      </c>
      <c r="BG34" s="166">
        <v>0</v>
      </c>
      <c r="BH34" s="166">
        <v>0</v>
      </c>
      <c r="BI34" s="166">
        <v>0</v>
      </c>
      <c r="BJ34" s="166">
        <v>0</v>
      </c>
      <c r="BK34" s="166">
        <v>0</v>
      </c>
      <c r="BL34" s="166">
        <v>0</v>
      </c>
      <c r="BM34" s="166">
        <v>0</v>
      </c>
      <c r="BN34" s="166">
        <v>0</v>
      </c>
      <c r="BO34" s="166">
        <v>0</v>
      </c>
      <c r="BP34" s="166">
        <v>0</v>
      </c>
      <c r="BQ34" s="166">
        <v>0</v>
      </c>
      <c r="BR34" s="166">
        <v>0</v>
      </c>
      <c r="BS34" s="166">
        <v>0</v>
      </c>
      <c r="BT34" s="168">
        <v>0</v>
      </c>
      <c r="BU34" s="166">
        <v>0</v>
      </c>
      <c r="BV34" s="166">
        <v>0</v>
      </c>
      <c r="BW34" s="166">
        <v>0</v>
      </c>
      <c r="BX34" s="166">
        <v>0</v>
      </c>
      <c r="BY34" s="166">
        <v>0</v>
      </c>
      <c r="BZ34" s="166">
        <v>0</v>
      </c>
      <c r="CA34" s="166">
        <v>0</v>
      </c>
      <c r="CB34" s="166">
        <v>0</v>
      </c>
      <c r="CC34" s="166">
        <v>0</v>
      </c>
      <c r="CD34" s="166">
        <v>0</v>
      </c>
      <c r="CE34" s="166">
        <v>0</v>
      </c>
      <c r="CF34" s="166">
        <v>0</v>
      </c>
      <c r="CG34" s="166">
        <v>0</v>
      </c>
      <c r="CH34" s="166">
        <v>0</v>
      </c>
      <c r="CI34" s="166">
        <v>0</v>
      </c>
      <c r="CJ34" s="166">
        <v>0</v>
      </c>
      <c r="CK34" s="166">
        <v>0</v>
      </c>
      <c r="CL34" s="166">
        <v>0</v>
      </c>
      <c r="CM34" s="166">
        <v>0</v>
      </c>
      <c r="CN34" s="166">
        <v>0</v>
      </c>
      <c r="CO34" s="166">
        <v>0</v>
      </c>
      <c r="CP34" s="166">
        <v>0</v>
      </c>
      <c r="CQ34" s="166">
        <v>0</v>
      </c>
      <c r="CR34" s="166">
        <v>0</v>
      </c>
      <c r="CS34" s="166">
        <v>0</v>
      </c>
      <c r="CT34" s="166">
        <v>0</v>
      </c>
      <c r="CU34" s="166">
        <v>0</v>
      </c>
      <c r="CV34" s="166">
        <v>0</v>
      </c>
      <c r="CW34" s="166">
        <v>0</v>
      </c>
      <c r="CX34" s="166">
        <v>0</v>
      </c>
      <c r="CY34" s="166">
        <v>0</v>
      </c>
      <c r="CZ34" s="166">
        <v>0</v>
      </c>
    </row>
    <row r="35" spans="1:104" hidden="1" outlineLevel="1" x14ac:dyDescent="0.2">
      <c r="A35" s="167" t="s">
        <v>127</v>
      </c>
      <c r="B35" s="166">
        <v>0</v>
      </c>
      <c r="C35" s="166">
        <v>0</v>
      </c>
      <c r="D35" s="166">
        <v>0</v>
      </c>
      <c r="E35" s="166">
        <v>0</v>
      </c>
      <c r="F35" s="166">
        <v>0</v>
      </c>
      <c r="G35" s="166">
        <v>0</v>
      </c>
      <c r="H35" s="166">
        <v>0</v>
      </c>
      <c r="I35" s="166">
        <v>0</v>
      </c>
      <c r="J35" s="166">
        <v>0</v>
      </c>
      <c r="K35" s="166">
        <v>0</v>
      </c>
      <c r="L35" s="166">
        <v>0</v>
      </c>
      <c r="M35" s="166">
        <v>0</v>
      </c>
      <c r="N35" s="166">
        <v>0</v>
      </c>
      <c r="O35" s="166">
        <v>0</v>
      </c>
      <c r="P35" s="166">
        <v>0</v>
      </c>
      <c r="Q35" s="166">
        <v>0</v>
      </c>
      <c r="R35" s="166">
        <v>0</v>
      </c>
      <c r="S35" s="166">
        <v>0</v>
      </c>
      <c r="T35" s="166">
        <v>0</v>
      </c>
      <c r="U35" s="166">
        <v>0</v>
      </c>
      <c r="V35" s="166">
        <v>0</v>
      </c>
      <c r="W35" s="166">
        <v>0</v>
      </c>
      <c r="X35" s="166">
        <v>0</v>
      </c>
      <c r="Y35" s="166">
        <v>0</v>
      </c>
      <c r="Z35" s="166">
        <v>0</v>
      </c>
      <c r="AA35" s="166">
        <v>0</v>
      </c>
      <c r="AB35" s="166">
        <v>0</v>
      </c>
      <c r="AC35" s="166">
        <v>0</v>
      </c>
      <c r="AD35" s="166">
        <v>0</v>
      </c>
      <c r="AE35" s="166">
        <v>0</v>
      </c>
      <c r="AF35" s="166">
        <v>0</v>
      </c>
      <c r="AG35" s="166">
        <v>0</v>
      </c>
      <c r="AH35" s="166">
        <v>0</v>
      </c>
      <c r="AI35" s="166">
        <v>0</v>
      </c>
      <c r="AJ35" s="166">
        <v>0</v>
      </c>
      <c r="AK35" s="166">
        <v>0</v>
      </c>
      <c r="AL35" s="166">
        <v>0</v>
      </c>
      <c r="AM35" s="166">
        <v>0</v>
      </c>
      <c r="AN35" s="166">
        <v>0</v>
      </c>
      <c r="AO35" s="166">
        <v>0</v>
      </c>
      <c r="AP35" s="166">
        <v>0</v>
      </c>
      <c r="AQ35" s="166">
        <v>0</v>
      </c>
      <c r="AR35" s="166">
        <v>0</v>
      </c>
      <c r="AS35" s="166">
        <v>0</v>
      </c>
      <c r="AT35" s="166">
        <v>0</v>
      </c>
      <c r="AU35" s="166">
        <v>0</v>
      </c>
      <c r="AV35" s="166">
        <v>0</v>
      </c>
      <c r="AW35" s="166">
        <v>0</v>
      </c>
      <c r="AX35" s="166">
        <v>0</v>
      </c>
      <c r="AY35" s="166">
        <v>0</v>
      </c>
      <c r="AZ35" s="166">
        <v>0</v>
      </c>
      <c r="BA35" s="166">
        <v>0</v>
      </c>
      <c r="BB35" s="166">
        <v>0</v>
      </c>
      <c r="BC35" s="166">
        <v>0</v>
      </c>
      <c r="BD35" s="166">
        <v>0</v>
      </c>
      <c r="BE35" s="166">
        <v>0</v>
      </c>
      <c r="BF35" s="166">
        <v>0</v>
      </c>
      <c r="BG35" s="166">
        <v>0</v>
      </c>
      <c r="BH35" s="166">
        <v>0</v>
      </c>
      <c r="BI35" s="166">
        <v>0</v>
      </c>
      <c r="BJ35" s="166">
        <v>0</v>
      </c>
      <c r="BK35" s="166">
        <v>0</v>
      </c>
      <c r="BL35" s="166">
        <v>0</v>
      </c>
      <c r="BM35" s="166">
        <v>0</v>
      </c>
      <c r="BN35" s="166">
        <v>0</v>
      </c>
      <c r="BO35" s="166">
        <v>0</v>
      </c>
      <c r="BP35" s="166">
        <v>0</v>
      </c>
      <c r="BQ35" s="166">
        <v>0</v>
      </c>
      <c r="BR35" s="166">
        <v>0</v>
      </c>
      <c r="BS35" s="166">
        <v>0</v>
      </c>
      <c r="BT35" s="168">
        <v>0</v>
      </c>
      <c r="BU35" s="166">
        <v>0</v>
      </c>
      <c r="BV35" s="166">
        <v>0</v>
      </c>
      <c r="BW35" s="166">
        <v>0</v>
      </c>
      <c r="BX35" s="166">
        <v>0</v>
      </c>
      <c r="BY35" s="166">
        <v>0</v>
      </c>
      <c r="BZ35" s="166">
        <v>0</v>
      </c>
      <c r="CA35" s="166">
        <v>0</v>
      </c>
      <c r="CB35" s="166">
        <v>0</v>
      </c>
      <c r="CC35" s="166">
        <v>0</v>
      </c>
      <c r="CD35" s="166">
        <v>0</v>
      </c>
      <c r="CE35" s="166">
        <v>0</v>
      </c>
      <c r="CF35" s="166">
        <v>0</v>
      </c>
      <c r="CG35" s="166">
        <v>0</v>
      </c>
      <c r="CH35" s="166">
        <v>0</v>
      </c>
      <c r="CI35" s="166">
        <v>0</v>
      </c>
      <c r="CJ35" s="166">
        <v>0</v>
      </c>
      <c r="CK35" s="166">
        <v>0</v>
      </c>
      <c r="CL35" s="166">
        <v>0</v>
      </c>
      <c r="CM35" s="166">
        <v>0</v>
      </c>
      <c r="CN35" s="166">
        <v>0</v>
      </c>
      <c r="CO35" s="166">
        <v>0</v>
      </c>
      <c r="CP35" s="166">
        <v>0</v>
      </c>
      <c r="CQ35" s="166">
        <v>0</v>
      </c>
      <c r="CR35" s="166">
        <v>0</v>
      </c>
      <c r="CS35" s="166">
        <v>0</v>
      </c>
      <c r="CT35" s="166">
        <v>0</v>
      </c>
      <c r="CU35" s="166">
        <v>0</v>
      </c>
      <c r="CV35" s="166">
        <v>0</v>
      </c>
      <c r="CW35" s="166">
        <v>0</v>
      </c>
      <c r="CX35" s="166">
        <v>0</v>
      </c>
      <c r="CY35" s="166">
        <v>0</v>
      </c>
      <c r="CZ35" s="166">
        <v>0</v>
      </c>
    </row>
    <row r="36" spans="1:104" hidden="1" outlineLevel="1" x14ac:dyDescent="0.2">
      <c r="A36" s="167" t="s">
        <v>128</v>
      </c>
      <c r="B36" s="166">
        <v>0</v>
      </c>
      <c r="C36" s="166">
        <v>33368944130.639999</v>
      </c>
      <c r="D36" s="166">
        <v>0</v>
      </c>
      <c r="E36" s="166">
        <v>0</v>
      </c>
      <c r="F36" s="166">
        <v>0</v>
      </c>
      <c r="G36" s="166">
        <v>0</v>
      </c>
      <c r="H36" s="166">
        <v>0</v>
      </c>
      <c r="I36" s="166">
        <v>0</v>
      </c>
      <c r="J36" s="166">
        <v>0</v>
      </c>
      <c r="K36" s="166">
        <v>0</v>
      </c>
      <c r="L36" s="166">
        <v>0</v>
      </c>
      <c r="M36" s="166">
        <v>0</v>
      </c>
      <c r="N36" s="166">
        <v>0</v>
      </c>
      <c r="O36" s="166">
        <v>0</v>
      </c>
      <c r="P36" s="166">
        <v>0</v>
      </c>
      <c r="Q36" s="166">
        <v>0</v>
      </c>
      <c r="R36" s="166">
        <v>0</v>
      </c>
      <c r="S36" s="166">
        <v>0</v>
      </c>
      <c r="T36" s="166">
        <v>0</v>
      </c>
      <c r="U36" s="166">
        <v>0</v>
      </c>
      <c r="V36" s="166">
        <v>0</v>
      </c>
      <c r="W36" s="166">
        <v>0</v>
      </c>
      <c r="X36" s="166">
        <v>0</v>
      </c>
      <c r="Y36" s="166">
        <v>0</v>
      </c>
      <c r="Z36" s="166">
        <v>0</v>
      </c>
      <c r="AA36" s="166">
        <v>0</v>
      </c>
      <c r="AB36" s="166">
        <v>0</v>
      </c>
      <c r="AC36" s="166">
        <v>0</v>
      </c>
      <c r="AD36" s="166">
        <v>0</v>
      </c>
      <c r="AE36" s="166">
        <v>0</v>
      </c>
      <c r="AF36" s="166">
        <v>0</v>
      </c>
      <c r="AG36" s="166">
        <v>0</v>
      </c>
      <c r="AH36" s="166">
        <v>0</v>
      </c>
      <c r="AI36" s="166">
        <v>0</v>
      </c>
      <c r="AJ36" s="166">
        <v>0</v>
      </c>
      <c r="AK36" s="166">
        <v>0</v>
      </c>
      <c r="AL36" s="166">
        <v>0</v>
      </c>
      <c r="AM36" s="166">
        <v>0</v>
      </c>
      <c r="AN36" s="166">
        <v>0</v>
      </c>
      <c r="AO36" s="166">
        <v>0</v>
      </c>
      <c r="AP36" s="166">
        <v>0</v>
      </c>
      <c r="AQ36" s="166">
        <v>0</v>
      </c>
      <c r="AR36" s="166">
        <v>0</v>
      </c>
      <c r="AS36" s="166">
        <v>0</v>
      </c>
      <c r="AT36" s="166">
        <v>0</v>
      </c>
      <c r="AU36" s="166">
        <v>0</v>
      </c>
      <c r="AV36" s="166">
        <v>0</v>
      </c>
      <c r="AW36" s="166">
        <v>0</v>
      </c>
      <c r="AX36" s="166">
        <v>0</v>
      </c>
      <c r="AY36" s="166">
        <v>0</v>
      </c>
      <c r="AZ36" s="166">
        <v>0</v>
      </c>
      <c r="BA36" s="166">
        <v>0</v>
      </c>
      <c r="BB36" s="166">
        <v>0</v>
      </c>
      <c r="BC36" s="166">
        <v>0</v>
      </c>
      <c r="BD36" s="166">
        <v>0</v>
      </c>
      <c r="BE36" s="166">
        <v>0</v>
      </c>
      <c r="BF36" s="166">
        <v>0</v>
      </c>
      <c r="BG36" s="166">
        <v>0</v>
      </c>
      <c r="BH36" s="166">
        <v>0</v>
      </c>
      <c r="BI36" s="166">
        <v>0</v>
      </c>
      <c r="BJ36" s="166">
        <v>0</v>
      </c>
      <c r="BK36" s="166">
        <v>0</v>
      </c>
      <c r="BL36" s="166">
        <v>0</v>
      </c>
      <c r="BM36" s="166">
        <v>0</v>
      </c>
      <c r="BN36" s="166">
        <v>0</v>
      </c>
      <c r="BO36" s="166">
        <v>0</v>
      </c>
      <c r="BP36" s="166">
        <v>0</v>
      </c>
      <c r="BQ36" s="166">
        <v>0</v>
      </c>
      <c r="BR36" s="166">
        <v>2838759674.9499998</v>
      </c>
      <c r="BS36" s="166">
        <v>0</v>
      </c>
      <c r="BT36" s="166">
        <v>0</v>
      </c>
      <c r="BU36" s="166">
        <v>0</v>
      </c>
      <c r="BV36" s="166">
        <v>0</v>
      </c>
      <c r="BW36" s="166">
        <v>0</v>
      </c>
      <c r="BX36" s="166">
        <v>0</v>
      </c>
      <c r="BY36" s="166">
        <v>0</v>
      </c>
      <c r="BZ36" s="166">
        <v>0</v>
      </c>
      <c r="CA36" s="166">
        <v>0</v>
      </c>
      <c r="CB36" s="166">
        <v>0</v>
      </c>
      <c r="CC36" s="166">
        <v>0</v>
      </c>
      <c r="CD36" s="166">
        <v>0</v>
      </c>
      <c r="CE36" s="166">
        <v>0</v>
      </c>
      <c r="CF36" s="166">
        <v>0</v>
      </c>
      <c r="CG36" s="166">
        <v>0</v>
      </c>
      <c r="CH36" s="166">
        <v>0</v>
      </c>
      <c r="CI36" s="166">
        <v>0</v>
      </c>
      <c r="CJ36" s="166">
        <v>0</v>
      </c>
      <c r="CK36" s="166">
        <v>0</v>
      </c>
      <c r="CL36" s="166">
        <v>0</v>
      </c>
      <c r="CM36" s="166">
        <v>0</v>
      </c>
      <c r="CN36" s="166">
        <v>0</v>
      </c>
      <c r="CO36" s="166">
        <v>0</v>
      </c>
      <c r="CP36" s="166">
        <v>0</v>
      </c>
      <c r="CQ36" s="166">
        <v>0</v>
      </c>
      <c r="CR36" s="166">
        <v>0</v>
      </c>
      <c r="CS36" s="166">
        <v>0</v>
      </c>
      <c r="CT36" s="166">
        <v>0</v>
      </c>
      <c r="CU36" s="166">
        <v>0</v>
      </c>
      <c r="CV36" s="166">
        <v>0</v>
      </c>
      <c r="CW36" s="166">
        <v>0</v>
      </c>
      <c r="CX36" s="166">
        <v>0</v>
      </c>
      <c r="CY36" s="166">
        <v>0</v>
      </c>
      <c r="CZ36" s="166">
        <v>0</v>
      </c>
    </row>
    <row r="37" spans="1:104" hidden="1" outlineLevel="1" x14ac:dyDescent="0.2">
      <c r="A37" s="167" t="s">
        <v>129</v>
      </c>
    </row>
    <row r="38" spans="1:104" hidden="1" outlineLevel="1" x14ac:dyDescent="0.2">
      <c r="A38" s="167" t="s">
        <v>130</v>
      </c>
    </row>
    <row r="39" spans="1:104" ht="10.8" hidden="1" outlineLevel="1" thickBot="1" x14ac:dyDescent="0.25">
      <c r="A39" s="169" t="s">
        <v>131</v>
      </c>
    </row>
    <row r="40" spans="1:104" hidden="1" outlineLevel="1" x14ac:dyDescent="0.2">
      <c r="A40" s="170" t="s">
        <v>132</v>
      </c>
    </row>
    <row r="41" spans="1:104" hidden="1" outlineLevel="1" x14ac:dyDescent="0.2">
      <c r="A41" s="167" t="s">
        <v>133</v>
      </c>
      <c r="B41" s="166">
        <v>1920155.3772609101</v>
      </c>
      <c r="C41" s="166">
        <v>1920155.3772609101</v>
      </c>
      <c r="D41" s="166">
        <v>0</v>
      </c>
      <c r="E41" s="166">
        <v>0</v>
      </c>
      <c r="F41" s="166">
        <v>0</v>
      </c>
      <c r="G41" s="166">
        <v>0</v>
      </c>
      <c r="H41" s="166">
        <v>0</v>
      </c>
      <c r="I41" s="166">
        <v>0</v>
      </c>
      <c r="J41" s="166">
        <v>0</v>
      </c>
      <c r="K41" s="166">
        <v>0</v>
      </c>
      <c r="L41" s="166">
        <v>0</v>
      </c>
      <c r="M41" s="166">
        <v>0</v>
      </c>
      <c r="N41" s="166">
        <v>0</v>
      </c>
      <c r="O41" s="166">
        <v>0</v>
      </c>
      <c r="P41" s="166">
        <v>0</v>
      </c>
      <c r="Q41" s="166">
        <v>0</v>
      </c>
      <c r="R41" s="166">
        <v>0</v>
      </c>
      <c r="S41" s="166">
        <v>0</v>
      </c>
      <c r="T41" s="166">
        <v>0</v>
      </c>
      <c r="U41" s="166">
        <v>0</v>
      </c>
      <c r="V41" s="166">
        <v>0</v>
      </c>
      <c r="W41" s="166">
        <v>0</v>
      </c>
      <c r="X41" s="166">
        <v>0</v>
      </c>
      <c r="Y41" s="166">
        <v>0</v>
      </c>
      <c r="Z41" s="166">
        <v>0</v>
      </c>
      <c r="AA41" s="166">
        <v>0</v>
      </c>
      <c r="AB41" s="166">
        <v>0</v>
      </c>
      <c r="AC41" s="166">
        <v>0</v>
      </c>
      <c r="AD41" s="166">
        <v>0</v>
      </c>
      <c r="AE41" s="166">
        <v>0</v>
      </c>
      <c r="AF41" s="166">
        <v>0</v>
      </c>
      <c r="AG41" s="166">
        <v>0</v>
      </c>
      <c r="AH41" s="166">
        <v>0</v>
      </c>
      <c r="AI41" s="166">
        <v>0</v>
      </c>
      <c r="AJ41" s="166">
        <v>0</v>
      </c>
      <c r="AK41" s="166">
        <v>0</v>
      </c>
      <c r="AL41" s="166">
        <v>0</v>
      </c>
      <c r="AM41" s="166">
        <v>0</v>
      </c>
      <c r="AN41" s="166">
        <v>0</v>
      </c>
      <c r="AO41" s="166">
        <v>0</v>
      </c>
      <c r="AP41" s="166">
        <v>0</v>
      </c>
      <c r="AQ41" s="166">
        <v>0</v>
      </c>
      <c r="AR41" s="166">
        <v>0</v>
      </c>
      <c r="AS41" s="166">
        <v>0</v>
      </c>
      <c r="AT41" s="166">
        <v>0</v>
      </c>
      <c r="AU41" s="166">
        <v>0</v>
      </c>
      <c r="AV41" s="166">
        <v>0</v>
      </c>
      <c r="AW41" s="166">
        <v>0</v>
      </c>
      <c r="AX41" s="166">
        <v>0</v>
      </c>
      <c r="AY41" s="166">
        <v>0</v>
      </c>
      <c r="AZ41" s="166">
        <v>0</v>
      </c>
      <c r="BA41" s="166">
        <v>0</v>
      </c>
      <c r="BB41" s="166">
        <v>0</v>
      </c>
      <c r="BC41" s="166">
        <v>0</v>
      </c>
      <c r="BD41" s="166">
        <v>0</v>
      </c>
      <c r="BE41" s="166">
        <v>0</v>
      </c>
      <c r="BF41" s="166">
        <v>0</v>
      </c>
      <c r="BG41" s="166">
        <v>0</v>
      </c>
      <c r="BH41" s="166">
        <v>0</v>
      </c>
      <c r="BI41" s="166">
        <v>0</v>
      </c>
      <c r="BJ41" s="166">
        <v>0</v>
      </c>
      <c r="BK41" s="166">
        <v>0</v>
      </c>
      <c r="BL41" s="166">
        <v>0</v>
      </c>
      <c r="BM41" s="166">
        <v>0</v>
      </c>
      <c r="BN41" s="166">
        <v>0</v>
      </c>
      <c r="BO41" s="166">
        <v>0</v>
      </c>
      <c r="BP41" s="166">
        <v>0</v>
      </c>
      <c r="BQ41" s="166">
        <v>0</v>
      </c>
      <c r="BR41" s="166">
        <v>1920155.3772609101</v>
      </c>
      <c r="BS41" s="166">
        <v>1920155.3772609101</v>
      </c>
      <c r="BT41" s="168">
        <v>0.97402999999999995</v>
      </c>
      <c r="BU41" s="166">
        <v>-289656.25956794398</v>
      </c>
      <c r="BV41" s="166">
        <v>1870288.94211345</v>
      </c>
      <c r="BW41" s="166">
        <v>0</v>
      </c>
      <c r="BX41" s="166">
        <v>0</v>
      </c>
      <c r="BY41" s="166">
        <v>0</v>
      </c>
      <c r="BZ41" s="166">
        <v>0</v>
      </c>
      <c r="CA41" s="166">
        <v>0</v>
      </c>
      <c r="CB41" s="166">
        <v>0</v>
      </c>
      <c r="CC41" s="166">
        <v>0</v>
      </c>
      <c r="CD41" s="166">
        <v>0</v>
      </c>
      <c r="CE41" s="166">
        <v>0</v>
      </c>
      <c r="CF41" s="166">
        <v>0</v>
      </c>
      <c r="CG41" s="166">
        <v>0</v>
      </c>
      <c r="CH41" s="166">
        <v>0</v>
      </c>
      <c r="CI41" s="166">
        <v>0</v>
      </c>
      <c r="CJ41" s="166">
        <v>0</v>
      </c>
      <c r="CK41" s="166">
        <v>0</v>
      </c>
      <c r="CL41" s="166">
        <v>0</v>
      </c>
      <c r="CM41" s="166">
        <v>0</v>
      </c>
      <c r="CN41" s="166">
        <v>0</v>
      </c>
      <c r="CO41" s="166">
        <v>0</v>
      </c>
      <c r="CP41" s="166">
        <v>0</v>
      </c>
      <c r="CQ41" s="166">
        <v>0</v>
      </c>
      <c r="CR41" s="166">
        <v>0</v>
      </c>
      <c r="CS41" s="166">
        <v>0</v>
      </c>
      <c r="CT41" s="166">
        <v>0</v>
      </c>
      <c r="CU41" s="166">
        <v>0</v>
      </c>
      <c r="CV41" s="166">
        <v>0</v>
      </c>
      <c r="CW41" s="166">
        <v>0</v>
      </c>
      <c r="CX41" s="166">
        <v>0</v>
      </c>
      <c r="CY41" s="166">
        <v>1870288.94211345</v>
      </c>
      <c r="CZ41" s="166">
        <v>1870288.94211345</v>
      </c>
    </row>
    <row r="42" spans="1:104" hidden="1" outlineLevel="1" x14ac:dyDescent="0.2">
      <c r="A42" s="167" t="s">
        <v>134</v>
      </c>
      <c r="B42" s="166">
        <v>3104021.0476541598</v>
      </c>
      <c r="C42" s="166">
        <v>3104021.0476541598</v>
      </c>
      <c r="D42" s="166">
        <v>0</v>
      </c>
      <c r="E42" s="166">
        <v>0</v>
      </c>
      <c r="F42" s="166">
        <v>0</v>
      </c>
      <c r="G42" s="166">
        <v>0</v>
      </c>
      <c r="H42" s="166">
        <v>0</v>
      </c>
      <c r="I42" s="166">
        <v>0</v>
      </c>
      <c r="J42" s="166">
        <v>0</v>
      </c>
      <c r="K42" s="166">
        <v>0</v>
      </c>
      <c r="L42" s="166">
        <v>0</v>
      </c>
      <c r="M42" s="166">
        <v>0</v>
      </c>
      <c r="N42" s="166">
        <v>0</v>
      </c>
      <c r="O42" s="166">
        <v>0</v>
      </c>
      <c r="P42" s="166">
        <v>0</v>
      </c>
      <c r="Q42" s="166">
        <v>0</v>
      </c>
      <c r="R42" s="166">
        <v>0</v>
      </c>
      <c r="S42" s="166">
        <v>0</v>
      </c>
      <c r="T42" s="166">
        <v>0</v>
      </c>
      <c r="U42" s="166">
        <v>0</v>
      </c>
      <c r="V42" s="166">
        <v>0</v>
      </c>
      <c r="W42" s="166">
        <v>0</v>
      </c>
      <c r="X42" s="166">
        <v>0</v>
      </c>
      <c r="Y42" s="166">
        <v>0</v>
      </c>
      <c r="Z42" s="166">
        <v>0</v>
      </c>
      <c r="AA42" s="166">
        <v>0</v>
      </c>
      <c r="AB42" s="166">
        <v>0</v>
      </c>
      <c r="AC42" s="166">
        <v>0</v>
      </c>
      <c r="AD42" s="166">
        <v>0</v>
      </c>
      <c r="AE42" s="166">
        <v>0</v>
      </c>
      <c r="AF42" s="166">
        <v>0</v>
      </c>
      <c r="AG42" s="166">
        <v>0</v>
      </c>
      <c r="AH42" s="166">
        <v>0</v>
      </c>
      <c r="AI42" s="166">
        <v>0</v>
      </c>
      <c r="AJ42" s="166">
        <v>0</v>
      </c>
      <c r="AK42" s="166">
        <v>0</v>
      </c>
      <c r="AL42" s="166">
        <v>0</v>
      </c>
      <c r="AM42" s="166">
        <v>0</v>
      </c>
      <c r="AN42" s="166">
        <v>0</v>
      </c>
      <c r="AO42" s="166">
        <v>0</v>
      </c>
      <c r="AP42" s="166">
        <v>0</v>
      </c>
      <c r="AQ42" s="166">
        <v>0</v>
      </c>
      <c r="AR42" s="166">
        <v>0</v>
      </c>
      <c r="AS42" s="166">
        <v>0</v>
      </c>
      <c r="AT42" s="166">
        <v>0</v>
      </c>
      <c r="AU42" s="166">
        <v>0</v>
      </c>
      <c r="AV42" s="166">
        <v>0</v>
      </c>
      <c r="AW42" s="166">
        <v>0</v>
      </c>
      <c r="AX42" s="166">
        <v>0</v>
      </c>
      <c r="AY42" s="166">
        <v>0</v>
      </c>
      <c r="AZ42" s="166">
        <v>0</v>
      </c>
      <c r="BA42" s="166">
        <v>0</v>
      </c>
      <c r="BB42" s="166">
        <v>0</v>
      </c>
      <c r="BC42" s="166">
        <v>0</v>
      </c>
      <c r="BD42" s="166">
        <v>0</v>
      </c>
      <c r="BE42" s="166">
        <v>0</v>
      </c>
      <c r="BF42" s="166">
        <v>0</v>
      </c>
      <c r="BG42" s="166">
        <v>0</v>
      </c>
      <c r="BH42" s="166">
        <v>0</v>
      </c>
      <c r="BI42" s="166">
        <v>0</v>
      </c>
      <c r="BJ42" s="166">
        <v>0</v>
      </c>
      <c r="BK42" s="166">
        <v>0</v>
      </c>
      <c r="BL42" s="166">
        <v>0</v>
      </c>
      <c r="BM42" s="166">
        <v>0</v>
      </c>
      <c r="BN42" s="166">
        <v>0</v>
      </c>
      <c r="BO42" s="166">
        <v>0</v>
      </c>
      <c r="BP42" s="166">
        <v>0</v>
      </c>
      <c r="BQ42" s="166">
        <v>0</v>
      </c>
      <c r="BR42" s="166">
        <v>3104021.0476541598</v>
      </c>
      <c r="BS42" s="166">
        <v>3104021.0476541598</v>
      </c>
      <c r="BT42" s="168">
        <v>0.92637230841245999</v>
      </c>
      <c r="BU42" s="166">
        <v>314150.668129973</v>
      </c>
      <c r="BV42" s="166">
        <v>2875479.14327625</v>
      </c>
      <c r="BW42" s="166">
        <v>0</v>
      </c>
      <c r="BX42" s="166">
        <v>0</v>
      </c>
      <c r="BY42" s="166">
        <v>0</v>
      </c>
      <c r="BZ42" s="166">
        <v>0</v>
      </c>
      <c r="CA42" s="166">
        <v>0</v>
      </c>
      <c r="CB42" s="166">
        <v>0</v>
      </c>
      <c r="CC42" s="166">
        <v>0</v>
      </c>
      <c r="CD42" s="166">
        <v>0</v>
      </c>
      <c r="CE42" s="166">
        <v>0</v>
      </c>
      <c r="CF42" s="166">
        <v>0</v>
      </c>
      <c r="CG42" s="166">
        <v>0</v>
      </c>
      <c r="CH42" s="166">
        <v>0</v>
      </c>
      <c r="CI42" s="166">
        <v>0</v>
      </c>
      <c r="CJ42" s="166">
        <v>0</v>
      </c>
      <c r="CK42" s="166">
        <v>0</v>
      </c>
      <c r="CL42" s="166">
        <v>0</v>
      </c>
      <c r="CM42" s="166">
        <v>0</v>
      </c>
      <c r="CN42" s="166">
        <v>0</v>
      </c>
      <c r="CO42" s="166">
        <v>0</v>
      </c>
      <c r="CP42" s="166">
        <v>0</v>
      </c>
      <c r="CQ42" s="166">
        <v>0</v>
      </c>
      <c r="CR42" s="166">
        <v>0</v>
      </c>
      <c r="CS42" s="166">
        <v>0</v>
      </c>
      <c r="CT42" s="166">
        <v>0</v>
      </c>
      <c r="CU42" s="166">
        <v>0</v>
      </c>
      <c r="CV42" s="166">
        <v>0</v>
      </c>
      <c r="CW42" s="166">
        <v>0</v>
      </c>
      <c r="CX42" s="166">
        <v>0</v>
      </c>
      <c r="CY42" s="166">
        <v>2875479.14327625</v>
      </c>
      <c r="CZ42" s="166">
        <v>2875479.14327625</v>
      </c>
    </row>
    <row r="43" spans="1:104" hidden="1" outlineLevel="1" x14ac:dyDescent="0.2">
      <c r="A43" s="167" t="s">
        <v>135</v>
      </c>
      <c r="B43" s="166">
        <v>41099.875084917403</v>
      </c>
      <c r="C43" s="166">
        <v>41099.875084917403</v>
      </c>
      <c r="D43" s="166">
        <v>0</v>
      </c>
      <c r="E43" s="166">
        <v>0</v>
      </c>
      <c r="F43" s="166">
        <v>0</v>
      </c>
      <c r="G43" s="166">
        <v>0</v>
      </c>
      <c r="H43" s="166">
        <v>0</v>
      </c>
      <c r="I43" s="166">
        <v>0</v>
      </c>
      <c r="J43" s="166">
        <v>0</v>
      </c>
      <c r="K43" s="166">
        <v>0</v>
      </c>
      <c r="L43" s="166">
        <v>0</v>
      </c>
      <c r="M43" s="166">
        <v>0</v>
      </c>
      <c r="N43" s="166">
        <v>0</v>
      </c>
      <c r="O43" s="166">
        <v>0</v>
      </c>
      <c r="P43" s="166">
        <v>0</v>
      </c>
      <c r="Q43" s="166">
        <v>0</v>
      </c>
      <c r="R43" s="166">
        <v>0</v>
      </c>
      <c r="S43" s="166">
        <v>0</v>
      </c>
      <c r="T43" s="166">
        <v>0</v>
      </c>
      <c r="U43" s="166">
        <v>0</v>
      </c>
      <c r="V43" s="166">
        <v>0</v>
      </c>
      <c r="W43" s="166">
        <v>0</v>
      </c>
      <c r="X43" s="166">
        <v>0</v>
      </c>
      <c r="Y43" s="166">
        <v>0</v>
      </c>
      <c r="Z43" s="166">
        <v>0</v>
      </c>
      <c r="AA43" s="166">
        <v>0</v>
      </c>
      <c r="AB43" s="166">
        <v>0</v>
      </c>
      <c r="AC43" s="166">
        <v>0</v>
      </c>
      <c r="AD43" s="166">
        <v>0</v>
      </c>
      <c r="AE43" s="166">
        <v>0</v>
      </c>
      <c r="AF43" s="166">
        <v>0</v>
      </c>
      <c r="AG43" s="166">
        <v>0</v>
      </c>
      <c r="AH43" s="166">
        <v>0</v>
      </c>
      <c r="AI43" s="166">
        <v>0</v>
      </c>
      <c r="AJ43" s="166">
        <v>0</v>
      </c>
      <c r="AK43" s="166">
        <v>0</v>
      </c>
      <c r="AL43" s="166">
        <v>0</v>
      </c>
      <c r="AM43" s="166">
        <v>0</v>
      </c>
      <c r="AN43" s="166">
        <v>0</v>
      </c>
      <c r="AO43" s="166">
        <v>0</v>
      </c>
      <c r="AP43" s="166">
        <v>0</v>
      </c>
      <c r="AQ43" s="166">
        <v>0</v>
      </c>
      <c r="AR43" s="166">
        <v>0</v>
      </c>
      <c r="AS43" s="166">
        <v>0</v>
      </c>
      <c r="AT43" s="166">
        <v>0</v>
      </c>
      <c r="AU43" s="166">
        <v>0</v>
      </c>
      <c r="AV43" s="166">
        <v>0</v>
      </c>
      <c r="AW43" s="166">
        <v>0</v>
      </c>
      <c r="AX43" s="166">
        <v>0</v>
      </c>
      <c r="AY43" s="166">
        <v>0</v>
      </c>
      <c r="AZ43" s="166">
        <v>0</v>
      </c>
      <c r="BA43" s="166">
        <v>0</v>
      </c>
      <c r="BB43" s="166">
        <v>0</v>
      </c>
      <c r="BC43" s="166">
        <v>0</v>
      </c>
      <c r="BD43" s="166">
        <v>0</v>
      </c>
      <c r="BE43" s="166">
        <v>0</v>
      </c>
      <c r="BF43" s="166">
        <v>0</v>
      </c>
      <c r="BG43" s="166">
        <v>0</v>
      </c>
      <c r="BH43" s="166">
        <v>0</v>
      </c>
      <c r="BI43" s="166">
        <v>0</v>
      </c>
      <c r="BJ43" s="166">
        <v>0</v>
      </c>
      <c r="BK43" s="166">
        <v>0</v>
      </c>
      <c r="BL43" s="166">
        <v>0</v>
      </c>
      <c r="BM43" s="166">
        <v>0</v>
      </c>
      <c r="BN43" s="166">
        <v>0</v>
      </c>
      <c r="BO43" s="166">
        <v>0</v>
      </c>
      <c r="BP43" s="166">
        <v>0</v>
      </c>
      <c r="BQ43" s="166">
        <v>0</v>
      </c>
      <c r="BR43" s="166">
        <v>41099.875084917403</v>
      </c>
      <c r="BS43" s="166">
        <v>41099.875084917403</v>
      </c>
      <c r="BT43" s="168">
        <v>0.95109934560116105</v>
      </c>
      <c r="BU43" s="166">
        <v>4055.6329187485699</v>
      </c>
      <c r="BV43" s="166">
        <v>39090.064297554403</v>
      </c>
      <c r="BW43" s="166">
        <v>0</v>
      </c>
      <c r="BX43" s="166">
        <v>0</v>
      </c>
      <c r="BY43" s="166">
        <v>0</v>
      </c>
      <c r="BZ43" s="166">
        <v>0</v>
      </c>
      <c r="CA43" s="166">
        <v>0</v>
      </c>
      <c r="CB43" s="166">
        <v>0</v>
      </c>
      <c r="CC43" s="166">
        <v>0</v>
      </c>
      <c r="CD43" s="166">
        <v>0</v>
      </c>
      <c r="CE43" s="166">
        <v>0</v>
      </c>
      <c r="CF43" s="166">
        <v>0</v>
      </c>
      <c r="CG43" s="166">
        <v>0</v>
      </c>
      <c r="CH43" s="166">
        <v>0</v>
      </c>
      <c r="CI43" s="166">
        <v>0</v>
      </c>
      <c r="CJ43" s="166">
        <v>0</v>
      </c>
      <c r="CK43" s="166">
        <v>0</v>
      </c>
      <c r="CL43" s="166">
        <v>0</v>
      </c>
      <c r="CM43" s="166">
        <v>0</v>
      </c>
      <c r="CN43" s="166">
        <v>0</v>
      </c>
      <c r="CO43" s="166">
        <v>0</v>
      </c>
      <c r="CP43" s="166">
        <v>0</v>
      </c>
      <c r="CQ43" s="166">
        <v>0</v>
      </c>
      <c r="CR43" s="166">
        <v>0</v>
      </c>
      <c r="CS43" s="166">
        <v>0</v>
      </c>
      <c r="CT43" s="166">
        <v>0</v>
      </c>
      <c r="CU43" s="166">
        <v>0</v>
      </c>
      <c r="CV43" s="166">
        <v>0</v>
      </c>
      <c r="CW43" s="166">
        <v>0</v>
      </c>
      <c r="CX43" s="166">
        <v>0</v>
      </c>
      <c r="CY43" s="166">
        <v>39090.064297554403</v>
      </c>
      <c r="CZ43" s="166">
        <v>39090.064297554403</v>
      </c>
    </row>
    <row r="44" spans="1:104" hidden="1" outlineLevel="1" x14ac:dyDescent="0.2">
      <c r="A44" s="167" t="s">
        <v>136</v>
      </c>
      <c r="B44" s="166">
        <v>5065276.2999999896</v>
      </c>
      <c r="C44" s="166">
        <v>5065276.2999999896</v>
      </c>
      <c r="D44" s="166">
        <v>0</v>
      </c>
      <c r="E44" s="166">
        <v>0</v>
      </c>
      <c r="F44" s="166">
        <v>0</v>
      </c>
      <c r="G44" s="166">
        <v>0</v>
      </c>
      <c r="H44" s="166">
        <v>0</v>
      </c>
      <c r="I44" s="166">
        <v>0</v>
      </c>
      <c r="J44" s="166">
        <v>0</v>
      </c>
      <c r="K44" s="166">
        <v>0</v>
      </c>
      <c r="L44" s="166">
        <v>0</v>
      </c>
      <c r="M44" s="166">
        <v>0</v>
      </c>
      <c r="N44" s="166">
        <v>0</v>
      </c>
      <c r="O44" s="166">
        <v>0</v>
      </c>
      <c r="P44" s="166">
        <v>0</v>
      </c>
      <c r="Q44" s="166">
        <v>0</v>
      </c>
      <c r="R44" s="166">
        <v>0</v>
      </c>
      <c r="S44" s="166">
        <v>0</v>
      </c>
      <c r="T44" s="166">
        <v>0</v>
      </c>
      <c r="U44" s="166">
        <v>0</v>
      </c>
      <c r="V44" s="166">
        <v>0</v>
      </c>
      <c r="W44" s="166">
        <v>0</v>
      </c>
      <c r="X44" s="166">
        <v>0</v>
      </c>
      <c r="Y44" s="166">
        <v>0</v>
      </c>
      <c r="Z44" s="166">
        <v>0</v>
      </c>
      <c r="AA44" s="166">
        <v>0</v>
      </c>
      <c r="AB44" s="166">
        <v>0</v>
      </c>
      <c r="AC44" s="166">
        <v>0</v>
      </c>
      <c r="AD44" s="166">
        <v>0</v>
      </c>
      <c r="AE44" s="166">
        <v>0</v>
      </c>
      <c r="AF44" s="166">
        <v>0</v>
      </c>
      <c r="AG44" s="166">
        <v>0</v>
      </c>
      <c r="AH44" s="166">
        <v>0</v>
      </c>
      <c r="AI44" s="166">
        <v>0</v>
      </c>
      <c r="AJ44" s="166">
        <v>0</v>
      </c>
      <c r="AK44" s="166">
        <v>0</v>
      </c>
      <c r="AL44" s="166">
        <v>0</v>
      </c>
      <c r="AM44" s="166">
        <v>0</v>
      </c>
      <c r="AN44" s="166">
        <v>0</v>
      </c>
      <c r="AO44" s="166">
        <v>0</v>
      </c>
      <c r="AP44" s="166">
        <v>0</v>
      </c>
      <c r="AQ44" s="166">
        <v>0</v>
      </c>
      <c r="AR44" s="166">
        <v>0</v>
      </c>
      <c r="AS44" s="166">
        <v>0</v>
      </c>
      <c r="AT44" s="166">
        <v>0</v>
      </c>
      <c r="AU44" s="166">
        <v>0</v>
      </c>
      <c r="AV44" s="166">
        <v>0</v>
      </c>
      <c r="AW44" s="166">
        <v>0</v>
      </c>
      <c r="AX44" s="166">
        <v>0</v>
      </c>
      <c r="AY44" s="166">
        <v>0</v>
      </c>
      <c r="AZ44" s="166">
        <v>0</v>
      </c>
      <c r="BA44" s="166">
        <v>0</v>
      </c>
      <c r="BB44" s="166">
        <v>0</v>
      </c>
      <c r="BC44" s="166">
        <v>0</v>
      </c>
      <c r="BD44" s="166">
        <v>0</v>
      </c>
      <c r="BE44" s="166">
        <v>0</v>
      </c>
      <c r="BF44" s="166">
        <v>0</v>
      </c>
      <c r="BG44" s="166">
        <v>0</v>
      </c>
      <c r="BH44" s="166">
        <v>0</v>
      </c>
      <c r="BI44" s="166">
        <v>0</v>
      </c>
      <c r="BJ44" s="166">
        <v>0</v>
      </c>
      <c r="BK44" s="166">
        <v>0</v>
      </c>
      <c r="BL44" s="166">
        <v>0</v>
      </c>
      <c r="BM44" s="166">
        <v>0</v>
      </c>
      <c r="BN44" s="166">
        <v>0</v>
      </c>
      <c r="BO44" s="166">
        <v>0</v>
      </c>
      <c r="BP44" s="166">
        <v>0</v>
      </c>
      <c r="BQ44" s="166">
        <v>0</v>
      </c>
      <c r="BR44" s="166">
        <v>5065276.2999999896</v>
      </c>
      <c r="BS44" s="166">
        <v>5065276.3</v>
      </c>
      <c r="BT44" s="168">
        <v>0</v>
      </c>
      <c r="BU44" s="166">
        <v>28550.041480777301</v>
      </c>
      <c r="BV44" s="166">
        <v>4784858.1496872604</v>
      </c>
      <c r="BW44" s="166">
        <v>0</v>
      </c>
      <c r="BX44" s="166">
        <v>0</v>
      </c>
      <c r="BY44" s="166">
        <v>0</v>
      </c>
      <c r="BZ44" s="166">
        <v>0</v>
      </c>
      <c r="CA44" s="166">
        <v>0</v>
      </c>
      <c r="CB44" s="166">
        <v>0</v>
      </c>
      <c r="CC44" s="166">
        <v>0</v>
      </c>
      <c r="CD44" s="166">
        <v>0</v>
      </c>
      <c r="CE44" s="166">
        <v>0</v>
      </c>
      <c r="CF44" s="166">
        <v>0</v>
      </c>
      <c r="CG44" s="166">
        <v>0</v>
      </c>
      <c r="CH44" s="166">
        <v>0</v>
      </c>
      <c r="CI44" s="166">
        <v>0</v>
      </c>
      <c r="CJ44" s="166">
        <v>0</v>
      </c>
      <c r="CK44" s="166">
        <v>0</v>
      </c>
      <c r="CL44" s="166">
        <v>0</v>
      </c>
      <c r="CM44" s="166">
        <v>0</v>
      </c>
      <c r="CN44" s="166">
        <v>0</v>
      </c>
      <c r="CO44" s="166">
        <v>0</v>
      </c>
      <c r="CP44" s="166">
        <v>0</v>
      </c>
      <c r="CQ44" s="166">
        <v>0</v>
      </c>
      <c r="CR44" s="166">
        <v>0</v>
      </c>
      <c r="CS44" s="166">
        <v>0</v>
      </c>
      <c r="CT44" s="166">
        <v>0</v>
      </c>
      <c r="CU44" s="166">
        <v>0</v>
      </c>
      <c r="CV44" s="166">
        <v>0</v>
      </c>
      <c r="CW44" s="166">
        <v>0</v>
      </c>
      <c r="CX44" s="166">
        <v>0</v>
      </c>
      <c r="CY44" s="166">
        <v>4784858.1496872604</v>
      </c>
      <c r="CZ44" s="166">
        <v>4784858.1496872604</v>
      </c>
    </row>
    <row r="45" spans="1:104" hidden="1" outlineLevel="1" x14ac:dyDescent="0.2">
      <c r="A45" s="167" t="s">
        <v>137</v>
      </c>
    </row>
    <row r="46" spans="1:104" hidden="1" outlineLevel="1" x14ac:dyDescent="0.2">
      <c r="A46" s="167" t="s">
        <v>138</v>
      </c>
      <c r="B46" s="166">
        <v>33306608.3600927</v>
      </c>
      <c r="C46" s="166">
        <v>33306608.3600927</v>
      </c>
      <c r="D46" s="166">
        <v>0</v>
      </c>
      <c r="E46" s="166">
        <v>0</v>
      </c>
      <c r="F46" s="166">
        <v>0</v>
      </c>
      <c r="G46" s="166">
        <v>0</v>
      </c>
      <c r="H46" s="166">
        <v>0</v>
      </c>
      <c r="I46" s="166">
        <v>0</v>
      </c>
      <c r="J46" s="166">
        <v>0</v>
      </c>
      <c r="K46" s="166">
        <v>0</v>
      </c>
      <c r="L46" s="166">
        <v>0</v>
      </c>
      <c r="M46" s="166">
        <v>0</v>
      </c>
      <c r="N46" s="166">
        <v>0</v>
      </c>
      <c r="O46" s="166">
        <v>0</v>
      </c>
      <c r="P46" s="166">
        <v>0</v>
      </c>
      <c r="Q46" s="166">
        <v>0</v>
      </c>
      <c r="R46" s="166">
        <v>0</v>
      </c>
      <c r="S46" s="166">
        <v>0</v>
      </c>
      <c r="T46" s="166">
        <v>0</v>
      </c>
      <c r="U46" s="166">
        <v>0</v>
      </c>
      <c r="V46" s="166">
        <v>0</v>
      </c>
      <c r="W46" s="166">
        <v>0</v>
      </c>
      <c r="X46" s="166">
        <v>0</v>
      </c>
      <c r="Y46" s="166">
        <v>0</v>
      </c>
      <c r="Z46" s="166">
        <v>0</v>
      </c>
      <c r="AA46" s="166">
        <v>0</v>
      </c>
      <c r="AB46" s="166">
        <v>0</v>
      </c>
      <c r="AC46" s="166">
        <v>0</v>
      </c>
      <c r="AD46" s="166">
        <v>0</v>
      </c>
      <c r="AE46" s="166">
        <v>0</v>
      </c>
      <c r="AF46" s="166">
        <v>0</v>
      </c>
      <c r="AG46" s="166">
        <v>0</v>
      </c>
      <c r="AH46" s="166">
        <v>0</v>
      </c>
      <c r="AI46" s="166">
        <v>0</v>
      </c>
      <c r="AJ46" s="166">
        <v>0</v>
      </c>
      <c r="AK46" s="166">
        <v>0</v>
      </c>
      <c r="AL46" s="166">
        <v>0</v>
      </c>
      <c r="AM46" s="166">
        <v>0</v>
      </c>
      <c r="AN46" s="166">
        <v>0</v>
      </c>
      <c r="AO46" s="166">
        <v>0</v>
      </c>
      <c r="AP46" s="166">
        <v>0</v>
      </c>
      <c r="AQ46" s="166">
        <v>0</v>
      </c>
      <c r="AR46" s="166">
        <v>0</v>
      </c>
      <c r="AS46" s="166">
        <v>0</v>
      </c>
      <c r="AT46" s="166">
        <v>0</v>
      </c>
      <c r="AU46" s="166">
        <v>0</v>
      </c>
      <c r="AV46" s="166">
        <v>0</v>
      </c>
      <c r="AW46" s="166">
        <v>0</v>
      </c>
      <c r="AX46" s="166">
        <v>0</v>
      </c>
      <c r="AY46" s="166">
        <v>0</v>
      </c>
      <c r="AZ46" s="166">
        <v>0</v>
      </c>
      <c r="BA46" s="166">
        <v>0</v>
      </c>
      <c r="BB46" s="166">
        <v>0</v>
      </c>
      <c r="BC46" s="166">
        <v>0</v>
      </c>
      <c r="BD46" s="166">
        <v>0</v>
      </c>
      <c r="BE46" s="166">
        <v>0</v>
      </c>
      <c r="BF46" s="166">
        <v>0</v>
      </c>
      <c r="BG46" s="166">
        <v>0</v>
      </c>
      <c r="BH46" s="166">
        <v>0</v>
      </c>
      <c r="BI46" s="166">
        <v>0</v>
      </c>
      <c r="BJ46" s="166">
        <v>0</v>
      </c>
      <c r="BK46" s="166">
        <v>0</v>
      </c>
      <c r="BL46" s="166">
        <v>0</v>
      </c>
      <c r="BM46" s="166">
        <v>0</v>
      </c>
      <c r="BN46" s="166">
        <v>0</v>
      </c>
      <c r="BO46" s="166">
        <v>0</v>
      </c>
      <c r="BP46" s="166">
        <v>0</v>
      </c>
      <c r="BQ46" s="166">
        <v>0</v>
      </c>
      <c r="BR46" s="166">
        <v>33306608.3600927</v>
      </c>
      <c r="BS46" s="166">
        <v>33306608.3600927</v>
      </c>
      <c r="BT46" s="168">
        <v>0.98855217689263197</v>
      </c>
      <c r="BU46" s="166">
        <v>5181024.4336063601</v>
      </c>
      <c r="BV46" s="166">
        <v>32925320.199280001</v>
      </c>
      <c r="BW46" s="166">
        <v>0</v>
      </c>
      <c r="BX46" s="166">
        <v>0</v>
      </c>
      <c r="BY46" s="166">
        <v>0</v>
      </c>
      <c r="BZ46" s="166">
        <v>0</v>
      </c>
      <c r="CA46" s="166">
        <v>0</v>
      </c>
      <c r="CB46" s="166">
        <v>0</v>
      </c>
      <c r="CC46" s="166">
        <v>0</v>
      </c>
      <c r="CD46" s="166">
        <v>0</v>
      </c>
      <c r="CE46" s="166">
        <v>0</v>
      </c>
      <c r="CF46" s="166">
        <v>0</v>
      </c>
      <c r="CG46" s="166">
        <v>0</v>
      </c>
      <c r="CH46" s="166">
        <v>0</v>
      </c>
      <c r="CI46" s="166">
        <v>0</v>
      </c>
      <c r="CJ46" s="166">
        <v>0</v>
      </c>
      <c r="CK46" s="166">
        <v>0</v>
      </c>
      <c r="CL46" s="166">
        <v>0</v>
      </c>
      <c r="CM46" s="166">
        <v>0</v>
      </c>
      <c r="CN46" s="166">
        <v>0</v>
      </c>
      <c r="CO46" s="166">
        <v>0</v>
      </c>
      <c r="CP46" s="166">
        <v>0</v>
      </c>
      <c r="CQ46" s="166">
        <v>0</v>
      </c>
      <c r="CR46" s="166">
        <v>0</v>
      </c>
      <c r="CS46" s="166">
        <v>0</v>
      </c>
      <c r="CT46" s="166">
        <v>0</v>
      </c>
      <c r="CU46" s="166">
        <v>0</v>
      </c>
      <c r="CV46" s="166">
        <v>0</v>
      </c>
      <c r="CW46" s="166">
        <v>0</v>
      </c>
      <c r="CX46" s="166">
        <v>0</v>
      </c>
      <c r="CY46" s="166">
        <v>32925320.199280001</v>
      </c>
      <c r="CZ46" s="166">
        <v>32925320.199280001</v>
      </c>
    </row>
    <row r="47" spans="1:104" hidden="1" outlineLevel="1" x14ac:dyDescent="0.2">
      <c r="A47" s="167" t="s">
        <v>139</v>
      </c>
      <c r="B47" s="166">
        <v>12793793.4499072</v>
      </c>
      <c r="C47" s="166">
        <v>12793793.4499072</v>
      </c>
      <c r="D47" s="166">
        <v>0</v>
      </c>
      <c r="E47" s="166">
        <v>0</v>
      </c>
      <c r="F47" s="166">
        <v>0</v>
      </c>
      <c r="G47" s="166">
        <v>0</v>
      </c>
      <c r="H47" s="166">
        <v>0</v>
      </c>
      <c r="I47" s="166">
        <v>0</v>
      </c>
      <c r="J47" s="166">
        <v>0</v>
      </c>
      <c r="K47" s="166">
        <v>0</v>
      </c>
      <c r="L47" s="166">
        <v>0</v>
      </c>
      <c r="M47" s="166">
        <v>0</v>
      </c>
      <c r="N47" s="166">
        <v>0</v>
      </c>
      <c r="O47" s="166">
        <v>0</v>
      </c>
      <c r="P47" s="166">
        <v>0</v>
      </c>
      <c r="Q47" s="166">
        <v>0</v>
      </c>
      <c r="R47" s="166">
        <v>0</v>
      </c>
      <c r="S47" s="166">
        <v>0</v>
      </c>
      <c r="T47" s="166">
        <v>0</v>
      </c>
      <c r="U47" s="166">
        <v>0</v>
      </c>
      <c r="V47" s="166">
        <v>0</v>
      </c>
      <c r="W47" s="166">
        <v>0</v>
      </c>
      <c r="X47" s="166">
        <v>0</v>
      </c>
      <c r="Y47" s="166">
        <v>0</v>
      </c>
      <c r="Z47" s="166">
        <v>0</v>
      </c>
      <c r="AA47" s="166">
        <v>0</v>
      </c>
      <c r="AB47" s="166">
        <v>0</v>
      </c>
      <c r="AC47" s="166">
        <v>0</v>
      </c>
      <c r="AD47" s="166">
        <v>0</v>
      </c>
      <c r="AE47" s="166">
        <v>0</v>
      </c>
      <c r="AF47" s="166">
        <v>0</v>
      </c>
      <c r="AG47" s="166">
        <v>0</v>
      </c>
      <c r="AH47" s="166">
        <v>0</v>
      </c>
      <c r="AI47" s="166">
        <v>0</v>
      </c>
      <c r="AJ47" s="166">
        <v>0</v>
      </c>
      <c r="AK47" s="166">
        <v>0</v>
      </c>
      <c r="AL47" s="166">
        <v>0</v>
      </c>
      <c r="AM47" s="166">
        <v>0</v>
      </c>
      <c r="AN47" s="166">
        <v>0</v>
      </c>
      <c r="AO47" s="166">
        <v>0</v>
      </c>
      <c r="AP47" s="166">
        <v>0</v>
      </c>
      <c r="AQ47" s="166">
        <v>0</v>
      </c>
      <c r="AR47" s="166">
        <v>0</v>
      </c>
      <c r="AS47" s="166">
        <v>0</v>
      </c>
      <c r="AT47" s="166">
        <v>0</v>
      </c>
      <c r="AU47" s="166">
        <v>0</v>
      </c>
      <c r="AV47" s="166">
        <v>0</v>
      </c>
      <c r="AW47" s="166">
        <v>0</v>
      </c>
      <c r="AX47" s="166">
        <v>0</v>
      </c>
      <c r="AY47" s="166">
        <v>0</v>
      </c>
      <c r="AZ47" s="166">
        <v>0</v>
      </c>
      <c r="BA47" s="166">
        <v>0</v>
      </c>
      <c r="BB47" s="166">
        <v>0</v>
      </c>
      <c r="BC47" s="166">
        <v>0</v>
      </c>
      <c r="BD47" s="166">
        <v>0</v>
      </c>
      <c r="BE47" s="166">
        <v>0</v>
      </c>
      <c r="BF47" s="166">
        <v>0</v>
      </c>
      <c r="BG47" s="166">
        <v>0</v>
      </c>
      <c r="BH47" s="166">
        <v>0</v>
      </c>
      <c r="BI47" s="166">
        <v>0</v>
      </c>
      <c r="BJ47" s="166">
        <v>0</v>
      </c>
      <c r="BK47" s="166">
        <v>0</v>
      </c>
      <c r="BL47" s="166">
        <v>0</v>
      </c>
      <c r="BM47" s="166">
        <v>0</v>
      </c>
      <c r="BN47" s="166">
        <v>0</v>
      </c>
      <c r="BO47" s="166">
        <v>0</v>
      </c>
      <c r="BP47" s="166">
        <v>0</v>
      </c>
      <c r="BQ47" s="166">
        <v>0</v>
      </c>
      <c r="BR47" s="166">
        <v>12793793.4499072</v>
      </c>
      <c r="BS47" s="166">
        <v>12793793.4499072</v>
      </c>
      <c r="BT47" s="168">
        <v>0.94121267347791104</v>
      </c>
      <c r="BU47" s="166">
        <v>1635013.5295197901</v>
      </c>
      <c r="BV47" s="166">
        <v>12041680.536911299</v>
      </c>
      <c r="BW47" s="166">
        <v>0</v>
      </c>
      <c r="BX47" s="166">
        <v>0</v>
      </c>
      <c r="BY47" s="166">
        <v>0</v>
      </c>
      <c r="BZ47" s="166">
        <v>0</v>
      </c>
      <c r="CA47" s="166">
        <v>0</v>
      </c>
      <c r="CB47" s="166">
        <v>0</v>
      </c>
      <c r="CC47" s="166">
        <v>0</v>
      </c>
      <c r="CD47" s="166">
        <v>0</v>
      </c>
      <c r="CE47" s="166">
        <v>0</v>
      </c>
      <c r="CF47" s="166">
        <v>0</v>
      </c>
      <c r="CG47" s="166">
        <v>0</v>
      </c>
      <c r="CH47" s="166">
        <v>0</v>
      </c>
      <c r="CI47" s="166">
        <v>0</v>
      </c>
      <c r="CJ47" s="166">
        <v>0</v>
      </c>
      <c r="CK47" s="166">
        <v>0</v>
      </c>
      <c r="CL47" s="166">
        <v>0</v>
      </c>
      <c r="CM47" s="166">
        <v>0</v>
      </c>
      <c r="CN47" s="166">
        <v>0</v>
      </c>
      <c r="CO47" s="166">
        <v>0</v>
      </c>
      <c r="CP47" s="166">
        <v>0</v>
      </c>
      <c r="CQ47" s="166">
        <v>0</v>
      </c>
      <c r="CR47" s="166">
        <v>0</v>
      </c>
      <c r="CS47" s="166">
        <v>0</v>
      </c>
      <c r="CT47" s="166">
        <v>0</v>
      </c>
      <c r="CU47" s="166">
        <v>0</v>
      </c>
      <c r="CV47" s="166">
        <v>0</v>
      </c>
      <c r="CW47" s="166">
        <v>0</v>
      </c>
      <c r="CX47" s="166">
        <v>0</v>
      </c>
      <c r="CY47" s="166">
        <v>12041680.536911299</v>
      </c>
      <c r="CZ47" s="166">
        <v>12041680.536911299</v>
      </c>
    </row>
    <row r="48" spans="1:104" hidden="1" outlineLevel="1" x14ac:dyDescent="0.2">
      <c r="A48" s="167" t="s">
        <v>140</v>
      </c>
      <c r="B48" s="166">
        <v>0.01</v>
      </c>
      <c r="C48" s="166">
        <v>0.01</v>
      </c>
      <c r="D48" s="166">
        <v>0</v>
      </c>
      <c r="E48" s="166">
        <v>0</v>
      </c>
      <c r="F48" s="166">
        <v>0</v>
      </c>
      <c r="G48" s="166">
        <v>0</v>
      </c>
      <c r="H48" s="166">
        <v>0</v>
      </c>
      <c r="I48" s="166">
        <v>0</v>
      </c>
      <c r="J48" s="166">
        <v>0</v>
      </c>
      <c r="K48" s="166">
        <v>0</v>
      </c>
      <c r="L48" s="166">
        <v>0</v>
      </c>
      <c r="M48" s="166">
        <v>0</v>
      </c>
      <c r="N48" s="166">
        <v>0</v>
      </c>
      <c r="O48" s="166">
        <v>0</v>
      </c>
      <c r="P48" s="166">
        <v>0</v>
      </c>
      <c r="Q48" s="166">
        <v>0</v>
      </c>
      <c r="R48" s="166">
        <v>0</v>
      </c>
      <c r="S48" s="166">
        <v>0</v>
      </c>
      <c r="T48" s="166">
        <v>0</v>
      </c>
      <c r="U48" s="166">
        <v>0</v>
      </c>
      <c r="V48" s="166">
        <v>0</v>
      </c>
      <c r="W48" s="166">
        <v>0</v>
      </c>
      <c r="X48" s="166">
        <v>0</v>
      </c>
      <c r="Y48" s="166">
        <v>0</v>
      </c>
      <c r="Z48" s="166">
        <v>0</v>
      </c>
      <c r="AA48" s="166">
        <v>0</v>
      </c>
      <c r="AB48" s="166">
        <v>0</v>
      </c>
      <c r="AC48" s="166">
        <v>0</v>
      </c>
      <c r="AD48" s="166">
        <v>0</v>
      </c>
      <c r="AE48" s="166">
        <v>0</v>
      </c>
      <c r="AF48" s="166">
        <v>0</v>
      </c>
      <c r="AG48" s="166">
        <v>0</v>
      </c>
      <c r="AH48" s="166">
        <v>0</v>
      </c>
      <c r="AI48" s="166">
        <v>0</v>
      </c>
      <c r="AJ48" s="166">
        <v>0</v>
      </c>
      <c r="AK48" s="166">
        <v>0</v>
      </c>
      <c r="AL48" s="166">
        <v>0</v>
      </c>
      <c r="AM48" s="166">
        <v>0</v>
      </c>
      <c r="AN48" s="166">
        <v>0</v>
      </c>
      <c r="AO48" s="166">
        <v>0</v>
      </c>
      <c r="AP48" s="166">
        <v>0</v>
      </c>
      <c r="AQ48" s="166">
        <v>0</v>
      </c>
      <c r="AR48" s="166">
        <v>0</v>
      </c>
      <c r="AS48" s="166">
        <v>0</v>
      </c>
      <c r="AT48" s="166">
        <v>0</v>
      </c>
      <c r="AU48" s="166">
        <v>0</v>
      </c>
      <c r="AV48" s="166">
        <v>0</v>
      </c>
      <c r="AW48" s="166">
        <v>0</v>
      </c>
      <c r="AX48" s="166">
        <v>0</v>
      </c>
      <c r="AY48" s="166">
        <v>0</v>
      </c>
      <c r="AZ48" s="166">
        <v>0</v>
      </c>
      <c r="BA48" s="166">
        <v>0</v>
      </c>
      <c r="BB48" s="166">
        <v>0</v>
      </c>
      <c r="BC48" s="166">
        <v>0</v>
      </c>
      <c r="BD48" s="166">
        <v>0</v>
      </c>
      <c r="BE48" s="166">
        <v>0</v>
      </c>
      <c r="BF48" s="166">
        <v>0</v>
      </c>
      <c r="BG48" s="166">
        <v>0</v>
      </c>
      <c r="BH48" s="166">
        <v>0</v>
      </c>
      <c r="BI48" s="166">
        <v>0</v>
      </c>
      <c r="BJ48" s="166">
        <v>0</v>
      </c>
      <c r="BK48" s="166">
        <v>0</v>
      </c>
      <c r="BL48" s="166">
        <v>0</v>
      </c>
      <c r="BM48" s="166">
        <v>0</v>
      </c>
      <c r="BN48" s="166">
        <v>0</v>
      </c>
      <c r="BO48" s="166">
        <v>0</v>
      </c>
      <c r="BP48" s="166">
        <v>0</v>
      </c>
      <c r="BQ48" s="166">
        <v>0</v>
      </c>
      <c r="BR48" s="166">
        <v>0.01</v>
      </c>
      <c r="BS48" s="166">
        <v>0.01</v>
      </c>
      <c r="BT48" s="168">
        <v>0.97876128996601397</v>
      </c>
      <c r="BU48" s="166">
        <v>0</v>
      </c>
      <c r="BV48" s="166">
        <v>9.7876128996601496E-3</v>
      </c>
      <c r="BW48" s="166">
        <v>0</v>
      </c>
      <c r="BX48" s="166">
        <v>0</v>
      </c>
      <c r="BY48" s="166">
        <v>0</v>
      </c>
      <c r="BZ48" s="166">
        <v>0</v>
      </c>
      <c r="CA48" s="166">
        <v>0</v>
      </c>
      <c r="CB48" s="166">
        <v>0</v>
      </c>
      <c r="CC48" s="166">
        <v>0</v>
      </c>
      <c r="CD48" s="166">
        <v>0</v>
      </c>
      <c r="CE48" s="166">
        <v>0</v>
      </c>
      <c r="CF48" s="166">
        <v>0</v>
      </c>
      <c r="CG48" s="166">
        <v>0</v>
      </c>
      <c r="CH48" s="166">
        <v>0</v>
      </c>
      <c r="CI48" s="166">
        <v>0</v>
      </c>
      <c r="CJ48" s="166">
        <v>0</v>
      </c>
      <c r="CK48" s="166">
        <v>0</v>
      </c>
      <c r="CL48" s="166">
        <v>0</v>
      </c>
      <c r="CM48" s="166">
        <v>0</v>
      </c>
      <c r="CN48" s="166">
        <v>0</v>
      </c>
      <c r="CO48" s="166">
        <v>0</v>
      </c>
      <c r="CP48" s="166">
        <v>0</v>
      </c>
      <c r="CQ48" s="166">
        <v>0</v>
      </c>
      <c r="CR48" s="166">
        <v>0</v>
      </c>
      <c r="CS48" s="166">
        <v>0</v>
      </c>
      <c r="CT48" s="166">
        <v>0</v>
      </c>
      <c r="CU48" s="166">
        <v>0</v>
      </c>
      <c r="CV48" s="166">
        <v>0</v>
      </c>
      <c r="CW48" s="166">
        <v>0</v>
      </c>
      <c r="CX48" s="166">
        <v>0</v>
      </c>
      <c r="CY48" s="166">
        <v>9.7876128996601496E-3</v>
      </c>
      <c r="CZ48" s="166">
        <v>9.7876128996601496E-3</v>
      </c>
    </row>
    <row r="49" spans="1:104" hidden="1" outlineLevel="1" x14ac:dyDescent="0.2">
      <c r="A49" s="167" t="s">
        <v>141</v>
      </c>
      <c r="B49" s="166">
        <v>46100401.82</v>
      </c>
      <c r="C49" s="166">
        <v>46100401.82</v>
      </c>
      <c r="D49" s="166">
        <v>0</v>
      </c>
      <c r="E49" s="166">
        <v>0</v>
      </c>
      <c r="F49" s="166">
        <v>0</v>
      </c>
      <c r="G49" s="166">
        <v>0</v>
      </c>
      <c r="H49" s="166">
        <v>0</v>
      </c>
      <c r="I49" s="166">
        <v>0</v>
      </c>
      <c r="J49" s="166">
        <v>0</v>
      </c>
      <c r="K49" s="166">
        <v>0</v>
      </c>
      <c r="L49" s="166">
        <v>0</v>
      </c>
      <c r="M49" s="166">
        <v>0</v>
      </c>
      <c r="N49" s="166">
        <v>0</v>
      </c>
      <c r="O49" s="166">
        <v>0</v>
      </c>
      <c r="P49" s="166">
        <v>0</v>
      </c>
      <c r="Q49" s="166">
        <v>0</v>
      </c>
      <c r="R49" s="166">
        <v>0</v>
      </c>
      <c r="S49" s="166">
        <v>0</v>
      </c>
      <c r="T49" s="166">
        <v>0</v>
      </c>
      <c r="U49" s="166">
        <v>0</v>
      </c>
      <c r="V49" s="166">
        <v>0</v>
      </c>
      <c r="W49" s="166">
        <v>0</v>
      </c>
      <c r="X49" s="166">
        <v>0</v>
      </c>
      <c r="Y49" s="166">
        <v>0</v>
      </c>
      <c r="Z49" s="166">
        <v>0</v>
      </c>
      <c r="AA49" s="166">
        <v>0</v>
      </c>
      <c r="AB49" s="166">
        <v>0</v>
      </c>
      <c r="AC49" s="166">
        <v>0</v>
      </c>
      <c r="AD49" s="166">
        <v>0</v>
      </c>
      <c r="AE49" s="166">
        <v>0</v>
      </c>
      <c r="AF49" s="166">
        <v>0</v>
      </c>
      <c r="AG49" s="166">
        <v>0</v>
      </c>
      <c r="AH49" s="166">
        <v>0</v>
      </c>
      <c r="AI49" s="166">
        <v>0</v>
      </c>
      <c r="AJ49" s="166">
        <v>0</v>
      </c>
      <c r="AK49" s="166">
        <v>0</v>
      </c>
      <c r="AL49" s="166">
        <v>0</v>
      </c>
      <c r="AM49" s="166">
        <v>0</v>
      </c>
      <c r="AN49" s="166">
        <v>0</v>
      </c>
      <c r="AO49" s="166">
        <v>0</v>
      </c>
      <c r="AP49" s="166">
        <v>0</v>
      </c>
      <c r="AQ49" s="166">
        <v>0</v>
      </c>
      <c r="AR49" s="166">
        <v>0</v>
      </c>
      <c r="AS49" s="166">
        <v>0</v>
      </c>
      <c r="AT49" s="166">
        <v>0</v>
      </c>
      <c r="AU49" s="166">
        <v>0</v>
      </c>
      <c r="AV49" s="166">
        <v>0</v>
      </c>
      <c r="AW49" s="166">
        <v>0</v>
      </c>
      <c r="AX49" s="166">
        <v>0</v>
      </c>
      <c r="AY49" s="166">
        <v>0</v>
      </c>
      <c r="AZ49" s="166">
        <v>0</v>
      </c>
      <c r="BA49" s="166">
        <v>0</v>
      </c>
      <c r="BB49" s="166">
        <v>0</v>
      </c>
      <c r="BC49" s="166">
        <v>0</v>
      </c>
      <c r="BD49" s="166">
        <v>0</v>
      </c>
      <c r="BE49" s="166">
        <v>0</v>
      </c>
      <c r="BF49" s="166">
        <v>0</v>
      </c>
      <c r="BG49" s="166">
        <v>0</v>
      </c>
      <c r="BH49" s="166">
        <v>0</v>
      </c>
      <c r="BI49" s="166">
        <v>0</v>
      </c>
      <c r="BJ49" s="166">
        <v>0</v>
      </c>
      <c r="BK49" s="166">
        <v>0</v>
      </c>
      <c r="BL49" s="166">
        <v>0</v>
      </c>
      <c r="BM49" s="166">
        <v>0</v>
      </c>
      <c r="BN49" s="166">
        <v>0</v>
      </c>
      <c r="BO49" s="166">
        <v>0</v>
      </c>
      <c r="BP49" s="166">
        <v>0</v>
      </c>
      <c r="BQ49" s="166">
        <v>0</v>
      </c>
      <c r="BR49" s="166">
        <v>46100401.82</v>
      </c>
      <c r="BS49" s="166">
        <v>46100401.82</v>
      </c>
      <c r="BT49" s="168">
        <v>0</v>
      </c>
      <c r="BU49" s="166">
        <v>6816037.9631261602</v>
      </c>
      <c r="BV49" s="166">
        <v>44967000.745979004</v>
      </c>
      <c r="BW49" s="166">
        <v>0</v>
      </c>
      <c r="BX49" s="166">
        <v>0</v>
      </c>
      <c r="BY49" s="166">
        <v>0</v>
      </c>
      <c r="BZ49" s="166">
        <v>0</v>
      </c>
      <c r="CA49" s="166">
        <v>0</v>
      </c>
      <c r="CB49" s="166">
        <v>0</v>
      </c>
      <c r="CC49" s="166">
        <v>0</v>
      </c>
      <c r="CD49" s="166">
        <v>0</v>
      </c>
      <c r="CE49" s="166">
        <v>0</v>
      </c>
      <c r="CF49" s="166">
        <v>0</v>
      </c>
      <c r="CG49" s="166">
        <v>0</v>
      </c>
      <c r="CH49" s="166">
        <v>0</v>
      </c>
      <c r="CI49" s="166">
        <v>0</v>
      </c>
      <c r="CJ49" s="166">
        <v>0</v>
      </c>
      <c r="CK49" s="166">
        <v>0</v>
      </c>
      <c r="CL49" s="166">
        <v>0</v>
      </c>
      <c r="CM49" s="166">
        <v>0</v>
      </c>
      <c r="CN49" s="166">
        <v>0</v>
      </c>
      <c r="CO49" s="166">
        <v>0</v>
      </c>
      <c r="CP49" s="166">
        <v>0</v>
      </c>
      <c r="CQ49" s="166">
        <v>0</v>
      </c>
      <c r="CR49" s="166">
        <v>0</v>
      </c>
      <c r="CS49" s="166">
        <v>0</v>
      </c>
      <c r="CT49" s="166">
        <v>0</v>
      </c>
      <c r="CU49" s="166">
        <v>0</v>
      </c>
      <c r="CV49" s="166">
        <v>0</v>
      </c>
      <c r="CW49" s="166">
        <v>0</v>
      </c>
      <c r="CX49" s="166">
        <v>0</v>
      </c>
      <c r="CY49" s="166">
        <v>44967000.745979004</v>
      </c>
      <c r="CZ49" s="166">
        <v>44967000.745979004</v>
      </c>
    </row>
    <row r="50" spans="1:104" hidden="1" outlineLevel="1" x14ac:dyDescent="0.2">
      <c r="A50" s="170" t="s">
        <v>142</v>
      </c>
      <c r="B50" s="166">
        <v>51165678.119999997</v>
      </c>
      <c r="C50" s="166">
        <v>51165678.119999997</v>
      </c>
      <c r="D50" s="166">
        <v>0</v>
      </c>
      <c r="E50" s="166">
        <v>0</v>
      </c>
      <c r="F50" s="166">
        <v>0</v>
      </c>
      <c r="G50" s="166">
        <v>0</v>
      </c>
      <c r="H50" s="166">
        <v>0</v>
      </c>
      <c r="I50" s="166">
        <v>0</v>
      </c>
      <c r="J50" s="166">
        <v>0</v>
      </c>
      <c r="K50" s="166">
        <v>0</v>
      </c>
      <c r="L50" s="166">
        <v>0</v>
      </c>
      <c r="M50" s="166">
        <v>0</v>
      </c>
      <c r="N50" s="166">
        <v>0</v>
      </c>
      <c r="O50" s="166">
        <v>0</v>
      </c>
      <c r="P50" s="166">
        <v>0</v>
      </c>
      <c r="Q50" s="166">
        <v>0</v>
      </c>
      <c r="R50" s="166">
        <v>0</v>
      </c>
      <c r="S50" s="166">
        <v>0</v>
      </c>
      <c r="T50" s="166">
        <v>0</v>
      </c>
      <c r="U50" s="166">
        <v>0</v>
      </c>
      <c r="V50" s="166">
        <v>0</v>
      </c>
      <c r="W50" s="166">
        <v>0</v>
      </c>
      <c r="X50" s="166">
        <v>0</v>
      </c>
      <c r="Y50" s="166">
        <v>0</v>
      </c>
      <c r="Z50" s="166">
        <v>0</v>
      </c>
      <c r="AA50" s="166">
        <v>0</v>
      </c>
      <c r="AB50" s="166">
        <v>0</v>
      </c>
      <c r="AC50" s="166">
        <v>0</v>
      </c>
      <c r="AD50" s="166">
        <v>0</v>
      </c>
      <c r="AE50" s="166">
        <v>0</v>
      </c>
      <c r="AF50" s="166">
        <v>0</v>
      </c>
      <c r="AG50" s="166">
        <v>0</v>
      </c>
      <c r="AH50" s="166">
        <v>0</v>
      </c>
      <c r="AI50" s="166">
        <v>0</v>
      </c>
      <c r="AJ50" s="166">
        <v>0</v>
      </c>
      <c r="AK50" s="166">
        <v>0</v>
      </c>
      <c r="AL50" s="166">
        <v>0</v>
      </c>
      <c r="AM50" s="166">
        <v>0</v>
      </c>
      <c r="AN50" s="166">
        <v>0</v>
      </c>
      <c r="AO50" s="166">
        <v>0</v>
      </c>
      <c r="AP50" s="166">
        <v>0</v>
      </c>
      <c r="AQ50" s="166">
        <v>0</v>
      </c>
      <c r="AR50" s="166">
        <v>0</v>
      </c>
      <c r="AS50" s="166">
        <v>0</v>
      </c>
      <c r="AT50" s="166">
        <v>0</v>
      </c>
      <c r="AU50" s="166">
        <v>0</v>
      </c>
      <c r="AV50" s="166">
        <v>0</v>
      </c>
      <c r="AW50" s="166">
        <v>0</v>
      </c>
      <c r="AX50" s="166">
        <v>0</v>
      </c>
      <c r="AY50" s="166">
        <v>0</v>
      </c>
      <c r="AZ50" s="166">
        <v>0</v>
      </c>
      <c r="BA50" s="166">
        <v>0</v>
      </c>
      <c r="BB50" s="166">
        <v>0</v>
      </c>
      <c r="BC50" s="166">
        <v>0</v>
      </c>
      <c r="BD50" s="166">
        <v>0</v>
      </c>
      <c r="BE50" s="166">
        <v>0</v>
      </c>
      <c r="BF50" s="166">
        <v>0</v>
      </c>
      <c r="BG50" s="166">
        <v>0</v>
      </c>
      <c r="BH50" s="166">
        <v>0</v>
      </c>
      <c r="BI50" s="166">
        <v>0</v>
      </c>
      <c r="BJ50" s="166">
        <v>0</v>
      </c>
      <c r="BK50" s="166">
        <v>0</v>
      </c>
      <c r="BL50" s="166">
        <v>0</v>
      </c>
      <c r="BM50" s="166">
        <v>0</v>
      </c>
      <c r="BN50" s="166">
        <v>0</v>
      </c>
      <c r="BO50" s="166">
        <v>0</v>
      </c>
      <c r="BP50" s="166">
        <v>0</v>
      </c>
      <c r="BQ50" s="166">
        <v>0</v>
      </c>
      <c r="BR50" s="166">
        <v>102331356.23999999</v>
      </c>
      <c r="BS50" s="166">
        <v>51165678.119999997</v>
      </c>
      <c r="BT50" s="168">
        <v>0</v>
      </c>
      <c r="BU50" s="166">
        <v>6844588.0046069399</v>
      </c>
      <c r="BV50" s="166">
        <v>49751858.895666301</v>
      </c>
      <c r="BW50" s="166">
        <v>0</v>
      </c>
      <c r="BX50" s="166">
        <v>0</v>
      </c>
      <c r="BY50" s="166">
        <v>0</v>
      </c>
      <c r="BZ50" s="166">
        <v>0</v>
      </c>
      <c r="CA50" s="166">
        <v>0</v>
      </c>
      <c r="CB50" s="166">
        <v>0</v>
      </c>
      <c r="CC50" s="166">
        <v>0</v>
      </c>
      <c r="CD50" s="166">
        <v>0</v>
      </c>
      <c r="CE50" s="166">
        <v>0</v>
      </c>
      <c r="CF50" s="166">
        <v>0</v>
      </c>
      <c r="CG50" s="166">
        <v>0</v>
      </c>
      <c r="CH50" s="166">
        <v>0</v>
      </c>
      <c r="CI50" s="166">
        <v>0</v>
      </c>
      <c r="CJ50" s="166">
        <v>0</v>
      </c>
      <c r="CK50" s="166">
        <v>0</v>
      </c>
      <c r="CL50" s="166">
        <v>0</v>
      </c>
      <c r="CM50" s="166">
        <v>0</v>
      </c>
      <c r="CN50" s="166">
        <v>0</v>
      </c>
      <c r="CO50" s="166">
        <v>0</v>
      </c>
      <c r="CP50" s="166">
        <v>0</v>
      </c>
      <c r="CQ50" s="166">
        <v>0</v>
      </c>
      <c r="CR50" s="166">
        <v>0</v>
      </c>
      <c r="CS50" s="166">
        <v>0</v>
      </c>
      <c r="CT50" s="166">
        <v>0</v>
      </c>
      <c r="CU50" s="166">
        <v>0</v>
      </c>
      <c r="CV50" s="166">
        <v>0</v>
      </c>
      <c r="CW50" s="166">
        <v>0</v>
      </c>
      <c r="CX50" s="166">
        <v>0</v>
      </c>
      <c r="CY50" s="166">
        <v>49751858.895666301</v>
      </c>
      <c r="CZ50" s="166">
        <v>49751858.895666301</v>
      </c>
    </row>
    <row r="51" spans="1:104" hidden="1" outlineLevel="1" x14ac:dyDescent="0.2">
      <c r="A51" s="167" t="s">
        <v>143</v>
      </c>
    </row>
    <row r="52" spans="1:104" hidden="1" outlineLevel="1" x14ac:dyDescent="0.2">
      <c r="A52" s="170" t="s">
        <v>144</v>
      </c>
    </row>
    <row r="53" spans="1:104" hidden="1" outlineLevel="1" x14ac:dyDescent="0.2">
      <c r="A53" s="167" t="s">
        <v>1050</v>
      </c>
      <c r="B53" s="166">
        <v>-17801.4199999999</v>
      </c>
      <c r="C53" s="166">
        <v>-17801.4199999999</v>
      </c>
      <c r="D53" s="166">
        <v>0</v>
      </c>
      <c r="E53" s="166">
        <v>0</v>
      </c>
      <c r="F53" s="166">
        <v>0</v>
      </c>
      <c r="G53" s="166">
        <v>0</v>
      </c>
      <c r="H53" s="166">
        <v>0</v>
      </c>
      <c r="I53" s="166">
        <v>0</v>
      </c>
      <c r="J53" s="166">
        <v>0</v>
      </c>
      <c r="K53" s="166">
        <v>0</v>
      </c>
      <c r="L53" s="166">
        <v>0</v>
      </c>
      <c r="M53" s="166">
        <v>0</v>
      </c>
      <c r="N53" s="166">
        <v>0</v>
      </c>
      <c r="O53" s="166">
        <v>0</v>
      </c>
      <c r="P53" s="166">
        <v>0</v>
      </c>
      <c r="Q53" s="166">
        <v>0</v>
      </c>
      <c r="R53" s="166">
        <v>0</v>
      </c>
      <c r="S53" s="166">
        <v>0</v>
      </c>
      <c r="T53" s="166">
        <v>0</v>
      </c>
      <c r="U53" s="166">
        <v>0</v>
      </c>
      <c r="V53" s="166">
        <v>0</v>
      </c>
      <c r="W53" s="166">
        <v>0</v>
      </c>
      <c r="X53" s="166">
        <v>0</v>
      </c>
      <c r="Y53" s="166">
        <v>0</v>
      </c>
      <c r="Z53" s="166">
        <v>0</v>
      </c>
      <c r="AA53" s="166">
        <v>0</v>
      </c>
      <c r="AB53" s="166">
        <v>0</v>
      </c>
      <c r="AC53" s="166">
        <v>0</v>
      </c>
      <c r="AD53" s="166">
        <v>0</v>
      </c>
      <c r="AE53" s="166">
        <v>0</v>
      </c>
      <c r="AF53" s="166">
        <v>0</v>
      </c>
      <c r="AG53" s="166">
        <v>0</v>
      </c>
      <c r="AH53" s="166">
        <v>0</v>
      </c>
      <c r="AI53" s="166">
        <v>0</v>
      </c>
      <c r="AJ53" s="166">
        <v>0</v>
      </c>
      <c r="AK53" s="166">
        <v>0</v>
      </c>
      <c r="AL53" s="166">
        <v>0</v>
      </c>
      <c r="AM53" s="166">
        <v>0</v>
      </c>
      <c r="AN53" s="166">
        <v>0</v>
      </c>
      <c r="AO53" s="166">
        <v>0</v>
      </c>
      <c r="AP53" s="166">
        <v>0</v>
      </c>
      <c r="AQ53" s="166">
        <v>0</v>
      </c>
      <c r="AR53" s="166">
        <v>0</v>
      </c>
      <c r="AS53" s="166">
        <v>0</v>
      </c>
      <c r="AT53" s="166">
        <v>0</v>
      </c>
      <c r="AU53" s="166">
        <v>0</v>
      </c>
      <c r="AV53" s="166">
        <v>0</v>
      </c>
      <c r="AW53" s="166">
        <v>0</v>
      </c>
      <c r="AX53" s="166">
        <v>0</v>
      </c>
      <c r="AY53" s="166">
        <v>0</v>
      </c>
      <c r="AZ53" s="166">
        <v>0</v>
      </c>
      <c r="BA53" s="166">
        <v>0</v>
      </c>
      <c r="BB53" s="166">
        <v>0</v>
      </c>
      <c r="BC53" s="166">
        <v>0</v>
      </c>
      <c r="BD53" s="166">
        <v>0</v>
      </c>
      <c r="BE53" s="166">
        <v>0</v>
      </c>
      <c r="BF53" s="166">
        <v>0</v>
      </c>
      <c r="BG53" s="166">
        <v>0</v>
      </c>
      <c r="BH53" s="166">
        <v>0</v>
      </c>
      <c r="BI53" s="166">
        <v>0</v>
      </c>
      <c r="BJ53" s="166">
        <v>0</v>
      </c>
      <c r="BK53" s="166">
        <v>0</v>
      </c>
      <c r="BL53" s="166">
        <v>0</v>
      </c>
      <c r="BM53" s="166">
        <v>0</v>
      </c>
      <c r="BN53" s="166">
        <v>0</v>
      </c>
      <c r="BO53" s="166">
        <v>0</v>
      </c>
      <c r="BP53" s="166">
        <v>0</v>
      </c>
      <c r="BQ53" s="166">
        <v>0</v>
      </c>
      <c r="BR53" s="166">
        <v>-17801.4199999999</v>
      </c>
      <c r="BS53" s="166">
        <v>-17801.4199999999</v>
      </c>
      <c r="BT53" s="168">
        <v>0.97402999999999995</v>
      </c>
      <c r="BU53" s="166">
        <v>11.3571898</v>
      </c>
      <c r="BV53" s="166">
        <v>-17339.117122600001</v>
      </c>
      <c r="BW53" s="166">
        <v>0</v>
      </c>
      <c r="BX53" s="166">
        <v>0</v>
      </c>
      <c r="BY53" s="166">
        <v>0</v>
      </c>
      <c r="BZ53" s="166">
        <v>0</v>
      </c>
      <c r="CA53" s="166">
        <v>0</v>
      </c>
      <c r="CB53" s="166">
        <v>0</v>
      </c>
      <c r="CC53" s="166">
        <v>0</v>
      </c>
      <c r="CD53" s="166">
        <v>0</v>
      </c>
      <c r="CE53" s="166">
        <v>0</v>
      </c>
      <c r="CF53" s="166">
        <v>0</v>
      </c>
      <c r="CG53" s="166">
        <v>0</v>
      </c>
      <c r="CH53" s="166">
        <v>0</v>
      </c>
      <c r="CI53" s="166">
        <v>0</v>
      </c>
      <c r="CJ53" s="166">
        <v>0</v>
      </c>
      <c r="CK53" s="166">
        <v>0</v>
      </c>
      <c r="CL53" s="166">
        <v>0</v>
      </c>
      <c r="CM53" s="166">
        <v>0</v>
      </c>
      <c r="CN53" s="166">
        <v>0</v>
      </c>
      <c r="CO53" s="166">
        <v>0</v>
      </c>
      <c r="CP53" s="166">
        <v>0</v>
      </c>
      <c r="CQ53" s="166">
        <v>0</v>
      </c>
      <c r="CR53" s="166">
        <v>0</v>
      </c>
      <c r="CS53" s="166">
        <v>0</v>
      </c>
      <c r="CT53" s="166">
        <v>0</v>
      </c>
      <c r="CU53" s="166">
        <v>0</v>
      </c>
      <c r="CV53" s="166">
        <v>0</v>
      </c>
      <c r="CW53" s="166">
        <v>0</v>
      </c>
      <c r="CX53" s="166">
        <v>0</v>
      </c>
      <c r="CY53" s="166">
        <v>-17339.117122600001</v>
      </c>
      <c r="CZ53" s="166">
        <v>-17339.117122600001</v>
      </c>
    </row>
    <row r="54" spans="1:104" hidden="1" outlineLevel="1" x14ac:dyDescent="0.2">
      <c r="A54" s="167" t="s">
        <v>146</v>
      </c>
      <c r="B54" s="166">
        <v>0</v>
      </c>
      <c r="C54" s="166">
        <v>0</v>
      </c>
      <c r="D54" s="166">
        <v>0</v>
      </c>
      <c r="E54" s="166">
        <v>0</v>
      </c>
      <c r="F54" s="166">
        <v>0</v>
      </c>
      <c r="G54" s="166">
        <v>0</v>
      </c>
      <c r="H54" s="166">
        <v>0</v>
      </c>
      <c r="I54" s="166">
        <v>0</v>
      </c>
      <c r="J54" s="166">
        <v>0</v>
      </c>
      <c r="K54" s="166">
        <v>0</v>
      </c>
      <c r="L54" s="166">
        <v>0</v>
      </c>
      <c r="M54" s="166">
        <v>0</v>
      </c>
      <c r="N54" s="166">
        <v>0</v>
      </c>
      <c r="O54" s="166">
        <v>0</v>
      </c>
      <c r="P54" s="166">
        <v>0</v>
      </c>
      <c r="Q54" s="166">
        <v>0</v>
      </c>
      <c r="R54" s="166">
        <v>0</v>
      </c>
      <c r="S54" s="166">
        <v>0</v>
      </c>
      <c r="T54" s="166">
        <v>0</v>
      </c>
      <c r="U54" s="166">
        <v>0</v>
      </c>
      <c r="V54" s="166">
        <v>0</v>
      </c>
      <c r="W54" s="166">
        <v>0</v>
      </c>
      <c r="X54" s="166">
        <v>0</v>
      </c>
      <c r="Y54" s="166">
        <v>0</v>
      </c>
      <c r="Z54" s="166">
        <v>0</v>
      </c>
      <c r="AA54" s="166">
        <v>0</v>
      </c>
      <c r="AB54" s="166">
        <v>0</v>
      </c>
      <c r="AC54" s="166">
        <v>0</v>
      </c>
      <c r="AD54" s="166">
        <v>0</v>
      </c>
      <c r="AE54" s="166">
        <v>0</v>
      </c>
      <c r="AF54" s="166">
        <v>0</v>
      </c>
      <c r="AG54" s="166">
        <v>0</v>
      </c>
      <c r="AH54" s="166">
        <v>0</v>
      </c>
      <c r="AI54" s="166">
        <v>0</v>
      </c>
      <c r="AJ54" s="166">
        <v>0</v>
      </c>
      <c r="AK54" s="166">
        <v>0</v>
      </c>
      <c r="AL54" s="166">
        <v>0</v>
      </c>
      <c r="AM54" s="166">
        <v>0</v>
      </c>
      <c r="AN54" s="166">
        <v>0</v>
      </c>
      <c r="AO54" s="166">
        <v>0</v>
      </c>
      <c r="AP54" s="166">
        <v>0</v>
      </c>
      <c r="AQ54" s="166">
        <v>0</v>
      </c>
      <c r="AR54" s="166">
        <v>0</v>
      </c>
      <c r="AS54" s="166">
        <v>0</v>
      </c>
      <c r="AT54" s="166">
        <v>0</v>
      </c>
      <c r="AU54" s="166">
        <v>0</v>
      </c>
      <c r="AV54" s="166">
        <v>0</v>
      </c>
      <c r="AW54" s="166">
        <v>0</v>
      </c>
      <c r="AX54" s="166">
        <v>0</v>
      </c>
      <c r="AY54" s="166">
        <v>0</v>
      </c>
      <c r="AZ54" s="166">
        <v>0</v>
      </c>
      <c r="BA54" s="166">
        <v>0</v>
      </c>
      <c r="BB54" s="166">
        <v>0</v>
      </c>
      <c r="BC54" s="166">
        <v>0</v>
      </c>
      <c r="BD54" s="166">
        <v>0</v>
      </c>
      <c r="BE54" s="166">
        <v>0</v>
      </c>
      <c r="BF54" s="166">
        <v>0</v>
      </c>
      <c r="BG54" s="166">
        <v>0</v>
      </c>
      <c r="BH54" s="166">
        <v>0</v>
      </c>
      <c r="BI54" s="166">
        <v>0</v>
      </c>
      <c r="BJ54" s="166">
        <v>0</v>
      </c>
      <c r="BK54" s="166">
        <v>0</v>
      </c>
      <c r="BL54" s="166">
        <v>0</v>
      </c>
      <c r="BM54" s="166">
        <v>0</v>
      </c>
      <c r="BN54" s="166">
        <v>0</v>
      </c>
      <c r="BO54" s="166">
        <v>0</v>
      </c>
      <c r="BP54" s="166">
        <v>0</v>
      </c>
      <c r="BQ54" s="166">
        <v>0</v>
      </c>
      <c r="BR54" s="166">
        <v>0</v>
      </c>
      <c r="BS54" s="166">
        <v>0</v>
      </c>
      <c r="BT54" s="168">
        <v>0.98855217689263197</v>
      </c>
      <c r="BU54" s="166">
        <v>0</v>
      </c>
      <c r="BV54" s="166">
        <v>0</v>
      </c>
      <c r="BW54" s="166">
        <v>0</v>
      </c>
      <c r="BX54" s="166">
        <v>0</v>
      </c>
      <c r="BY54" s="166">
        <v>0</v>
      </c>
      <c r="BZ54" s="166">
        <v>0</v>
      </c>
      <c r="CA54" s="166">
        <v>0</v>
      </c>
      <c r="CB54" s="166">
        <v>0</v>
      </c>
      <c r="CC54" s="166">
        <v>0</v>
      </c>
      <c r="CD54" s="166">
        <v>0</v>
      </c>
      <c r="CE54" s="166">
        <v>0</v>
      </c>
      <c r="CF54" s="166">
        <v>0</v>
      </c>
      <c r="CG54" s="166">
        <v>0</v>
      </c>
      <c r="CH54" s="166">
        <v>0</v>
      </c>
      <c r="CI54" s="166">
        <v>0</v>
      </c>
      <c r="CJ54" s="166">
        <v>0</v>
      </c>
      <c r="CK54" s="166">
        <v>0</v>
      </c>
      <c r="CL54" s="166">
        <v>0</v>
      </c>
      <c r="CM54" s="166">
        <v>0</v>
      </c>
      <c r="CN54" s="166">
        <v>0</v>
      </c>
      <c r="CO54" s="166">
        <v>0</v>
      </c>
      <c r="CP54" s="166">
        <v>0</v>
      </c>
      <c r="CQ54" s="166">
        <v>0</v>
      </c>
      <c r="CR54" s="166">
        <v>0</v>
      </c>
      <c r="CS54" s="166">
        <v>0</v>
      </c>
      <c r="CT54" s="166">
        <v>0</v>
      </c>
      <c r="CU54" s="166">
        <v>0</v>
      </c>
      <c r="CV54" s="166">
        <v>0</v>
      </c>
      <c r="CW54" s="166">
        <v>0</v>
      </c>
      <c r="CX54" s="166">
        <v>0</v>
      </c>
      <c r="CY54" s="166">
        <v>0</v>
      </c>
      <c r="CZ54" s="166">
        <v>0</v>
      </c>
    </row>
    <row r="55" spans="1:104" hidden="1" outlineLevel="1" x14ac:dyDescent="0.2">
      <c r="A55" s="170" t="s">
        <v>147</v>
      </c>
      <c r="B55" s="166">
        <v>-17801.4199999999</v>
      </c>
      <c r="C55" s="166">
        <v>-17801.4199999999</v>
      </c>
      <c r="D55" s="166">
        <v>0</v>
      </c>
      <c r="E55" s="166">
        <v>0</v>
      </c>
      <c r="F55" s="166">
        <v>0</v>
      </c>
      <c r="G55" s="166">
        <v>0</v>
      </c>
      <c r="H55" s="166">
        <v>0</v>
      </c>
      <c r="I55" s="166">
        <v>0</v>
      </c>
      <c r="J55" s="166">
        <v>0</v>
      </c>
      <c r="K55" s="166">
        <v>0</v>
      </c>
      <c r="L55" s="166">
        <v>0</v>
      </c>
      <c r="M55" s="166">
        <v>0</v>
      </c>
      <c r="N55" s="166">
        <v>0</v>
      </c>
      <c r="O55" s="166">
        <v>0</v>
      </c>
      <c r="P55" s="166">
        <v>0</v>
      </c>
      <c r="Q55" s="166">
        <v>0</v>
      </c>
      <c r="R55" s="166">
        <v>0</v>
      </c>
      <c r="S55" s="166">
        <v>0</v>
      </c>
      <c r="T55" s="166">
        <v>0</v>
      </c>
      <c r="U55" s="166">
        <v>0</v>
      </c>
      <c r="V55" s="166">
        <v>0</v>
      </c>
      <c r="W55" s="166">
        <v>0</v>
      </c>
      <c r="X55" s="166">
        <v>0</v>
      </c>
      <c r="Y55" s="166">
        <v>0</v>
      </c>
      <c r="Z55" s="166">
        <v>0</v>
      </c>
      <c r="AA55" s="166">
        <v>0</v>
      </c>
      <c r="AB55" s="166">
        <v>0</v>
      </c>
      <c r="AC55" s="166">
        <v>0</v>
      </c>
      <c r="AD55" s="166">
        <v>0</v>
      </c>
      <c r="AE55" s="166">
        <v>0</v>
      </c>
      <c r="AF55" s="166">
        <v>0</v>
      </c>
      <c r="AG55" s="166">
        <v>0</v>
      </c>
      <c r="AH55" s="166">
        <v>0</v>
      </c>
      <c r="AI55" s="166">
        <v>0</v>
      </c>
      <c r="AJ55" s="166">
        <v>0</v>
      </c>
      <c r="AK55" s="166">
        <v>0</v>
      </c>
      <c r="AL55" s="166">
        <v>0</v>
      </c>
      <c r="AM55" s="166">
        <v>0</v>
      </c>
      <c r="AN55" s="166">
        <v>0</v>
      </c>
      <c r="AO55" s="166">
        <v>0</v>
      </c>
      <c r="AP55" s="166">
        <v>0</v>
      </c>
      <c r="AQ55" s="166">
        <v>0</v>
      </c>
      <c r="AR55" s="166">
        <v>0</v>
      </c>
      <c r="AS55" s="166">
        <v>0</v>
      </c>
      <c r="AT55" s="166">
        <v>0</v>
      </c>
      <c r="AU55" s="166">
        <v>0</v>
      </c>
      <c r="AV55" s="166">
        <v>0</v>
      </c>
      <c r="AW55" s="166">
        <v>0</v>
      </c>
      <c r="AX55" s="166">
        <v>0</v>
      </c>
      <c r="AY55" s="166">
        <v>0</v>
      </c>
      <c r="AZ55" s="166">
        <v>0</v>
      </c>
      <c r="BA55" s="166">
        <v>0</v>
      </c>
      <c r="BB55" s="166">
        <v>0</v>
      </c>
      <c r="BC55" s="166">
        <v>0</v>
      </c>
      <c r="BD55" s="166">
        <v>0</v>
      </c>
      <c r="BE55" s="166">
        <v>0</v>
      </c>
      <c r="BF55" s="166">
        <v>0</v>
      </c>
      <c r="BG55" s="166">
        <v>0</v>
      </c>
      <c r="BH55" s="166">
        <v>0</v>
      </c>
      <c r="BI55" s="166">
        <v>0</v>
      </c>
      <c r="BJ55" s="166">
        <v>0</v>
      </c>
      <c r="BK55" s="166">
        <v>0</v>
      </c>
      <c r="BL55" s="166">
        <v>0</v>
      </c>
      <c r="BM55" s="166">
        <v>0</v>
      </c>
      <c r="BN55" s="166">
        <v>0</v>
      </c>
      <c r="BO55" s="166">
        <v>0</v>
      </c>
      <c r="BP55" s="166">
        <v>0</v>
      </c>
      <c r="BQ55" s="166">
        <v>0</v>
      </c>
      <c r="BR55" s="166">
        <v>-17801.4199999999</v>
      </c>
      <c r="BS55" s="166">
        <v>-17801.4199999999</v>
      </c>
      <c r="BT55" s="168">
        <v>0</v>
      </c>
      <c r="BU55" s="166">
        <v>11.3571898</v>
      </c>
      <c r="BV55" s="166">
        <v>-17339.117122600001</v>
      </c>
      <c r="BW55" s="166">
        <v>0</v>
      </c>
      <c r="BX55" s="166">
        <v>0</v>
      </c>
      <c r="BY55" s="166">
        <v>0</v>
      </c>
      <c r="BZ55" s="166">
        <v>0</v>
      </c>
      <c r="CA55" s="166">
        <v>0</v>
      </c>
      <c r="CB55" s="166">
        <v>0</v>
      </c>
      <c r="CC55" s="166">
        <v>0</v>
      </c>
      <c r="CD55" s="166">
        <v>0</v>
      </c>
      <c r="CE55" s="166">
        <v>0</v>
      </c>
      <c r="CF55" s="166">
        <v>0</v>
      </c>
      <c r="CG55" s="166">
        <v>0</v>
      </c>
      <c r="CH55" s="166">
        <v>0</v>
      </c>
      <c r="CI55" s="166">
        <v>0</v>
      </c>
      <c r="CJ55" s="166">
        <v>0</v>
      </c>
      <c r="CK55" s="166">
        <v>0</v>
      </c>
      <c r="CL55" s="166">
        <v>0</v>
      </c>
      <c r="CM55" s="166">
        <v>0</v>
      </c>
      <c r="CN55" s="166">
        <v>0</v>
      </c>
      <c r="CO55" s="166">
        <v>0</v>
      </c>
      <c r="CP55" s="166">
        <v>0</v>
      </c>
      <c r="CQ55" s="166">
        <v>0</v>
      </c>
      <c r="CR55" s="166">
        <v>0</v>
      </c>
      <c r="CS55" s="166">
        <v>0</v>
      </c>
      <c r="CT55" s="166">
        <v>0</v>
      </c>
      <c r="CU55" s="166">
        <v>0</v>
      </c>
      <c r="CV55" s="166">
        <v>0</v>
      </c>
      <c r="CW55" s="166">
        <v>0</v>
      </c>
      <c r="CX55" s="166">
        <v>0</v>
      </c>
      <c r="CY55" s="166">
        <v>-17339.117122600001</v>
      </c>
      <c r="CZ55" s="166">
        <v>-17339.117122600001</v>
      </c>
    </row>
    <row r="56" spans="1:104" hidden="1" outlineLevel="1" x14ac:dyDescent="0.2">
      <c r="A56" s="167" t="s">
        <v>148</v>
      </c>
    </row>
    <row r="57" spans="1:104" hidden="1" outlineLevel="1" x14ac:dyDescent="0.2">
      <c r="A57" s="170" t="s">
        <v>149</v>
      </c>
    </row>
    <row r="58" spans="1:104" hidden="1" outlineLevel="1" x14ac:dyDescent="0.2">
      <c r="A58" s="167" t="s">
        <v>1051</v>
      </c>
      <c r="B58" s="166">
        <v>37862230.167038202</v>
      </c>
      <c r="C58" s="166">
        <v>37862230.167038202</v>
      </c>
      <c r="D58" s="166">
        <v>0</v>
      </c>
      <c r="E58" s="166">
        <v>0</v>
      </c>
      <c r="F58" s="166">
        <v>0</v>
      </c>
      <c r="G58" s="166">
        <v>0</v>
      </c>
      <c r="H58" s="166">
        <v>0</v>
      </c>
      <c r="I58" s="166">
        <v>0</v>
      </c>
      <c r="J58" s="166">
        <v>0</v>
      </c>
      <c r="K58" s="166">
        <v>0</v>
      </c>
      <c r="L58" s="166">
        <v>0</v>
      </c>
      <c r="M58" s="166">
        <v>0</v>
      </c>
      <c r="N58" s="166">
        <v>0</v>
      </c>
      <c r="O58" s="166">
        <v>0</v>
      </c>
      <c r="P58" s="166">
        <v>0</v>
      </c>
      <c r="Q58" s="166">
        <v>0</v>
      </c>
      <c r="R58" s="166">
        <v>0</v>
      </c>
      <c r="S58" s="166">
        <v>0</v>
      </c>
      <c r="T58" s="166">
        <v>0</v>
      </c>
      <c r="U58" s="166">
        <v>0</v>
      </c>
      <c r="V58" s="166">
        <v>0</v>
      </c>
      <c r="W58" s="166">
        <v>0</v>
      </c>
      <c r="X58" s="166">
        <v>0</v>
      </c>
      <c r="Y58" s="166">
        <v>0</v>
      </c>
      <c r="Z58" s="166">
        <v>0</v>
      </c>
      <c r="AA58" s="166">
        <v>0</v>
      </c>
      <c r="AB58" s="166">
        <v>0</v>
      </c>
      <c r="AC58" s="166">
        <v>0</v>
      </c>
      <c r="AD58" s="166">
        <v>0</v>
      </c>
      <c r="AE58" s="166">
        <v>0</v>
      </c>
      <c r="AF58" s="166">
        <v>0</v>
      </c>
      <c r="AG58" s="166">
        <v>0</v>
      </c>
      <c r="AH58" s="166">
        <v>0</v>
      </c>
      <c r="AI58" s="166">
        <v>0</v>
      </c>
      <c r="AJ58" s="166">
        <v>0</v>
      </c>
      <c r="AK58" s="166">
        <v>0</v>
      </c>
      <c r="AL58" s="166">
        <v>0</v>
      </c>
      <c r="AM58" s="166">
        <v>0</v>
      </c>
      <c r="AN58" s="166">
        <v>0</v>
      </c>
      <c r="AO58" s="166">
        <v>0</v>
      </c>
      <c r="AP58" s="166">
        <v>0</v>
      </c>
      <c r="AQ58" s="166">
        <v>0</v>
      </c>
      <c r="AR58" s="166">
        <v>0</v>
      </c>
      <c r="AS58" s="166">
        <v>0</v>
      </c>
      <c r="AT58" s="166">
        <v>0</v>
      </c>
      <c r="AU58" s="166">
        <v>0</v>
      </c>
      <c r="AV58" s="166">
        <v>0</v>
      </c>
      <c r="AW58" s="166">
        <v>0</v>
      </c>
      <c r="AX58" s="166">
        <v>0</v>
      </c>
      <c r="AY58" s="166">
        <v>0</v>
      </c>
      <c r="AZ58" s="166">
        <v>0</v>
      </c>
      <c r="BA58" s="166">
        <v>0</v>
      </c>
      <c r="BB58" s="166">
        <v>0</v>
      </c>
      <c r="BC58" s="166">
        <v>0</v>
      </c>
      <c r="BD58" s="166">
        <v>0</v>
      </c>
      <c r="BE58" s="166">
        <v>0</v>
      </c>
      <c r="BF58" s="166">
        <v>0</v>
      </c>
      <c r="BG58" s="166">
        <v>0</v>
      </c>
      <c r="BH58" s="166">
        <v>0</v>
      </c>
      <c r="BI58" s="166">
        <v>0</v>
      </c>
      <c r="BJ58" s="166">
        <v>0</v>
      </c>
      <c r="BK58" s="166">
        <v>0</v>
      </c>
      <c r="BL58" s="166">
        <v>0</v>
      </c>
      <c r="BM58" s="166">
        <v>0</v>
      </c>
      <c r="BN58" s="166">
        <v>0</v>
      </c>
      <c r="BO58" s="166">
        <v>0</v>
      </c>
      <c r="BP58" s="166">
        <v>0</v>
      </c>
      <c r="BQ58" s="166">
        <v>0</v>
      </c>
      <c r="BR58" s="166">
        <v>37862230.167038202</v>
      </c>
      <c r="BS58" s="166">
        <v>37862230.167038202</v>
      </c>
      <c r="BT58" s="168">
        <v>0.97402999999999995</v>
      </c>
      <c r="BU58" s="166">
        <v>3378279.3401580998</v>
      </c>
      <c r="BV58" s="166">
        <v>36878948.049600199</v>
      </c>
      <c r="BW58" s="166">
        <v>0</v>
      </c>
      <c r="BX58" s="166">
        <v>0</v>
      </c>
      <c r="BY58" s="166">
        <v>0</v>
      </c>
      <c r="BZ58" s="166">
        <v>0</v>
      </c>
      <c r="CA58" s="166">
        <v>0</v>
      </c>
      <c r="CB58" s="166">
        <v>0</v>
      </c>
      <c r="CC58" s="166">
        <v>0</v>
      </c>
      <c r="CD58" s="166">
        <v>0</v>
      </c>
      <c r="CE58" s="166">
        <v>0</v>
      </c>
      <c r="CF58" s="166">
        <v>0</v>
      </c>
      <c r="CG58" s="166">
        <v>0</v>
      </c>
      <c r="CH58" s="166">
        <v>0</v>
      </c>
      <c r="CI58" s="166">
        <v>0</v>
      </c>
      <c r="CJ58" s="166">
        <v>0</v>
      </c>
      <c r="CK58" s="166">
        <v>0</v>
      </c>
      <c r="CL58" s="166">
        <v>0</v>
      </c>
      <c r="CM58" s="166">
        <v>0</v>
      </c>
      <c r="CN58" s="166">
        <v>0</v>
      </c>
      <c r="CO58" s="166">
        <v>0</v>
      </c>
      <c r="CP58" s="166">
        <v>0</v>
      </c>
      <c r="CQ58" s="166">
        <v>0</v>
      </c>
      <c r="CR58" s="166">
        <v>0</v>
      </c>
      <c r="CS58" s="166">
        <v>0</v>
      </c>
      <c r="CT58" s="166">
        <v>0</v>
      </c>
      <c r="CU58" s="166">
        <v>0</v>
      </c>
      <c r="CV58" s="166">
        <v>0</v>
      </c>
      <c r="CW58" s="166">
        <v>0</v>
      </c>
      <c r="CX58" s="166">
        <v>0</v>
      </c>
      <c r="CY58" s="166">
        <v>36878948.049600199</v>
      </c>
      <c r="CZ58" s="166">
        <v>36878948.049600199</v>
      </c>
    </row>
    <row r="59" spans="1:104" hidden="1" outlineLevel="1" x14ac:dyDescent="0.2">
      <c r="A59" s="167" t="s">
        <v>1052</v>
      </c>
      <c r="B59" s="166">
        <v>1195278.9382533601</v>
      </c>
      <c r="C59" s="166">
        <v>1195278.9382533601</v>
      </c>
      <c r="D59" s="166">
        <v>0</v>
      </c>
      <c r="E59" s="166">
        <v>0</v>
      </c>
      <c r="F59" s="166">
        <v>0</v>
      </c>
      <c r="G59" s="166">
        <v>0</v>
      </c>
      <c r="H59" s="166">
        <v>0</v>
      </c>
      <c r="I59" s="166">
        <v>0</v>
      </c>
      <c r="J59" s="166">
        <v>0</v>
      </c>
      <c r="K59" s="166">
        <v>0</v>
      </c>
      <c r="L59" s="166">
        <v>0</v>
      </c>
      <c r="M59" s="166">
        <v>0</v>
      </c>
      <c r="N59" s="166">
        <v>0</v>
      </c>
      <c r="O59" s="166">
        <v>0</v>
      </c>
      <c r="P59" s="166">
        <v>0</v>
      </c>
      <c r="Q59" s="166">
        <v>0</v>
      </c>
      <c r="R59" s="166">
        <v>0</v>
      </c>
      <c r="S59" s="166">
        <v>0</v>
      </c>
      <c r="T59" s="166">
        <v>0</v>
      </c>
      <c r="U59" s="166">
        <v>0</v>
      </c>
      <c r="V59" s="166">
        <v>0</v>
      </c>
      <c r="W59" s="166">
        <v>0</v>
      </c>
      <c r="X59" s="166">
        <v>0</v>
      </c>
      <c r="Y59" s="166">
        <v>0</v>
      </c>
      <c r="Z59" s="166">
        <v>0</v>
      </c>
      <c r="AA59" s="166">
        <v>0</v>
      </c>
      <c r="AB59" s="166">
        <v>0</v>
      </c>
      <c r="AC59" s="166">
        <v>0</v>
      </c>
      <c r="AD59" s="166">
        <v>0</v>
      </c>
      <c r="AE59" s="166">
        <v>0</v>
      </c>
      <c r="AF59" s="166">
        <v>0</v>
      </c>
      <c r="AG59" s="166">
        <v>0</v>
      </c>
      <c r="AH59" s="166">
        <v>0</v>
      </c>
      <c r="AI59" s="166">
        <v>0</v>
      </c>
      <c r="AJ59" s="166">
        <v>0</v>
      </c>
      <c r="AK59" s="166">
        <v>0</v>
      </c>
      <c r="AL59" s="166">
        <v>0</v>
      </c>
      <c r="AM59" s="166">
        <v>0</v>
      </c>
      <c r="AN59" s="166">
        <v>0</v>
      </c>
      <c r="AO59" s="166">
        <v>0</v>
      </c>
      <c r="AP59" s="166">
        <v>0</v>
      </c>
      <c r="AQ59" s="166">
        <v>0</v>
      </c>
      <c r="AR59" s="166">
        <v>0</v>
      </c>
      <c r="AS59" s="166">
        <v>0</v>
      </c>
      <c r="AT59" s="166">
        <v>0</v>
      </c>
      <c r="AU59" s="166">
        <v>0</v>
      </c>
      <c r="AV59" s="166">
        <v>0</v>
      </c>
      <c r="AW59" s="166">
        <v>0</v>
      </c>
      <c r="AX59" s="166">
        <v>0</v>
      </c>
      <c r="AY59" s="166">
        <v>0</v>
      </c>
      <c r="AZ59" s="166">
        <v>0</v>
      </c>
      <c r="BA59" s="166">
        <v>0</v>
      </c>
      <c r="BB59" s="166">
        <v>0</v>
      </c>
      <c r="BC59" s="166">
        <v>0</v>
      </c>
      <c r="BD59" s="166">
        <v>0</v>
      </c>
      <c r="BE59" s="166">
        <v>0</v>
      </c>
      <c r="BF59" s="166">
        <v>0</v>
      </c>
      <c r="BG59" s="166">
        <v>0</v>
      </c>
      <c r="BH59" s="166">
        <v>0</v>
      </c>
      <c r="BI59" s="166">
        <v>0</v>
      </c>
      <c r="BJ59" s="166">
        <v>0</v>
      </c>
      <c r="BK59" s="166">
        <v>0</v>
      </c>
      <c r="BL59" s="166">
        <v>0</v>
      </c>
      <c r="BM59" s="166">
        <v>0</v>
      </c>
      <c r="BN59" s="166">
        <v>0</v>
      </c>
      <c r="BO59" s="166">
        <v>0</v>
      </c>
      <c r="BP59" s="166">
        <v>0</v>
      </c>
      <c r="BQ59" s="166">
        <v>0</v>
      </c>
      <c r="BR59" s="166">
        <v>1195278.9382533601</v>
      </c>
      <c r="BS59" s="166">
        <v>1195278.9382533601</v>
      </c>
      <c r="BT59" s="168">
        <v>0.92637230841245999</v>
      </c>
      <c r="BU59" s="166">
        <v>49629.524755812003</v>
      </c>
      <c r="BV59" s="166">
        <v>1107273.3092265599</v>
      </c>
      <c r="BW59" s="166">
        <v>0</v>
      </c>
      <c r="BX59" s="166">
        <v>0</v>
      </c>
      <c r="BY59" s="166">
        <v>0</v>
      </c>
      <c r="BZ59" s="166">
        <v>0</v>
      </c>
      <c r="CA59" s="166">
        <v>0</v>
      </c>
      <c r="CB59" s="166">
        <v>0</v>
      </c>
      <c r="CC59" s="166">
        <v>0</v>
      </c>
      <c r="CD59" s="166">
        <v>0</v>
      </c>
      <c r="CE59" s="166">
        <v>0</v>
      </c>
      <c r="CF59" s="166">
        <v>0</v>
      </c>
      <c r="CG59" s="166">
        <v>0</v>
      </c>
      <c r="CH59" s="166">
        <v>0</v>
      </c>
      <c r="CI59" s="166">
        <v>0</v>
      </c>
      <c r="CJ59" s="166">
        <v>0</v>
      </c>
      <c r="CK59" s="166">
        <v>0</v>
      </c>
      <c r="CL59" s="166">
        <v>0</v>
      </c>
      <c r="CM59" s="166">
        <v>0</v>
      </c>
      <c r="CN59" s="166">
        <v>0</v>
      </c>
      <c r="CO59" s="166">
        <v>0</v>
      </c>
      <c r="CP59" s="166">
        <v>0</v>
      </c>
      <c r="CQ59" s="166">
        <v>0</v>
      </c>
      <c r="CR59" s="166">
        <v>0</v>
      </c>
      <c r="CS59" s="166">
        <v>0</v>
      </c>
      <c r="CT59" s="166">
        <v>0</v>
      </c>
      <c r="CU59" s="166">
        <v>0</v>
      </c>
      <c r="CV59" s="166">
        <v>0</v>
      </c>
      <c r="CW59" s="166">
        <v>0</v>
      </c>
      <c r="CX59" s="166">
        <v>0</v>
      </c>
      <c r="CY59" s="166">
        <v>1107273.3092265599</v>
      </c>
      <c r="CZ59" s="166">
        <v>1107273.3092265599</v>
      </c>
    </row>
    <row r="60" spans="1:104" hidden="1" outlineLevel="1" x14ac:dyDescent="0.2">
      <c r="A60" s="167" t="s">
        <v>1053</v>
      </c>
      <c r="B60" s="166">
        <v>6063756.8147083502</v>
      </c>
      <c r="C60" s="166">
        <v>6063756.8147083502</v>
      </c>
      <c r="D60" s="166">
        <v>0</v>
      </c>
      <c r="E60" s="166">
        <v>0</v>
      </c>
      <c r="F60" s="166">
        <v>0</v>
      </c>
      <c r="G60" s="166">
        <v>0</v>
      </c>
      <c r="H60" s="166">
        <v>0</v>
      </c>
      <c r="I60" s="166">
        <v>0</v>
      </c>
      <c r="J60" s="166">
        <v>0</v>
      </c>
      <c r="K60" s="166">
        <v>0</v>
      </c>
      <c r="L60" s="166">
        <v>0</v>
      </c>
      <c r="M60" s="166">
        <v>0</v>
      </c>
      <c r="N60" s="166">
        <v>0</v>
      </c>
      <c r="O60" s="166">
        <v>0</v>
      </c>
      <c r="P60" s="166">
        <v>0</v>
      </c>
      <c r="Q60" s="166">
        <v>0</v>
      </c>
      <c r="R60" s="166">
        <v>0</v>
      </c>
      <c r="S60" s="166">
        <v>0</v>
      </c>
      <c r="T60" s="166">
        <v>0</v>
      </c>
      <c r="U60" s="166">
        <v>0</v>
      </c>
      <c r="V60" s="166">
        <v>0</v>
      </c>
      <c r="W60" s="166">
        <v>0</v>
      </c>
      <c r="X60" s="166">
        <v>0</v>
      </c>
      <c r="Y60" s="166">
        <v>0</v>
      </c>
      <c r="Z60" s="166">
        <v>0</v>
      </c>
      <c r="AA60" s="166">
        <v>0</v>
      </c>
      <c r="AB60" s="166">
        <v>0</v>
      </c>
      <c r="AC60" s="166">
        <v>0</v>
      </c>
      <c r="AD60" s="166">
        <v>0</v>
      </c>
      <c r="AE60" s="166">
        <v>0</v>
      </c>
      <c r="AF60" s="166">
        <v>0</v>
      </c>
      <c r="AG60" s="166">
        <v>0</v>
      </c>
      <c r="AH60" s="166">
        <v>0</v>
      </c>
      <c r="AI60" s="166">
        <v>0</v>
      </c>
      <c r="AJ60" s="166">
        <v>0</v>
      </c>
      <c r="AK60" s="166">
        <v>0</v>
      </c>
      <c r="AL60" s="166">
        <v>0</v>
      </c>
      <c r="AM60" s="166">
        <v>0</v>
      </c>
      <c r="AN60" s="166">
        <v>0</v>
      </c>
      <c r="AO60" s="166">
        <v>0</v>
      </c>
      <c r="AP60" s="166">
        <v>0</v>
      </c>
      <c r="AQ60" s="166">
        <v>0</v>
      </c>
      <c r="AR60" s="166">
        <v>0</v>
      </c>
      <c r="AS60" s="166">
        <v>0</v>
      </c>
      <c r="AT60" s="166">
        <v>0</v>
      </c>
      <c r="AU60" s="166">
        <v>0</v>
      </c>
      <c r="AV60" s="166">
        <v>0</v>
      </c>
      <c r="AW60" s="166">
        <v>0</v>
      </c>
      <c r="AX60" s="166">
        <v>0</v>
      </c>
      <c r="AY60" s="166">
        <v>0</v>
      </c>
      <c r="AZ60" s="166">
        <v>0</v>
      </c>
      <c r="BA60" s="166">
        <v>0</v>
      </c>
      <c r="BB60" s="166">
        <v>0</v>
      </c>
      <c r="BC60" s="166">
        <v>0</v>
      </c>
      <c r="BD60" s="166">
        <v>0</v>
      </c>
      <c r="BE60" s="166">
        <v>0</v>
      </c>
      <c r="BF60" s="166">
        <v>0</v>
      </c>
      <c r="BG60" s="166">
        <v>0</v>
      </c>
      <c r="BH60" s="166">
        <v>0</v>
      </c>
      <c r="BI60" s="166">
        <v>0</v>
      </c>
      <c r="BJ60" s="166">
        <v>0</v>
      </c>
      <c r="BK60" s="166">
        <v>0</v>
      </c>
      <c r="BL60" s="166">
        <v>0</v>
      </c>
      <c r="BM60" s="166">
        <v>0</v>
      </c>
      <c r="BN60" s="166">
        <v>0</v>
      </c>
      <c r="BO60" s="166">
        <v>0</v>
      </c>
      <c r="BP60" s="166">
        <v>0</v>
      </c>
      <c r="BQ60" s="166">
        <v>0</v>
      </c>
      <c r="BR60" s="166">
        <v>6063756.8147083502</v>
      </c>
      <c r="BS60" s="166">
        <v>6063756.8147083502</v>
      </c>
      <c r="BT60" s="168">
        <v>0.95109934560116105</v>
      </c>
      <c r="BU60" s="166">
        <v>426509.87544870802</v>
      </c>
      <c r="BV60" s="166">
        <v>5767235.1383536896</v>
      </c>
      <c r="BW60" s="166">
        <v>0</v>
      </c>
      <c r="BX60" s="166">
        <v>0</v>
      </c>
      <c r="BY60" s="166">
        <v>0</v>
      </c>
      <c r="BZ60" s="166">
        <v>0</v>
      </c>
      <c r="CA60" s="166">
        <v>0</v>
      </c>
      <c r="CB60" s="166">
        <v>0</v>
      </c>
      <c r="CC60" s="166">
        <v>0</v>
      </c>
      <c r="CD60" s="166">
        <v>0</v>
      </c>
      <c r="CE60" s="166">
        <v>0</v>
      </c>
      <c r="CF60" s="166">
        <v>0</v>
      </c>
      <c r="CG60" s="166">
        <v>0</v>
      </c>
      <c r="CH60" s="166">
        <v>0</v>
      </c>
      <c r="CI60" s="166">
        <v>0</v>
      </c>
      <c r="CJ60" s="166">
        <v>0</v>
      </c>
      <c r="CK60" s="166">
        <v>0</v>
      </c>
      <c r="CL60" s="166">
        <v>0</v>
      </c>
      <c r="CM60" s="166">
        <v>0</v>
      </c>
      <c r="CN60" s="166">
        <v>0</v>
      </c>
      <c r="CO60" s="166">
        <v>0</v>
      </c>
      <c r="CP60" s="166">
        <v>0</v>
      </c>
      <c r="CQ60" s="166">
        <v>0</v>
      </c>
      <c r="CR60" s="166">
        <v>0</v>
      </c>
      <c r="CS60" s="166">
        <v>0</v>
      </c>
      <c r="CT60" s="166">
        <v>0</v>
      </c>
      <c r="CU60" s="166">
        <v>0</v>
      </c>
      <c r="CV60" s="166">
        <v>0</v>
      </c>
      <c r="CW60" s="166">
        <v>0</v>
      </c>
      <c r="CX60" s="166">
        <v>0</v>
      </c>
      <c r="CY60" s="166">
        <v>5767235.1383536896</v>
      </c>
      <c r="CZ60" s="166">
        <v>5767235.1383536896</v>
      </c>
    </row>
    <row r="61" spans="1:104" hidden="1" outlineLevel="1" x14ac:dyDescent="0.2">
      <c r="A61" s="167" t="s">
        <v>153</v>
      </c>
      <c r="B61" s="166">
        <v>0</v>
      </c>
      <c r="C61" s="166">
        <v>0</v>
      </c>
      <c r="D61" s="166">
        <v>0</v>
      </c>
      <c r="E61" s="166">
        <v>0</v>
      </c>
      <c r="F61" s="166">
        <v>0</v>
      </c>
      <c r="G61" s="166">
        <v>0</v>
      </c>
      <c r="H61" s="166">
        <v>0</v>
      </c>
      <c r="I61" s="166">
        <v>0</v>
      </c>
      <c r="J61" s="166">
        <v>0</v>
      </c>
      <c r="K61" s="166">
        <v>0</v>
      </c>
      <c r="L61" s="166">
        <v>0</v>
      </c>
      <c r="M61" s="166">
        <v>0</v>
      </c>
      <c r="N61" s="166">
        <v>0</v>
      </c>
      <c r="O61" s="166">
        <v>0</v>
      </c>
      <c r="P61" s="166">
        <v>0</v>
      </c>
      <c r="Q61" s="166">
        <v>0</v>
      </c>
      <c r="R61" s="166">
        <v>0</v>
      </c>
      <c r="S61" s="166">
        <v>0</v>
      </c>
      <c r="T61" s="166">
        <v>0</v>
      </c>
      <c r="U61" s="166">
        <v>0</v>
      </c>
      <c r="V61" s="166">
        <v>0</v>
      </c>
      <c r="W61" s="166">
        <v>0</v>
      </c>
      <c r="X61" s="166">
        <v>0</v>
      </c>
      <c r="Y61" s="166">
        <v>0</v>
      </c>
      <c r="Z61" s="166">
        <v>0</v>
      </c>
      <c r="AA61" s="166">
        <v>0</v>
      </c>
      <c r="AB61" s="166">
        <v>0</v>
      </c>
      <c r="AC61" s="166">
        <v>0</v>
      </c>
      <c r="AD61" s="166">
        <v>0</v>
      </c>
      <c r="AE61" s="166">
        <v>0</v>
      </c>
      <c r="AF61" s="166">
        <v>0</v>
      </c>
      <c r="AG61" s="166">
        <v>0</v>
      </c>
      <c r="AH61" s="166">
        <v>0</v>
      </c>
      <c r="AI61" s="166">
        <v>0</v>
      </c>
      <c r="AJ61" s="166">
        <v>0</v>
      </c>
      <c r="AK61" s="166">
        <v>0</v>
      </c>
      <c r="AL61" s="166">
        <v>0</v>
      </c>
      <c r="AM61" s="166">
        <v>0</v>
      </c>
      <c r="AN61" s="166">
        <v>0</v>
      </c>
      <c r="AO61" s="166">
        <v>0</v>
      </c>
      <c r="AP61" s="166">
        <v>0</v>
      </c>
      <c r="AQ61" s="166">
        <v>0</v>
      </c>
      <c r="AR61" s="166">
        <v>0</v>
      </c>
      <c r="AS61" s="166">
        <v>0</v>
      </c>
      <c r="AT61" s="166">
        <v>0</v>
      </c>
      <c r="AU61" s="166">
        <v>0</v>
      </c>
      <c r="AV61" s="166">
        <v>0</v>
      </c>
      <c r="AW61" s="166">
        <v>0</v>
      </c>
      <c r="AX61" s="166">
        <v>0</v>
      </c>
      <c r="AY61" s="166">
        <v>0</v>
      </c>
      <c r="AZ61" s="166">
        <v>0</v>
      </c>
      <c r="BA61" s="166">
        <v>0</v>
      </c>
      <c r="BB61" s="166">
        <v>0</v>
      </c>
      <c r="BC61" s="166">
        <v>0</v>
      </c>
      <c r="BD61" s="166">
        <v>0</v>
      </c>
      <c r="BE61" s="166">
        <v>0</v>
      </c>
      <c r="BF61" s="166">
        <v>0</v>
      </c>
      <c r="BG61" s="166">
        <v>0</v>
      </c>
      <c r="BH61" s="166">
        <v>0</v>
      </c>
      <c r="BI61" s="166">
        <v>0</v>
      </c>
      <c r="BJ61" s="166">
        <v>0</v>
      </c>
      <c r="BK61" s="166">
        <v>0</v>
      </c>
      <c r="BL61" s="166">
        <v>0</v>
      </c>
      <c r="BM61" s="166">
        <v>0</v>
      </c>
      <c r="BN61" s="166">
        <v>0</v>
      </c>
      <c r="BO61" s="166">
        <v>0</v>
      </c>
      <c r="BP61" s="166">
        <v>0</v>
      </c>
      <c r="BQ61" s="166">
        <v>0</v>
      </c>
      <c r="BR61" s="166">
        <v>0</v>
      </c>
      <c r="BS61" s="166">
        <v>0</v>
      </c>
      <c r="BT61" s="168">
        <v>0.97403133392564201</v>
      </c>
      <c r="BU61" s="166">
        <v>0</v>
      </c>
      <c r="BV61" s="166">
        <v>0</v>
      </c>
      <c r="BW61" s="166">
        <v>0</v>
      </c>
      <c r="BX61" s="166">
        <v>0</v>
      </c>
      <c r="BY61" s="166">
        <v>0</v>
      </c>
      <c r="BZ61" s="166">
        <v>0</v>
      </c>
      <c r="CA61" s="166">
        <v>0</v>
      </c>
      <c r="CB61" s="166">
        <v>0</v>
      </c>
      <c r="CC61" s="166">
        <v>0</v>
      </c>
      <c r="CD61" s="166">
        <v>0</v>
      </c>
      <c r="CE61" s="166">
        <v>0</v>
      </c>
      <c r="CF61" s="166">
        <v>0</v>
      </c>
      <c r="CG61" s="166">
        <v>0</v>
      </c>
      <c r="CH61" s="166">
        <v>0</v>
      </c>
      <c r="CI61" s="166">
        <v>0</v>
      </c>
      <c r="CJ61" s="166">
        <v>0</v>
      </c>
      <c r="CK61" s="166">
        <v>0</v>
      </c>
      <c r="CL61" s="166">
        <v>0</v>
      </c>
      <c r="CM61" s="166">
        <v>0</v>
      </c>
      <c r="CN61" s="166">
        <v>0</v>
      </c>
      <c r="CO61" s="166">
        <v>0</v>
      </c>
      <c r="CP61" s="166">
        <v>0</v>
      </c>
      <c r="CQ61" s="166">
        <v>0</v>
      </c>
      <c r="CR61" s="166">
        <v>0</v>
      </c>
      <c r="CS61" s="166">
        <v>0</v>
      </c>
      <c r="CT61" s="166">
        <v>0</v>
      </c>
      <c r="CU61" s="166">
        <v>0</v>
      </c>
      <c r="CV61" s="166">
        <v>0</v>
      </c>
      <c r="CW61" s="166">
        <v>0</v>
      </c>
      <c r="CX61" s="166">
        <v>0</v>
      </c>
      <c r="CY61" s="166">
        <v>0</v>
      </c>
      <c r="CZ61" s="166">
        <v>0</v>
      </c>
    </row>
    <row r="62" spans="1:104" hidden="1" outlineLevel="1" x14ac:dyDescent="0.2">
      <c r="A62" s="167" t="s">
        <v>154</v>
      </c>
      <c r="B62" s="166">
        <v>45121265.919999897</v>
      </c>
      <c r="C62" s="166">
        <v>45121265.919999897</v>
      </c>
      <c r="D62" s="166">
        <v>0</v>
      </c>
      <c r="E62" s="166">
        <v>0</v>
      </c>
      <c r="F62" s="166">
        <v>0</v>
      </c>
      <c r="G62" s="166">
        <v>0</v>
      </c>
      <c r="H62" s="166">
        <v>0</v>
      </c>
      <c r="I62" s="166">
        <v>0</v>
      </c>
      <c r="J62" s="166">
        <v>0</v>
      </c>
      <c r="K62" s="166">
        <v>0</v>
      </c>
      <c r="L62" s="166">
        <v>0</v>
      </c>
      <c r="M62" s="166">
        <v>0</v>
      </c>
      <c r="N62" s="166">
        <v>0</v>
      </c>
      <c r="O62" s="166">
        <v>0</v>
      </c>
      <c r="P62" s="166">
        <v>0</v>
      </c>
      <c r="Q62" s="166">
        <v>0</v>
      </c>
      <c r="R62" s="166">
        <v>0</v>
      </c>
      <c r="S62" s="166">
        <v>0</v>
      </c>
      <c r="T62" s="166">
        <v>0</v>
      </c>
      <c r="U62" s="166">
        <v>0</v>
      </c>
      <c r="V62" s="166">
        <v>0</v>
      </c>
      <c r="W62" s="166">
        <v>0</v>
      </c>
      <c r="X62" s="166">
        <v>0</v>
      </c>
      <c r="Y62" s="166">
        <v>0</v>
      </c>
      <c r="Z62" s="166">
        <v>0</v>
      </c>
      <c r="AA62" s="166">
        <v>0</v>
      </c>
      <c r="AB62" s="166">
        <v>0</v>
      </c>
      <c r="AC62" s="166">
        <v>0</v>
      </c>
      <c r="AD62" s="166">
        <v>0</v>
      </c>
      <c r="AE62" s="166">
        <v>0</v>
      </c>
      <c r="AF62" s="166">
        <v>0</v>
      </c>
      <c r="AG62" s="166">
        <v>0</v>
      </c>
      <c r="AH62" s="166">
        <v>0</v>
      </c>
      <c r="AI62" s="166">
        <v>0</v>
      </c>
      <c r="AJ62" s="166">
        <v>0</v>
      </c>
      <c r="AK62" s="166">
        <v>0</v>
      </c>
      <c r="AL62" s="166">
        <v>0</v>
      </c>
      <c r="AM62" s="166">
        <v>0</v>
      </c>
      <c r="AN62" s="166">
        <v>0</v>
      </c>
      <c r="AO62" s="166">
        <v>0</v>
      </c>
      <c r="AP62" s="166">
        <v>0</v>
      </c>
      <c r="AQ62" s="166">
        <v>0</v>
      </c>
      <c r="AR62" s="166">
        <v>0</v>
      </c>
      <c r="AS62" s="166">
        <v>0</v>
      </c>
      <c r="AT62" s="166">
        <v>0</v>
      </c>
      <c r="AU62" s="166">
        <v>0</v>
      </c>
      <c r="AV62" s="166">
        <v>0</v>
      </c>
      <c r="AW62" s="166">
        <v>0</v>
      </c>
      <c r="AX62" s="166">
        <v>0</v>
      </c>
      <c r="AY62" s="166">
        <v>0</v>
      </c>
      <c r="AZ62" s="166">
        <v>0</v>
      </c>
      <c r="BA62" s="166">
        <v>0</v>
      </c>
      <c r="BB62" s="166">
        <v>0</v>
      </c>
      <c r="BC62" s="166">
        <v>0</v>
      </c>
      <c r="BD62" s="166">
        <v>0</v>
      </c>
      <c r="BE62" s="166">
        <v>0</v>
      </c>
      <c r="BF62" s="166">
        <v>0</v>
      </c>
      <c r="BG62" s="166">
        <v>0</v>
      </c>
      <c r="BH62" s="166">
        <v>0</v>
      </c>
      <c r="BI62" s="166">
        <v>0</v>
      </c>
      <c r="BJ62" s="166">
        <v>0</v>
      </c>
      <c r="BK62" s="166">
        <v>0</v>
      </c>
      <c r="BL62" s="166">
        <v>0</v>
      </c>
      <c r="BM62" s="166">
        <v>0</v>
      </c>
      <c r="BN62" s="166">
        <v>0</v>
      </c>
      <c r="BO62" s="166">
        <v>0</v>
      </c>
      <c r="BP62" s="166">
        <v>0</v>
      </c>
      <c r="BQ62" s="166">
        <v>0</v>
      </c>
      <c r="BR62" s="166">
        <v>45121265.919999897</v>
      </c>
      <c r="BS62" s="166">
        <v>45121265.919999897</v>
      </c>
      <c r="BT62" s="168">
        <v>0</v>
      </c>
      <c r="BU62" s="166">
        <v>3854418.74036262</v>
      </c>
      <c r="BV62" s="166">
        <v>43753456.497180499</v>
      </c>
      <c r="BW62" s="166">
        <v>0</v>
      </c>
      <c r="BX62" s="166">
        <v>0</v>
      </c>
      <c r="BY62" s="166">
        <v>0</v>
      </c>
      <c r="BZ62" s="166">
        <v>0</v>
      </c>
      <c r="CA62" s="166">
        <v>0</v>
      </c>
      <c r="CB62" s="166">
        <v>0</v>
      </c>
      <c r="CC62" s="166">
        <v>0</v>
      </c>
      <c r="CD62" s="166">
        <v>0</v>
      </c>
      <c r="CE62" s="166">
        <v>0</v>
      </c>
      <c r="CF62" s="166">
        <v>0</v>
      </c>
      <c r="CG62" s="166">
        <v>0</v>
      </c>
      <c r="CH62" s="166">
        <v>0</v>
      </c>
      <c r="CI62" s="166">
        <v>0</v>
      </c>
      <c r="CJ62" s="166">
        <v>0</v>
      </c>
      <c r="CK62" s="166">
        <v>0</v>
      </c>
      <c r="CL62" s="166">
        <v>0</v>
      </c>
      <c r="CM62" s="166">
        <v>0</v>
      </c>
      <c r="CN62" s="166">
        <v>0</v>
      </c>
      <c r="CO62" s="166">
        <v>0</v>
      </c>
      <c r="CP62" s="166">
        <v>0</v>
      </c>
      <c r="CQ62" s="166">
        <v>0</v>
      </c>
      <c r="CR62" s="166">
        <v>0</v>
      </c>
      <c r="CS62" s="166">
        <v>0</v>
      </c>
      <c r="CT62" s="166">
        <v>0</v>
      </c>
      <c r="CU62" s="166">
        <v>0</v>
      </c>
      <c r="CV62" s="166">
        <v>0</v>
      </c>
      <c r="CW62" s="166">
        <v>0</v>
      </c>
      <c r="CX62" s="166">
        <v>0</v>
      </c>
      <c r="CY62" s="166">
        <v>43753456.497180499</v>
      </c>
      <c r="CZ62" s="166">
        <v>43753456.497180499</v>
      </c>
    </row>
    <row r="63" spans="1:104" hidden="1" outlineLevel="1" x14ac:dyDescent="0.2">
      <c r="A63" s="167" t="s">
        <v>1054</v>
      </c>
    </row>
    <row r="64" spans="1:104" hidden="1" outlineLevel="1" x14ac:dyDescent="0.2">
      <c r="A64" s="167" t="s">
        <v>1055</v>
      </c>
      <c r="B64" s="166">
        <v>42785652.111920699</v>
      </c>
      <c r="C64" s="166">
        <v>42785652.111920699</v>
      </c>
      <c r="D64" s="166">
        <v>0</v>
      </c>
      <c r="E64" s="166">
        <v>0</v>
      </c>
      <c r="F64" s="166">
        <v>0</v>
      </c>
      <c r="G64" s="166">
        <v>0</v>
      </c>
      <c r="H64" s="166">
        <v>0</v>
      </c>
      <c r="I64" s="166">
        <v>0</v>
      </c>
      <c r="J64" s="166">
        <v>0</v>
      </c>
      <c r="K64" s="166">
        <v>0</v>
      </c>
      <c r="L64" s="166">
        <v>0</v>
      </c>
      <c r="M64" s="166">
        <v>0</v>
      </c>
      <c r="N64" s="166">
        <v>0</v>
      </c>
      <c r="O64" s="166">
        <v>0</v>
      </c>
      <c r="P64" s="166">
        <v>0</v>
      </c>
      <c r="Q64" s="166">
        <v>0</v>
      </c>
      <c r="R64" s="166">
        <v>0</v>
      </c>
      <c r="S64" s="166">
        <v>0</v>
      </c>
      <c r="T64" s="166">
        <v>0</v>
      </c>
      <c r="U64" s="166">
        <v>0</v>
      </c>
      <c r="V64" s="166">
        <v>0</v>
      </c>
      <c r="W64" s="166">
        <v>0</v>
      </c>
      <c r="X64" s="166">
        <v>0</v>
      </c>
      <c r="Y64" s="166">
        <v>0</v>
      </c>
      <c r="Z64" s="166">
        <v>0</v>
      </c>
      <c r="AA64" s="166">
        <v>0</v>
      </c>
      <c r="AB64" s="166">
        <v>0</v>
      </c>
      <c r="AC64" s="166">
        <v>0</v>
      </c>
      <c r="AD64" s="166">
        <v>0</v>
      </c>
      <c r="AE64" s="166">
        <v>0</v>
      </c>
      <c r="AF64" s="166">
        <v>0</v>
      </c>
      <c r="AG64" s="166">
        <v>0</v>
      </c>
      <c r="AH64" s="166">
        <v>0</v>
      </c>
      <c r="AI64" s="166">
        <v>0</v>
      </c>
      <c r="AJ64" s="166">
        <v>0</v>
      </c>
      <c r="AK64" s="166">
        <v>0</v>
      </c>
      <c r="AL64" s="166">
        <v>0</v>
      </c>
      <c r="AM64" s="166">
        <v>0</v>
      </c>
      <c r="AN64" s="166">
        <v>0</v>
      </c>
      <c r="AO64" s="166">
        <v>0</v>
      </c>
      <c r="AP64" s="166">
        <v>0</v>
      </c>
      <c r="AQ64" s="166">
        <v>0</v>
      </c>
      <c r="AR64" s="166">
        <v>0</v>
      </c>
      <c r="AS64" s="166">
        <v>0</v>
      </c>
      <c r="AT64" s="166">
        <v>0</v>
      </c>
      <c r="AU64" s="166">
        <v>0</v>
      </c>
      <c r="AV64" s="166">
        <v>0</v>
      </c>
      <c r="AW64" s="166">
        <v>0</v>
      </c>
      <c r="AX64" s="166">
        <v>0</v>
      </c>
      <c r="AY64" s="166">
        <v>0</v>
      </c>
      <c r="AZ64" s="166">
        <v>0</v>
      </c>
      <c r="BA64" s="166">
        <v>0</v>
      </c>
      <c r="BB64" s="166">
        <v>0</v>
      </c>
      <c r="BC64" s="166">
        <v>0</v>
      </c>
      <c r="BD64" s="166">
        <v>0</v>
      </c>
      <c r="BE64" s="166">
        <v>0</v>
      </c>
      <c r="BF64" s="166">
        <v>0</v>
      </c>
      <c r="BG64" s="166">
        <v>0</v>
      </c>
      <c r="BH64" s="166">
        <v>0</v>
      </c>
      <c r="BI64" s="166">
        <v>0</v>
      </c>
      <c r="BJ64" s="166">
        <v>0</v>
      </c>
      <c r="BK64" s="166">
        <v>0</v>
      </c>
      <c r="BL64" s="166">
        <v>0</v>
      </c>
      <c r="BM64" s="166">
        <v>0</v>
      </c>
      <c r="BN64" s="166">
        <v>0</v>
      </c>
      <c r="BO64" s="166">
        <v>0</v>
      </c>
      <c r="BP64" s="166">
        <v>0</v>
      </c>
      <c r="BQ64" s="166">
        <v>0</v>
      </c>
      <c r="BR64" s="166">
        <v>42785652.111920699</v>
      </c>
      <c r="BS64" s="166">
        <v>42785652.111920699</v>
      </c>
      <c r="BT64" s="168">
        <v>0.98855217689263197</v>
      </c>
      <c r="BU64" s="166">
        <v>5731930.54217928</v>
      </c>
      <c r="BV64" s="166">
        <v>42295849.535010099</v>
      </c>
      <c r="BW64" s="166">
        <v>0</v>
      </c>
      <c r="BX64" s="166">
        <v>0</v>
      </c>
      <c r="BY64" s="166">
        <v>0</v>
      </c>
      <c r="BZ64" s="166">
        <v>0</v>
      </c>
      <c r="CA64" s="166">
        <v>0</v>
      </c>
      <c r="CB64" s="166">
        <v>0</v>
      </c>
      <c r="CC64" s="166">
        <v>0</v>
      </c>
      <c r="CD64" s="166">
        <v>0</v>
      </c>
      <c r="CE64" s="166">
        <v>0</v>
      </c>
      <c r="CF64" s="166">
        <v>0</v>
      </c>
      <c r="CG64" s="166">
        <v>0</v>
      </c>
      <c r="CH64" s="166">
        <v>0</v>
      </c>
      <c r="CI64" s="166">
        <v>0</v>
      </c>
      <c r="CJ64" s="166">
        <v>0</v>
      </c>
      <c r="CK64" s="166">
        <v>0</v>
      </c>
      <c r="CL64" s="166">
        <v>0</v>
      </c>
      <c r="CM64" s="166">
        <v>0</v>
      </c>
      <c r="CN64" s="166">
        <v>0</v>
      </c>
      <c r="CO64" s="166">
        <v>0</v>
      </c>
      <c r="CP64" s="166">
        <v>0</v>
      </c>
      <c r="CQ64" s="166">
        <v>0</v>
      </c>
      <c r="CR64" s="166">
        <v>0</v>
      </c>
      <c r="CS64" s="166">
        <v>0</v>
      </c>
      <c r="CT64" s="166">
        <v>0</v>
      </c>
      <c r="CU64" s="166">
        <v>0</v>
      </c>
      <c r="CV64" s="166">
        <v>0</v>
      </c>
      <c r="CW64" s="166">
        <v>0</v>
      </c>
      <c r="CX64" s="166">
        <v>0</v>
      </c>
      <c r="CY64" s="166">
        <v>42295849.535010099</v>
      </c>
      <c r="CZ64" s="166">
        <v>42295849.535010099</v>
      </c>
    </row>
    <row r="65" spans="1:104" hidden="1" outlineLevel="1" x14ac:dyDescent="0.2">
      <c r="A65" s="167" t="s">
        <v>1056</v>
      </c>
      <c r="B65" s="166">
        <v>1938146.7932648601</v>
      </c>
      <c r="C65" s="166">
        <v>1938146.7932648601</v>
      </c>
      <c r="D65" s="166">
        <v>0</v>
      </c>
      <c r="E65" s="166">
        <v>0</v>
      </c>
      <c r="F65" s="166">
        <v>0</v>
      </c>
      <c r="G65" s="166">
        <v>0</v>
      </c>
      <c r="H65" s="166">
        <v>0</v>
      </c>
      <c r="I65" s="166">
        <v>0</v>
      </c>
      <c r="J65" s="166">
        <v>0</v>
      </c>
      <c r="K65" s="166">
        <v>0</v>
      </c>
      <c r="L65" s="166">
        <v>0</v>
      </c>
      <c r="M65" s="166">
        <v>0</v>
      </c>
      <c r="N65" s="166">
        <v>0</v>
      </c>
      <c r="O65" s="166">
        <v>0</v>
      </c>
      <c r="P65" s="166">
        <v>0</v>
      </c>
      <c r="Q65" s="166">
        <v>0</v>
      </c>
      <c r="R65" s="166">
        <v>0</v>
      </c>
      <c r="S65" s="166">
        <v>0</v>
      </c>
      <c r="T65" s="166">
        <v>0</v>
      </c>
      <c r="U65" s="166">
        <v>0</v>
      </c>
      <c r="V65" s="166">
        <v>0</v>
      </c>
      <c r="W65" s="166">
        <v>0</v>
      </c>
      <c r="X65" s="166">
        <v>0</v>
      </c>
      <c r="Y65" s="166">
        <v>0</v>
      </c>
      <c r="Z65" s="166">
        <v>0</v>
      </c>
      <c r="AA65" s="166">
        <v>0</v>
      </c>
      <c r="AB65" s="166">
        <v>0</v>
      </c>
      <c r="AC65" s="166">
        <v>0</v>
      </c>
      <c r="AD65" s="166">
        <v>0</v>
      </c>
      <c r="AE65" s="166">
        <v>0</v>
      </c>
      <c r="AF65" s="166">
        <v>0</v>
      </c>
      <c r="AG65" s="166">
        <v>0</v>
      </c>
      <c r="AH65" s="166">
        <v>0</v>
      </c>
      <c r="AI65" s="166">
        <v>0</v>
      </c>
      <c r="AJ65" s="166">
        <v>0</v>
      </c>
      <c r="AK65" s="166">
        <v>0</v>
      </c>
      <c r="AL65" s="166">
        <v>0</v>
      </c>
      <c r="AM65" s="166">
        <v>0</v>
      </c>
      <c r="AN65" s="166">
        <v>0</v>
      </c>
      <c r="AO65" s="166">
        <v>0</v>
      </c>
      <c r="AP65" s="166">
        <v>0</v>
      </c>
      <c r="AQ65" s="166">
        <v>0</v>
      </c>
      <c r="AR65" s="166">
        <v>0</v>
      </c>
      <c r="AS65" s="166">
        <v>0</v>
      </c>
      <c r="AT65" s="166">
        <v>0</v>
      </c>
      <c r="AU65" s="166">
        <v>0</v>
      </c>
      <c r="AV65" s="166">
        <v>0</v>
      </c>
      <c r="AW65" s="166">
        <v>0</v>
      </c>
      <c r="AX65" s="166">
        <v>0</v>
      </c>
      <c r="AY65" s="166">
        <v>0</v>
      </c>
      <c r="AZ65" s="166">
        <v>0</v>
      </c>
      <c r="BA65" s="166">
        <v>0</v>
      </c>
      <c r="BB65" s="166">
        <v>0</v>
      </c>
      <c r="BC65" s="166">
        <v>0</v>
      </c>
      <c r="BD65" s="166">
        <v>0</v>
      </c>
      <c r="BE65" s="166">
        <v>0</v>
      </c>
      <c r="BF65" s="166">
        <v>0</v>
      </c>
      <c r="BG65" s="166">
        <v>0</v>
      </c>
      <c r="BH65" s="166">
        <v>0</v>
      </c>
      <c r="BI65" s="166">
        <v>0</v>
      </c>
      <c r="BJ65" s="166">
        <v>0</v>
      </c>
      <c r="BK65" s="166">
        <v>0</v>
      </c>
      <c r="BL65" s="166">
        <v>0</v>
      </c>
      <c r="BM65" s="166">
        <v>0</v>
      </c>
      <c r="BN65" s="166">
        <v>0</v>
      </c>
      <c r="BO65" s="166">
        <v>0</v>
      </c>
      <c r="BP65" s="166">
        <v>0</v>
      </c>
      <c r="BQ65" s="166">
        <v>0</v>
      </c>
      <c r="BR65" s="166">
        <v>1938146.7932648601</v>
      </c>
      <c r="BS65" s="166">
        <v>1938146.7932648601</v>
      </c>
      <c r="BT65" s="168">
        <v>0.94121267347791104</v>
      </c>
      <c r="BU65" s="166">
        <v>149610.956544624</v>
      </c>
      <c r="BV65" s="166">
        <v>1824208.3248814601</v>
      </c>
      <c r="BW65" s="166">
        <v>0</v>
      </c>
      <c r="BX65" s="166">
        <v>0</v>
      </c>
      <c r="BY65" s="166">
        <v>0</v>
      </c>
      <c r="BZ65" s="166">
        <v>0</v>
      </c>
      <c r="CA65" s="166">
        <v>0</v>
      </c>
      <c r="CB65" s="166">
        <v>0</v>
      </c>
      <c r="CC65" s="166">
        <v>0</v>
      </c>
      <c r="CD65" s="166">
        <v>0</v>
      </c>
      <c r="CE65" s="166">
        <v>0</v>
      </c>
      <c r="CF65" s="166">
        <v>0</v>
      </c>
      <c r="CG65" s="166">
        <v>0</v>
      </c>
      <c r="CH65" s="166">
        <v>0</v>
      </c>
      <c r="CI65" s="166">
        <v>0</v>
      </c>
      <c r="CJ65" s="166">
        <v>0</v>
      </c>
      <c r="CK65" s="166">
        <v>0</v>
      </c>
      <c r="CL65" s="166">
        <v>0</v>
      </c>
      <c r="CM65" s="166">
        <v>0</v>
      </c>
      <c r="CN65" s="166">
        <v>0</v>
      </c>
      <c r="CO65" s="166">
        <v>0</v>
      </c>
      <c r="CP65" s="166">
        <v>0</v>
      </c>
      <c r="CQ65" s="166">
        <v>0</v>
      </c>
      <c r="CR65" s="166">
        <v>0</v>
      </c>
      <c r="CS65" s="166">
        <v>0</v>
      </c>
      <c r="CT65" s="166">
        <v>0</v>
      </c>
      <c r="CU65" s="166">
        <v>0</v>
      </c>
      <c r="CV65" s="166">
        <v>0</v>
      </c>
      <c r="CW65" s="166">
        <v>0</v>
      </c>
      <c r="CX65" s="166">
        <v>0</v>
      </c>
      <c r="CY65" s="166">
        <v>1824208.3248814601</v>
      </c>
      <c r="CZ65" s="166">
        <v>1824208.3248814601</v>
      </c>
    </row>
    <row r="66" spans="1:104" hidden="1" outlineLevel="1" x14ac:dyDescent="0.2">
      <c r="A66" s="167" t="s">
        <v>1057</v>
      </c>
      <c r="B66" s="166">
        <v>13334918.3462124</v>
      </c>
      <c r="C66" s="166">
        <v>13334918.3462124</v>
      </c>
      <c r="D66" s="166">
        <v>0</v>
      </c>
      <c r="E66" s="166">
        <v>0</v>
      </c>
      <c r="F66" s="166">
        <v>0</v>
      </c>
      <c r="G66" s="166">
        <v>0</v>
      </c>
      <c r="H66" s="166">
        <v>0</v>
      </c>
      <c r="I66" s="166">
        <v>0</v>
      </c>
      <c r="J66" s="166">
        <v>0</v>
      </c>
      <c r="K66" s="166">
        <v>0</v>
      </c>
      <c r="L66" s="166">
        <v>0</v>
      </c>
      <c r="M66" s="166">
        <v>0</v>
      </c>
      <c r="N66" s="166">
        <v>0</v>
      </c>
      <c r="O66" s="166">
        <v>0</v>
      </c>
      <c r="P66" s="166">
        <v>0</v>
      </c>
      <c r="Q66" s="166">
        <v>0</v>
      </c>
      <c r="R66" s="166">
        <v>0</v>
      </c>
      <c r="S66" s="166">
        <v>0</v>
      </c>
      <c r="T66" s="166">
        <v>0</v>
      </c>
      <c r="U66" s="166">
        <v>0</v>
      </c>
      <c r="V66" s="166">
        <v>0</v>
      </c>
      <c r="W66" s="166">
        <v>0</v>
      </c>
      <c r="X66" s="166">
        <v>0</v>
      </c>
      <c r="Y66" s="166">
        <v>0</v>
      </c>
      <c r="Z66" s="166">
        <v>0</v>
      </c>
      <c r="AA66" s="166">
        <v>0</v>
      </c>
      <c r="AB66" s="166">
        <v>0</v>
      </c>
      <c r="AC66" s="166">
        <v>0</v>
      </c>
      <c r="AD66" s="166">
        <v>0</v>
      </c>
      <c r="AE66" s="166">
        <v>0</v>
      </c>
      <c r="AF66" s="166">
        <v>0</v>
      </c>
      <c r="AG66" s="166">
        <v>0</v>
      </c>
      <c r="AH66" s="166">
        <v>0</v>
      </c>
      <c r="AI66" s="166">
        <v>0</v>
      </c>
      <c r="AJ66" s="166">
        <v>0</v>
      </c>
      <c r="AK66" s="166">
        <v>0</v>
      </c>
      <c r="AL66" s="166">
        <v>0</v>
      </c>
      <c r="AM66" s="166">
        <v>0</v>
      </c>
      <c r="AN66" s="166">
        <v>0</v>
      </c>
      <c r="AO66" s="166">
        <v>0</v>
      </c>
      <c r="AP66" s="166">
        <v>0</v>
      </c>
      <c r="AQ66" s="166">
        <v>0</v>
      </c>
      <c r="AR66" s="166">
        <v>0</v>
      </c>
      <c r="AS66" s="166">
        <v>0</v>
      </c>
      <c r="AT66" s="166">
        <v>0</v>
      </c>
      <c r="AU66" s="166">
        <v>0</v>
      </c>
      <c r="AV66" s="166">
        <v>0</v>
      </c>
      <c r="AW66" s="166">
        <v>0</v>
      </c>
      <c r="AX66" s="166">
        <v>0</v>
      </c>
      <c r="AY66" s="166">
        <v>0</v>
      </c>
      <c r="AZ66" s="166">
        <v>0</v>
      </c>
      <c r="BA66" s="166">
        <v>0</v>
      </c>
      <c r="BB66" s="166">
        <v>0</v>
      </c>
      <c r="BC66" s="166">
        <v>0</v>
      </c>
      <c r="BD66" s="166">
        <v>0</v>
      </c>
      <c r="BE66" s="166">
        <v>0</v>
      </c>
      <c r="BF66" s="166">
        <v>0</v>
      </c>
      <c r="BG66" s="166">
        <v>0</v>
      </c>
      <c r="BH66" s="166">
        <v>0</v>
      </c>
      <c r="BI66" s="166">
        <v>0</v>
      </c>
      <c r="BJ66" s="166">
        <v>0</v>
      </c>
      <c r="BK66" s="166">
        <v>0</v>
      </c>
      <c r="BL66" s="166">
        <v>0</v>
      </c>
      <c r="BM66" s="166">
        <v>0</v>
      </c>
      <c r="BN66" s="166">
        <v>0</v>
      </c>
      <c r="BO66" s="166">
        <v>0</v>
      </c>
      <c r="BP66" s="166">
        <v>0</v>
      </c>
      <c r="BQ66" s="166">
        <v>0</v>
      </c>
      <c r="BR66" s="166">
        <v>13334918.3462124</v>
      </c>
      <c r="BS66" s="166">
        <v>13334918.3462124</v>
      </c>
      <c r="BT66" s="168">
        <v>0.97876128996601397</v>
      </c>
      <c r="BU66" s="166">
        <v>1164798.5483731299</v>
      </c>
      <c r="BV66" s="166">
        <v>13051701.882130301</v>
      </c>
      <c r="BW66" s="166">
        <v>0</v>
      </c>
      <c r="BX66" s="166">
        <v>0</v>
      </c>
      <c r="BY66" s="166">
        <v>0</v>
      </c>
      <c r="BZ66" s="166">
        <v>0</v>
      </c>
      <c r="CA66" s="166">
        <v>0</v>
      </c>
      <c r="CB66" s="166">
        <v>0</v>
      </c>
      <c r="CC66" s="166">
        <v>0</v>
      </c>
      <c r="CD66" s="166">
        <v>0</v>
      </c>
      <c r="CE66" s="166">
        <v>0</v>
      </c>
      <c r="CF66" s="166">
        <v>0</v>
      </c>
      <c r="CG66" s="166">
        <v>0</v>
      </c>
      <c r="CH66" s="166">
        <v>0</v>
      </c>
      <c r="CI66" s="166">
        <v>0</v>
      </c>
      <c r="CJ66" s="166">
        <v>0</v>
      </c>
      <c r="CK66" s="166">
        <v>0</v>
      </c>
      <c r="CL66" s="166">
        <v>0</v>
      </c>
      <c r="CM66" s="166">
        <v>0</v>
      </c>
      <c r="CN66" s="166">
        <v>0</v>
      </c>
      <c r="CO66" s="166">
        <v>0</v>
      </c>
      <c r="CP66" s="166">
        <v>0</v>
      </c>
      <c r="CQ66" s="166">
        <v>0</v>
      </c>
      <c r="CR66" s="166">
        <v>0</v>
      </c>
      <c r="CS66" s="166">
        <v>0</v>
      </c>
      <c r="CT66" s="166">
        <v>0</v>
      </c>
      <c r="CU66" s="166">
        <v>0</v>
      </c>
      <c r="CV66" s="166">
        <v>0</v>
      </c>
      <c r="CW66" s="166">
        <v>0</v>
      </c>
      <c r="CX66" s="166">
        <v>0</v>
      </c>
      <c r="CY66" s="166">
        <v>13051701.882130301</v>
      </c>
      <c r="CZ66" s="166">
        <v>13051701.882130301</v>
      </c>
    </row>
    <row r="67" spans="1:104" hidden="1" outlineLevel="1" x14ac:dyDescent="0.2">
      <c r="A67" s="167" t="s">
        <v>159</v>
      </c>
      <c r="B67" s="166">
        <v>13514.3586020072</v>
      </c>
      <c r="C67" s="166">
        <v>13514.3586020072</v>
      </c>
      <c r="D67" s="166">
        <v>0</v>
      </c>
      <c r="E67" s="166">
        <v>0</v>
      </c>
      <c r="F67" s="166">
        <v>0</v>
      </c>
      <c r="G67" s="166">
        <v>0</v>
      </c>
      <c r="H67" s="166">
        <v>0</v>
      </c>
      <c r="I67" s="166">
        <v>0</v>
      </c>
      <c r="J67" s="166">
        <v>0</v>
      </c>
      <c r="K67" s="166">
        <v>0</v>
      </c>
      <c r="L67" s="166">
        <v>0</v>
      </c>
      <c r="M67" s="166">
        <v>0</v>
      </c>
      <c r="N67" s="166">
        <v>0</v>
      </c>
      <c r="O67" s="166">
        <v>0</v>
      </c>
      <c r="P67" s="166">
        <v>0</v>
      </c>
      <c r="Q67" s="166">
        <v>0</v>
      </c>
      <c r="R67" s="166">
        <v>0</v>
      </c>
      <c r="S67" s="166">
        <v>0</v>
      </c>
      <c r="T67" s="166">
        <v>0</v>
      </c>
      <c r="U67" s="166">
        <v>0</v>
      </c>
      <c r="V67" s="166">
        <v>0</v>
      </c>
      <c r="W67" s="166">
        <v>0</v>
      </c>
      <c r="X67" s="166">
        <v>0</v>
      </c>
      <c r="Y67" s="166">
        <v>0</v>
      </c>
      <c r="Z67" s="166">
        <v>0</v>
      </c>
      <c r="AA67" s="166">
        <v>0</v>
      </c>
      <c r="AB67" s="166">
        <v>0</v>
      </c>
      <c r="AC67" s="166">
        <v>0</v>
      </c>
      <c r="AD67" s="166">
        <v>0</v>
      </c>
      <c r="AE67" s="166">
        <v>0</v>
      </c>
      <c r="AF67" s="166">
        <v>0</v>
      </c>
      <c r="AG67" s="166">
        <v>0</v>
      </c>
      <c r="AH67" s="166">
        <v>0</v>
      </c>
      <c r="AI67" s="166">
        <v>0</v>
      </c>
      <c r="AJ67" s="166">
        <v>0</v>
      </c>
      <c r="AK67" s="166">
        <v>0</v>
      </c>
      <c r="AL67" s="166">
        <v>0</v>
      </c>
      <c r="AM67" s="166">
        <v>0</v>
      </c>
      <c r="AN67" s="166">
        <v>0</v>
      </c>
      <c r="AO67" s="166">
        <v>0</v>
      </c>
      <c r="AP67" s="166">
        <v>0</v>
      </c>
      <c r="AQ67" s="166">
        <v>0</v>
      </c>
      <c r="AR67" s="166">
        <v>0</v>
      </c>
      <c r="AS67" s="166">
        <v>0</v>
      </c>
      <c r="AT67" s="166">
        <v>0</v>
      </c>
      <c r="AU67" s="166">
        <v>0</v>
      </c>
      <c r="AV67" s="166">
        <v>0</v>
      </c>
      <c r="AW67" s="166">
        <v>0</v>
      </c>
      <c r="AX67" s="166">
        <v>0</v>
      </c>
      <c r="AY67" s="166">
        <v>0</v>
      </c>
      <c r="AZ67" s="166">
        <v>0</v>
      </c>
      <c r="BA67" s="166">
        <v>0</v>
      </c>
      <c r="BB67" s="166">
        <v>0</v>
      </c>
      <c r="BC67" s="166">
        <v>0</v>
      </c>
      <c r="BD67" s="166">
        <v>0</v>
      </c>
      <c r="BE67" s="166">
        <v>0</v>
      </c>
      <c r="BF67" s="166">
        <v>0</v>
      </c>
      <c r="BG67" s="166">
        <v>0</v>
      </c>
      <c r="BH67" s="166">
        <v>0</v>
      </c>
      <c r="BI67" s="166">
        <v>0</v>
      </c>
      <c r="BJ67" s="166">
        <v>0</v>
      </c>
      <c r="BK67" s="166">
        <v>0</v>
      </c>
      <c r="BL67" s="166">
        <v>0</v>
      </c>
      <c r="BM67" s="166">
        <v>0</v>
      </c>
      <c r="BN67" s="166">
        <v>0</v>
      </c>
      <c r="BO67" s="166">
        <v>0</v>
      </c>
      <c r="BP67" s="166">
        <v>0</v>
      </c>
      <c r="BQ67" s="166">
        <v>0</v>
      </c>
      <c r="BR67" s="166">
        <v>13514.3586020072</v>
      </c>
      <c r="BS67" s="166">
        <v>13514.3586020072</v>
      </c>
      <c r="BT67" s="168">
        <v>0.98855217689263197</v>
      </c>
      <c r="BU67" s="166">
        <v>1582.3865220027201</v>
      </c>
      <c r="BV67" s="166">
        <v>13359.648615321899</v>
      </c>
      <c r="BW67" s="166">
        <v>0</v>
      </c>
      <c r="BX67" s="166">
        <v>0</v>
      </c>
      <c r="BY67" s="166">
        <v>0</v>
      </c>
      <c r="BZ67" s="166">
        <v>0</v>
      </c>
      <c r="CA67" s="166">
        <v>0</v>
      </c>
      <c r="CB67" s="166">
        <v>0</v>
      </c>
      <c r="CC67" s="166">
        <v>0</v>
      </c>
      <c r="CD67" s="166">
        <v>0</v>
      </c>
      <c r="CE67" s="166">
        <v>0</v>
      </c>
      <c r="CF67" s="166">
        <v>0</v>
      </c>
      <c r="CG67" s="166">
        <v>0</v>
      </c>
      <c r="CH67" s="166">
        <v>0</v>
      </c>
      <c r="CI67" s="166">
        <v>0</v>
      </c>
      <c r="CJ67" s="166">
        <v>0</v>
      </c>
      <c r="CK67" s="166">
        <v>0</v>
      </c>
      <c r="CL67" s="166">
        <v>0</v>
      </c>
      <c r="CM67" s="166">
        <v>0</v>
      </c>
      <c r="CN67" s="166">
        <v>0</v>
      </c>
      <c r="CO67" s="166">
        <v>0</v>
      </c>
      <c r="CP67" s="166">
        <v>0</v>
      </c>
      <c r="CQ67" s="166">
        <v>0</v>
      </c>
      <c r="CR67" s="166">
        <v>0</v>
      </c>
      <c r="CS67" s="166">
        <v>0</v>
      </c>
      <c r="CT67" s="166">
        <v>0</v>
      </c>
      <c r="CU67" s="166">
        <v>0</v>
      </c>
      <c r="CV67" s="166">
        <v>0</v>
      </c>
      <c r="CW67" s="166">
        <v>0</v>
      </c>
      <c r="CX67" s="166">
        <v>0</v>
      </c>
      <c r="CY67" s="166">
        <v>13359.648615321899</v>
      </c>
      <c r="CZ67" s="166">
        <v>13359.648615321899</v>
      </c>
    </row>
    <row r="68" spans="1:104" hidden="1" outlineLevel="1" x14ac:dyDescent="0.2">
      <c r="A68" s="167" t="s">
        <v>160</v>
      </c>
      <c r="B68" s="166">
        <v>58072231.609999999</v>
      </c>
      <c r="C68" s="166">
        <v>58072231.609999999</v>
      </c>
      <c r="D68" s="166">
        <v>0</v>
      </c>
      <c r="E68" s="166">
        <v>0</v>
      </c>
      <c r="F68" s="166">
        <v>0</v>
      </c>
      <c r="G68" s="166">
        <v>0</v>
      </c>
      <c r="H68" s="166">
        <v>0</v>
      </c>
      <c r="I68" s="166">
        <v>0</v>
      </c>
      <c r="J68" s="166">
        <v>0</v>
      </c>
      <c r="K68" s="166">
        <v>0</v>
      </c>
      <c r="L68" s="166">
        <v>0</v>
      </c>
      <c r="M68" s="166">
        <v>0</v>
      </c>
      <c r="N68" s="166">
        <v>0</v>
      </c>
      <c r="O68" s="166">
        <v>0</v>
      </c>
      <c r="P68" s="166">
        <v>0</v>
      </c>
      <c r="Q68" s="166">
        <v>0</v>
      </c>
      <c r="R68" s="166">
        <v>0</v>
      </c>
      <c r="S68" s="166">
        <v>0</v>
      </c>
      <c r="T68" s="166">
        <v>0</v>
      </c>
      <c r="U68" s="166">
        <v>0</v>
      </c>
      <c r="V68" s="166">
        <v>0</v>
      </c>
      <c r="W68" s="166">
        <v>0</v>
      </c>
      <c r="X68" s="166">
        <v>0</v>
      </c>
      <c r="Y68" s="166">
        <v>0</v>
      </c>
      <c r="Z68" s="166">
        <v>0</v>
      </c>
      <c r="AA68" s="166">
        <v>0</v>
      </c>
      <c r="AB68" s="166">
        <v>0</v>
      </c>
      <c r="AC68" s="166">
        <v>0</v>
      </c>
      <c r="AD68" s="166">
        <v>0</v>
      </c>
      <c r="AE68" s="166">
        <v>0</v>
      </c>
      <c r="AF68" s="166">
        <v>0</v>
      </c>
      <c r="AG68" s="166">
        <v>0</v>
      </c>
      <c r="AH68" s="166">
        <v>0</v>
      </c>
      <c r="AI68" s="166">
        <v>0</v>
      </c>
      <c r="AJ68" s="166">
        <v>0</v>
      </c>
      <c r="AK68" s="166">
        <v>0</v>
      </c>
      <c r="AL68" s="166">
        <v>0</v>
      </c>
      <c r="AM68" s="166">
        <v>0</v>
      </c>
      <c r="AN68" s="166">
        <v>0</v>
      </c>
      <c r="AO68" s="166">
        <v>0</v>
      </c>
      <c r="AP68" s="166">
        <v>0</v>
      </c>
      <c r="AQ68" s="166">
        <v>0</v>
      </c>
      <c r="AR68" s="166">
        <v>0</v>
      </c>
      <c r="AS68" s="166">
        <v>0</v>
      </c>
      <c r="AT68" s="166">
        <v>0</v>
      </c>
      <c r="AU68" s="166">
        <v>0</v>
      </c>
      <c r="AV68" s="166">
        <v>0</v>
      </c>
      <c r="AW68" s="166">
        <v>0</v>
      </c>
      <c r="AX68" s="166">
        <v>0</v>
      </c>
      <c r="AY68" s="166">
        <v>0</v>
      </c>
      <c r="AZ68" s="166">
        <v>0</v>
      </c>
      <c r="BA68" s="166">
        <v>0</v>
      </c>
      <c r="BB68" s="166">
        <v>0</v>
      </c>
      <c r="BC68" s="166">
        <v>0</v>
      </c>
      <c r="BD68" s="166">
        <v>0</v>
      </c>
      <c r="BE68" s="166">
        <v>0</v>
      </c>
      <c r="BF68" s="166">
        <v>0</v>
      </c>
      <c r="BG68" s="166">
        <v>0</v>
      </c>
      <c r="BH68" s="166">
        <v>0</v>
      </c>
      <c r="BI68" s="166">
        <v>0</v>
      </c>
      <c r="BJ68" s="166">
        <v>0</v>
      </c>
      <c r="BK68" s="166">
        <v>0</v>
      </c>
      <c r="BL68" s="166">
        <v>0</v>
      </c>
      <c r="BM68" s="166">
        <v>0</v>
      </c>
      <c r="BN68" s="166">
        <v>0</v>
      </c>
      <c r="BO68" s="166">
        <v>0</v>
      </c>
      <c r="BP68" s="166">
        <v>0</v>
      </c>
      <c r="BQ68" s="166">
        <v>0</v>
      </c>
      <c r="BR68" s="166">
        <v>58072231.609999999</v>
      </c>
      <c r="BS68" s="166">
        <v>58072231.609999999</v>
      </c>
      <c r="BT68" s="168">
        <v>0</v>
      </c>
      <c r="BU68" s="166">
        <v>7047922.4336190401</v>
      </c>
      <c r="BV68" s="166">
        <v>57185119.390637197</v>
      </c>
      <c r="BW68" s="166">
        <v>0</v>
      </c>
      <c r="BX68" s="166">
        <v>0</v>
      </c>
      <c r="BY68" s="166">
        <v>0</v>
      </c>
      <c r="BZ68" s="166">
        <v>0</v>
      </c>
      <c r="CA68" s="166">
        <v>0</v>
      </c>
      <c r="CB68" s="166">
        <v>0</v>
      </c>
      <c r="CC68" s="166">
        <v>0</v>
      </c>
      <c r="CD68" s="166">
        <v>0</v>
      </c>
      <c r="CE68" s="166">
        <v>0</v>
      </c>
      <c r="CF68" s="166">
        <v>0</v>
      </c>
      <c r="CG68" s="166">
        <v>0</v>
      </c>
      <c r="CH68" s="166">
        <v>0</v>
      </c>
      <c r="CI68" s="166">
        <v>0</v>
      </c>
      <c r="CJ68" s="166">
        <v>0</v>
      </c>
      <c r="CK68" s="166">
        <v>0</v>
      </c>
      <c r="CL68" s="166">
        <v>0</v>
      </c>
      <c r="CM68" s="166">
        <v>0</v>
      </c>
      <c r="CN68" s="166">
        <v>0</v>
      </c>
      <c r="CO68" s="166">
        <v>0</v>
      </c>
      <c r="CP68" s="166">
        <v>0</v>
      </c>
      <c r="CQ68" s="166">
        <v>0</v>
      </c>
      <c r="CR68" s="166">
        <v>0</v>
      </c>
      <c r="CS68" s="166">
        <v>0</v>
      </c>
      <c r="CT68" s="166">
        <v>0</v>
      </c>
      <c r="CU68" s="166">
        <v>0</v>
      </c>
      <c r="CV68" s="166">
        <v>0</v>
      </c>
      <c r="CW68" s="166">
        <v>0</v>
      </c>
      <c r="CX68" s="166">
        <v>0</v>
      </c>
      <c r="CY68" s="166">
        <v>57185119.390637197</v>
      </c>
      <c r="CZ68" s="166">
        <v>57185119.390637197</v>
      </c>
    </row>
    <row r="69" spans="1:104" hidden="1" outlineLevel="1" x14ac:dyDescent="0.2">
      <c r="A69" s="170" t="s">
        <v>161</v>
      </c>
      <c r="B69" s="166">
        <v>103193497.53</v>
      </c>
      <c r="C69" s="166">
        <v>103193497.53</v>
      </c>
      <c r="D69" s="166">
        <v>0</v>
      </c>
      <c r="E69" s="166">
        <v>0</v>
      </c>
      <c r="F69" s="166">
        <v>0</v>
      </c>
      <c r="G69" s="166">
        <v>0</v>
      </c>
      <c r="H69" s="166">
        <v>0</v>
      </c>
      <c r="I69" s="166">
        <v>0</v>
      </c>
      <c r="J69" s="166">
        <v>0</v>
      </c>
      <c r="K69" s="166">
        <v>0</v>
      </c>
      <c r="L69" s="166">
        <v>0</v>
      </c>
      <c r="M69" s="166">
        <v>0</v>
      </c>
      <c r="N69" s="166">
        <v>0</v>
      </c>
      <c r="O69" s="166">
        <v>0</v>
      </c>
      <c r="P69" s="166">
        <v>0</v>
      </c>
      <c r="Q69" s="166">
        <v>0</v>
      </c>
      <c r="R69" s="166">
        <v>0</v>
      </c>
      <c r="S69" s="166">
        <v>0</v>
      </c>
      <c r="T69" s="166">
        <v>0</v>
      </c>
      <c r="U69" s="166">
        <v>0</v>
      </c>
      <c r="V69" s="166">
        <v>0</v>
      </c>
      <c r="W69" s="166">
        <v>0</v>
      </c>
      <c r="X69" s="166">
        <v>0</v>
      </c>
      <c r="Y69" s="166">
        <v>0</v>
      </c>
      <c r="Z69" s="166">
        <v>0</v>
      </c>
      <c r="AA69" s="166">
        <v>0</v>
      </c>
      <c r="AB69" s="166">
        <v>0</v>
      </c>
      <c r="AC69" s="166">
        <v>0</v>
      </c>
      <c r="AD69" s="166">
        <v>0</v>
      </c>
      <c r="AE69" s="166">
        <v>0</v>
      </c>
      <c r="AF69" s="166">
        <v>0</v>
      </c>
      <c r="AG69" s="166">
        <v>0</v>
      </c>
      <c r="AH69" s="166">
        <v>0</v>
      </c>
      <c r="AI69" s="166">
        <v>0</v>
      </c>
      <c r="AJ69" s="166">
        <v>0</v>
      </c>
      <c r="AK69" s="166">
        <v>0</v>
      </c>
      <c r="AL69" s="166">
        <v>0</v>
      </c>
      <c r="AM69" s="166">
        <v>0</v>
      </c>
      <c r="AN69" s="166">
        <v>0</v>
      </c>
      <c r="AO69" s="166">
        <v>0</v>
      </c>
      <c r="AP69" s="166">
        <v>0</v>
      </c>
      <c r="AQ69" s="166">
        <v>0</v>
      </c>
      <c r="AR69" s="166">
        <v>0</v>
      </c>
      <c r="AS69" s="166">
        <v>0</v>
      </c>
      <c r="AT69" s="166">
        <v>0</v>
      </c>
      <c r="AU69" s="166">
        <v>0</v>
      </c>
      <c r="AV69" s="166">
        <v>0</v>
      </c>
      <c r="AW69" s="166">
        <v>0</v>
      </c>
      <c r="AX69" s="166">
        <v>0</v>
      </c>
      <c r="AY69" s="166">
        <v>0</v>
      </c>
      <c r="AZ69" s="166">
        <v>0</v>
      </c>
      <c r="BA69" s="166">
        <v>0</v>
      </c>
      <c r="BB69" s="166">
        <v>0</v>
      </c>
      <c r="BC69" s="166">
        <v>0</v>
      </c>
      <c r="BD69" s="166">
        <v>0</v>
      </c>
      <c r="BE69" s="166">
        <v>0</v>
      </c>
      <c r="BF69" s="166">
        <v>0</v>
      </c>
      <c r="BG69" s="166">
        <v>0</v>
      </c>
      <c r="BH69" s="166">
        <v>0</v>
      </c>
      <c r="BI69" s="166">
        <v>0</v>
      </c>
      <c r="BJ69" s="166">
        <v>0</v>
      </c>
      <c r="BK69" s="166">
        <v>0</v>
      </c>
      <c r="BL69" s="166">
        <v>0</v>
      </c>
      <c r="BM69" s="166">
        <v>0</v>
      </c>
      <c r="BN69" s="166">
        <v>0</v>
      </c>
      <c r="BO69" s="166">
        <v>0</v>
      </c>
      <c r="BP69" s="166">
        <v>0</v>
      </c>
      <c r="BQ69" s="166">
        <v>0</v>
      </c>
      <c r="BR69" s="166">
        <v>103193497.53</v>
      </c>
      <c r="BS69" s="166">
        <v>103193497.53</v>
      </c>
      <c r="BT69" s="168">
        <v>0</v>
      </c>
      <c r="BU69" s="166">
        <v>10902341.1739816</v>
      </c>
      <c r="BV69" s="166">
        <v>100938575.887817</v>
      </c>
      <c r="BW69" s="166">
        <v>0</v>
      </c>
      <c r="BX69" s="166">
        <v>0</v>
      </c>
      <c r="BY69" s="166">
        <v>0</v>
      </c>
      <c r="BZ69" s="166">
        <v>0</v>
      </c>
      <c r="CA69" s="166">
        <v>0</v>
      </c>
      <c r="CB69" s="166">
        <v>0</v>
      </c>
      <c r="CC69" s="166">
        <v>0</v>
      </c>
      <c r="CD69" s="166">
        <v>0</v>
      </c>
      <c r="CE69" s="166">
        <v>0</v>
      </c>
      <c r="CF69" s="166">
        <v>0</v>
      </c>
      <c r="CG69" s="166">
        <v>0</v>
      </c>
      <c r="CH69" s="166">
        <v>0</v>
      </c>
      <c r="CI69" s="166">
        <v>0</v>
      </c>
      <c r="CJ69" s="166">
        <v>0</v>
      </c>
      <c r="CK69" s="166">
        <v>0</v>
      </c>
      <c r="CL69" s="166">
        <v>0</v>
      </c>
      <c r="CM69" s="166">
        <v>0</v>
      </c>
      <c r="CN69" s="166">
        <v>0</v>
      </c>
      <c r="CO69" s="166">
        <v>0</v>
      </c>
      <c r="CP69" s="166">
        <v>0</v>
      </c>
      <c r="CQ69" s="166">
        <v>0</v>
      </c>
      <c r="CR69" s="166">
        <v>0</v>
      </c>
      <c r="CS69" s="166">
        <v>0</v>
      </c>
      <c r="CT69" s="166">
        <v>0</v>
      </c>
      <c r="CU69" s="166">
        <v>0</v>
      </c>
      <c r="CV69" s="166">
        <v>0</v>
      </c>
      <c r="CW69" s="166">
        <v>0</v>
      </c>
      <c r="CX69" s="166">
        <v>0</v>
      </c>
      <c r="CY69" s="166">
        <v>100938575.887817</v>
      </c>
      <c r="CZ69" s="166">
        <v>100938575.887817</v>
      </c>
    </row>
    <row r="70" spans="1:104" hidden="1" outlineLevel="1" x14ac:dyDescent="0.2">
      <c r="A70" s="167" t="s">
        <v>162</v>
      </c>
    </row>
    <row r="71" spans="1:104" hidden="1" outlineLevel="1" x14ac:dyDescent="0.2">
      <c r="A71" s="170" t="s">
        <v>163</v>
      </c>
    </row>
    <row r="72" spans="1:104" hidden="1" outlineLevel="1" x14ac:dyDescent="0.2">
      <c r="A72" s="167" t="s">
        <v>164</v>
      </c>
      <c r="B72" s="166">
        <v>0</v>
      </c>
      <c r="C72" s="166">
        <v>0</v>
      </c>
      <c r="D72" s="166">
        <v>0</v>
      </c>
      <c r="E72" s="166">
        <v>0</v>
      </c>
      <c r="F72" s="166">
        <v>0</v>
      </c>
      <c r="G72" s="166">
        <v>0</v>
      </c>
      <c r="H72" s="166">
        <v>0</v>
      </c>
      <c r="I72" s="166">
        <v>0</v>
      </c>
      <c r="J72" s="166">
        <v>0</v>
      </c>
      <c r="K72" s="166">
        <v>0</v>
      </c>
      <c r="L72" s="166">
        <v>0</v>
      </c>
      <c r="M72" s="166">
        <v>0</v>
      </c>
      <c r="N72" s="166">
        <v>0</v>
      </c>
      <c r="O72" s="166">
        <v>0</v>
      </c>
      <c r="P72" s="166">
        <v>0</v>
      </c>
      <c r="Q72" s="166">
        <v>0</v>
      </c>
      <c r="R72" s="166">
        <v>0</v>
      </c>
      <c r="S72" s="166">
        <v>0</v>
      </c>
      <c r="T72" s="166">
        <v>0</v>
      </c>
      <c r="U72" s="166">
        <v>0</v>
      </c>
      <c r="V72" s="166">
        <v>0</v>
      </c>
      <c r="W72" s="166">
        <v>0</v>
      </c>
      <c r="X72" s="166">
        <v>0</v>
      </c>
      <c r="Y72" s="166">
        <v>0</v>
      </c>
      <c r="Z72" s="166">
        <v>0</v>
      </c>
      <c r="AA72" s="166">
        <v>0</v>
      </c>
      <c r="AB72" s="166">
        <v>0</v>
      </c>
      <c r="AC72" s="166">
        <v>0</v>
      </c>
      <c r="AD72" s="166">
        <v>0</v>
      </c>
      <c r="AE72" s="166">
        <v>0</v>
      </c>
      <c r="AF72" s="166">
        <v>0</v>
      </c>
      <c r="AG72" s="166">
        <v>0</v>
      </c>
      <c r="AH72" s="166">
        <v>0</v>
      </c>
      <c r="AI72" s="166">
        <v>0</v>
      </c>
      <c r="AJ72" s="166">
        <v>0</v>
      </c>
      <c r="AK72" s="166">
        <v>0</v>
      </c>
      <c r="AL72" s="166">
        <v>0</v>
      </c>
      <c r="AM72" s="166">
        <v>0</v>
      </c>
      <c r="AN72" s="166">
        <v>0</v>
      </c>
      <c r="AO72" s="166">
        <v>0</v>
      </c>
      <c r="AP72" s="166">
        <v>0</v>
      </c>
      <c r="AQ72" s="166">
        <v>0</v>
      </c>
      <c r="AR72" s="166">
        <v>0</v>
      </c>
      <c r="AS72" s="166">
        <v>0</v>
      </c>
      <c r="AT72" s="166">
        <v>0</v>
      </c>
      <c r="AU72" s="166">
        <v>0</v>
      </c>
      <c r="AV72" s="166">
        <v>0</v>
      </c>
      <c r="AW72" s="166">
        <v>0</v>
      </c>
      <c r="AX72" s="166">
        <v>0</v>
      </c>
      <c r="AY72" s="166">
        <v>0</v>
      </c>
      <c r="AZ72" s="166">
        <v>0</v>
      </c>
      <c r="BA72" s="166">
        <v>0</v>
      </c>
      <c r="BB72" s="166">
        <v>0</v>
      </c>
      <c r="BC72" s="166">
        <v>0</v>
      </c>
      <c r="BD72" s="166">
        <v>0</v>
      </c>
      <c r="BE72" s="166">
        <v>0</v>
      </c>
      <c r="BF72" s="166">
        <v>0</v>
      </c>
      <c r="BG72" s="166">
        <v>0</v>
      </c>
      <c r="BH72" s="166">
        <v>0</v>
      </c>
      <c r="BI72" s="166">
        <v>0</v>
      </c>
      <c r="BJ72" s="166">
        <v>0</v>
      </c>
      <c r="BK72" s="166">
        <v>0</v>
      </c>
      <c r="BL72" s="166">
        <v>0</v>
      </c>
      <c r="BM72" s="166">
        <v>0</v>
      </c>
      <c r="BN72" s="166">
        <v>0</v>
      </c>
      <c r="BO72" s="166">
        <v>0</v>
      </c>
      <c r="BP72" s="166">
        <v>0</v>
      </c>
      <c r="BQ72" s="166">
        <v>0</v>
      </c>
      <c r="BR72" s="166">
        <v>0</v>
      </c>
      <c r="BS72" s="166">
        <v>0</v>
      </c>
      <c r="BT72" s="168">
        <v>0.98855217689263197</v>
      </c>
      <c r="BU72" s="166">
        <v>0</v>
      </c>
      <c r="BV72" s="166">
        <v>0</v>
      </c>
      <c r="BW72" s="166">
        <v>0</v>
      </c>
      <c r="BX72" s="166">
        <v>0</v>
      </c>
      <c r="BY72" s="166">
        <v>0</v>
      </c>
      <c r="BZ72" s="166">
        <v>0</v>
      </c>
      <c r="CA72" s="166">
        <v>0</v>
      </c>
      <c r="CB72" s="166">
        <v>0</v>
      </c>
      <c r="CC72" s="166">
        <v>0</v>
      </c>
      <c r="CD72" s="166">
        <v>0</v>
      </c>
      <c r="CE72" s="166">
        <v>0</v>
      </c>
      <c r="CF72" s="166">
        <v>0</v>
      </c>
      <c r="CG72" s="166">
        <v>0</v>
      </c>
      <c r="CH72" s="166">
        <v>0</v>
      </c>
      <c r="CI72" s="166">
        <v>0</v>
      </c>
      <c r="CJ72" s="166">
        <v>0</v>
      </c>
      <c r="CK72" s="166">
        <v>0</v>
      </c>
      <c r="CL72" s="166">
        <v>0</v>
      </c>
      <c r="CM72" s="166">
        <v>0</v>
      </c>
      <c r="CN72" s="166">
        <v>0</v>
      </c>
      <c r="CO72" s="166">
        <v>0</v>
      </c>
      <c r="CP72" s="166">
        <v>0</v>
      </c>
      <c r="CQ72" s="166">
        <v>0</v>
      </c>
      <c r="CR72" s="166">
        <v>0</v>
      </c>
      <c r="CS72" s="166">
        <v>0</v>
      </c>
      <c r="CT72" s="166">
        <v>0</v>
      </c>
      <c r="CU72" s="166">
        <v>0</v>
      </c>
      <c r="CV72" s="166">
        <v>0</v>
      </c>
      <c r="CW72" s="166">
        <v>0</v>
      </c>
      <c r="CX72" s="166">
        <v>0</v>
      </c>
      <c r="CY72" s="166">
        <v>0</v>
      </c>
      <c r="CZ72" s="166">
        <v>0</v>
      </c>
    </row>
    <row r="73" spans="1:104" hidden="1" outlineLevel="1" x14ac:dyDescent="0.2">
      <c r="A73" s="167" t="s">
        <v>165</v>
      </c>
    </row>
    <row r="74" spans="1:104" hidden="1" outlineLevel="1" x14ac:dyDescent="0.2">
      <c r="A74" s="167" t="s">
        <v>1058</v>
      </c>
      <c r="B74" s="166">
        <v>1652422.0297016201</v>
      </c>
      <c r="C74" s="166">
        <v>1652422.0297016201</v>
      </c>
      <c r="D74" s="166">
        <v>0</v>
      </c>
      <c r="E74" s="166">
        <v>0</v>
      </c>
      <c r="F74" s="166">
        <v>0</v>
      </c>
      <c r="G74" s="166">
        <v>0</v>
      </c>
      <c r="H74" s="166">
        <v>0</v>
      </c>
      <c r="I74" s="166">
        <v>0</v>
      </c>
      <c r="J74" s="166">
        <v>0</v>
      </c>
      <c r="K74" s="166">
        <v>0</v>
      </c>
      <c r="L74" s="166">
        <v>0</v>
      </c>
      <c r="M74" s="166">
        <v>0</v>
      </c>
      <c r="N74" s="166">
        <v>0</v>
      </c>
      <c r="O74" s="166">
        <v>0</v>
      </c>
      <c r="P74" s="166">
        <v>0</v>
      </c>
      <c r="Q74" s="166">
        <v>0</v>
      </c>
      <c r="R74" s="166">
        <v>0</v>
      </c>
      <c r="S74" s="166">
        <v>0</v>
      </c>
      <c r="T74" s="166">
        <v>0</v>
      </c>
      <c r="U74" s="166">
        <v>0</v>
      </c>
      <c r="V74" s="166">
        <v>0</v>
      </c>
      <c r="W74" s="166">
        <v>0</v>
      </c>
      <c r="X74" s="166">
        <v>0</v>
      </c>
      <c r="Y74" s="166">
        <v>0</v>
      </c>
      <c r="Z74" s="166">
        <v>0</v>
      </c>
      <c r="AA74" s="166">
        <v>0</v>
      </c>
      <c r="AB74" s="166">
        <v>0</v>
      </c>
      <c r="AC74" s="166">
        <v>0</v>
      </c>
      <c r="AD74" s="166">
        <v>0</v>
      </c>
      <c r="AE74" s="166">
        <v>0</v>
      </c>
      <c r="AF74" s="166">
        <v>0</v>
      </c>
      <c r="AG74" s="166">
        <v>0</v>
      </c>
      <c r="AH74" s="166">
        <v>0</v>
      </c>
      <c r="AI74" s="166">
        <v>0</v>
      </c>
      <c r="AJ74" s="166">
        <v>0</v>
      </c>
      <c r="AK74" s="166">
        <v>0</v>
      </c>
      <c r="AL74" s="166">
        <v>0</v>
      </c>
      <c r="AM74" s="166">
        <v>0</v>
      </c>
      <c r="AN74" s="166">
        <v>0</v>
      </c>
      <c r="AO74" s="166">
        <v>0</v>
      </c>
      <c r="AP74" s="166">
        <v>0</v>
      </c>
      <c r="AQ74" s="166">
        <v>0</v>
      </c>
      <c r="AR74" s="166">
        <v>0</v>
      </c>
      <c r="AS74" s="166">
        <v>0</v>
      </c>
      <c r="AT74" s="166">
        <v>0</v>
      </c>
      <c r="AU74" s="166">
        <v>0</v>
      </c>
      <c r="AV74" s="166">
        <v>0</v>
      </c>
      <c r="AW74" s="166">
        <v>0</v>
      </c>
      <c r="AX74" s="166">
        <v>0</v>
      </c>
      <c r="AY74" s="166">
        <v>0</v>
      </c>
      <c r="AZ74" s="166">
        <v>0</v>
      </c>
      <c r="BA74" s="166">
        <v>0</v>
      </c>
      <c r="BB74" s="166">
        <v>0</v>
      </c>
      <c r="BC74" s="166">
        <v>0</v>
      </c>
      <c r="BD74" s="166">
        <v>0</v>
      </c>
      <c r="BE74" s="166">
        <v>0</v>
      </c>
      <c r="BF74" s="166">
        <v>0</v>
      </c>
      <c r="BG74" s="166">
        <v>0</v>
      </c>
      <c r="BH74" s="166">
        <v>0</v>
      </c>
      <c r="BI74" s="166">
        <v>0</v>
      </c>
      <c r="BJ74" s="166">
        <v>0</v>
      </c>
      <c r="BK74" s="166">
        <v>0</v>
      </c>
      <c r="BL74" s="166">
        <v>0</v>
      </c>
      <c r="BM74" s="166">
        <v>0</v>
      </c>
      <c r="BN74" s="166">
        <v>0</v>
      </c>
      <c r="BO74" s="166">
        <v>0</v>
      </c>
      <c r="BP74" s="166">
        <v>0</v>
      </c>
      <c r="BQ74" s="166">
        <v>0</v>
      </c>
      <c r="BR74" s="166">
        <v>1652422.0297016201</v>
      </c>
      <c r="BS74" s="166">
        <v>1652422.0297016201</v>
      </c>
      <c r="BT74" s="168">
        <v>0.97402999999999995</v>
      </c>
      <c r="BU74" s="166">
        <v>114980.293563524</v>
      </c>
      <c r="BV74" s="166">
        <v>1609508.6295902701</v>
      </c>
      <c r="BW74" s="166">
        <v>0</v>
      </c>
      <c r="BX74" s="166">
        <v>0</v>
      </c>
      <c r="BY74" s="166">
        <v>0</v>
      </c>
      <c r="BZ74" s="166">
        <v>0</v>
      </c>
      <c r="CA74" s="166">
        <v>0</v>
      </c>
      <c r="CB74" s="166">
        <v>0</v>
      </c>
      <c r="CC74" s="166">
        <v>0</v>
      </c>
      <c r="CD74" s="166">
        <v>0</v>
      </c>
      <c r="CE74" s="166">
        <v>0</v>
      </c>
      <c r="CF74" s="166">
        <v>0</v>
      </c>
      <c r="CG74" s="166">
        <v>0</v>
      </c>
      <c r="CH74" s="166">
        <v>0</v>
      </c>
      <c r="CI74" s="166">
        <v>0</v>
      </c>
      <c r="CJ74" s="166">
        <v>0</v>
      </c>
      <c r="CK74" s="166">
        <v>0</v>
      </c>
      <c r="CL74" s="166">
        <v>0</v>
      </c>
      <c r="CM74" s="166">
        <v>0</v>
      </c>
      <c r="CN74" s="166">
        <v>0</v>
      </c>
      <c r="CO74" s="166">
        <v>0</v>
      </c>
      <c r="CP74" s="166">
        <v>0</v>
      </c>
      <c r="CQ74" s="166">
        <v>0</v>
      </c>
      <c r="CR74" s="166">
        <v>0</v>
      </c>
      <c r="CS74" s="166">
        <v>0</v>
      </c>
      <c r="CT74" s="166">
        <v>0</v>
      </c>
      <c r="CU74" s="166">
        <v>0</v>
      </c>
      <c r="CV74" s="166">
        <v>0</v>
      </c>
      <c r="CW74" s="166">
        <v>0</v>
      </c>
      <c r="CX74" s="166">
        <v>0</v>
      </c>
      <c r="CY74" s="166">
        <v>1609508.6295902701</v>
      </c>
      <c r="CZ74" s="166">
        <v>1609508.6295902701</v>
      </c>
    </row>
    <row r="75" spans="1:104" hidden="1" outlineLevel="1" x14ac:dyDescent="0.2">
      <c r="A75" s="167" t="s">
        <v>1059</v>
      </c>
      <c r="B75" s="166">
        <v>138125.15340794099</v>
      </c>
      <c r="C75" s="166">
        <v>138125.15340794099</v>
      </c>
      <c r="D75" s="166">
        <v>0</v>
      </c>
      <c r="E75" s="166">
        <v>0</v>
      </c>
      <c r="F75" s="166">
        <v>0</v>
      </c>
      <c r="G75" s="166">
        <v>0</v>
      </c>
      <c r="H75" s="166">
        <v>0</v>
      </c>
      <c r="I75" s="166">
        <v>0</v>
      </c>
      <c r="J75" s="166">
        <v>0</v>
      </c>
      <c r="K75" s="166">
        <v>0</v>
      </c>
      <c r="L75" s="166">
        <v>0</v>
      </c>
      <c r="M75" s="166">
        <v>0</v>
      </c>
      <c r="N75" s="166">
        <v>0</v>
      </c>
      <c r="O75" s="166">
        <v>0</v>
      </c>
      <c r="P75" s="166">
        <v>0</v>
      </c>
      <c r="Q75" s="166">
        <v>0</v>
      </c>
      <c r="R75" s="166">
        <v>0</v>
      </c>
      <c r="S75" s="166">
        <v>0</v>
      </c>
      <c r="T75" s="166">
        <v>0</v>
      </c>
      <c r="U75" s="166">
        <v>0</v>
      </c>
      <c r="V75" s="166">
        <v>0</v>
      </c>
      <c r="W75" s="166">
        <v>0</v>
      </c>
      <c r="X75" s="166">
        <v>0</v>
      </c>
      <c r="Y75" s="166">
        <v>0</v>
      </c>
      <c r="Z75" s="166">
        <v>0</v>
      </c>
      <c r="AA75" s="166">
        <v>0</v>
      </c>
      <c r="AB75" s="166">
        <v>0</v>
      </c>
      <c r="AC75" s="166">
        <v>0</v>
      </c>
      <c r="AD75" s="166">
        <v>0</v>
      </c>
      <c r="AE75" s="166">
        <v>0</v>
      </c>
      <c r="AF75" s="166">
        <v>0</v>
      </c>
      <c r="AG75" s="166">
        <v>0</v>
      </c>
      <c r="AH75" s="166">
        <v>0</v>
      </c>
      <c r="AI75" s="166">
        <v>0</v>
      </c>
      <c r="AJ75" s="166">
        <v>0</v>
      </c>
      <c r="AK75" s="166">
        <v>0</v>
      </c>
      <c r="AL75" s="166">
        <v>0</v>
      </c>
      <c r="AM75" s="166">
        <v>0</v>
      </c>
      <c r="AN75" s="166">
        <v>0</v>
      </c>
      <c r="AO75" s="166">
        <v>0</v>
      </c>
      <c r="AP75" s="166">
        <v>0</v>
      </c>
      <c r="AQ75" s="166">
        <v>0</v>
      </c>
      <c r="AR75" s="166">
        <v>0</v>
      </c>
      <c r="AS75" s="166">
        <v>0</v>
      </c>
      <c r="AT75" s="166">
        <v>0</v>
      </c>
      <c r="AU75" s="166">
        <v>0</v>
      </c>
      <c r="AV75" s="166">
        <v>0</v>
      </c>
      <c r="AW75" s="166">
        <v>0</v>
      </c>
      <c r="AX75" s="166">
        <v>0</v>
      </c>
      <c r="AY75" s="166">
        <v>0</v>
      </c>
      <c r="AZ75" s="166">
        <v>0</v>
      </c>
      <c r="BA75" s="166">
        <v>0</v>
      </c>
      <c r="BB75" s="166">
        <v>0</v>
      </c>
      <c r="BC75" s="166">
        <v>0</v>
      </c>
      <c r="BD75" s="166">
        <v>0</v>
      </c>
      <c r="BE75" s="166">
        <v>0</v>
      </c>
      <c r="BF75" s="166">
        <v>0</v>
      </c>
      <c r="BG75" s="166">
        <v>0</v>
      </c>
      <c r="BH75" s="166">
        <v>0</v>
      </c>
      <c r="BI75" s="166">
        <v>0</v>
      </c>
      <c r="BJ75" s="166">
        <v>0</v>
      </c>
      <c r="BK75" s="166">
        <v>0</v>
      </c>
      <c r="BL75" s="166">
        <v>0</v>
      </c>
      <c r="BM75" s="166">
        <v>0</v>
      </c>
      <c r="BN75" s="166">
        <v>0</v>
      </c>
      <c r="BO75" s="166">
        <v>0</v>
      </c>
      <c r="BP75" s="166">
        <v>0</v>
      </c>
      <c r="BQ75" s="166">
        <v>0</v>
      </c>
      <c r="BR75" s="166">
        <v>138125.15340794099</v>
      </c>
      <c r="BS75" s="166">
        <v>138125.15340794099</v>
      </c>
      <c r="BT75" s="168">
        <v>0.92637230841245999</v>
      </c>
      <c r="BU75" s="166">
        <v>9128.7752122898091</v>
      </c>
      <c r="BV75" s="166">
        <v>127955.317212339</v>
      </c>
      <c r="BW75" s="166">
        <v>0</v>
      </c>
      <c r="BX75" s="166">
        <v>0</v>
      </c>
      <c r="BY75" s="166">
        <v>0</v>
      </c>
      <c r="BZ75" s="166">
        <v>0</v>
      </c>
      <c r="CA75" s="166">
        <v>0</v>
      </c>
      <c r="CB75" s="166">
        <v>0</v>
      </c>
      <c r="CC75" s="166">
        <v>0</v>
      </c>
      <c r="CD75" s="166">
        <v>0</v>
      </c>
      <c r="CE75" s="166">
        <v>0</v>
      </c>
      <c r="CF75" s="166">
        <v>0</v>
      </c>
      <c r="CG75" s="166">
        <v>0</v>
      </c>
      <c r="CH75" s="166">
        <v>0</v>
      </c>
      <c r="CI75" s="166">
        <v>0</v>
      </c>
      <c r="CJ75" s="166">
        <v>0</v>
      </c>
      <c r="CK75" s="166">
        <v>0</v>
      </c>
      <c r="CL75" s="166">
        <v>0</v>
      </c>
      <c r="CM75" s="166">
        <v>0</v>
      </c>
      <c r="CN75" s="166">
        <v>0</v>
      </c>
      <c r="CO75" s="166">
        <v>0</v>
      </c>
      <c r="CP75" s="166">
        <v>0</v>
      </c>
      <c r="CQ75" s="166">
        <v>0</v>
      </c>
      <c r="CR75" s="166">
        <v>0</v>
      </c>
      <c r="CS75" s="166">
        <v>0</v>
      </c>
      <c r="CT75" s="166">
        <v>0</v>
      </c>
      <c r="CU75" s="166">
        <v>0</v>
      </c>
      <c r="CV75" s="166">
        <v>0</v>
      </c>
      <c r="CW75" s="166">
        <v>0</v>
      </c>
      <c r="CX75" s="166">
        <v>0</v>
      </c>
      <c r="CY75" s="166">
        <v>127955.317212339</v>
      </c>
      <c r="CZ75" s="166">
        <v>127955.317212339</v>
      </c>
    </row>
    <row r="76" spans="1:104" hidden="1" outlineLevel="1" x14ac:dyDescent="0.2">
      <c r="A76" s="167" t="s">
        <v>1060</v>
      </c>
      <c r="B76" s="166">
        <v>150622.230343381</v>
      </c>
      <c r="C76" s="166">
        <v>150622.230343381</v>
      </c>
      <c r="D76" s="166">
        <v>0</v>
      </c>
      <c r="E76" s="166">
        <v>0</v>
      </c>
      <c r="F76" s="166">
        <v>0</v>
      </c>
      <c r="G76" s="166">
        <v>0</v>
      </c>
      <c r="H76" s="166">
        <v>0</v>
      </c>
      <c r="I76" s="166">
        <v>0</v>
      </c>
      <c r="J76" s="166">
        <v>0</v>
      </c>
      <c r="K76" s="166">
        <v>0</v>
      </c>
      <c r="L76" s="166">
        <v>0</v>
      </c>
      <c r="M76" s="166">
        <v>0</v>
      </c>
      <c r="N76" s="166">
        <v>0</v>
      </c>
      <c r="O76" s="166">
        <v>0</v>
      </c>
      <c r="P76" s="166">
        <v>0</v>
      </c>
      <c r="Q76" s="166">
        <v>0</v>
      </c>
      <c r="R76" s="166">
        <v>0</v>
      </c>
      <c r="S76" s="166">
        <v>0</v>
      </c>
      <c r="T76" s="166">
        <v>0</v>
      </c>
      <c r="U76" s="166">
        <v>0</v>
      </c>
      <c r="V76" s="166">
        <v>0</v>
      </c>
      <c r="W76" s="166">
        <v>0</v>
      </c>
      <c r="X76" s="166">
        <v>0</v>
      </c>
      <c r="Y76" s="166">
        <v>0</v>
      </c>
      <c r="Z76" s="166">
        <v>0</v>
      </c>
      <c r="AA76" s="166">
        <v>0</v>
      </c>
      <c r="AB76" s="166">
        <v>0</v>
      </c>
      <c r="AC76" s="166">
        <v>0</v>
      </c>
      <c r="AD76" s="166">
        <v>0</v>
      </c>
      <c r="AE76" s="166">
        <v>0</v>
      </c>
      <c r="AF76" s="166">
        <v>0</v>
      </c>
      <c r="AG76" s="166">
        <v>0</v>
      </c>
      <c r="AH76" s="166">
        <v>0</v>
      </c>
      <c r="AI76" s="166">
        <v>0</v>
      </c>
      <c r="AJ76" s="166">
        <v>0</v>
      </c>
      <c r="AK76" s="166">
        <v>0</v>
      </c>
      <c r="AL76" s="166">
        <v>0</v>
      </c>
      <c r="AM76" s="166">
        <v>0</v>
      </c>
      <c r="AN76" s="166">
        <v>0</v>
      </c>
      <c r="AO76" s="166">
        <v>0</v>
      </c>
      <c r="AP76" s="166">
        <v>0</v>
      </c>
      <c r="AQ76" s="166">
        <v>0</v>
      </c>
      <c r="AR76" s="166">
        <v>0</v>
      </c>
      <c r="AS76" s="166">
        <v>0</v>
      </c>
      <c r="AT76" s="166">
        <v>0</v>
      </c>
      <c r="AU76" s="166">
        <v>0</v>
      </c>
      <c r="AV76" s="166">
        <v>0</v>
      </c>
      <c r="AW76" s="166">
        <v>0</v>
      </c>
      <c r="AX76" s="166">
        <v>0</v>
      </c>
      <c r="AY76" s="166">
        <v>0</v>
      </c>
      <c r="AZ76" s="166">
        <v>0</v>
      </c>
      <c r="BA76" s="166">
        <v>0</v>
      </c>
      <c r="BB76" s="166">
        <v>0</v>
      </c>
      <c r="BC76" s="166">
        <v>0</v>
      </c>
      <c r="BD76" s="166">
        <v>0</v>
      </c>
      <c r="BE76" s="166">
        <v>0</v>
      </c>
      <c r="BF76" s="166">
        <v>0</v>
      </c>
      <c r="BG76" s="166">
        <v>0</v>
      </c>
      <c r="BH76" s="166">
        <v>0</v>
      </c>
      <c r="BI76" s="166">
        <v>0</v>
      </c>
      <c r="BJ76" s="166">
        <v>0</v>
      </c>
      <c r="BK76" s="166">
        <v>0</v>
      </c>
      <c r="BL76" s="166">
        <v>0</v>
      </c>
      <c r="BM76" s="166">
        <v>0</v>
      </c>
      <c r="BN76" s="166">
        <v>0</v>
      </c>
      <c r="BO76" s="166">
        <v>0</v>
      </c>
      <c r="BP76" s="166">
        <v>0</v>
      </c>
      <c r="BQ76" s="166">
        <v>0</v>
      </c>
      <c r="BR76" s="166">
        <v>150622.230343381</v>
      </c>
      <c r="BS76" s="166">
        <v>150622.230343381</v>
      </c>
      <c r="BT76" s="168">
        <v>0.95109934560116105</v>
      </c>
      <c r="BU76" s="166">
        <v>10315.732823701601</v>
      </c>
      <c r="BV76" s="166">
        <v>143256.70471257699</v>
      </c>
      <c r="BW76" s="166">
        <v>0</v>
      </c>
      <c r="BX76" s="166">
        <v>0</v>
      </c>
      <c r="BY76" s="166">
        <v>0</v>
      </c>
      <c r="BZ76" s="166">
        <v>0</v>
      </c>
      <c r="CA76" s="166">
        <v>0</v>
      </c>
      <c r="CB76" s="166">
        <v>0</v>
      </c>
      <c r="CC76" s="166">
        <v>0</v>
      </c>
      <c r="CD76" s="166">
        <v>0</v>
      </c>
      <c r="CE76" s="166">
        <v>0</v>
      </c>
      <c r="CF76" s="166">
        <v>0</v>
      </c>
      <c r="CG76" s="166">
        <v>0</v>
      </c>
      <c r="CH76" s="166">
        <v>0</v>
      </c>
      <c r="CI76" s="166">
        <v>0</v>
      </c>
      <c r="CJ76" s="166">
        <v>0</v>
      </c>
      <c r="CK76" s="166">
        <v>0</v>
      </c>
      <c r="CL76" s="166">
        <v>0</v>
      </c>
      <c r="CM76" s="166">
        <v>0</v>
      </c>
      <c r="CN76" s="166">
        <v>0</v>
      </c>
      <c r="CO76" s="166">
        <v>0</v>
      </c>
      <c r="CP76" s="166">
        <v>0</v>
      </c>
      <c r="CQ76" s="166">
        <v>0</v>
      </c>
      <c r="CR76" s="166">
        <v>0</v>
      </c>
      <c r="CS76" s="166">
        <v>0</v>
      </c>
      <c r="CT76" s="166">
        <v>0</v>
      </c>
      <c r="CU76" s="166">
        <v>0</v>
      </c>
      <c r="CV76" s="166">
        <v>0</v>
      </c>
      <c r="CW76" s="166">
        <v>0</v>
      </c>
      <c r="CX76" s="166">
        <v>0</v>
      </c>
      <c r="CY76" s="166">
        <v>143256.70471257699</v>
      </c>
      <c r="CZ76" s="166">
        <v>143256.70471257699</v>
      </c>
    </row>
    <row r="77" spans="1:104" hidden="1" outlineLevel="1" x14ac:dyDescent="0.2">
      <c r="A77" s="167" t="s">
        <v>169</v>
      </c>
      <c r="B77" s="166">
        <v>297902.59654705401</v>
      </c>
      <c r="C77" s="166">
        <v>297902.59654705401</v>
      </c>
      <c r="D77" s="166">
        <v>0</v>
      </c>
      <c r="E77" s="166">
        <v>0</v>
      </c>
      <c r="F77" s="166">
        <v>0</v>
      </c>
      <c r="G77" s="166">
        <v>0</v>
      </c>
      <c r="H77" s="166">
        <v>0</v>
      </c>
      <c r="I77" s="166">
        <v>0</v>
      </c>
      <c r="J77" s="166">
        <v>0</v>
      </c>
      <c r="K77" s="166">
        <v>0</v>
      </c>
      <c r="L77" s="166">
        <v>0</v>
      </c>
      <c r="M77" s="166">
        <v>0</v>
      </c>
      <c r="N77" s="166">
        <v>0</v>
      </c>
      <c r="O77" s="166">
        <v>0</v>
      </c>
      <c r="P77" s="166">
        <v>0</v>
      </c>
      <c r="Q77" s="166">
        <v>0</v>
      </c>
      <c r="R77" s="166">
        <v>0</v>
      </c>
      <c r="S77" s="166">
        <v>0</v>
      </c>
      <c r="T77" s="166">
        <v>0</v>
      </c>
      <c r="U77" s="166">
        <v>0</v>
      </c>
      <c r="V77" s="166">
        <v>0</v>
      </c>
      <c r="W77" s="166">
        <v>0</v>
      </c>
      <c r="X77" s="166">
        <v>0</v>
      </c>
      <c r="Y77" s="166">
        <v>0</v>
      </c>
      <c r="Z77" s="166">
        <v>0</v>
      </c>
      <c r="AA77" s="166">
        <v>0</v>
      </c>
      <c r="AB77" s="166">
        <v>0</v>
      </c>
      <c r="AC77" s="166">
        <v>0</v>
      </c>
      <c r="AD77" s="166">
        <v>0</v>
      </c>
      <c r="AE77" s="166">
        <v>0</v>
      </c>
      <c r="AF77" s="166">
        <v>0</v>
      </c>
      <c r="AG77" s="166">
        <v>0</v>
      </c>
      <c r="AH77" s="166">
        <v>0</v>
      </c>
      <c r="AI77" s="166">
        <v>0</v>
      </c>
      <c r="AJ77" s="166">
        <v>0</v>
      </c>
      <c r="AK77" s="166">
        <v>0</v>
      </c>
      <c r="AL77" s="166">
        <v>0</v>
      </c>
      <c r="AM77" s="166">
        <v>0</v>
      </c>
      <c r="AN77" s="166">
        <v>0</v>
      </c>
      <c r="AO77" s="166">
        <v>0</v>
      </c>
      <c r="AP77" s="166">
        <v>0</v>
      </c>
      <c r="AQ77" s="166">
        <v>0</v>
      </c>
      <c r="AR77" s="166">
        <v>0</v>
      </c>
      <c r="AS77" s="166">
        <v>0</v>
      </c>
      <c r="AT77" s="166">
        <v>0</v>
      </c>
      <c r="AU77" s="166">
        <v>0</v>
      </c>
      <c r="AV77" s="166">
        <v>0</v>
      </c>
      <c r="AW77" s="166">
        <v>0</v>
      </c>
      <c r="AX77" s="166">
        <v>0</v>
      </c>
      <c r="AY77" s="166">
        <v>0</v>
      </c>
      <c r="AZ77" s="166">
        <v>0</v>
      </c>
      <c r="BA77" s="166">
        <v>0</v>
      </c>
      <c r="BB77" s="166">
        <v>0</v>
      </c>
      <c r="BC77" s="166">
        <v>0</v>
      </c>
      <c r="BD77" s="166">
        <v>0</v>
      </c>
      <c r="BE77" s="166">
        <v>0</v>
      </c>
      <c r="BF77" s="166">
        <v>0</v>
      </c>
      <c r="BG77" s="166">
        <v>0</v>
      </c>
      <c r="BH77" s="166">
        <v>0</v>
      </c>
      <c r="BI77" s="166">
        <v>0</v>
      </c>
      <c r="BJ77" s="166">
        <v>0</v>
      </c>
      <c r="BK77" s="166">
        <v>0</v>
      </c>
      <c r="BL77" s="166">
        <v>0</v>
      </c>
      <c r="BM77" s="166">
        <v>0</v>
      </c>
      <c r="BN77" s="166">
        <v>0</v>
      </c>
      <c r="BO77" s="166">
        <v>0</v>
      </c>
      <c r="BP77" s="166">
        <v>0</v>
      </c>
      <c r="BQ77" s="166">
        <v>0</v>
      </c>
      <c r="BR77" s="166">
        <v>297902.59654705401</v>
      </c>
      <c r="BS77" s="166">
        <v>297902.59654705401</v>
      </c>
      <c r="BT77" s="168">
        <v>0.97403133392564201</v>
      </c>
      <c r="BU77" s="166">
        <v>25008.938004947599</v>
      </c>
      <c r="BV77" s="166">
        <v>290166.46349463903</v>
      </c>
      <c r="BW77" s="166">
        <v>0</v>
      </c>
      <c r="BX77" s="166">
        <v>0</v>
      </c>
      <c r="BY77" s="166">
        <v>0</v>
      </c>
      <c r="BZ77" s="166">
        <v>0</v>
      </c>
      <c r="CA77" s="166">
        <v>0</v>
      </c>
      <c r="CB77" s="166">
        <v>0</v>
      </c>
      <c r="CC77" s="166">
        <v>0</v>
      </c>
      <c r="CD77" s="166">
        <v>0</v>
      </c>
      <c r="CE77" s="166">
        <v>0</v>
      </c>
      <c r="CF77" s="166">
        <v>0</v>
      </c>
      <c r="CG77" s="166">
        <v>0</v>
      </c>
      <c r="CH77" s="166">
        <v>0</v>
      </c>
      <c r="CI77" s="166">
        <v>0</v>
      </c>
      <c r="CJ77" s="166">
        <v>0</v>
      </c>
      <c r="CK77" s="166">
        <v>0</v>
      </c>
      <c r="CL77" s="166">
        <v>0</v>
      </c>
      <c r="CM77" s="166">
        <v>0</v>
      </c>
      <c r="CN77" s="166">
        <v>0</v>
      </c>
      <c r="CO77" s="166">
        <v>0</v>
      </c>
      <c r="CP77" s="166">
        <v>0</v>
      </c>
      <c r="CQ77" s="166">
        <v>0</v>
      </c>
      <c r="CR77" s="166">
        <v>0</v>
      </c>
      <c r="CS77" s="166">
        <v>0</v>
      </c>
      <c r="CT77" s="166">
        <v>0</v>
      </c>
      <c r="CU77" s="166">
        <v>0</v>
      </c>
      <c r="CV77" s="166">
        <v>0</v>
      </c>
      <c r="CW77" s="166">
        <v>0</v>
      </c>
      <c r="CX77" s="166">
        <v>0</v>
      </c>
      <c r="CY77" s="166">
        <v>290166.46349463903</v>
      </c>
      <c r="CZ77" s="166">
        <v>290166.46349463903</v>
      </c>
    </row>
    <row r="78" spans="1:104" hidden="1" outlineLevel="1" x14ac:dyDescent="0.2">
      <c r="A78" s="170" t="s">
        <v>170</v>
      </c>
      <c r="B78" s="166">
        <v>2239072.0099999998</v>
      </c>
      <c r="C78" s="166">
        <v>2239072.0099999998</v>
      </c>
      <c r="D78" s="166">
        <v>0</v>
      </c>
      <c r="E78" s="166">
        <v>0</v>
      </c>
      <c r="F78" s="166">
        <v>0</v>
      </c>
      <c r="G78" s="166">
        <v>0</v>
      </c>
      <c r="H78" s="166">
        <v>0</v>
      </c>
      <c r="I78" s="166">
        <v>0</v>
      </c>
      <c r="J78" s="166">
        <v>0</v>
      </c>
      <c r="K78" s="166">
        <v>0</v>
      </c>
      <c r="L78" s="166">
        <v>0</v>
      </c>
      <c r="M78" s="166">
        <v>0</v>
      </c>
      <c r="N78" s="166">
        <v>0</v>
      </c>
      <c r="O78" s="166">
        <v>0</v>
      </c>
      <c r="P78" s="166">
        <v>0</v>
      </c>
      <c r="Q78" s="166">
        <v>0</v>
      </c>
      <c r="R78" s="166">
        <v>0</v>
      </c>
      <c r="S78" s="166">
        <v>0</v>
      </c>
      <c r="T78" s="166">
        <v>0</v>
      </c>
      <c r="U78" s="166">
        <v>0</v>
      </c>
      <c r="V78" s="166">
        <v>0</v>
      </c>
      <c r="W78" s="166">
        <v>0</v>
      </c>
      <c r="X78" s="166">
        <v>0</v>
      </c>
      <c r="Y78" s="166">
        <v>0</v>
      </c>
      <c r="Z78" s="166">
        <v>0</v>
      </c>
      <c r="AA78" s="166">
        <v>0</v>
      </c>
      <c r="AB78" s="166">
        <v>0</v>
      </c>
      <c r="AC78" s="166">
        <v>0</v>
      </c>
      <c r="AD78" s="166">
        <v>0</v>
      </c>
      <c r="AE78" s="166">
        <v>0</v>
      </c>
      <c r="AF78" s="166">
        <v>0</v>
      </c>
      <c r="AG78" s="166">
        <v>0</v>
      </c>
      <c r="AH78" s="166">
        <v>0</v>
      </c>
      <c r="AI78" s="166">
        <v>0</v>
      </c>
      <c r="AJ78" s="166">
        <v>0</v>
      </c>
      <c r="AK78" s="166">
        <v>0</v>
      </c>
      <c r="AL78" s="166">
        <v>0</v>
      </c>
      <c r="AM78" s="166">
        <v>0</v>
      </c>
      <c r="AN78" s="166">
        <v>0</v>
      </c>
      <c r="AO78" s="166">
        <v>0</v>
      </c>
      <c r="AP78" s="166">
        <v>0</v>
      </c>
      <c r="AQ78" s="166">
        <v>0</v>
      </c>
      <c r="AR78" s="166">
        <v>0</v>
      </c>
      <c r="AS78" s="166">
        <v>0</v>
      </c>
      <c r="AT78" s="166">
        <v>0</v>
      </c>
      <c r="AU78" s="166">
        <v>0</v>
      </c>
      <c r="AV78" s="166">
        <v>0</v>
      </c>
      <c r="AW78" s="166">
        <v>0</v>
      </c>
      <c r="AX78" s="166">
        <v>0</v>
      </c>
      <c r="AY78" s="166">
        <v>0</v>
      </c>
      <c r="AZ78" s="166">
        <v>0</v>
      </c>
      <c r="BA78" s="166">
        <v>0</v>
      </c>
      <c r="BB78" s="166">
        <v>0</v>
      </c>
      <c r="BC78" s="166">
        <v>0</v>
      </c>
      <c r="BD78" s="166">
        <v>0</v>
      </c>
      <c r="BE78" s="166">
        <v>0</v>
      </c>
      <c r="BF78" s="166">
        <v>0</v>
      </c>
      <c r="BG78" s="166">
        <v>0</v>
      </c>
      <c r="BH78" s="166">
        <v>0</v>
      </c>
      <c r="BI78" s="166">
        <v>0</v>
      </c>
      <c r="BJ78" s="166">
        <v>0</v>
      </c>
      <c r="BK78" s="166">
        <v>0</v>
      </c>
      <c r="BL78" s="166">
        <v>0</v>
      </c>
      <c r="BM78" s="166">
        <v>0</v>
      </c>
      <c r="BN78" s="166">
        <v>0</v>
      </c>
      <c r="BO78" s="166">
        <v>0</v>
      </c>
      <c r="BP78" s="166">
        <v>0</v>
      </c>
      <c r="BQ78" s="166">
        <v>0</v>
      </c>
      <c r="BR78" s="166">
        <v>2239072.0099999998</v>
      </c>
      <c r="BS78" s="166">
        <v>2239072.0099999998</v>
      </c>
      <c r="BT78" s="168">
        <v>0</v>
      </c>
      <c r="BU78" s="166">
        <v>159433.73960446299</v>
      </c>
      <c r="BV78" s="166">
        <v>2170887.1150098201</v>
      </c>
      <c r="BW78" s="166">
        <v>0</v>
      </c>
      <c r="BX78" s="166">
        <v>0</v>
      </c>
      <c r="BY78" s="166">
        <v>0</v>
      </c>
      <c r="BZ78" s="166">
        <v>0</v>
      </c>
      <c r="CA78" s="166">
        <v>0</v>
      </c>
      <c r="CB78" s="166">
        <v>0</v>
      </c>
      <c r="CC78" s="166">
        <v>0</v>
      </c>
      <c r="CD78" s="166">
        <v>0</v>
      </c>
      <c r="CE78" s="166">
        <v>0</v>
      </c>
      <c r="CF78" s="166">
        <v>0</v>
      </c>
      <c r="CG78" s="166">
        <v>0</v>
      </c>
      <c r="CH78" s="166">
        <v>0</v>
      </c>
      <c r="CI78" s="166">
        <v>0</v>
      </c>
      <c r="CJ78" s="166">
        <v>0</v>
      </c>
      <c r="CK78" s="166">
        <v>0</v>
      </c>
      <c r="CL78" s="166">
        <v>0</v>
      </c>
      <c r="CM78" s="166">
        <v>0</v>
      </c>
      <c r="CN78" s="166">
        <v>0</v>
      </c>
      <c r="CO78" s="166">
        <v>0</v>
      </c>
      <c r="CP78" s="166">
        <v>0</v>
      </c>
      <c r="CQ78" s="166">
        <v>0</v>
      </c>
      <c r="CR78" s="166">
        <v>0</v>
      </c>
      <c r="CS78" s="166">
        <v>0</v>
      </c>
      <c r="CT78" s="166">
        <v>0</v>
      </c>
      <c r="CU78" s="166">
        <v>0</v>
      </c>
      <c r="CV78" s="166">
        <v>0</v>
      </c>
      <c r="CW78" s="166">
        <v>0</v>
      </c>
      <c r="CX78" s="166">
        <v>0</v>
      </c>
      <c r="CY78" s="166">
        <v>2170887.1150098201</v>
      </c>
      <c r="CZ78" s="166">
        <v>2170887.1150098201</v>
      </c>
    </row>
    <row r="79" spans="1:104" hidden="1" outlineLevel="1" x14ac:dyDescent="0.2">
      <c r="A79" s="167" t="s">
        <v>1061</v>
      </c>
    </row>
    <row r="80" spans="1:104" hidden="1" outlineLevel="1" x14ac:dyDescent="0.2">
      <c r="A80" s="170" t="s">
        <v>172</v>
      </c>
    </row>
    <row r="81" spans="1:104" hidden="1" outlineLevel="1" x14ac:dyDescent="0.2">
      <c r="A81" s="167" t="s">
        <v>173</v>
      </c>
      <c r="B81" s="166">
        <v>2.81</v>
      </c>
      <c r="C81" s="166">
        <v>2.81</v>
      </c>
      <c r="D81" s="166">
        <v>0</v>
      </c>
      <c r="E81" s="166">
        <v>0</v>
      </c>
      <c r="F81" s="166">
        <v>0</v>
      </c>
      <c r="G81" s="166">
        <v>0</v>
      </c>
      <c r="H81" s="166">
        <v>0</v>
      </c>
      <c r="I81" s="166">
        <v>0</v>
      </c>
      <c r="J81" s="166">
        <v>0</v>
      </c>
      <c r="K81" s="166">
        <v>0</v>
      </c>
      <c r="L81" s="166">
        <v>0</v>
      </c>
      <c r="M81" s="166">
        <v>0</v>
      </c>
      <c r="N81" s="166">
        <v>0</v>
      </c>
      <c r="O81" s="166">
        <v>0</v>
      </c>
      <c r="P81" s="166">
        <v>0</v>
      </c>
      <c r="Q81" s="166">
        <v>0</v>
      </c>
      <c r="R81" s="166">
        <v>0</v>
      </c>
      <c r="S81" s="166">
        <v>0</v>
      </c>
      <c r="T81" s="166">
        <v>0</v>
      </c>
      <c r="U81" s="166">
        <v>0</v>
      </c>
      <c r="V81" s="166">
        <v>0</v>
      </c>
      <c r="W81" s="166">
        <v>0</v>
      </c>
      <c r="X81" s="166">
        <v>0</v>
      </c>
      <c r="Y81" s="166">
        <v>0</v>
      </c>
      <c r="Z81" s="166">
        <v>0</v>
      </c>
      <c r="AA81" s="166">
        <v>0</v>
      </c>
      <c r="AB81" s="166">
        <v>0</v>
      </c>
      <c r="AC81" s="166">
        <v>0</v>
      </c>
      <c r="AD81" s="166">
        <v>0</v>
      </c>
      <c r="AE81" s="166">
        <v>0</v>
      </c>
      <c r="AF81" s="166">
        <v>0</v>
      </c>
      <c r="AG81" s="166">
        <v>0</v>
      </c>
      <c r="AH81" s="166">
        <v>0</v>
      </c>
      <c r="AI81" s="166">
        <v>0</v>
      </c>
      <c r="AJ81" s="166">
        <v>0</v>
      </c>
      <c r="AK81" s="166">
        <v>0</v>
      </c>
      <c r="AL81" s="166">
        <v>0</v>
      </c>
      <c r="AM81" s="166">
        <v>0</v>
      </c>
      <c r="AN81" s="166">
        <v>0</v>
      </c>
      <c r="AO81" s="166">
        <v>0</v>
      </c>
      <c r="AP81" s="166">
        <v>0</v>
      </c>
      <c r="AQ81" s="166">
        <v>0</v>
      </c>
      <c r="AR81" s="166">
        <v>0</v>
      </c>
      <c r="AS81" s="166">
        <v>0</v>
      </c>
      <c r="AT81" s="166">
        <v>0</v>
      </c>
      <c r="AU81" s="166">
        <v>0</v>
      </c>
      <c r="AV81" s="166">
        <v>0</v>
      </c>
      <c r="AW81" s="166">
        <v>0</v>
      </c>
      <c r="AX81" s="166">
        <v>0</v>
      </c>
      <c r="AY81" s="166">
        <v>0</v>
      </c>
      <c r="AZ81" s="166">
        <v>0</v>
      </c>
      <c r="BA81" s="166">
        <v>0</v>
      </c>
      <c r="BB81" s="166">
        <v>0</v>
      </c>
      <c r="BC81" s="166">
        <v>0</v>
      </c>
      <c r="BD81" s="166">
        <v>0</v>
      </c>
      <c r="BE81" s="166">
        <v>0</v>
      </c>
      <c r="BF81" s="166">
        <v>0</v>
      </c>
      <c r="BG81" s="166">
        <v>0</v>
      </c>
      <c r="BH81" s="166">
        <v>0</v>
      </c>
      <c r="BI81" s="166">
        <v>0</v>
      </c>
      <c r="BJ81" s="166">
        <v>0</v>
      </c>
      <c r="BK81" s="166">
        <v>0</v>
      </c>
      <c r="BL81" s="166">
        <v>0</v>
      </c>
      <c r="BM81" s="166">
        <v>0</v>
      </c>
      <c r="BN81" s="166">
        <v>0</v>
      </c>
      <c r="BO81" s="166">
        <v>0</v>
      </c>
      <c r="BP81" s="166">
        <v>0</v>
      </c>
      <c r="BQ81" s="166">
        <v>0</v>
      </c>
      <c r="BR81" s="166">
        <v>2.81</v>
      </c>
      <c r="BS81" s="166">
        <v>2.81</v>
      </c>
      <c r="BT81" s="168">
        <v>0</v>
      </c>
      <c r="BU81" s="166">
        <v>0</v>
      </c>
      <c r="BV81" s="166">
        <v>0</v>
      </c>
      <c r="BW81" s="166">
        <v>0</v>
      </c>
      <c r="BX81" s="166">
        <v>0</v>
      </c>
      <c r="BY81" s="166">
        <v>0</v>
      </c>
      <c r="BZ81" s="166">
        <v>0</v>
      </c>
      <c r="CA81" s="166">
        <v>0</v>
      </c>
      <c r="CB81" s="166">
        <v>0</v>
      </c>
      <c r="CC81" s="166">
        <v>0</v>
      </c>
      <c r="CD81" s="166">
        <v>0</v>
      </c>
      <c r="CE81" s="166">
        <v>0</v>
      </c>
      <c r="CF81" s="166">
        <v>0</v>
      </c>
      <c r="CG81" s="166">
        <v>0</v>
      </c>
      <c r="CH81" s="166">
        <v>0</v>
      </c>
      <c r="CI81" s="166">
        <v>0</v>
      </c>
      <c r="CJ81" s="166">
        <v>0</v>
      </c>
      <c r="CK81" s="166">
        <v>0</v>
      </c>
      <c r="CL81" s="166">
        <v>0</v>
      </c>
      <c r="CM81" s="166">
        <v>0</v>
      </c>
      <c r="CN81" s="166">
        <v>0</v>
      </c>
      <c r="CO81" s="166">
        <v>0</v>
      </c>
      <c r="CP81" s="166">
        <v>0</v>
      </c>
      <c r="CQ81" s="166">
        <v>0</v>
      </c>
      <c r="CR81" s="166">
        <v>0</v>
      </c>
      <c r="CS81" s="166">
        <v>0</v>
      </c>
      <c r="CT81" s="166">
        <v>0</v>
      </c>
      <c r="CU81" s="166">
        <v>0</v>
      </c>
      <c r="CV81" s="166">
        <v>0</v>
      </c>
      <c r="CW81" s="166">
        <v>0</v>
      </c>
      <c r="CX81" s="166">
        <v>0</v>
      </c>
      <c r="CY81" s="166">
        <v>0</v>
      </c>
      <c r="CZ81" s="166">
        <v>0</v>
      </c>
    </row>
    <row r="82" spans="1:104" hidden="1" outlineLevel="1" x14ac:dyDescent="0.2">
      <c r="A82" s="167" t="s">
        <v>174</v>
      </c>
    </row>
    <row r="83" spans="1:104" hidden="1" outlineLevel="1" x14ac:dyDescent="0.2">
      <c r="A83" s="170" t="s">
        <v>175</v>
      </c>
    </row>
    <row r="84" spans="1:104" hidden="1" outlineLevel="1" x14ac:dyDescent="0.2">
      <c r="A84" s="167" t="s">
        <v>1062</v>
      </c>
      <c r="B84" s="166">
        <v>733628.13999999897</v>
      </c>
      <c r="C84" s="166">
        <v>733628.13999999897</v>
      </c>
      <c r="D84" s="166">
        <v>0</v>
      </c>
      <c r="E84" s="166">
        <v>0</v>
      </c>
      <c r="F84" s="166">
        <v>0</v>
      </c>
      <c r="G84" s="166">
        <v>0</v>
      </c>
      <c r="H84" s="166">
        <v>0</v>
      </c>
      <c r="I84" s="166">
        <v>0</v>
      </c>
      <c r="J84" s="166">
        <v>0</v>
      </c>
      <c r="K84" s="166">
        <v>0</v>
      </c>
      <c r="L84" s="166">
        <v>0</v>
      </c>
      <c r="M84" s="166">
        <v>0</v>
      </c>
      <c r="N84" s="166">
        <v>0</v>
      </c>
      <c r="O84" s="166">
        <v>0</v>
      </c>
      <c r="P84" s="166">
        <v>0</v>
      </c>
      <c r="Q84" s="166">
        <v>0</v>
      </c>
      <c r="R84" s="166">
        <v>0</v>
      </c>
      <c r="S84" s="166">
        <v>0</v>
      </c>
      <c r="T84" s="166">
        <v>0</v>
      </c>
      <c r="U84" s="166">
        <v>0</v>
      </c>
      <c r="V84" s="166">
        <v>0</v>
      </c>
      <c r="W84" s="166">
        <v>0</v>
      </c>
      <c r="X84" s="166">
        <v>0</v>
      </c>
      <c r="Y84" s="166">
        <v>0</v>
      </c>
      <c r="Z84" s="166">
        <v>0</v>
      </c>
      <c r="AA84" s="166">
        <v>0</v>
      </c>
      <c r="AB84" s="166">
        <v>0</v>
      </c>
      <c r="AC84" s="166">
        <v>0</v>
      </c>
      <c r="AD84" s="166">
        <v>0</v>
      </c>
      <c r="AE84" s="166">
        <v>0</v>
      </c>
      <c r="AF84" s="166">
        <v>0</v>
      </c>
      <c r="AG84" s="166">
        <v>0</v>
      </c>
      <c r="AH84" s="166">
        <v>0</v>
      </c>
      <c r="AI84" s="166">
        <v>0</v>
      </c>
      <c r="AJ84" s="166">
        <v>0</v>
      </c>
      <c r="AK84" s="166">
        <v>0</v>
      </c>
      <c r="AL84" s="166">
        <v>0</v>
      </c>
      <c r="AM84" s="166">
        <v>0</v>
      </c>
      <c r="AN84" s="166">
        <v>0</v>
      </c>
      <c r="AO84" s="166">
        <v>0</v>
      </c>
      <c r="AP84" s="166">
        <v>0</v>
      </c>
      <c r="AQ84" s="166">
        <v>0</v>
      </c>
      <c r="AR84" s="166">
        <v>0</v>
      </c>
      <c r="AS84" s="166">
        <v>0</v>
      </c>
      <c r="AT84" s="166">
        <v>0</v>
      </c>
      <c r="AU84" s="166">
        <v>0</v>
      </c>
      <c r="AV84" s="166">
        <v>0</v>
      </c>
      <c r="AW84" s="166">
        <v>0</v>
      </c>
      <c r="AX84" s="166">
        <v>0</v>
      </c>
      <c r="AY84" s="166">
        <v>0</v>
      </c>
      <c r="AZ84" s="166">
        <v>0</v>
      </c>
      <c r="BA84" s="166">
        <v>0</v>
      </c>
      <c r="BB84" s="166">
        <v>0</v>
      </c>
      <c r="BC84" s="166">
        <v>0</v>
      </c>
      <c r="BD84" s="166">
        <v>0</v>
      </c>
      <c r="BE84" s="166">
        <v>0</v>
      </c>
      <c r="BF84" s="166">
        <v>0</v>
      </c>
      <c r="BG84" s="166">
        <v>0</v>
      </c>
      <c r="BH84" s="166">
        <v>0</v>
      </c>
      <c r="BI84" s="166">
        <v>0</v>
      </c>
      <c r="BJ84" s="166">
        <v>0</v>
      </c>
      <c r="BK84" s="166">
        <v>0</v>
      </c>
      <c r="BL84" s="166">
        <v>0</v>
      </c>
      <c r="BM84" s="166">
        <v>0</v>
      </c>
      <c r="BN84" s="166">
        <v>0</v>
      </c>
      <c r="BO84" s="166">
        <v>0</v>
      </c>
      <c r="BP84" s="166">
        <v>0</v>
      </c>
      <c r="BQ84" s="166">
        <v>0</v>
      </c>
      <c r="BR84" s="166">
        <v>733628.13999999897</v>
      </c>
      <c r="BS84" s="166">
        <v>733628.13999999897</v>
      </c>
      <c r="BT84" s="168">
        <v>0.98855217689263197</v>
      </c>
      <c r="BU84" s="166">
        <v>54947.239351920398</v>
      </c>
      <c r="BV84" s="166">
        <v>725229.69482669304</v>
      </c>
      <c r="BW84" s="166">
        <v>0</v>
      </c>
      <c r="BX84" s="166">
        <v>0</v>
      </c>
      <c r="BY84" s="166">
        <v>0</v>
      </c>
      <c r="BZ84" s="166">
        <v>0</v>
      </c>
      <c r="CA84" s="166">
        <v>0</v>
      </c>
      <c r="CB84" s="166">
        <v>0</v>
      </c>
      <c r="CC84" s="166">
        <v>0</v>
      </c>
      <c r="CD84" s="166">
        <v>0</v>
      </c>
      <c r="CE84" s="166">
        <v>0</v>
      </c>
      <c r="CF84" s="166">
        <v>0</v>
      </c>
      <c r="CG84" s="166">
        <v>0</v>
      </c>
      <c r="CH84" s="166">
        <v>0</v>
      </c>
      <c r="CI84" s="166">
        <v>0</v>
      </c>
      <c r="CJ84" s="166">
        <v>0</v>
      </c>
      <c r="CK84" s="166">
        <v>0</v>
      </c>
      <c r="CL84" s="166">
        <v>0</v>
      </c>
      <c r="CM84" s="166">
        <v>0</v>
      </c>
      <c r="CN84" s="166">
        <v>0</v>
      </c>
      <c r="CO84" s="166">
        <v>0</v>
      </c>
      <c r="CP84" s="166">
        <v>0</v>
      </c>
      <c r="CQ84" s="166">
        <v>0</v>
      </c>
      <c r="CR84" s="166">
        <v>0</v>
      </c>
      <c r="CS84" s="166">
        <v>0</v>
      </c>
      <c r="CT84" s="166">
        <v>0</v>
      </c>
      <c r="CU84" s="166">
        <v>0</v>
      </c>
      <c r="CV84" s="166">
        <v>0</v>
      </c>
      <c r="CW84" s="166">
        <v>0</v>
      </c>
      <c r="CX84" s="166">
        <v>0</v>
      </c>
      <c r="CY84" s="166">
        <v>725229.69482669304</v>
      </c>
      <c r="CZ84" s="166">
        <v>725229.69482669304</v>
      </c>
    </row>
    <row r="85" spans="1:104" hidden="1" outlineLevel="1" x14ac:dyDescent="0.2">
      <c r="A85" s="167" t="s">
        <v>1063</v>
      </c>
      <c r="B85" s="166">
        <v>0</v>
      </c>
      <c r="C85" s="166">
        <v>0</v>
      </c>
      <c r="D85" s="166">
        <v>0</v>
      </c>
      <c r="E85" s="166">
        <v>0</v>
      </c>
      <c r="F85" s="166">
        <v>0</v>
      </c>
      <c r="G85" s="166">
        <v>0</v>
      </c>
      <c r="H85" s="166">
        <v>0</v>
      </c>
      <c r="I85" s="166">
        <v>0</v>
      </c>
      <c r="J85" s="166">
        <v>0</v>
      </c>
      <c r="K85" s="166">
        <v>0</v>
      </c>
      <c r="L85" s="166">
        <v>0</v>
      </c>
      <c r="M85" s="166">
        <v>0</v>
      </c>
      <c r="N85" s="166">
        <v>0</v>
      </c>
      <c r="O85" s="166">
        <v>0</v>
      </c>
      <c r="P85" s="166">
        <v>0</v>
      </c>
      <c r="Q85" s="166">
        <v>0</v>
      </c>
      <c r="R85" s="166">
        <v>0</v>
      </c>
      <c r="S85" s="166">
        <v>0</v>
      </c>
      <c r="T85" s="166">
        <v>0</v>
      </c>
      <c r="U85" s="166">
        <v>0</v>
      </c>
      <c r="V85" s="166">
        <v>0</v>
      </c>
      <c r="W85" s="166">
        <v>0</v>
      </c>
      <c r="X85" s="166">
        <v>0</v>
      </c>
      <c r="Y85" s="166">
        <v>0</v>
      </c>
      <c r="Z85" s="166">
        <v>0</v>
      </c>
      <c r="AA85" s="166">
        <v>0</v>
      </c>
      <c r="AB85" s="166">
        <v>0</v>
      </c>
      <c r="AC85" s="166">
        <v>0</v>
      </c>
      <c r="AD85" s="166">
        <v>0</v>
      </c>
      <c r="AE85" s="166">
        <v>0</v>
      </c>
      <c r="AF85" s="166">
        <v>0</v>
      </c>
      <c r="AG85" s="166">
        <v>0</v>
      </c>
      <c r="AH85" s="166">
        <v>0</v>
      </c>
      <c r="AI85" s="166">
        <v>0</v>
      </c>
      <c r="AJ85" s="166">
        <v>0</v>
      </c>
      <c r="AK85" s="166">
        <v>0</v>
      </c>
      <c r="AL85" s="166">
        <v>0</v>
      </c>
      <c r="AM85" s="166">
        <v>0</v>
      </c>
      <c r="AN85" s="166">
        <v>0</v>
      </c>
      <c r="AO85" s="166">
        <v>0</v>
      </c>
      <c r="AP85" s="166">
        <v>0</v>
      </c>
      <c r="AQ85" s="166">
        <v>0</v>
      </c>
      <c r="AR85" s="166">
        <v>0</v>
      </c>
      <c r="AS85" s="166">
        <v>0</v>
      </c>
      <c r="AT85" s="166">
        <v>0</v>
      </c>
      <c r="AU85" s="166">
        <v>0</v>
      </c>
      <c r="AV85" s="166">
        <v>0</v>
      </c>
      <c r="AW85" s="166">
        <v>0</v>
      </c>
      <c r="AX85" s="166">
        <v>0</v>
      </c>
      <c r="AY85" s="166">
        <v>0</v>
      </c>
      <c r="AZ85" s="166">
        <v>0</v>
      </c>
      <c r="BA85" s="166">
        <v>0</v>
      </c>
      <c r="BB85" s="166">
        <v>0</v>
      </c>
      <c r="BC85" s="166">
        <v>0</v>
      </c>
      <c r="BD85" s="166">
        <v>0</v>
      </c>
      <c r="BE85" s="166">
        <v>0</v>
      </c>
      <c r="BF85" s="166">
        <v>0</v>
      </c>
      <c r="BG85" s="166">
        <v>0</v>
      </c>
      <c r="BH85" s="166">
        <v>0</v>
      </c>
      <c r="BI85" s="166">
        <v>0</v>
      </c>
      <c r="BJ85" s="166">
        <v>0</v>
      </c>
      <c r="BK85" s="166">
        <v>0</v>
      </c>
      <c r="BL85" s="166">
        <v>0</v>
      </c>
      <c r="BM85" s="166">
        <v>0</v>
      </c>
      <c r="BN85" s="166">
        <v>0</v>
      </c>
      <c r="BO85" s="166">
        <v>0</v>
      </c>
      <c r="BP85" s="166">
        <v>0</v>
      </c>
      <c r="BQ85" s="166">
        <v>0</v>
      </c>
      <c r="BR85" s="166">
        <v>0</v>
      </c>
      <c r="BS85" s="166">
        <v>0</v>
      </c>
      <c r="BT85" s="168">
        <v>0.98855217689263197</v>
      </c>
      <c r="BU85" s="166">
        <v>0</v>
      </c>
      <c r="BV85" s="166">
        <v>0</v>
      </c>
      <c r="BW85" s="166">
        <v>0</v>
      </c>
      <c r="BX85" s="166">
        <v>0</v>
      </c>
      <c r="BY85" s="166">
        <v>0</v>
      </c>
      <c r="BZ85" s="166">
        <v>0</v>
      </c>
      <c r="CA85" s="166">
        <v>0</v>
      </c>
      <c r="CB85" s="166">
        <v>0</v>
      </c>
      <c r="CC85" s="166">
        <v>0</v>
      </c>
      <c r="CD85" s="166">
        <v>0</v>
      </c>
      <c r="CE85" s="166">
        <v>0</v>
      </c>
      <c r="CF85" s="166">
        <v>0</v>
      </c>
      <c r="CG85" s="166">
        <v>0</v>
      </c>
      <c r="CH85" s="166">
        <v>0</v>
      </c>
      <c r="CI85" s="166">
        <v>0</v>
      </c>
      <c r="CJ85" s="166">
        <v>0</v>
      </c>
      <c r="CK85" s="166">
        <v>0</v>
      </c>
      <c r="CL85" s="166">
        <v>0</v>
      </c>
      <c r="CM85" s="166">
        <v>0</v>
      </c>
      <c r="CN85" s="166">
        <v>0</v>
      </c>
      <c r="CO85" s="166">
        <v>0</v>
      </c>
      <c r="CP85" s="166">
        <v>0</v>
      </c>
      <c r="CQ85" s="166">
        <v>0</v>
      </c>
      <c r="CR85" s="166">
        <v>0</v>
      </c>
      <c r="CS85" s="166">
        <v>0</v>
      </c>
      <c r="CT85" s="166">
        <v>0</v>
      </c>
      <c r="CU85" s="166">
        <v>0</v>
      </c>
      <c r="CV85" s="166">
        <v>0</v>
      </c>
      <c r="CW85" s="166">
        <v>0</v>
      </c>
      <c r="CX85" s="166">
        <v>0</v>
      </c>
      <c r="CY85" s="166">
        <v>0</v>
      </c>
      <c r="CZ85" s="166">
        <v>0</v>
      </c>
    </row>
    <row r="86" spans="1:104" hidden="1" outlineLevel="1" x14ac:dyDescent="0.2">
      <c r="A86" s="167" t="s">
        <v>178</v>
      </c>
      <c r="B86" s="166">
        <v>1013.31</v>
      </c>
      <c r="C86" s="166">
        <v>1013.31</v>
      </c>
      <c r="D86" s="166">
        <v>0</v>
      </c>
      <c r="E86" s="166">
        <v>0</v>
      </c>
      <c r="F86" s="166">
        <v>0</v>
      </c>
      <c r="G86" s="166">
        <v>0</v>
      </c>
      <c r="H86" s="166">
        <v>0</v>
      </c>
      <c r="I86" s="166">
        <v>0</v>
      </c>
      <c r="J86" s="166">
        <v>0</v>
      </c>
      <c r="K86" s="166">
        <v>0</v>
      </c>
      <c r="L86" s="166">
        <v>0</v>
      </c>
      <c r="M86" s="166">
        <v>0</v>
      </c>
      <c r="N86" s="166">
        <v>0</v>
      </c>
      <c r="O86" s="166">
        <v>0</v>
      </c>
      <c r="P86" s="166">
        <v>0</v>
      </c>
      <c r="Q86" s="166">
        <v>0</v>
      </c>
      <c r="R86" s="166">
        <v>0</v>
      </c>
      <c r="S86" s="166">
        <v>0</v>
      </c>
      <c r="T86" s="166">
        <v>0</v>
      </c>
      <c r="U86" s="166">
        <v>0</v>
      </c>
      <c r="V86" s="166">
        <v>0</v>
      </c>
      <c r="W86" s="166">
        <v>0</v>
      </c>
      <c r="X86" s="166">
        <v>0</v>
      </c>
      <c r="Y86" s="166">
        <v>0</v>
      </c>
      <c r="Z86" s="166">
        <v>0</v>
      </c>
      <c r="AA86" s="166">
        <v>0</v>
      </c>
      <c r="AB86" s="166">
        <v>0</v>
      </c>
      <c r="AC86" s="166">
        <v>0</v>
      </c>
      <c r="AD86" s="166">
        <v>0</v>
      </c>
      <c r="AE86" s="166">
        <v>0</v>
      </c>
      <c r="AF86" s="166">
        <v>0</v>
      </c>
      <c r="AG86" s="166">
        <v>0</v>
      </c>
      <c r="AH86" s="166">
        <v>0</v>
      </c>
      <c r="AI86" s="166">
        <v>0</v>
      </c>
      <c r="AJ86" s="166">
        <v>0</v>
      </c>
      <c r="AK86" s="166">
        <v>0</v>
      </c>
      <c r="AL86" s="166">
        <v>0</v>
      </c>
      <c r="AM86" s="166">
        <v>0</v>
      </c>
      <c r="AN86" s="166">
        <v>0</v>
      </c>
      <c r="AO86" s="166">
        <v>0</v>
      </c>
      <c r="AP86" s="166">
        <v>0</v>
      </c>
      <c r="AQ86" s="166">
        <v>0</v>
      </c>
      <c r="AR86" s="166">
        <v>0</v>
      </c>
      <c r="AS86" s="166">
        <v>0</v>
      </c>
      <c r="AT86" s="166">
        <v>0</v>
      </c>
      <c r="AU86" s="166">
        <v>0</v>
      </c>
      <c r="AV86" s="166">
        <v>0</v>
      </c>
      <c r="AW86" s="166">
        <v>0</v>
      </c>
      <c r="AX86" s="166">
        <v>0</v>
      </c>
      <c r="AY86" s="166">
        <v>0</v>
      </c>
      <c r="AZ86" s="166">
        <v>0</v>
      </c>
      <c r="BA86" s="166">
        <v>0</v>
      </c>
      <c r="BB86" s="166">
        <v>0</v>
      </c>
      <c r="BC86" s="166">
        <v>0</v>
      </c>
      <c r="BD86" s="166">
        <v>0</v>
      </c>
      <c r="BE86" s="166">
        <v>0</v>
      </c>
      <c r="BF86" s="166">
        <v>0</v>
      </c>
      <c r="BG86" s="166">
        <v>0</v>
      </c>
      <c r="BH86" s="166">
        <v>0</v>
      </c>
      <c r="BI86" s="166">
        <v>0</v>
      </c>
      <c r="BJ86" s="166">
        <v>0</v>
      </c>
      <c r="BK86" s="166">
        <v>0</v>
      </c>
      <c r="BL86" s="166">
        <v>0</v>
      </c>
      <c r="BM86" s="166">
        <v>0</v>
      </c>
      <c r="BN86" s="166">
        <v>0</v>
      </c>
      <c r="BO86" s="166">
        <v>0</v>
      </c>
      <c r="BP86" s="166">
        <v>0</v>
      </c>
      <c r="BQ86" s="166">
        <v>0</v>
      </c>
      <c r="BR86" s="166">
        <v>1013.31</v>
      </c>
      <c r="BS86" s="166">
        <v>1013.31</v>
      </c>
      <c r="BT86" s="166">
        <v>988.55217689263202</v>
      </c>
      <c r="BU86" s="166">
        <v>0</v>
      </c>
      <c r="BV86" s="166">
        <v>1001.70980636707</v>
      </c>
      <c r="BW86" s="166">
        <v>0</v>
      </c>
      <c r="BX86" s="166">
        <v>0</v>
      </c>
      <c r="BY86" s="166">
        <v>0</v>
      </c>
      <c r="BZ86" s="166">
        <v>0</v>
      </c>
      <c r="CA86" s="166">
        <v>0</v>
      </c>
      <c r="CB86" s="166">
        <v>0</v>
      </c>
      <c r="CC86" s="166">
        <v>0</v>
      </c>
      <c r="CD86" s="166">
        <v>0</v>
      </c>
      <c r="CE86" s="166">
        <v>0</v>
      </c>
      <c r="CF86" s="166">
        <v>0</v>
      </c>
      <c r="CG86" s="166">
        <v>0</v>
      </c>
      <c r="CH86" s="166">
        <v>0</v>
      </c>
      <c r="CI86" s="166">
        <v>0</v>
      </c>
      <c r="CJ86" s="166">
        <v>0</v>
      </c>
      <c r="CK86" s="166">
        <v>0</v>
      </c>
      <c r="CL86" s="166">
        <v>0</v>
      </c>
      <c r="CM86" s="166">
        <v>0</v>
      </c>
      <c r="CN86" s="166">
        <v>0</v>
      </c>
      <c r="CO86" s="166">
        <v>0</v>
      </c>
      <c r="CP86" s="166">
        <v>0</v>
      </c>
      <c r="CQ86" s="166">
        <v>0</v>
      </c>
      <c r="CR86" s="166">
        <v>0</v>
      </c>
      <c r="CS86" s="166">
        <v>0</v>
      </c>
      <c r="CT86" s="166">
        <v>0</v>
      </c>
      <c r="CU86" s="166">
        <v>0</v>
      </c>
      <c r="CV86" s="166">
        <v>0</v>
      </c>
      <c r="CW86" s="166">
        <v>0</v>
      </c>
      <c r="CX86" s="166">
        <v>0</v>
      </c>
      <c r="CY86" s="166">
        <v>1001.70980636707</v>
      </c>
      <c r="CZ86" s="166">
        <v>1001.70980636707</v>
      </c>
    </row>
    <row r="87" spans="1:104" hidden="1" outlineLevel="1" x14ac:dyDescent="0.2">
      <c r="A87" s="167" t="s">
        <v>179</v>
      </c>
      <c r="B87" s="166">
        <v>25200</v>
      </c>
      <c r="C87" s="166">
        <v>25200</v>
      </c>
      <c r="D87" s="166">
        <v>0</v>
      </c>
      <c r="E87" s="166">
        <v>0</v>
      </c>
      <c r="F87" s="166">
        <v>0</v>
      </c>
      <c r="G87" s="166">
        <v>0</v>
      </c>
      <c r="H87" s="166">
        <v>0</v>
      </c>
      <c r="I87" s="166">
        <v>0</v>
      </c>
      <c r="J87" s="166">
        <v>0</v>
      </c>
      <c r="K87" s="166">
        <v>0</v>
      </c>
      <c r="L87" s="166">
        <v>0</v>
      </c>
      <c r="M87" s="166">
        <v>0</v>
      </c>
      <c r="N87" s="166">
        <v>0</v>
      </c>
      <c r="O87" s="166">
        <v>0</v>
      </c>
      <c r="P87" s="166">
        <v>0</v>
      </c>
      <c r="Q87" s="166">
        <v>0</v>
      </c>
      <c r="R87" s="166">
        <v>0</v>
      </c>
      <c r="S87" s="166">
        <v>0</v>
      </c>
      <c r="T87" s="166">
        <v>0</v>
      </c>
      <c r="U87" s="166">
        <v>0</v>
      </c>
      <c r="V87" s="166">
        <v>0</v>
      </c>
      <c r="W87" s="166">
        <v>0</v>
      </c>
      <c r="X87" s="166">
        <v>0</v>
      </c>
      <c r="Y87" s="166">
        <v>0</v>
      </c>
      <c r="Z87" s="166">
        <v>0</v>
      </c>
      <c r="AA87" s="166">
        <v>0</v>
      </c>
      <c r="AB87" s="166">
        <v>0</v>
      </c>
      <c r="AC87" s="166">
        <v>0</v>
      </c>
      <c r="AD87" s="166">
        <v>0</v>
      </c>
      <c r="AE87" s="166">
        <v>0</v>
      </c>
      <c r="AF87" s="166">
        <v>0</v>
      </c>
      <c r="AG87" s="166">
        <v>0</v>
      </c>
      <c r="AH87" s="166">
        <v>0</v>
      </c>
      <c r="AI87" s="166">
        <v>0</v>
      </c>
      <c r="AJ87" s="166">
        <v>0</v>
      </c>
      <c r="AK87" s="166">
        <v>0</v>
      </c>
      <c r="AL87" s="166">
        <v>0</v>
      </c>
      <c r="AM87" s="166">
        <v>0</v>
      </c>
      <c r="AN87" s="166">
        <v>0</v>
      </c>
      <c r="AO87" s="166">
        <v>0</v>
      </c>
      <c r="AP87" s="166">
        <v>0</v>
      </c>
      <c r="AQ87" s="166">
        <v>0</v>
      </c>
      <c r="AR87" s="166">
        <v>0</v>
      </c>
      <c r="AS87" s="166">
        <v>0</v>
      </c>
      <c r="AT87" s="166">
        <v>0</v>
      </c>
      <c r="AU87" s="166">
        <v>0</v>
      </c>
      <c r="AV87" s="166">
        <v>0</v>
      </c>
      <c r="AW87" s="166">
        <v>0</v>
      </c>
      <c r="AX87" s="166">
        <v>0</v>
      </c>
      <c r="AY87" s="166">
        <v>0</v>
      </c>
      <c r="AZ87" s="166">
        <v>0</v>
      </c>
      <c r="BA87" s="166">
        <v>0</v>
      </c>
      <c r="BB87" s="166">
        <v>0</v>
      </c>
      <c r="BC87" s="166">
        <v>0</v>
      </c>
      <c r="BD87" s="166">
        <v>0</v>
      </c>
      <c r="BE87" s="166">
        <v>0</v>
      </c>
      <c r="BF87" s="166">
        <v>0</v>
      </c>
      <c r="BG87" s="166">
        <v>0</v>
      </c>
      <c r="BH87" s="166">
        <v>0</v>
      </c>
      <c r="BI87" s="166">
        <v>0</v>
      </c>
      <c r="BJ87" s="166">
        <v>0</v>
      </c>
      <c r="BK87" s="166">
        <v>0</v>
      </c>
      <c r="BL87" s="166">
        <v>0</v>
      </c>
      <c r="BM87" s="166">
        <v>0</v>
      </c>
      <c r="BN87" s="166">
        <v>0</v>
      </c>
      <c r="BO87" s="166">
        <v>0</v>
      </c>
      <c r="BP87" s="166">
        <v>0</v>
      </c>
      <c r="BQ87" s="166">
        <v>0</v>
      </c>
      <c r="BR87" s="166">
        <v>25200</v>
      </c>
      <c r="BS87" s="166">
        <v>25200</v>
      </c>
      <c r="BT87" s="168">
        <v>0.98855217689263197</v>
      </c>
      <c r="BU87" s="166">
        <v>2075.9595714745201</v>
      </c>
      <c r="BV87" s="166">
        <v>24911.514857694299</v>
      </c>
      <c r="BW87" s="166">
        <v>0</v>
      </c>
      <c r="BX87" s="166">
        <v>0</v>
      </c>
      <c r="BY87" s="166">
        <v>0</v>
      </c>
      <c r="BZ87" s="166">
        <v>0</v>
      </c>
      <c r="CA87" s="166">
        <v>0</v>
      </c>
      <c r="CB87" s="166">
        <v>0</v>
      </c>
      <c r="CC87" s="166">
        <v>0</v>
      </c>
      <c r="CD87" s="166">
        <v>0</v>
      </c>
      <c r="CE87" s="166">
        <v>0</v>
      </c>
      <c r="CF87" s="166">
        <v>0</v>
      </c>
      <c r="CG87" s="166">
        <v>0</v>
      </c>
      <c r="CH87" s="166">
        <v>0</v>
      </c>
      <c r="CI87" s="166">
        <v>0</v>
      </c>
      <c r="CJ87" s="166">
        <v>0</v>
      </c>
      <c r="CK87" s="166">
        <v>0</v>
      </c>
      <c r="CL87" s="166">
        <v>0</v>
      </c>
      <c r="CM87" s="166">
        <v>0</v>
      </c>
      <c r="CN87" s="166">
        <v>0</v>
      </c>
      <c r="CO87" s="166">
        <v>0</v>
      </c>
      <c r="CP87" s="166">
        <v>0</v>
      </c>
      <c r="CQ87" s="166">
        <v>0</v>
      </c>
      <c r="CR87" s="166">
        <v>0</v>
      </c>
      <c r="CS87" s="166">
        <v>0</v>
      </c>
      <c r="CT87" s="166">
        <v>0</v>
      </c>
      <c r="CU87" s="166">
        <v>0</v>
      </c>
      <c r="CV87" s="166">
        <v>0</v>
      </c>
      <c r="CW87" s="166">
        <v>0</v>
      </c>
      <c r="CX87" s="166">
        <v>0</v>
      </c>
      <c r="CY87" s="166">
        <v>24911.514857694299</v>
      </c>
      <c r="CZ87" s="166">
        <v>24911.514857694299</v>
      </c>
    </row>
    <row r="88" spans="1:104" hidden="1" outlineLevel="1" x14ac:dyDescent="0.2">
      <c r="A88" s="167" t="s">
        <v>180</v>
      </c>
      <c r="B88" s="166">
        <v>0</v>
      </c>
      <c r="C88" s="166">
        <v>0</v>
      </c>
      <c r="D88" s="166">
        <v>0</v>
      </c>
      <c r="E88" s="166">
        <v>0</v>
      </c>
      <c r="F88" s="166">
        <v>0</v>
      </c>
      <c r="G88" s="166">
        <v>0</v>
      </c>
      <c r="H88" s="166">
        <v>0</v>
      </c>
      <c r="I88" s="166">
        <v>0</v>
      </c>
      <c r="J88" s="166">
        <v>0</v>
      </c>
      <c r="K88" s="166">
        <v>0</v>
      </c>
      <c r="L88" s="166">
        <v>0</v>
      </c>
      <c r="M88" s="166">
        <v>0</v>
      </c>
      <c r="N88" s="166">
        <v>0</v>
      </c>
      <c r="O88" s="166">
        <v>0</v>
      </c>
      <c r="P88" s="166">
        <v>0</v>
      </c>
      <c r="Q88" s="166">
        <v>0</v>
      </c>
      <c r="R88" s="166">
        <v>0</v>
      </c>
      <c r="S88" s="166">
        <v>0</v>
      </c>
      <c r="T88" s="166">
        <v>0</v>
      </c>
      <c r="U88" s="166">
        <v>0</v>
      </c>
      <c r="V88" s="166">
        <v>0</v>
      </c>
      <c r="W88" s="166">
        <v>0</v>
      </c>
      <c r="X88" s="166">
        <v>0</v>
      </c>
      <c r="Y88" s="166">
        <v>0</v>
      </c>
      <c r="Z88" s="166">
        <v>0</v>
      </c>
      <c r="AA88" s="166">
        <v>0</v>
      </c>
      <c r="AB88" s="166">
        <v>0</v>
      </c>
      <c r="AC88" s="166">
        <v>0</v>
      </c>
      <c r="AD88" s="166">
        <v>0</v>
      </c>
      <c r="AE88" s="166">
        <v>0</v>
      </c>
      <c r="AF88" s="166">
        <v>0</v>
      </c>
      <c r="AG88" s="166">
        <v>0</v>
      </c>
      <c r="AH88" s="166">
        <v>0</v>
      </c>
      <c r="AI88" s="166">
        <v>0</v>
      </c>
      <c r="AJ88" s="166">
        <v>0</v>
      </c>
      <c r="AK88" s="166">
        <v>0</v>
      </c>
      <c r="AL88" s="166">
        <v>0</v>
      </c>
      <c r="AM88" s="166">
        <v>0</v>
      </c>
      <c r="AN88" s="166">
        <v>0</v>
      </c>
      <c r="AO88" s="166">
        <v>0</v>
      </c>
      <c r="AP88" s="166">
        <v>0</v>
      </c>
      <c r="AQ88" s="166">
        <v>0</v>
      </c>
      <c r="AR88" s="166">
        <v>0</v>
      </c>
      <c r="AS88" s="166">
        <v>0</v>
      </c>
      <c r="AT88" s="166">
        <v>0</v>
      </c>
      <c r="AU88" s="166">
        <v>0</v>
      </c>
      <c r="AV88" s="166">
        <v>0</v>
      </c>
      <c r="AW88" s="166">
        <v>0</v>
      </c>
      <c r="AX88" s="166">
        <v>0</v>
      </c>
      <c r="AY88" s="166">
        <v>0</v>
      </c>
      <c r="AZ88" s="166">
        <v>0</v>
      </c>
      <c r="BA88" s="166">
        <v>0</v>
      </c>
      <c r="BB88" s="166">
        <v>0</v>
      </c>
      <c r="BC88" s="166">
        <v>0</v>
      </c>
      <c r="BD88" s="166">
        <v>0</v>
      </c>
      <c r="BE88" s="166">
        <v>0</v>
      </c>
      <c r="BF88" s="166">
        <v>0</v>
      </c>
      <c r="BG88" s="166">
        <v>0</v>
      </c>
      <c r="BH88" s="166">
        <v>0</v>
      </c>
      <c r="BI88" s="166">
        <v>0</v>
      </c>
      <c r="BJ88" s="166">
        <v>0</v>
      </c>
      <c r="BK88" s="166">
        <v>0</v>
      </c>
      <c r="BL88" s="166">
        <v>0</v>
      </c>
      <c r="BM88" s="166">
        <v>0</v>
      </c>
      <c r="BN88" s="166">
        <v>0</v>
      </c>
      <c r="BO88" s="166">
        <v>0</v>
      </c>
      <c r="BP88" s="166">
        <v>0</v>
      </c>
      <c r="BQ88" s="166">
        <v>0</v>
      </c>
      <c r="BR88" s="166">
        <v>0</v>
      </c>
      <c r="BS88" s="166">
        <v>0</v>
      </c>
      <c r="BT88" s="166">
        <v>988.55217689263202</v>
      </c>
      <c r="BU88" s="166">
        <v>0</v>
      </c>
      <c r="BV88" s="166">
        <v>0</v>
      </c>
      <c r="BW88" s="166">
        <v>0</v>
      </c>
      <c r="BX88" s="166">
        <v>0</v>
      </c>
      <c r="BY88" s="166">
        <v>0</v>
      </c>
      <c r="BZ88" s="166">
        <v>0</v>
      </c>
      <c r="CA88" s="166">
        <v>0</v>
      </c>
      <c r="CB88" s="166">
        <v>0</v>
      </c>
      <c r="CC88" s="166">
        <v>0</v>
      </c>
      <c r="CD88" s="166">
        <v>0</v>
      </c>
      <c r="CE88" s="166">
        <v>0</v>
      </c>
      <c r="CF88" s="166">
        <v>0</v>
      </c>
      <c r="CG88" s="166">
        <v>0</v>
      </c>
      <c r="CH88" s="166">
        <v>0</v>
      </c>
      <c r="CI88" s="166">
        <v>0</v>
      </c>
      <c r="CJ88" s="166">
        <v>0</v>
      </c>
      <c r="CK88" s="166">
        <v>0</v>
      </c>
      <c r="CL88" s="166">
        <v>0</v>
      </c>
      <c r="CM88" s="166">
        <v>0</v>
      </c>
      <c r="CN88" s="166">
        <v>0</v>
      </c>
      <c r="CO88" s="166">
        <v>0</v>
      </c>
      <c r="CP88" s="166">
        <v>0</v>
      </c>
      <c r="CQ88" s="166">
        <v>0</v>
      </c>
      <c r="CR88" s="166">
        <v>0</v>
      </c>
      <c r="CS88" s="166">
        <v>0</v>
      </c>
      <c r="CT88" s="166">
        <v>0</v>
      </c>
      <c r="CU88" s="166">
        <v>0</v>
      </c>
      <c r="CV88" s="166">
        <v>0</v>
      </c>
      <c r="CW88" s="166">
        <v>0</v>
      </c>
      <c r="CX88" s="166">
        <v>0</v>
      </c>
      <c r="CY88" s="166">
        <v>0</v>
      </c>
      <c r="CZ88" s="166">
        <v>0</v>
      </c>
    </row>
    <row r="89" spans="1:104" hidden="1" outlineLevel="1" x14ac:dyDescent="0.2">
      <c r="A89" s="167" t="s">
        <v>181</v>
      </c>
      <c r="B89" s="166">
        <v>0</v>
      </c>
      <c r="C89" s="166">
        <v>0</v>
      </c>
      <c r="D89" s="166">
        <v>0</v>
      </c>
      <c r="E89" s="166">
        <v>0</v>
      </c>
      <c r="F89" s="166">
        <v>0</v>
      </c>
      <c r="G89" s="166">
        <v>0</v>
      </c>
      <c r="H89" s="166">
        <v>0</v>
      </c>
      <c r="I89" s="166">
        <v>0</v>
      </c>
      <c r="J89" s="166">
        <v>0</v>
      </c>
      <c r="K89" s="166">
        <v>0</v>
      </c>
      <c r="L89" s="166">
        <v>0</v>
      </c>
      <c r="M89" s="166">
        <v>0</v>
      </c>
      <c r="N89" s="166">
        <v>0</v>
      </c>
      <c r="O89" s="166">
        <v>0</v>
      </c>
      <c r="P89" s="166">
        <v>0</v>
      </c>
      <c r="Q89" s="166">
        <v>0</v>
      </c>
      <c r="R89" s="166">
        <v>0</v>
      </c>
      <c r="S89" s="166">
        <v>0</v>
      </c>
      <c r="T89" s="166">
        <v>0</v>
      </c>
      <c r="U89" s="166">
        <v>0</v>
      </c>
      <c r="V89" s="166">
        <v>0</v>
      </c>
      <c r="W89" s="166">
        <v>0</v>
      </c>
      <c r="X89" s="166">
        <v>0</v>
      </c>
      <c r="Y89" s="166">
        <v>0</v>
      </c>
      <c r="Z89" s="166">
        <v>0</v>
      </c>
      <c r="AA89" s="166">
        <v>0</v>
      </c>
      <c r="AB89" s="166">
        <v>0</v>
      </c>
      <c r="AC89" s="166">
        <v>0</v>
      </c>
      <c r="AD89" s="166">
        <v>0</v>
      </c>
      <c r="AE89" s="166">
        <v>0</v>
      </c>
      <c r="AF89" s="166">
        <v>0</v>
      </c>
      <c r="AG89" s="166">
        <v>0</v>
      </c>
      <c r="AH89" s="166">
        <v>0</v>
      </c>
      <c r="AI89" s="166">
        <v>0</v>
      </c>
      <c r="AJ89" s="166">
        <v>0</v>
      </c>
      <c r="AK89" s="166">
        <v>0</v>
      </c>
      <c r="AL89" s="166">
        <v>0</v>
      </c>
      <c r="AM89" s="166">
        <v>0</v>
      </c>
      <c r="AN89" s="166">
        <v>0</v>
      </c>
      <c r="AO89" s="166">
        <v>0</v>
      </c>
      <c r="AP89" s="166">
        <v>0</v>
      </c>
      <c r="AQ89" s="166">
        <v>0</v>
      </c>
      <c r="AR89" s="166">
        <v>0</v>
      </c>
      <c r="AS89" s="166">
        <v>0</v>
      </c>
      <c r="AT89" s="166">
        <v>0</v>
      </c>
      <c r="AU89" s="166">
        <v>0</v>
      </c>
      <c r="AV89" s="166">
        <v>0</v>
      </c>
      <c r="AW89" s="166">
        <v>0</v>
      </c>
      <c r="AX89" s="166">
        <v>0</v>
      </c>
      <c r="AY89" s="166">
        <v>0</v>
      </c>
      <c r="AZ89" s="166">
        <v>0</v>
      </c>
      <c r="BA89" s="166">
        <v>0</v>
      </c>
      <c r="BB89" s="166">
        <v>0</v>
      </c>
      <c r="BC89" s="166">
        <v>0</v>
      </c>
      <c r="BD89" s="166">
        <v>0</v>
      </c>
      <c r="BE89" s="166">
        <v>0</v>
      </c>
      <c r="BF89" s="166">
        <v>0</v>
      </c>
      <c r="BG89" s="166">
        <v>0</v>
      </c>
      <c r="BH89" s="166">
        <v>0</v>
      </c>
      <c r="BI89" s="166">
        <v>0</v>
      </c>
      <c r="BJ89" s="166">
        <v>0</v>
      </c>
      <c r="BK89" s="166">
        <v>0</v>
      </c>
      <c r="BL89" s="166">
        <v>0</v>
      </c>
      <c r="BM89" s="166">
        <v>0</v>
      </c>
      <c r="BN89" s="166">
        <v>0</v>
      </c>
      <c r="BO89" s="166">
        <v>0</v>
      </c>
      <c r="BP89" s="166">
        <v>0</v>
      </c>
      <c r="BQ89" s="166">
        <v>0</v>
      </c>
      <c r="BR89" s="166">
        <v>0</v>
      </c>
      <c r="BS89" s="166">
        <v>0</v>
      </c>
      <c r="BT89" s="168">
        <v>0.98855217689263197</v>
      </c>
      <c r="BU89" s="166">
        <v>0</v>
      </c>
      <c r="BV89" s="166">
        <v>0</v>
      </c>
      <c r="BW89" s="166">
        <v>0</v>
      </c>
      <c r="BX89" s="166">
        <v>0</v>
      </c>
      <c r="BY89" s="166">
        <v>0</v>
      </c>
      <c r="BZ89" s="166">
        <v>0</v>
      </c>
      <c r="CA89" s="166">
        <v>0</v>
      </c>
      <c r="CB89" s="166">
        <v>0</v>
      </c>
      <c r="CC89" s="166">
        <v>0</v>
      </c>
      <c r="CD89" s="166">
        <v>0</v>
      </c>
      <c r="CE89" s="166">
        <v>0</v>
      </c>
      <c r="CF89" s="166">
        <v>0</v>
      </c>
      <c r="CG89" s="166">
        <v>0</v>
      </c>
      <c r="CH89" s="166">
        <v>0</v>
      </c>
      <c r="CI89" s="166">
        <v>0</v>
      </c>
      <c r="CJ89" s="166">
        <v>0</v>
      </c>
      <c r="CK89" s="166">
        <v>0</v>
      </c>
      <c r="CL89" s="166">
        <v>0</v>
      </c>
      <c r="CM89" s="166">
        <v>0</v>
      </c>
      <c r="CN89" s="166">
        <v>0</v>
      </c>
      <c r="CO89" s="166">
        <v>0</v>
      </c>
      <c r="CP89" s="166">
        <v>0</v>
      </c>
      <c r="CQ89" s="166">
        <v>0</v>
      </c>
      <c r="CR89" s="166">
        <v>0</v>
      </c>
      <c r="CS89" s="166">
        <v>0</v>
      </c>
      <c r="CT89" s="166">
        <v>0</v>
      </c>
      <c r="CU89" s="166">
        <v>0</v>
      </c>
      <c r="CV89" s="166">
        <v>0</v>
      </c>
      <c r="CW89" s="166">
        <v>0</v>
      </c>
      <c r="CX89" s="166">
        <v>0</v>
      </c>
      <c r="CY89" s="166">
        <v>0</v>
      </c>
      <c r="CZ89" s="166">
        <v>0</v>
      </c>
    </row>
    <row r="90" spans="1:104" hidden="1" outlineLevel="1" x14ac:dyDescent="0.2">
      <c r="A90" s="167" t="s">
        <v>1064</v>
      </c>
      <c r="B90" s="166">
        <v>0</v>
      </c>
      <c r="C90" s="166">
        <v>0</v>
      </c>
      <c r="D90" s="166">
        <v>0</v>
      </c>
      <c r="E90" s="166">
        <v>0</v>
      </c>
      <c r="F90" s="166">
        <v>0</v>
      </c>
      <c r="G90" s="166">
        <v>0</v>
      </c>
      <c r="H90" s="166">
        <v>0</v>
      </c>
      <c r="I90" s="166">
        <v>0</v>
      </c>
      <c r="J90" s="166">
        <v>0</v>
      </c>
      <c r="K90" s="166">
        <v>0</v>
      </c>
      <c r="L90" s="166">
        <v>0</v>
      </c>
      <c r="M90" s="166">
        <v>0</v>
      </c>
      <c r="N90" s="166">
        <v>0</v>
      </c>
      <c r="O90" s="166">
        <v>0</v>
      </c>
      <c r="P90" s="166">
        <v>0</v>
      </c>
      <c r="Q90" s="166">
        <v>0</v>
      </c>
      <c r="R90" s="166">
        <v>0</v>
      </c>
      <c r="S90" s="166">
        <v>0</v>
      </c>
      <c r="T90" s="166">
        <v>0</v>
      </c>
      <c r="U90" s="166">
        <v>0</v>
      </c>
      <c r="V90" s="166">
        <v>0</v>
      </c>
      <c r="W90" s="166">
        <v>0</v>
      </c>
      <c r="X90" s="166">
        <v>0</v>
      </c>
      <c r="Y90" s="166">
        <v>0</v>
      </c>
      <c r="Z90" s="166">
        <v>0</v>
      </c>
      <c r="AA90" s="166">
        <v>0</v>
      </c>
      <c r="AB90" s="166">
        <v>0</v>
      </c>
      <c r="AC90" s="166">
        <v>0</v>
      </c>
      <c r="AD90" s="166">
        <v>0</v>
      </c>
      <c r="AE90" s="166">
        <v>0</v>
      </c>
      <c r="AF90" s="166">
        <v>0</v>
      </c>
      <c r="AG90" s="166">
        <v>0</v>
      </c>
      <c r="AH90" s="166">
        <v>0</v>
      </c>
      <c r="AI90" s="166">
        <v>0</v>
      </c>
      <c r="AJ90" s="166">
        <v>0</v>
      </c>
      <c r="AK90" s="166">
        <v>0</v>
      </c>
      <c r="AL90" s="166">
        <v>0</v>
      </c>
      <c r="AM90" s="166">
        <v>0</v>
      </c>
      <c r="AN90" s="166">
        <v>0</v>
      </c>
      <c r="AO90" s="166">
        <v>0</v>
      </c>
      <c r="AP90" s="166">
        <v>0</v>
      </c>
      <c r="AQ90" s="166">
        <v>0</v>
      </c>
      <c r="AR90" s="166">
        <v>0</v>
      </c>
      <c r="AS90" s="166">
        <v>0</v>
      </c>
      <c r="AT90" s="166">
        <v>0</v>
      </c>
      <c r="AU90" s="166">
        <v>0</v>
      </c>
      <c r="AV90" s="166">
        <v>0</v>
      </c>
      <c r="AW90" s="166">
        <v>0</v>
      </c>
      <c r="AX90" s="166">
        <v>0</v>
      </c>
      <c r="AY90" s="166">
        <v>0</v>
      </c>
      <c r="AZ90" s="166">
        <v>0</v>
      </c>
      <c r="BA90" s="166">
        <v>0</v>
      </c>
      <c r="BB90" s="166">
        <v>0</v>
      </c>
      <c r="BC90" s="166">
        <v>0</v>
      </c>
      <c r="BD90" s="166">
        <v>0</v>
      </c>
      <c r="BE90" s="166">
        <v>0</v>
      </c>
      <c r="BF90" s="166">
        <v>0</v>
      </c>
      <c r="BG90" s="166">
        <v>0</v>
      </c>
      <c r="BH90" s="166">
        <v>0</v>
      </c>
      <c r="BI90" s="166">
        <v>0</v>
      </c>
      <c r="BJ90" s="166">
        <v>0</v>
      </c>
      <c r="BK90" s="166">
        <v>0</v>
      </c>
      <c r="BL90" s="166">
        <v>0</v>
      </c>
      <c r="BM90" s="166">
        <v>0</v>
      </c>
      <c r="BN90" s="166">
        <v>0</v>
      </c>
      <c r="BO90" s="166">
        <v>0</v>
      </c>
      <c r="BP90" s="166">
        <v>0</v>
      </c>
      <c r="BQ90" s="166">
        <v>0</v>
      </c>
      <c r="BR90" s="166">
        <v>0</v>
      </c>
      <c r="BS90" s="166">
        <v>0</v>
      </c>
      <c r="BT90" s="168">
        <v>0.98855217689263197</v>
      </c>
      <c r="BU90" s="166">
        <v>0</v>
      </c>
      <c r="BV90" s="166">
        <v>0</v>
      </c>
      <c r="BW90" s="166">
        <v>0</v>
      </c>
      <c r="BX90" s="166">
        <v>0</v>
      </c>
      <c r="BY90" s="166">
        <v>0</v>
      </c>
      <c r="BZ90" s="166">
        <v>0</v>
      </c>
      <c r="CA90" s="166">
        <v>0</v>
      </c>
      <c r="CB90" s="166">
        <v>0</v>
      </c>
      <c r="CC90" s="166">
        <v>0</v>
      </c>
      <c r="CD90" s="166">
        <v>0</v>
      </c>
      <c r="CE90" s="166">
        <v>0</v>
      </c>
      <c r="CF90" s="166">
        <v>0</v>
      </c>
      <c r="CG90" s="166">
        <v>0</v>
      </c>
      <c r="CH90" s="166">
        <v>0</v>
      </c>
      <c r="CI90" s="166">
        <v>0</v>
      </c>
      <c r="CJ90" s="166">
        <v>0</v>
      </c>
      <c r="CK90" s="166">
        <v>0</v>
      </c>
      <c r="CL90" s="166">
        <v>0</v>
      </c>
      <c r="CM90" s="166">
        <v>0</v>
      </c>
      <c r="CN90" s="166">
        <v>0</v>
      </c>
      <c r="CO90" s="166">
        <v>0</v>
      </c>
      <c r="CP90" s="166">
        <v>0</v>
      </c>
      <c r="CQ90" s="166">
        <v>0</v>
      </c>
      <c r="CR90" s="166">
        <v>0</v>
      </c>
      <c r="CS90" s="166">
        <v>0</v>
      </c>
      <c r="CT90" s="166">
        <v>0</v>
      </c>
      <c r="CU90" s="166">
        <v>0</v>
      </c>
      <c r="CV90" s="166">
        <v>0</v>
      </c>
      <c r="CW90" s="166">
        <v>0</v>
      </c>
      <c r="CX90" s="166">
        <v>0</v>
      </c>
      <c r="CY90" s="166">
        <v>0</v>
      </c>
      <c r="CZ90" s="166">
        <v>0</v>
      </c>
    </row>
    <row r="91" spans="1:104" hidden="1" outlineLevel="1" x14ac:dyDescent="0.2">
      <c r="A91" s="170" t="s">
        <v>183</v>
      </c>
      <c r="B91" s="166">
        <v>759841.45</v>
      </c>
      <c r="C91" s="166">
        <v>759841.45</v>
      </c>
      <c r="D91" s="166">
        <v>0</v>
      </c>
      <c r="E91" s="166">
        <v>0</v>
      </c>
      <c r="F91" s="166">
        <v>0</v>
      </c>
      <c r="G91" s="166">
        <v>0</v>
      </c>
      <c r="H91" s="166">
        <v>0</v>
      </c>
      <c r="I91" s="166">
        <v>0</v>
      </c>
      <c r="J91" s="166">
        <v>0</v>
      </c>
      <c r="K91" s="166">
        <v>0</v>
      </c>
      <c r="L91" s="166">
        <v>0</v>
      </c>
      <c r="M91" s="166">
        <v>0</v>
      </c>
      <c r="N91" s="166">
        <v>0</v>
      </c>
      <c r="O91" s="166">
        <v>0</v>
      </c>
      <c r="P91" s="166">
        <v>0</v>
      </c>
      <c r="Q91" s="166">
        <v>0</v>
      </c>
      <c r="R91" s="166">
        <v>0</v>
      </c>
      <c r="S91" s="166">
        <v>0</v>
      </c>
      <c r="T91" s="166">
        <v>0</v>
      </c>
      <c r="U91" s="166">
        <v>0</v>
      </c>
      <c r="V91" s="166">
        <v>0</v>
      </c>
      <c r="W91" s="166">
        <v>0</v>
      </c>
      <c r="X91" s="166">
        <v>0</v>
      </c>
      <c r="Y91" s="166">
        <v>0</v>
      </c>
      <c r="Z91" s="166">
        <v>0</v>
      </c>
      <c r="AA91" s="166">
        <v>0</v>
      </c>
      <c r="AB91" s="166">
        <v>0</v>
      </c>
      <c r="AC91" s="166">
        <v>0</v>
      </c>
      <c r="AD91" s="166">
        <v>0</v>
      </c>
      <c r="AE91" s="166">
        <v>0</v>
      </c>
      <c r="AF91" s="166">
        <v>0</v>
      </c>
      <c r="AG91" s="166">
        <v>0</v>
      </c>
      <c r="AH91" s="166">
        <v>0</v>
      </c>
      <c r="AI91" s="166">
        <v>0</v>
      </c>
      <c r="AJ91" s="166">
        <v>0</v>
      </c>
      <c r="AK91" s="166">
        <v>0</v>
      </c>
      <c r="AL91" s="166">
        <v>0</v>
      </c>
      <c r="AM91" s="166">
        <v>0</v>
      </c>
      <c r="AN91" s="166">
        <v>0</v>
      </c>
      <c r="AO91" s="166">
        <v>0</v>
      </c>
      <c r="AP91" s="166">
        <v>0</v>
      </c>
      <c r="AQ91" s="166">
        <v>0</v>
      </c>
      <c r="AR91" s="166">
        <v>0</v>
      </c>
      <c r="AS91" s="166">
        <v>0</v>
      </c>
      <c r="AT91" s="166">
        <v>0</v>
      </c>
      <c r="AU91" s="166">
        <v>0</v>
      </c>
      <c r="AV91" s="166">
        <v>0</v>
      </c>
      <c r="AW91" s="166">
        <v>0</v>
      </c>
      <c r="AX91" s="166">
        <v>0</v>
      </c>
      <c r="AY91" s="166">
        <v>0</v>
      </c>
      <c r="AZ91" s="166">
        <v>0</v>
      </c>
      <c r="BA91" s="166">
        <v>0</v>
      </c>
      <c r="BB91" s="166">
        <v>0</v>
      </c>
      <c r="BC91" s="166">
        <v>0</v>
      </c>
      <c r="BD91" s="166">
        <v>0</v>
      </c>
      <c r="BE91" s="166">
        <v>0</v>
      </c>
      <c r="BF91" s="166">
        <v>0</v>
      </c>
      <c r="BG91" s="166">
        <v>0</v>
      </c>
      <c r="BH91" s="166">
        <v>0</v>
      </c>
      <c r="BI91" s="166">
        <v>0</v>
      </c>
      <c r="BJ91" s="166">
        <v>0</v>
      </c>
      <c r="BK91" s="166">
        <v>0</v>
      </c>
      <c r="BL91" s="166">
        <v>0</v>
      </c>
      <c r="BM91" s="166">
        <v>0</v>
      </c>
      <c r="BN91" s="166">
        <v>0</v>
      </c>
      <c r="BO91" s="166">
        <v>0</v>
      </c>
      <c r="BP91" s="166">
        <v>0</v>
      </c>
      <c r="BQ91" s="166">
        <v>0</v>
      </c>
      <c r="BR91" s="166">
        <v>759841.45</v>
      </c>
      <c r="BS91" s="166">
        <v>759841.45</v>
      </c>
      <c r="BT91" s="168">
        <v>0</v>
      </c>
      <c r="BU91" s="166">
        <v>57023.198923395001</v>
      </c>
      <c r="BV91" s="166">
        <v>751142.91949075402</v>
      </c>
      <c r="BW91" s="166">
        <v>0</v>
      </c>
      <c r="BX91" s="166">
        <v>0</v>
      </c>
      <c r="BY91" s="166">
        <v>0</v>
      </c>
      <c r="BZ91" s="166">
        <v>0</v>
      </c>
      <c r="CA91" s="166">
        <v>0</v>
      </c>
      <c r="CB91" s="166">
        <v>0</v>
      </c>
      <c r="CC91" s="166">
        <v>0</v>
      </c>
      <c r="CD91" s="166">
        <v>0</v>
      </c>
      <c r="CE91" s="166">
        <v>0</v>
      </c>
      <c r="CF91" s="166">
        <v>0</v>
      </c>
      <c r="CG91" s="166">
        <v>0</v>
      </c>
      <c r="CH91" s="166">
        <v>0</v>
      </c>
      <c r="CI91" s="166">
        <v>0</v>
      </c>
      <c r="CJ91" s="166">
        <v>0</v>
      </c>
      <c r="CK91" s="166">
        <v>0</v>
      </c>
      <c r="CL91" s="166">
        <v>0</v>
      </c>
      <c r="CM91" s="166">
        <v>0</v>
      </c>
      <c r="CN91" s="166">
        <v>0</v>
      </c>
      <c r="CO91" s="166">
        <v>0</v>
      </c>
      <c r="CP91" s="166">
        <v>0</v>
      </c>
      <c r="CQ91" s="166">
        <v>0</v>
      </c>
      <c r="CR91" s="166">
        <v>0</v>
      </c>
      <c r="CS91" s="166">
        <v>0</v>
      </c>
      <c r="CT91" s="166">
        <v>0</v>
      </c>
      <c r="CU91" s="166">
        <v>0</v>
      </c>
      <c r="CV91" s="166">
        <v>0</v>
      </c>
      <c r="CW91" s="166">
        <v>0</v>
      </c>
      <c r="CX91" s="166">
        <v>0</v>
      </c>
      <c r="CY91" s="166">
        <v>751142.91949075402</v>
      </c>
      <c r="CZ91" s="166">
        <v>751142.91949075402</v>
      </c>
    </row>
    <row r="92" spans="1:104" hidden="1" outlineLevel="1" x14ac:dyDescent="0.2">
      <c r="A92" s="167" t="s">
        <v>184</v>
      </c>
      <c r="B92" s="166">
        <v>0</v>
      </c>
      <c r="C92" s="166">
        <v>0</v>
      </c>
      <c r="D92" s="166">
        <v>0</v>
      </c>
      <c r="E92" s="166">
        <v>0</v>
      </c>
      <c r="F92" s="166">
        <v>0</v>
      </c>
      <c r="G92" s="166">
        <v>0</v>
      </c>
      <c r="H92" s="166">
        <v>0</v>
      </c>
      <c r="I92" s="166">
        <v>0</v>
      </c>
      <c r="J92" s="166">
        <v>0</v>
      </c>
      <c r="K92" s="166">
        <v>0</v>
      </c>
      <c r="L92" s="166">
        <v>0</v>
      </c>
      <c r="M92" s="166">
        <v>0</v>
      </c>
      <c r="N92" s="166">
        <v>0</v>
      </c>
      <c r="O92" s="166">
        <v>0</v>
      </c>
      <c r="P92" s="166">
        <v>0</v>
      </c>
      <c r="Q92" s="166">
        <v>0</v>
      </c>
      <c r="R92" s="166">
        <v>0</v>
      </c>
      <c r="S92" s="166">
        <v>0</v>
      </c>
      <c r="T92" s="166">
        <v>0</v>
      </c>
      <c r="U92" s="166">
        <v>0</v>
      </c>
      <c r="V92" s="166">
        <v>0</v>
      </c>
      <c r="W92" s="166">
        <v>0</v>
      </c>
      <c r="X92" s="166">
        <v>0</v>
      </c>
      <c r="Y92" s="166">
        <v>0</v>
      </c>
      <c r="Z92" s="166">
        <v>0</v>
      </c>
      <c r="AA92" s="166">
        <v>0</v>
      </c>
      <c r="AB92" s="166">
        <v>0</v>
      </c>
      <c r="AC92" s="166">
        <v>0</v>
      </c>
      <c r="AD92" s="166">
        <v>0</v>
      </c>
      <c r="AE92" s="166">
        <v>0</v>
      </c>
      <c r="AF92" s="166">
        <v>0</v>
      </c>
      <c r="AG92" s="166">
        <v>0</v>
      </c>
      <c r="AH92" s="166">
        <v>0</v>
      </c>
      <c r="AI92" s="166">
        <v>0</v>
      </c>
      <c r="AJ92" s="166">
        <v>0</v>
      </c>
      <c r="AK92" s="166">
        <v>0</v>
      </c>
      <c r="AL92" s="166">
        <v>0</v>
      </c>
      <c r="AM92" s="166">
        <v>0</v>
      </c>
      <c r="AN92" s="166">
        <v>0</v>
      </c>
      <c r="AO92" s="166">
        <v>0</v>
      </c>
      <c r="AP92" s="166">
        <v>0</v>
      </c>
      <c r="AQ92" s="166">
        <v>0</v>
      </c>
      <c r="AR92" s="166">
        <v>0</v>
      </c>
      <c r="AS92" s="166">
        <v>0</v>
      </c>
      <c r="AT92" s="166">
        <v>0</v>
      </c>
      <c r="AU92" s="166">
        <v>0</v>
      </c>
      <c r="AV92" s="166">
        <v>0</v>
      </c>
      <c r="AW92" s="166">
        <v>0</v>
      </c>
      <c r="AX92" s="166">
        <v>0</v>
      </c>
      <c r="AY92" s="166">
        <v>0</v>
      </c>
      <c r="AZ92" s="166">
        <v>0</v>
      </c>
      <c r="BA92" s="166">
        <v>0</v>
      </c>
      <c r="BB92" s="166">
        <v>0</v>
      </c>
      <c r="BC92" s="166">
        <v>0</v>
      </c>
      <c r="BD92" s="166">
        <v>0</v>
      </c>
      <c r="BE92" s="166">
        <v>0</v>
      </c>
      <c r="BF92" s="166">
        <v>0</v>
      </c>
      <c r="BG92" s="166">
        <v>0</v>
      </c>
      <c r="BH92" s="166">
        <v>0</v>
      </c>
      <c r="BI92" s="166">
        <v>0</v>
      </c>
      <c r="BJ92" s="166">
        <v>0</v>
      </c>
      <c r="BK92" s="166">
        <v>0</v>
      </c>
      <c r="BL92" s="166">
        <v>0</v>
      </c>
      <c r="BM92" s="166">
        <v>0</v>
      </c>
      <c r="BN92" s="166">
        <v>0</v>
      </c>
      <c r="BO92" s="166">
        <v>0</v>
      </c>
      <c r="BP92" s="166">
        <v>0</v>
      </c>
      <c r="BQ92" s="166">
        <v>0</v>
      </c>
      <c r="BR92" s="166">
        <v>0</v>
      </c>
      <c r="BS92" s="166">
        <v>0</v>
      </c>
      <c r="BT92" s="168">
        <v>0</v>
      </c>
      <c r="BU92" s="166">
        <v>0</v>
      </c>
      <c r="BV92" s="166">
        <v>0</v>
      </c>
      <c r="BW92" s="166">
        <v>0</v>
      </c>
      <c r="BX92" s="166">
        <v>0</v>
      </c>
      <c r="BY92" s="166">
        <v>0</v>
      </c>
      <c r="BZ92" s="166">
        <v>0</v>
      </c>
      <c r="CA92" s="166">
        <v>0</v>
      </c>
      <c r="CB92" s="166">
        <v>0</v>
      </c>
      <c r="CC92" s="166">
        <v>0</v>
      </c>
      <c r="CD92" s="166">
        <v>0</v>
      </c>
      <c r="CE92" s="166">
        <v>0</v>
      </c>
      <c r="CF92" s="166">
        <v>0</v>
      </c>
      <c r="CG92" s="166">
        <v>0</v>
      </c>
      <c r="CH92" s="166">
        <v>0</v>
      </c>
      <c r="CI92" s="166">
        <v>0</v>
      </c>
      <c r="CJ92" s="166">
        <v>0</v>
      </c>
      <c r="CK92" s="166">
        <v>0</v>
      </c>
      <c r="CL92" s="166">
        <v>0</v>
      </c>
      <c r="CM92" s="166">
        <v>0</v>
      </c>
      <c r="CN92" s="166">
        <v>0</v>
      </c>
      <c r="CO92" s="166">
        <v>0</v>
      </c>
      <c r="CP92" s="166">
        <v>0</v>
      </c>
      <c r="CQ92" s="166">
        <v>0</v>
      </c>
      <c r="CR92" s="166">
        <v>0</v>
      </c>
      <c r="CS92" s="166">
        <v>0</v>
      </c>
      <c r="CT92" s="166">
        <v>0</v>
      </c>
      <c r="CU92" s="166">
        <v>0</v>
      </c>
      <c r="CV92" s="166">
        <v>0</v>
      </c>
      <c r="CW92" s="166">
        <v>0</v>
      </c>
      <c r="CX92" s="166">
        <v>0</v>
      </c>
      <c r="CY92" s="166">
        <v>0</v>
      </c>
      <c r="CZ92" s="166">
        <v>0</v>
      </c>
    </row>
    <row r="93" spans="1:104" hidden="1" outlineLevel="1" x14ac:dyDescent="0.2">
      <c r="A93" s="170" t="s">
        <v>185</v>
      </c>
      <c r="B93" s="166">
        <v>0</v>
      </c>
      <c r="C93" s="166">
        <v>0</v>
      </c>
      <c r="D93" s="166">
        <v>0</v>
      </c>
      <c r="E93" s="166">
        <v>0</v>
      </c>
      <c r="F93" s="166">
        <v>0</v>
      </c>
      <c r="G93" s="166">
        <v>0</v>
      </c>
      <c r="H93" s="166">
        <v>0</v>
      </c>
      <c r="I93" s="166">
        <v>0</v>
      </c>
      <c r="J93" s="166">
        <v>0</v>
      </c>
      <c r="K93" s="166">
        <v>0</v>
      </c>
      <c r="L93" s="166">
        <v>0</v>
      </c>
      <c r="M93" s="166">
        <v>0</v>
      </c>
      <c r="N93" s="166">
        <v>0</v>
      </c>
      <c r="O93" s="166">
        <v>0</v>
      </c>
      <c r="P93" s="166">
        <v>0</v>
      </c>
      <c r="Q93" s="166">
        <v>0</v>
      </c>
      <c r="R93" s="166">
        <v>0</v>
      </c>
      <c r="S93" s="166">
        <v>0</v>
      </c>
      <c r="T93" s="166">
        <v>0</v>
      </c>
      <c r="U93" s="166">
        <v>0</v>
      </c>
      <c r="V93" s="166">
        <v>0</v>
      </c>
      <c r="W93" s="166">
        <v>0</v>
      </c>
      <c r="X93" s="166">
        <v>0</v>
      </c>
      <c r="Y93" s="166">
        <v>0</v>
      </c>
      <c r="Z93" s="166">
        <v>0</v>
      </c>
      <c r="AA93" s="166">
        <v>0</v>
      </c>
      <c r="AB93" s="166">
        <v>0</v>
      </c>
      <c r="AC93" s="166">
        <v>0</v>
      </c>
      <c r="AD93" s="166">
        <v>0</v>
      </c>
      <c r="AE93" s="166">
        <v>0</v>
      </c>
      <c r="AF93" s="166">
        <v>0</v>
      </c>
      <c r="AG93" s="166">
        <v>0</v>
      </c>
      <c r="AH93" s="166">
        <v>0</v>
      </c>
      <c r="AI93" s="166">
        <v>0</v>
      </c>
      <c r="AJ93" s="166">
        <v>0</v>
      </c>
      <c r="AK93" s="166">
        <v>0</v>
      </c>
      <c r="AL93" s="166">
        <v>0</v>
      </c>
      <c r="AM93" s="166">
        <v>0</v>
      </c>
      <c r="AN93" s="166">
        <v>0</v>
      </c>
      <c r="AO93" s="166">
        <v>0</v>
      </c>
      <c r="AP93" s="166">
        <v>0</v>
      </c>
      <c r="AQ93" s="166">
        <v>0</v>
      </c>
      <c r="AR93" s="166">
        <v>0</v>
      </c>
      <c r="AS93" s="166">
        <v>0</v>
      </c>
      <c r="AT93" s="166">
        <v>0</v>
      </c>
      <c r="AU93" s="166">
        <v>0</v>
      </c>
      <c r="AV93" s="166">
        <v>0</v>
      </c>
      <c r="AW93" s="166">
        <v>0</v>
      </c>
      <c r="AX93" s="166">
        <v>0</v>
      </c>
      <c r="AY93" s="166">
        <v>0</v>
      </c>
      <c r="AZ93" s="166">
        <v>0</v>
      </c>
      <c r="BA93" s="166">
        <v>0</v>
      </c>
      <c r="BB93" s="166">
        <v>0</v>
      </c>
      <c r="BC93" s="166">
        <v>0</v>
      </c>
      <c r="BD93" s="166">
        <v>0</v>
      </c>
      <c r="BE93" s="166">
        <v>0</v>
      </c>
      <c r="BF93" s="166">
        <v>0</v>
      </c>
      <c r="BG93" s="166">
        <v>0</v>
      </c>
      <c r="BH93" s="166">
        <v>0</v>
      </c>
      <c r="BI93" s="166">
        <v>0</v>
      </c>
      <c r="BJ93" s="166">
        <v>0</v>
      </c>
      <c r="BK93" s="166">
        <v>0</v>
      </c>
      <c r="BL93" s="166">
        <v>0</v>
      </c>
      <c r="BM93" s="166">
        <v>0</v>
      </c>
      <c r="BN93" s="166">
        <v>0</v>
      </c>
      <c r="BO93" s="166">
        <v>0</v>
      </c>
      <c r="BP93" s="166">
        <v>0</v>
      </c>
      <c r="BQ93" s="166">
        <v>0</v>
      </c>
      <c r="BR93" s="166">
        <v>0</v>
      </c>
      <c r="BS93" s="166">
        <v>0</v>
      </c>
      <c r="BT93" s="168">
        <v>0</v>
      </c>
      <c r="BU93" s="166">
        <v>0</v>
      </c>
      <c r="BV93" s="166">
        <v>0</v>
      </c>
      <c r="BW93" s="166">
        <v>0</v>
      </c>
      <c r="BX93" s="166">
        <v>0</v>
      </c>
      <c r="BY93" s="166">
        <v>0</v>
      </c>
      <c r="BZ93" s="166">
        <v>0</v>
      </c>
      <c r="CA93" s="166">
        <v>0</v>
      </c>
      <c r="CB93" s="166">
        <v>0</v>
      </c>
      <c r="CC93" s="166">
        <v>0</v>
      </c>
      <c r="CD93" s="166">
        <v>0</v>
      </c>
      <c r="CE93" s="166">
        <v>0</v>
      </c>
      <c r="CF93" s="166">
        <v>0</v>
      </c>
      <c r="CG93" s="166">
        <v>0</v>
      </c>
      <c r="CH93" s="166">
        <v>0</v>
      </c>
      <c r="CI93" s="166">
        <v>0</v>
      </c>
      <c r="CJ93" s="166">
        <v>0</v>
      </c>
      <c r="CK93" s="166">
        <v>0</v>
      </c>
      <c r="CL93" s="166">
        <v>0</v>
      </c>
      <c r="CM93" s="166">
        <v>0</v>
      </c>
      <c r="CN93" s="166">
        <v>0</v>
      </c>
      <c r="CO93" s="166">
        <v>0</v>
      </c>
      <c r="CP93" s="166">
        <v>0</v>
      </c>
      <c r="CQ93" s="166">
        <v>0</v>
      </c>
      <c r="CR93" s="166">
        <v>0</v>
      </c>
      <c r="CS93" s="166">
        <v>0</v>
      </c>
      <c r="CT93" s="166">
        <v>0</v>
      </c>
      <c r="CU93" s="166">
        <v>0</v>
      </c>
      <c r="CV93" s="166">
        <v>0</v>
      </c>
      <c r="CW93" s="166">
        <v>0</v>
      </c>
      <c r="CX93" s="166">
        <v>0</v>
      </c>
      <c r="CY93" s="166">
        <v>0</v>
      </c>
      <c r="CZ93" s="166">
        <v>0</v>
      </c>
    </row>
    <row r="94" spans="1:104" hidden="1" outlineLevel="1" x14ac:dyDescent="0.2">
      <c r="A94" s="170" t="s">
        <v>186</v>
      </c>
      <c r="B94" s="166">
        <v>157340290.5</v>
      </c>
      <c r="C94" s="166">
        <v>157340290.5</v>
      </c>
      <c r="D94" s="166">
        <v>0</v>
      </c>
      <c r="E94" s="166">
        <v>0</v>
      </c>
      <c r="F94" s="166">
        <v>0</v>
      </c>
      <c r="G94" s="166">
        <v>0</v>
      </c>
      <c r="H94" s="166">
        <v>0</v>
      </c>
      <c r="I94" s="166">
        <v>0</v>
      </c>
      <c r="J94" s="166">
        <v>0</v>
      </c>
      <c r="K94" s="166">
        <v>0</v>
      </c>
      <c r="L94" s="166">
        <v>0</v>
      </c>
      <c r="M94" s="166">
        <v>0</v>
      </c>
      <c r="N94" s="166">
        <v>0</v>
      </c>
      <c r="O94" s="166">
        <v>0</v>
      </c>
      <c r="P94" s="166">
        <v>0</v>
      </c>
      <c r="Q94" s="166">
        <v>0</v>
      </c>
      <c r="R94" s="166">
        <v>0</v>
      </c>
      <c r="S94" s="166">
        <v>0</v>
      </c>
      <c r="T94" s="166">
        <v>0</v>
      </c>
      <c r="U94" s="166">
        <v>0</v>
      </c>
      <c r="V94" s="166">
        <v>0</v>
      </c>
      <c r="W94" s="166">
        <v>0</v>
      </c>
      <c r="X94" s="166">
        <v>0</v>
      </c>
      <c r="Y94" s="166">
        <v>0</v>
      </c>
      <c r="Z94" s="166">
        <v>0</v>
      </c>
      <c r="AA94" s="166">
        <v>0</v>
      </c>
      <c r="AB94" s="166">
        <v>0</v>
      </c>
      <c r="AC94" s="166">
        <v>0</v>
      </c>
      <c r="AD94" s="166">
        <v>0</v>
      </c>
      <c r="AE94" s="166">
        <v>0</v>
      </c>
      <c r="AF94" s="166">
        <v>0</v>
      </c>
      <c r="AG94" s="166">
        <v>0</v>
      </c>
      <c r="AH94" s="166">
        <v>0</v>
      </c>
      <c r="AI94" s="166">
        <v>0</v>
      </c>
      <c r="AJ94" s="166">
        <v>0</v>
      </c>
      <c r="AK94" s="166">
        <v>0</v>
      </c>
      <c r="AL94" s="166">
        <v>0</v>
      </c>
      <c r="AM94" s="166">
        <v>0</v>
      </c>
      <c r="AN94" s="166">
        <v>0</v>
      </c>
      <c r="AO94" s="166">
        <v>0</v>
      </c>
      <c r="AP94" s="166">
        <v>0</v>
      </c>
      <c r="AQ94" s="166">
        <v>0</v>
      </c>
      <c r="AR94" s="166">
        <v>0</v>
      </c>
      <c r="AS94" s="166">
        <v>0</v>
      </c>
      <c r="AT94" s="166">
        <v>0</v>
      </c>
      <c r="AU94" s="166">
        <v>0</v>
      </c>
      <c r="AV94" s="166">
        <v>0</v>
      </c>
      <c r="AW94" s="166">
        <v>0</v>
      </c>
      <c r="AX94" s="166">
        <v>0</v>
      </c>
      <c r="AY94" s="166">
        <v>0</v>
      </c>
      <c r="AZ94" s="166">
        <v>0</v>
      </c>
      <c r="BA94" s="166">
        <v>0</v>
      </c>
      <c r="BB94" s="166">
        <v>0</v>
      </c>
      <c r="BC94" s="166">
        <v>0</v>
      </c>
      <c r="BD94" s="166">
        <v>0</v>
      </c>
      <c r="BE94" s="166">
        <v>0</v>
      </c>
      <c r="BF94" s="166">
        <v>0</v>
      </c>
      <c r="BG94" s="166">
        <v>0</v>
      </c>
      <c r="BH94" s="166">
        <v>0</v>
      </c>
      <c r="BI94" s="166">
        <v>0</v>
      </c>
      <c r="BJ94" s="166">
        <v>0</v>
      </c>
      <c r="BK94" s="166">
        <v>0</v>
      </c>
      <c r="BL94" s="166">
        <v>0</v>
      </c>
      <c r="BM94" s="166">
        <v>0</v>
      </c>
      <c r="BN94" s="166">
        <v>0</v>
      </c>
      <c r="BO94" s="166">
        <v>0</v>
      </c>
      <c r="BP94" s="166">
        <v>0</v>
      </c>
      <c r="BQ94" s="166">
        <v>0</v>
      </c>
      <c r="BR94" s="166">
        <v>157340290.5</v>
      </c>
      <c r="BS94" s="166">
        <v>157340290.5</v>
      </c>
      <c r="BT94" s="168">
        <v>0</v>
      </c>
      <c r="BU94" s="166">
        <v>17963397.4743062</v>
      </c>
      <c r="BV94" s="166">
        <v>153595125.70086199</v>
      </c>
      <c r="BW94" s="166">
        <v>0</v>
      </c>
      <c r="BX94" s="166">
        <v>0</v>
      </c>
      <c r="BY94" s="166">
        <v>0</v>
      </c>
      <c r="BZ94" s="166">
        <v>0</v>
      </c>
      <c r="CA94" s="166">
        <v>0</v>
      </c>
      <c r="CB94" s="166">
        <v>0</v>
      </c>
      <c r="CC94" s="166">
        <v>0</v>
      </c>
      <c r="CD94" s="166">
        <v>0</v>
      </c>
      <c r="CE94" s="166">
        <v>0</v>
      </c>
      <c r="CF94" s="166">
        <v>0</v>
      </c>
      <c r="CG94" s="166">
        <v>0</v>
      </c>
      <c r="CH94" s="166">
        <v>0</v>
      </c>
      <c r="CI94" s="166">
        <v>0</v>
      </c>
      <c r="CJ94" s="166">
        <v>0</v>
      </c>
      <c r="CK94" s="166">
        <v>0</v>
      </c>
      <c r="CL94" s="166">
        <v>0</v>
      </c>
      <c r="CM94" s="166">
        <v>0</v>
      </c>
      <c r="CN94" s="166">
        <v>0</v>
      </c>
      <c r="CO94" s="166">
        <v>0</v>
      </c>
      <c r="CP94" s="166">
        <v>0</v>
      </c>
      <c r="CQ94" s="166">
        <v>0</v>
      </c>
      <c r="CR94" s="166">
        <v>0</v>
      </c>
      <c r="CS94" s="166">
        <v>0</v>
      </c>
      <c r="CT94" s="166">
        <v>0</v>
      </c>
      <c r="CU94" s="166">
        <v>0</v>
      </c>
      <c r="CV94" s="166">
        <v>0</v>
      </c>
      <c r="CW94" s="166">
        <v>0</v>
      </c>
      <c r="CX94" s="166">
        <v>0</v>
      </c>
      <c r="CY94" s="166">
        <v>153595125.70086199</v>
      </c>
      <c r="CZ94" s="166">
        <v>153595125.70086199</v>
      </c>
    </row>
    <row r="95" spans="1:104" hidden="1" outlineLevel="1" x14ac:dyDescent="0.2">
      <c r="A95" s="167" t="s">
        <v>187</v>
      </c>
    </row>
    <row r="96" spans="1:104" ht="10.8" hidden="1" outlineLevel="1" thickBot="1" x14ac:dyDescent="0.25">
      <c r="A96" s="169" t="s">
        <v>188</v>
      </c>
    </row>
    <row r="97" spans="1:104" hidden="1" outlineLevel="1" x14ac:dyDescent="0.2">
      <c r="A97" s="170" t="s">
        <v>189</v>
      </c>
      <c r="B97" s="166">
        <v>0</v>
      </c>
      <c r="C97" s="166">
        <v>0</v>
      </c>
      <c r="D97" s="166">
        <v>0</v>
      </c>
      <c r="E97" s="166">
        <v>0</v>
      </c>
      <c r="F97" s="166">
        <v>0</v>
      </c>
      <c r="G97" s="166">
        <v>0</v>
      </c>
      <c r="H97" s="166">
        <v>0</v>
      </c>
      <c r="I97" s="166">
        <v>0</v>
      </c>
      <c r="J97" s="166">
        <v>0</v>
      </c>
      <c r="K97" s="166">
        <v>0</v>
      </c>
      <c r="L97" s="166">
        <v>0</v>
      </c>
      <c r="M97" s="166">
        <v>0</v>
      </c>
      <c r="N97" s="166">
        <v>0</v>
      </c>
      <c r="O97" s="166">
        <v>0</v>
      </c>
      <c r="P97" s="166">
        <v>0</v>
      </c>
      <c r="Q97" s="166">
        <v>0</v>
      </c>
      <c r="R97" s="166">
        <v>0</v>
      </c>
      <c r="S97" s="166">
        <v>0</v>
      </c>
      <c r="T97" s="166">
        <v>0</v>
      </c>
      <c r="U97" s="166">
        <v>0</v>
      </c>
      <c r="V97" s="166">
        <v>0</v>
      </c>
      <c r="W97" s="166">
        <v>0</v>
      </c>
      <c r="X97" s="166">
        <v>0</v>
      </c>
      <c r="Y97" s="166">
        <v>0</v>
      </c>
      <c r="Z97" s="166">
        <v>0</v>
      </c>
      <c r="AA97" s="166">
        <v>0</v>
      </c>
      <c r="AB97" s="166">
        <v>0</v>
      </c>
      <c r="AC97" s="166">
        <v>0</v>
      </c>
      <c r="AD97" s="166">
        <v>0</v>
      </c>
      <c r="AE97" s="166">
        <v>0</v>
      </c>
      <c r="AF97" s="166">
        <v>0</v>
      </c>
      <c r="AG97" s="166">
        <v>0</v>
      </c>
      <c r="AH97" s="166">
        <v>0</v>
      </c>
      <c r="AI97" s="166">
        <v>0</v>
      </c>
      <c r="AJ97" s="166">
        <v>0</v>
      </c>
      <c r="AK97" s="166">
        <v>0</v>
      </c>
      <c r="AL97" s="166">
        <v>0</v>
      </c>
      <c r="AM97" s="166">
        <v>0</v>
      </c>
      <c r="AN97" s="166">
        <v>0</v>
      </c>
      <c r="AO97" s="166">
        <v>0</v>
      </c>
      <c r="AP97" s="166">
        <v>0</v>
      </c>
      <c r="AQ97" s="166">
        <v>0</v>
      </c>
      <c r="AR97" s="166">
        <v>0</v>
      </c>
      <c r="AS97" s="166">
        <v>0</v>
      </c>
      <c r="AT97" s="166">
        <v>0</v>
      </c>
      <c r="AU97" s="166">
        <v>0</v>
      </c>
      <c r="AV97" s="166">
        <v>0</v>
      </c>
      <c r="AW97" s="166">
        <v>0</v>
      </c>
      <c r="AX97" s="166">
        <v>0</v>
      </c>
      <c r="AY97" s="166">
        <v>0</v>
      </c>
      <c r="AZ97" s="166">
        <v>0</v>
      </c>
      <c r="BA97" s="166">
        <v>0</v>
      </c>
      <c r="BB97" s="166">
        <v>0</v>
      </c>
      <c r="BC97" s="166">
        <v>0</v>
      </c>
      <c r="BD97" s="166">
        <v>0</v>
      </c>
      <c r="BE97" s="166">
        <v>0</v>
      </c>
      <c r="BF97" s="166">
        <v>0</v>
      </c>
      <c r="BG97" s="166">
        <v>0</v>
      </c>
      <c r="BH97" s="166">
        <v>0</v>
      </c>
      <c r="BI97" s="166">
        <v>0</v>
      </c>
      <c r="BJ97" s="166">
        <v>0</v>
      </c>
      <c r="BK97" s="166">
        <v>0</v>
      </c>
      <c r="BL97" s="166">
        <v>0</v>
      </c>
      <c r="BM97" s="166">
        <v>0</v>
      </c>
      <c r="BN97" s="166">
        <v>0</v>
      </c>
      <c r="BO97" s="166">
        <v>0</v>
      </c>
      <c r="BP97" s="166">
        <v>0</v>
      </c>
      <c r="BQ97" s="166">
        <v>0</v>
      </c>
      <c r="BR97" s="166">
        <v>0</v>
      </c>
      <c r="BS97" s="166">
        <v>0</v>
      </c>
      <c r="BT97" s="168">
        <v>0</v>
      </c>
      <c r="BU97" s="166">
        <v>0</v>
      </c>
      <c r="BV97" s="166">
        <v>0</v>
      </c>
      <c r="BW97" s="166">
        <v>0</v>
      </c>
      <c r="BX97" s="166">
        <v>0</v>
      </c>
      <c r="BY97" s="166">
        <v>0</v>
      </c>
      <c r="BZ97" s="166">
        <v>0</v>
      </c>
      <c r="CA97" s="166">
        <v>0</v>
      </c>
      <c r="CB97" s="166">
        <v>0</v>
      </c>
      <c r="CC97" s="166">
        <v>0</v>
      </c>
      <c r="CD97" s="166">
        <v>0</v>
      </c>
      <c r="CE97" s="166">
        <v>0</v>
      </c>
      <c r="CF97" s="166">
        <v>0</v>
      </c>
      <c r="CG97" s="166">
        <v>0</v>
      </c>
      <c r="CH97" s="166">
        <v>0</v>
      </c>
      <c r="CI97" s="166">
        <v>0</v>
      </c>
      <c r="CJ97" s="166">
        <v>0</v>
      </c>
      <c r="CK97" s="166">
        <v>0</v>
      </c>
      <c r="CL97" s="166">
        <v>0</v>
      </c>
      <c r="CM97" s="166">
        <v>0</v>
      </c>
      <c r="CN97" s="166">
        <v>0</v>
      </c>
      <c r="CO97" s="166">
        <v>0</v>
      </c>
      <c r="CP97" s="166">
        <v>0</v>
      </c>
      <c r="CQ97" s="166">
        <v>0</v>
      </c>
      <c r="CR97" s="166">
        <v>0</v>
      </c>
      <c r="CS97" s="166">
        <v>0</v>
      </c>
      <c r="CT97" s="166">
        <v>0</v>
      </c>
      <c r="CU97" s="166">
        <v>0</v>
      </c>
      <c r="CV97" s="166">
        <v>0</v>
      </c>
      <c r="CW97" s="166">
        <v>0</v>
      </c>
      <c r="CX97" s="166">
        <v>0</v>
      </c>
      <c r="CY97" s="166">
        <v>0</v>
      </c>
      <c r="CZ97" s="166">
        <v>0</v>
      </c>
    </row>
    <row r="98" spans="1:104" hidden="1" outlineLevel="1" x14ac:dyDescent="0.2">
      <c r="A98" s="167" t="s">
        <v>1065</v>
      </c>
      <c r="B98" s="166">
        <v>346.73746595624698</v>
      </c>
      <c r="C98" s="166">
        <v>346.73746595624698</v>
      </c>
      <c r="D98" s="166">
        <v>0</v>
      </c>
      <c r="E98" s="166">
        <v>0</v>
      </c>
      <c r="F98" s="166">
        <v>0</v>
      </c>
      <c r="G98" s="166">
        <v>0</v>
      </c>
      <c r="H98" s="166">
        <v>0</v>
      </c>
      <c r="I98" s="166">
        <v>0</v>
      </c>
      <c r="J98" s="166">
        <v>0</v>
      </c>
      <c r="K98" s="166">
        <v>0</v>
      </c>
      <c r="L98" s="166">
        <v>0</v>
      </c>
      <c r="M98" s="166">
        <v>0</v>
      </c>
      <c r="N98" s="166">
        <v>0</v>
      </c>
      <c r="O98" s="166">
        <v>0</v>
      </c>
      <c r="P98" s="166">
        <v>0</v>
      </c>
      <c r="Q98" s="166">
        <v>0</v>
      </c>
      <c r="R98" s="166">
        <v>0</v>
      </c>
      <c r="S98" s="166">
        <v>0</v>
      </c>
      <c r="T98" s="166">
        <v>0</v>
      </c>
      <c r="U98" s="166">
        <v>0</v>
      </c>
      <c r="V98" s="166">
        <v>0</v>
      </c>
      <c r="W98" s="166">
        <v>0</v>
      </c>
      <c r="X98" s="166">
        <v>0</v>
      </c>
      <c r="Y98" s="166">
        <v>0</v>
      </c>
      <c r="Z98" s="166">
        <v>0</v>
      </c>
      <c r="AA98" s="166">
        <v>0</v>
      </c>
      <c r="AB98" s="166">
        <v>0</v>
      </c>
      <c r="AC98" s="166">
        <v>0</v>
      </c>
      <c r="AD98" s="166">
        <v>0</v>
      </c>
      <c r="AE98" s="166">
        <v>0</v>
      </c>
      <c r="AF98" s="166">
        <v>0</v>
      </c>
      <c r="AG98" s="166">
        <v>0</v>
      </c>
      <c r="AH98" s="166">
        <v>0</v>
      </c>
      <c r="AI98" s="166">
        <v>0</v>
      </c>
      <c r="AJ98" s="166">
        <v>0</v>
      </c>
      <c r="AK98" s="166">
        <v>0</v>
      </c>
      <c r="AL98" s="166">
        <v>0</v>
      </c>
      <c r="AM98" s="166">
        <v>0</v>
      </c>
      <c r="AN98" s="166">
        <v>0</v>
      </c>
      <c r="AO98" s="166">
        <v>0</v>
      </c>
      <c r="AP98" s="166">
        <v>0</v>
      </c>
      <c r="AQ98" s="166">
        <v>0</v>
      </c>
      <c r="AR98" s="166">
        <v>0</v>
      </c>
      <c r="AS98" s="166">
        <v>0</v>
      </c>
      <c r="AT98" s="166">
        <v>0</v>
      </c>
      <c r="AU98" s="166">
        <v>0</v>
      </c>
      <c r="AV98" s="166">
        <v>0</v>
      </c>
      <c r="AW98" s="166">
        <v>0</v>
      </c>
      <c r="AX98" s="166">
        <v>0</v>
      </c>
      <c r="AY98" s="166">
        <v>0</v>
      </c>
      <c r="AZ98" s="166">
        <v>0</v>
      </c>
      <c r="BA98" s="166">
        <v>0</v>
      </c>
      <c r="BB98" s="166">
        <v>0</v>
      </c>
      <c r="BC98" s="166">
        <v>0</v>
      </c>
      <c r="BD98" s="166">
        <v>0</v>
      </c>
      <c r="BE98" s="166">
        <v>0</v>
      </c>
      <c r="BF98" s="166">
        <v>0</v>
      </c>
      <c r="BG98" s="166">
        <v>0</v>
      </c>
      <c r="BH98" s="166">
        <v>0</v>
      </c>
      <c r="BI98" s="166">
        <v>0</v>
      </c>
      <c r="BJ98" s="166">
        <v>0</v>
      </c>
      <c r="BK98" s="166">
        <v>0</v>
      </c>
      <c r="BL98" s="166">
        <v>0</v>
      </c>
      <c r="BM98" s="166">
        <v>0</v>
      </c>
      <c r="BN98" s="166">
        <v>0</v>
      </c>
      <c r="BO98" s="166">
        <v>0</v>
      </c>
      <c r="BP98" s="166">
        <v>0</v>
      </c>
      <c r="BQ98" s="166">
        <v>0</v>
      </c>
      <c r="BR98" s="166">
        <v>346.73746595624698</v>
      </c>
      <c r="BS98" s="166">
        <v>346.73746595624698</v>
      </c>
      <c r="BT98" s="168">
        <v>0.97402999999999995</v>
      </c>
      <c r="BU98" s="166">
        <v>22.302749391750901</v>
      </c>
      <c r="BV98" s="166">
        <v>337.73269396536301</v>
      </c>
      <c r="BW98" s="166">
        <v>0</v>
      </c>
      <c r="BX98" s="166">
        <v>0</v>
      </c>
      <c r="BY98" s="166">
        <v>0</v>
      </c>
      <c r="BZ98" s="166">
        <v>0</v>
      </c>
      <c r="CA98" s="166">
        <v>0</v>
      </c>
      <c r="CB98" s="166">
        <v>0</v>
      </c>
      <c r="CC98" s="166">
        <v>0</v>
      </c>
      <c r="CD98" s="166">
        <v>0</v>
      </c>
      <c r="CE98" s="166">
        <v>0</v>
      </c>
      <c r="CF98" s="166">
        <v>0</v>
      </c>
      <c r="CG98" s="166">
        <v>0</v>
      </c>
      <c r="CH98" s="166">
        <v>0</v>
      </c>
      <c r="CI98" s="166">
        <v>0</v>
      </c>
      <c r="CJ98" s="166">
        <v>0</v>
      </c>
      <c r="CK98" s="166">
        <v>0</v>
      </c>
      <c r="CL98" s="166">
        <v>0</v>
      </c>
      <c r="CM98" s="166">
        <v>0</v>
      </c>
      <c r="CN98" s="166">
        <v>0</v>
      </c>
      <c r="CO98" s="166">
        <v>0</v>
      </c>
      <c r="CP98" s="166">
        <v>0</v>
      </c>
      <c r="CQ98" s="166">
        <v>0</v>
      </c>
      <c r="CR98" s="166">
        <v>0</v>
      </c>
      <c r="CS98" s="166">
        <v>0</v>
      </c>
      <c r="CT98" s="166">
        <v>0</v>
      </c>
      <c r="CU98" s="166">
        <v>0</v>
      </c>
      <c r="CV98" s="166">
        <v>0</v>
      </c>
      <c r="CW98" s="166">
        <v>0</v>
      </c>
      <c r="CX98" s="166">
        <v>0</v>
      </c>
      <c r="CY98" s="166">
        <v>337.73269396536301</v>
      </c>
      <c r="CZ98" s="166">
        <v>337.73269396536301</v>
      </c>
    </row>
    <row r="99" spans="1:104" hidden="1" outlineLevel="1" x14ac:dyDescent="0.2">
      <c r="A99" s="167" t="s">
        <v>1066</v>
      </c>
      <c r="B99" s="166">
        <v>10.9621771682004</v>
      </c>
      <c r="C99" s="166">
        <v>10.9621771682004</v>
      </c>
      <c r="D99" s="166">
        <v>0</v>
      </c>
      <c r="E99" s="166">
        <v>0</v>
      </c>
      <c r="F99" s="166">
        <v>0</v>
      </c>
      <c r="G99" s="166">
        <v>0</v>
      </c>
      <c r="H99" s="166">
        <v>0</v>
      </c>
      <c r="I99" s="166">
        <v>0</v>
      </c>
      <c r="J99" s="166">
        <v>0</v>
      </c>
      <c r="K99" s="166">
        <v>0</v>
      </c>
      <c r="L99" s="166">
        <v>0</v>
      </c>
      <c r="M99" s="166">
        <v>0</v>
      </c>
      <c r="N99" s="166">
        <v>0</v>
      </c>
      <c r="O99" s="166">
        <v>0</v>
      </c>
      <c r="P99" s="166">
        <v>0</v>
      </c>
      <c r="Q99" s="166">
        <v>0</v>
      </c>
      <c r="R99" s="166">
        <v>0</v>
      </c>
      <c r="S99" s="166">
        <v>0</v>
      </c>
      <c r="T99" s="166">
        <v>0</v>
      </c>
      <c r="U99" s="166">
        <v>0</v>
      </c>
      <c r="V99" s="166">
        <v>0</v>
      </c>
      <c r="W99" s="166">
        <v>0</v>
      </c>
      <c r="X99" s="166">
        <v>0</v>
      </c>
      <c r="Y99" s="166">
        <v>0</v>
      </c>
      <c r="Z99" s="166">
        <v>0</v>
      </c>
      <c r="AA99" s="166">
        <v>0</v>
      </c>
      <c r="AB99" s="166">
        <v>0</v>
      </c>
      <c r="AC99" s="166">
        <v>0</v>
      </c>
      <c r="AD99" s="166">
        <v>0</v>
      </c>
      <c r="AE99" s="166">
        <v>0</v>
      </c>
      <c r="AF99" s="166">
        <v>0</v>
      </c>
      <c r="AG99" s="166">
        <v>0</v>
      </c>
      <c r="AH99" s="166">
        <v>0</v>
      </c>
      <c r="AI99" s="166">
        <v>0</v>
      </c>
      <c r="AJ99" s="166">
        <v>0</v>
      </c>
      <c r="AK99" s="166">
        <v>0</v>
      </c>
      <c r="AL99" s="166">
        <v>0</v>
      </c>
      <c r="AM99" s="166">
        <v>0</v>
      </c>
      <c r="AN99" s="166">
        <v>0</v>
      </c>
      <c r="AO99" s="166">
        <v>0</v>
      </c>
      <c r="AP99" s="166">
        <v>0</v>
      </c>
      <c r="AQ99" s="166">
        <v>0</v>
      </c>
      <c r="AR99" s="166">
        <v>0</v>
      </c>
      <c r="AS99" s="166">
        <v>0</v>
      </c>
      <c r="AT99" s="166">
        <v>0</v>
      </c>
      <c r="AU99" s="166">
        <v>0</v>
      </c>
      <c r="AV99" s="166">
        <v>0</v>
      </c>
      <c r="AW99" s="166">
        <v>0</v>
      </c>
      <c r="AX99" s="166">
        <v>0</v>
      </c>
      <c r="AY99" s="166">
        <v>0</v>
      </c>
      <c r="AZ99" s="166">
        <v>0</v>
      </c>
      <c r="BA99" s="166">
        <v>0</v>
      </c>
      <c r="BB99" s="166">
        <v>0</v>
      </c>
      <c r="BC99" s="166">
        <v>0</v>
      </c>
      <c r="BD99" s="166">
        <v>0</v>
      </c>
      <c r="BE99" s="166">
        <v>0</v>
      </c>
      <c r="BF99" s="166">
        <v>0</v>
      </c>
      <c r="BG99" s="166">
        <v>0</v>
      </c>
      <c r="BH99" s="166">
        <v>0</v>
      </c>
      <c r="BI99" s="166">
        <v>0</v>
      </c>
      <c r="BJ99" s="166">
        <v>0</v>
      </c>
      <c r="BK99" s="166">
        <v>0</v>
      </c>
      <c r="BL99" s="166">
        <v>0</v>
      </c>
      <c r="BM99" s="166">
        <v>0</v>
      </c>
      <c r="BN99" s="166">
        <v>0</v>
      </c>
      <c r="BO99" s="166">
        <v>0</v>
      </c>
      <c r="BP99" s="166">
        <v>0</v>
      </c>
      <c r="BQ99" s="166">
        <v>0</v>
      </c>
      <c r="BR99" s="166">
        <v>10.9621771682004</v>
      </c>
      <c r="BS99" s="166">
        <v>10.9621771682004</v>
      </c>
      <c r="BT99" s="168">
        <v>0.92637230841245999</v>
      </c>
      <c r="BU99" s="166">
        <v>0.67063468851515895</v>
      </c>
      <c r="BV99" s="166">
        <v>10.1550573685321</v>
      </c>
      <c r="BW99" s="166">
        <v>0</v>
      </c>
      <c r="BX99" s="166">
        <v>0</v>
      </c>
      <c r="BY99" s="166">
        <v>0</v>
      </c>
      <c r="BZ99" s="166">
        <v>0</v>
      </c>
      <c r="CA99" s="166">
        <v>0</v>
      </c>
      <c r="CB99" s="166">
        <v>0</v>
      </c>
      <c r="CC99" s="166">
        <v>0</v>
      </c>
      <c r="CD99" s="166">
        <v>0</v>
      </c>
      <c r="CE99" s="166">
        <v>0</v>
      </c>
      <c r="CF99" s="166">
        <v>0</v>
      </c>
      <c r="CG99" s="166">
        <v>0</v>
      </c>
      <c r="CH99" s="166">
        <v>0</v>
      </c>
      <c r="CI99" s="166">
        <v>0</v>
      </c>
      <c r="CJ99" s="166">
        <v>0</v>
      </c>
      <c r="CK99" s="166">
        <v>0</v>
      </c>
      <c r="CL99" s="166">
        <v>0</v>
      </c>
      <c r="CM99" s="166">
        <v>0</v>
      </c>
      <c r="CN99" s="166">
        <v>0</v>
      </c>
      <c r="CO99" s="166">
        <v>0</v>
      </c>
      <c r="CP99" s="166">
        <v>0</v>
      </c>
      <c r="CQ99" s="166">
        <v>0</v>
      </c>
      <c r="CR99" s="166">
        <v>0</v>
      </c>
      <c r="CS99" s="166">
        <v>0</v>
      </c>
      <c r="CT99" s="166">
        <v>0</v>
      </c>
      <c r="CU99" s="166">
        <v>0</v>
      </c>
      <c r="CV99" s="166">
        <v>0</v>
      </c>
      <c r="CW99" s="166">
        <v>0</v>
      </c>
      <c r="CX99" s="166">
        <v>0</v>
      </c>
      <c r="CY99" s="166">
        <v>10.1550573685321</v>
      </c>
      <c r="CZ99" s="166">
        <v>10.1550573685321</v>
      </c>
    </row>
    <row r="100" spans="1:104" hidden="1" outlineLevel="1" x14ac:dyDescent="0.2">
      <c r="A100" s="167" t="s">
        <v>1067</v>
      </c>
      <c r="B100" s="166">
        <v>79.079254426627301</v>
      </c>
      <c r="C100" s="166">
        <v>79.079254426627301</v>
      </c>
      <c r="D100" s="166">
        <v>0</v>
      </c>
      <c r="E100" s="166">
        <v>0</v>
      </c>
      <c r="F100" s="166">
        <v>0</v>
      </c>
      <c r="G100" s="166">
        <v>0</v>
      </c>
      <c r="H100" s="166">
        <v>0</v>
      </c>
      <c r="I100" s="166">
        <v>0</v>
      </c>
      <c r="J100" s="166">
        <v>0</v>
      </c>
      <c r="K100" s="166">
        <v>0</v>
      </c>
      <c r="L100" s="166">
        <v>0</v>
      </c>
      <c r="M100" s="166">
        <v>0</v>
      </c>
      <c r="N100" s="166">
        <v>0</v>
      </c>
      <c r="O100" s="166">
        <v>0</v>
      </c>
      <c r="P100" s="166">
        <v>0</v>
      </c>
      <c r="Q100" s="166">
        <v>0</v>
      </c>
      <c r="R100" s="166">
        <v>0</v>
      </c>
      <c r="S100" s="166">
        <v>0</v>
      </c>
      <c r="T100" s="166">
        <v>0</v>
      </c>
      <c r="U100" s="166">
        <v>0</v>
      </c>
      <c r="V100" s="166">
        <v>0</v>
      </c>
      <c r="W100" s="166">
        <v>0</v>
      </c>
      <c r="X100" s="166">
        <v>0</v>
      </c>
      <c r="Y100" s="166">
        <v>0</v>
      </c>
      <c r="Z100" s="166">
        <v>0</v>
      </c>
      <c r="AA100" s="166">
        <v>0</v>
      </c>
      <c r="AB100" s="166">
        <v>0</v>
      </c>
      <c r="AC100" s="166">
        <v>0</v>
      </c>
      <c r="AD100" s="166">
        <v>0</v>
      </c>
      <c r="AE100" s="166">
        <v>0</v>
      </c>
      <c r="AF100" s="166">
        <v>0</v>
      </c>
      <c r="AG100" s="166">
        <v>0</v>
      </c>
      <c r="AH100" s="166">
        <v>0</v>
      </c>
      <c r="AI100" s="166">
        <v>0</v>
      </c>
      <c r="AJ100" s="166">
        <v>0</v>
      </c>
      <c r="AK100" s="166">
        <v>0</v>
      </c>
      <c r="AL100" s="166">
        <v>0</v>
      </c>
      <c r="AM100" s="166">
        <v>0</v>
      </c>
      <c r="AN100" s="166">
        <v>0</v>
      </c>
      <c r="AO100" s="166">
        <v>0</v>
      </c>
      <c r="AP100" s="166">
        <v>0</v>
      </c>
      <c r="AQ100" s="166">
        <v>0</v>
      </c>
      <c r="AR100" s="166">
        <v>0</v>
      </c>
      <c r="AS100" s="166">
        <v>0</v>
      </c>
      <c r="AT100" s="166">
        <v>0</v>
      </c>
      <c r="AU100" s="166">
        <v>0</v>
      </c>
      <c r="AV100" s="166">
        <v>0</v>
      </c>
      <c r="AW100" s="166">
        <v>0</v>
      </c>
      <c r="AX100" s="166">
        <v>0</v>
      </c>
      <c r="AY100" s="166">
        <v>0</v>
      </c>
      <c r="AZ100" s="166">
        <v>0</v>
      </c>
      <c r="BA100" s="166">
        <v>0</v>
      </c>
      <c r="BB100" s="166">
        <v>0</v>
      </c>
      <c r="BC100" s="166">
        <v>0</v>
      </c>
      <c r="BD100" s="166">
        <v>0</v>
      </c>
      <c r="BE100" s="166">
        <v>0</v>
      </c>
      <c r="BF100" s="166">
        <v>0</v>
      </c>
      <c r="BG100" s="166">
        <v>0</v>
      </c>
      <c r="BH100" s="166">
        <v>0</v>
      </c>
      <c r="BI100" s="166">
        <v>0</v>
      </c>
      <c r="BJ100" s="166">
        <v>0</v>
      </c>
      <c r="BK100" s="166">
        <v>0</v>
      </c>
      <c r="BL100" s="166">
        <v>0</v>
      </c>
      <c r="BM100" s="166">
        <v>0</v>
      </c>
      <c r="BN100" s="166">
        <v>0</v>
      </c>
      <c r="BO100" s="166">
        <v>0</v>
      </c>
      <c r="BP100" s="166">
        <v>0</v>
      </c>
      <c r="BQ100" s="166">
        <v>0</v>
      </c>
      <c r="BR100" s="166">
        <v>79.079254426627301</v>
      </c>
      <c r="BS100" s="166">
        <v>79.079254426627301</v>
      </c>
      <c r="BT100" s="168">
        <v>0.95109934560116105</v>
      </c>
      <c r="BU100" s="166">
        <v>4.9669762254661096</v>
      </c>
      <c r="BV100" s="166">
        <v>75.212227135792901</v>
      </c>
      <c r="BW100" s="166">
        <v>0</v>
      </c>
      <c r="BX100" s="166">
        <v>0</v>
      </c>
      <c r="BY100" s="166">
        <v>0</v>
      </c>
      <c r="BZ100" s="166">
        <v>0</v>
      </c>
      <c r="CA100" s="166">
        <v>0</v>
      </c>
      <c r="CB100" s="166">
        <v>0</v>
      </c>
      <c r="CC100" s="166">
        <v>0</v>
      </c>
      <c r="CD100" s="166">
        <v>0</v>
      </c>
      <c r="CE100" s="166">
        <v>0</v>
      </c>
      <c r="CF100" s="166">
        <v>0</v>
      </c>
      <c r="CG100" s="166">
        <v>0</v>
      </c>
      <c r="CH100" s="166">
        <v>0</v>
      </c>
      <c r="CI100" s="166">
        <v>0</v>
      </c>
      <c r="CJ100" s="166">
        <v>0</v>
      </c>
      <c r="CK100" s="166">
        <v>0</v>
      </c>
      <c r="CL100" s="166">
        <v>0</v>
      </c>
      <c r="CM100" s="166">
        <v>0</v>
      </c>
      <c r="CN100" s="166">
        <v>0</v>
      </c>
      <c r="CO100" s="166">
        <v>0</v>
      </c>
      <c r="CP100" s="166">
        <v>0</v>
      </c>
      <c r="CQ100" s="166">
        <v>0</v>
      </c>
      <c r="CR100" s="166">
        <v>0</v>
      </c>
      <c r="CS100" s="166">
        <v>0</v>
      </c>
      <c r="CT100" s="166">
        <v>0</v>
      </c>
      <c r="CU100" s="166">
        <v>0</v>
      </c>
      <c r="CV100" s="166">
        <v>0</v>
      </c>
      <c r="CW100" s="166">
        <v>0</v>
      </c>
      <c r="CX100" s="166">
        <v>0</v>
      </c>
      <c r="CY100" s="166">
        <v>75.212227135792901</v>
      </c>
      <c r="CZ100" s="166">
        <v>75.212227135792901</v>
      </c>
    </row>
    <row r="101" spans="1:104" hidden="1" outlineLevel="1" x14ac:dyDescent="0.2">
      <c r="A101" s="167" t="s">
        <v>193</v>
      </c>
      <c r="B101" s="166">
        <v>252.95345210827301</v>
      </c>
      <c r="C101" s="166">
        <v>252.95345210827301</v>
      </c>
      <c r="D101" s="166">
        <v>0</v>
      </c>
      <c r="E101" s="166">
        <v>0</v>
      </c>
      <c r="F101" s="166">
        <v>0</v>
      </c>
      <c r="G101" s="166">
        <v>0</v>
      </c>
      <c r="H101" s="166">
        <v>0</v>
      </c>
      <c r="I101" s="166">
        <v>0</v>
      </c>
      <c r="J101" s="166">
        <v>0</v>
      </c>
      <c r="K101" s="166">
        <v>0</v>
      </c>
      <c r="L101" s="166">
        <v>0</v>
      </c>
      <c r="M101" s="166">
        <v>0</v>
      </c>
      <c r="N101" s="166">
        <v>0</v>
      </c>
      <c r="O101" s="166">
        <v>0</v>
      </c>
      <c r="P101" s="166">
        <v>0</v>
      </c>
      <c r="Q101" s="166">
        <v>0</v>
      </c>
      <c r="R101" s="166">
        <v>0</v>
      </c>
      <c r="S101" s="166">
        <v>0</v>
      </c>
      <c r="T101" s="166">
        <v>0</v>
      </c>
      <c r="U101" s="166">
        <v>0</v>
      </c>
      <c r="V101" s="166">
        <v>0</v>
      </c>
      <c r="W101" s="166">
        <v>0</v>
      </c>
      <c r="X101" s="166">
        <v>0</v>
      </c>
      <c r="Y101" s="166">
        <v>0</v>
      </c>
      <c r="Z101" s="166">
        <v>0</v>
      </c>
      <c r="AA101" s="166">
        <v>0</v>
      </c>
      <c r="AB101" s="166">
        <v>0</v>
      </c>
      <c r="AC101" s="166">
        <v>0</v>
      </c>
      <c r="AD101" s="166">
        <v>0</v>
      </c>
      <c r="AE101" s="166">
        <v>0</v>
      </c>
      <c r="AF101" s="166">
        <v>0</v>
      </c>
      <c r="AG101" s="166">
        <v>0</v>
      </c>
      <c r="AH101" s="166">
        <v>0</v>
      </c>
      <c r="AI101" s="166">
        <v>0</v>
      </c>
      <c r="AJ101" s="166">
        <v>0</v>
      </c>
      <c r="AK101" s="166">
        <v>0</v>
      </c>
      <c r="AL101" s="166">
        <v>0</v>
      </c>
      <c r="AM101" s="166">
        <v>0</v>
      </c>
      <c r="AN101" s="166">
        <v>0</v>
      </c>
      <c r="AO101" s="166">
        <v>0</v>
      </c>
      <c r="AP101" s="166">
        <v>0</v>
      </c>
      <c r="AQ101" s="166">
        <v>0</v>
      </c>
      <c r="AR101" s="166">
        <v>0</v>
      </c>
      <c r="AS101" s="166">
        <v>0</v>
      </c>
      <c r="AT101" s="166">
        <v>0</v>
      </c>
      <c r="AU101" s="166">
        <v>0</v>
      </c>
      <c r="AV101" s="166">
        <v>0</v>
      </c>
      <c r="AW101" s="166">
        <v>0</v>
      </c>
      <c r="AX101" s="166">
        <v>0</v>
      </c>
      <c r="AY101" s="166">
        <v>0</v>
      </c>
      <c r="AZ101" s="166">
        <v>0</v>
      </c>
      <c r="BA101" s="166">
        <v>0</v>
      </c>
      <c r="BB101" s="166">
        <v>0</v>
      </c>
      <c r="BC101" s="166">
        <v>0</v>
      </c>
      <c r="BD101" s="166">
        <v>0</v>
      </c>
      <c r="BE101" s="166">
        <v>0</v>
      </c>
      <c r="BF101" s="166">
        <v>0</v>
      </c>
      <c r="BG101" s="166">
        <v>0</v>
      </c>
      <c r="BH101" s="166">
        <v>0</v>
      </c>
      <c r="BI101" s="166">
        <v>0</v>
      </c>
      <c r="BJ101" s="166">
        <v>0</v>
      </c>
      <c r="BK101" s="166">
        <v>0</v>
      </c>
      <c r="BL101" s="166">
        <v>0</v>
      </c>
      <c r="BM101" s="166">
        <v>0</v>
      </c>
      <c r="BN101" s="166">
        <v>0</v>
      </c>
      <c r="BO101" s="166">
        <v>0</v>
      </c>
      <c r="BP101" s="166">
        <v>0</v>
      </c>
      <c r="BQ101" s="166">
        <v>0</v>
      </c>
      <c r="BR101" s="166">
        <v>252.95345210827301</v>
      </c>
      <c r="BS101" s="166">
        <v>252.95345210827301</v>
      </c>
      <c r="BT101" s="168">
        <v>0.97403133392564201</v>
      </c>
      <c r="BU101" s="166">
        <v>16.272440184211799</v>
      </c>
      <c r="BV101" s="166">
        <v>246.384588378117</v>
      </c>
      <c r="BW101" s="166">
        <v>0</v>
      </c>
      <c r="BX101" s="166">
        <v>0</v>
      </c>
      <c r="BY101" s="166">
        <v>0</v>
      </c>
      <c r="BZ101" s="166">
        <v>0</v>
      </c>
      <c r="CA101" s="166">
        <v>0</v>
      </c>
      <c r="CB101" s="166">
        <v>0</v>
      </c>
      <c r="CC101" s="166">
        <v>0</v>
      </c>
      <c r="CD101" s="166">
        <v>0</v>
      </c>
      <c r="CE101" s="166">
        <v>0</v>
      </c>
      <c r="CF101" s="166">
        <v>0</v>
      </c>
      <c r="CG101" s="166">
        <v>0</v>
      </c>
      <c r="CH101" s="166">
        <v>0</v>
      </c>
      <c r="CI101" s="166">
        <v>0</v>
      </c>
      <c r="CJ101" s="166">
        <v>0</v>
      </c>
      <c r="CK101" s="166">
        <v>0</v>
      </c>
      <c r="CL101" s="166">
        <v>0</v>
      </c>
      <c r="CM101" s="166">
        <v>0</v>
      </c>
      <c r="CN101" s="166">
        <v>0</v>
      </c>
      <c r="CO101" s="166">
        <v>0</v>
      </c>
      <c r="CP101" s="166">
        <v>0</v>
      </c>
      <c r="CQ101" s="166">
        <v>0</v>
      </c>
      <c r="CR101" s="166">
        <v>0</v>
      </c>
      <c r="CS101" s="166">
        <v>0</v>
      </c>
      <c r="CT101" s="166">
        <v>0</v>
      </c>
      <c r="CU101" s="166">
        <v>0</v>
      </c>
      <c r="CV101" s="166">
        <v>0</v>
      </c>
      <c r="CW101" s="166">
        <v>0</v>
      </c>
      <c r="CX101" s="166">
        <v>0</v>
      </c>
      <c r="CY101" s="166">
        <v>246.384588378117</v>
      </c>
      <c r="CZ101" s="166">
        <v>246.384588378117</v>
      </c>
    </row>
    <row r="102" spans="1:104" hidden="1" outlineLevel="1" x14ac:dyDescent="0.2">
      <c r="A102" s="167" t="s">
        <v>194</v>
      </c>
      <c r="B102" s="166">
        <v>198.60064830225099</v>
      </c>
      <c r="C102" s="166">
        <v>198.60064830225099</v>
      </c>
      <c r="D102" s="166">
        <v>0</v>
      </c>
      <c r="E102" s="166">
        <v>0</v>
      </c>
      <c r="F102" s="166">
        <v>0</v>
      </c>
      <c r="G102" s="166">
        <v>0</v>
      </c>
      <c r="H102" s="166">
        <v>0</v>
      </c>
      <c r="I102" s="166">
        <v>0</v>
      </c>
      <c r="J102" s="166">
        <v>0</v>
      </c>
      <c r="K102" s="166">
        <v>0</v>
      </c>
      <c r="L102" s="166">
        <v>0</v>
      </c>
      <c r="M102" s="166">
        <v>0</v>
      </c>
      <c r="N102" s="166">
        <v>0</v>
      </c>
      <c r="O102" s="166">
        <v>0</v>
      </c>
      <c r="P102" s="166">
        <v>0</v>
      </c>
      <c r="Q102" s="166">
        <v>0</v>
      </c>
      <c r="R102" s="166">
        <v>0</v>
      </c>
      <c r="S102" s="166">
        <v>0</v>
      </c>
      <c r="T102" s="166">
        <v>0</v>
      </c>
      <c r="U102" s="166">
        <v>0</v>
      </c>
      <c r="V102" s="166">
        <v>0</v>
      </c>
      <c r="W102" s="166">
        <v>0</v>
      </c>
      <c r="X102" s="166">
        <v>0</v>
      </c>
      <c r="Y102" s="166">
        <v>0</v>
      </c>
      <c r="Z102" s="166">
        <v>0</v>
      </c>
      <c r="AA102" s="166">
        <v>0</v>
      </c>
      <c r="AB102" s="166">
        <v>0</v>
      </c>
      <c r="AC102" s="166">
        <v>0</v>
      </c>
      <c r="AD102" s="166">
        <v>0</v>
      </c>
      <c r="AE102" s="166">
        <v>0</v>
      </c>
      <c r="AF102" s="166">
        <v>0</v>
      </c>
      <c r="AG102" s="166">
        <v>0</v>
      </c>
      <c r="AH102" s="166">
        <v>0</v>
      </c>
      <c r="AI102" s="166">
        <v>0</v>
      </c>
      <c r="AJ102" s="166">
        <v>0</v>
      </c>
      <c r="AK102" s="166">
        <v>0</v>
      </c>
      <c r="AL102" s="166">
        <v>0</v>
      </c>
      <c r="AM102" s="166">
        <v>0</v>
      </c>
      <c r="AN102" s="166">
        <v>0</v>
      </c>
      <c r="AO102" s="166">
        <v>0</v>
      </c>
      <c r="AP102" s="166">
        <v>0</v>
      </c>
      <c r="AQ102" s="166">
        <v>0</v>
      </c>
      <c r="AR102" s="166">
        <v>0</v>
      </c>
      <c r="AS102" s="166">
        <v>0</v>
      </c>
      <c r="AT102" s="166">
        <v>0</v>
      </c>
      <c r="AU102" s="166">
        <v>0</v>
      </c>
      <c r="AV102" s="166">
        <v>0</v>
      </c>
      <c r="AW102" s="166">
        <v>0</v>
      </c>
      <c r="AX102" s="166">
        <v>0</v>
      </c>
      <c r="AY102" s="166">
        <v>0</v>
      </c>
      <c r="AZ102" s="166">
        <v>0</v>
      </c>
      <c r="BA102" s="166">
        <v>0</v>
      </c>
      <c r="BB102" s="166">
        <v>0</v>
      </c>
      <c r="BC102" s="166">
        <v>0</v>
      </c>
      <c r="BD102" s="166">
        <v>0</v>
      </c>
      <c r="BE102" s="166">
        <v>0</v>
      </c>
      <c r="BF102" s="166">
        <v>0</v>
      </c>
      <c r="BG102" s="166">
        <v>0</v>
      </c>
      <c r="BH102" s="166">
        <v>0</v>
      </c>
      <c r="BI102" s="166">
        <v>0</v>
      </c>
      <c r="BJ102" s="166">
        <v>0</v>
      </c>
      <c r="BK102" s="166">
        <v>0</v>
      </c>
      <c r="BL102" s="166">
        <v>0</v>
      </c>
      <c r="BM102" s="166">
        <v>0</v>
      </c>
      <c r="BN102" s="166">
        <v>0</v>
      </c>
      <c r="BO102" s="166">
        <v>0</v>
      </c>
      <c r="BP102" s="166">
        <v>0</v>
      </c>
      <c r="BQ102" s="166">
        <v>0</v>
      </c>
      <c r="BR102" s="166">
        <v>198.60064830225099</v>
      </c>
      <c r="BS102" s="166">
        <v>198.60064830225099</v>
      </c>
      <c r="BT102" s="166">
        <v>1000</v>
      </c>
      <c r="BU102" s="166">
        <v>13.1154394912427</v>
      </c>
      <c r="BV102" s="166">
        <v>198.60064830225099</v>
      </c>
      <c r="BW102" s="166">
        <v>0</v>
      </c>
      <c r="BX102" s="166">
        <v>0</v>
      </c>
      <c r="BY102" s="166">
        <v>0</v>
      </c>
      <c r="BZ102" s="166">
        <v>0</v>
      </c>
      <c r="CA102" s="166">
        <v>0</v>
      </c>
      <c r="CB102" s="166">
        <v>0</v>
      </c>
      <c r="CC102" s="166">
        <v>0</v>
      </c>
      <c r="CD102" s="166">
        <v>0</v>
      </c>
      <c r="CE102" s="166">
        <v>0</v>
      </c>
      <c r="CF102" s="166">
        <v>0</v>
      </c>
      <c r="CG102" s="166">
        <v>0</v>
      </c>
      <c r="CH102" s="166">
        <v>0</v>
      </c>
      <c r="CI102" s="166">
        <v>0</v>
      </c>
      <c r="CJ102" s="166">
        <v>0</v>
      </c>
      <c r="CK102" s="166">
        <v>0</v>
      </c>
      <c r="CL102" s="166">
        <v>0</v>
      </c>
      <c r="CM102" s="166">
        <v>0</v>
      </c>
      <c r="CN102" s="166">
        <v>0</v>
      </c>
      <c r="CO102" s="166">
        <v>0</v>
      </c>
      <c r="CP102" s="166">
        <v>0</v>
      </c>
      <c r="CQ102" s="166">
        <v>0</v>
      </c>
      <c r="CR102" s="166">
        <v>0</v>
      </c>
      <c r="CS102" s="166">
        <v>0</v>
      </c>
      <c r="CT102" s="166">
        <v>0</v>
      </c>
      <c r="CU102" s="166">
        <v>0</v>
      </c>
      <c r="CV102" s="166">
        <v>0</v>
      </c>
      <c r="CW102" s="166">
        <v>0</v>
      </c>
      <c r="CX102" s="166">
        <v>0</v>
      </c>
      <c r="CY102" s="166">
        <v>198.60064830225099</v>
      </c>
      <c r="CZ102" s="166">
        <v>198.60064830225099</v>
      </c>
    </row>
    <row r="103" spans="1:104" hidden="1" outlineLevel="1" x14ac:dyDescent="0.2">
      <c r="A103" s="167" t="s">
        <v>1068</v>
      </c>
      <c r="B103" s="166">
        <v>22489.307002038298</v>
      </c>
      <c r="C103" s="166">
        <v>22489.307002038298</v>
      </c>
      <c r="D103" s="166">
        <v>0</v>
      </c>
      <c r="E103" s="166">
        <v>0</v>
      </c>
      <c r="F103" s="166">
        <v>0</v>
      </c>
      <c r="G103" s="166">
        <v>0</v>
      </c>
      <c r="H103" s="166">
        <v>0</v>
      </c>
      <c r="I103" s="166">
        <v>0</v>
      </c>
      <c r="J103" s="166">
        <v>0</v>
      </c>
      <c r="K103" s="166">
        <v>0</v>
      </c>
      <c r="L103" s="166">
        <v>0</v>
      </c>
      <c r="M103" s="166">
        <v>0</v>
      </c>
      <c r="N103" s="166">
        <v>0</v>
      </c>
      <c r="O103" s="166">
        <v>0</v>
      </c>
      <c r="P103" s="166">
        <v>0</v>
      </c>
      <c r="Q103" s="166">
        <v>0</v>
      </c>
      <c r="R103" s="166">
        <v>0</v>
      </c>
      <c r="S103" s="166">
        <v>0</v>
      </c>
      <c r="T103" s="166">
        <v>0</v>
      </c>
      <c r="U103" s="166">
        <v>0</v>
      </c>
      <c r="V103" s="166">
        <v>0</v>
      </c>
      <c r="W103" s="166">
        <v>0</v>
      </c>
      <c r="X103" s="166">
        <v>0</v>
      </c>
      <c r="Y103" s="166">
        <v>0</v>
      </c>
      <c r="Z103" s="166">
        <v>0</v>
      </c>
      <c r="AA103" s="166">
        <v>0</v>
      </c>
      <c r="AB103" s="166">
        <v>0</v>
      </c>
      <c r="AC103" s="166">
        <v>0</v>
      </c>
      <c r="AD103" s="166">
        <v>0</v>
      </c>
      <c r="AE103" s="166">
        <v>0</v>
      </c>
      <c r="AF103" s="166">
        <v>0</v>
      </c>
      <c r="AG103" s="166">
        <v>0</v>
      </c>
      <c r="AH103" s="166">
        <v>0</v>
      </c>
      <c r="AI103" s="166">
        <v>0</v>
      </c>
      <c r="AJ103" s="166">
        <v>0</v>
      </c>
      <c r="AK103" s="166">
        <v>0</v>
      </c>
      <c r="AL103" s="166">
        <v>0</v>
      </c>
      <c r="AM103" s="166">
        <v>0</v>
      </c>
      <c r="AN103" s="166">
        <v>0</v>
      </c>
      <c r="AO103" s="166">
        <v>0</v>
      </c>
      <c r="AP103" s="166">
        <v>0</v>
      </c>
      <c r="AQ103" s="166">
        <v>0</v>
      </c>
      <c r="AR103" s="166">
        <v>0</v>
      </c>
      <c r="AS103" s="166">
        <v>0</v>
      </c>
      <c r="AT103" s="166">
        <v>0</v>
      </c>
      <c r="AU103" s="166">
        <v>0</v>
      </c>
      <c r="AV103" s="166">
        <v>0</v>
      </c>
      <c r="AW103" s="166">
        <v>0</v>
      </c>
      <c r="AX103" s="166">
        <v>0</v>
      </c>
      <c r="AY103" s="166">
        <v>0</v>
      </c>
      <c r="AZ103" s="166">
        <v>0</v>
      </c>
      <c r="BA103" s="166">
        <v>0</v>
      </c>
      <c r="BB103" s="166">
        <v>0</v>
      </c>
      <c r="BC103" s="166">
        <v>0</v>
      </c>
      <c r="BD103" s="166">
        <v>0</v>
      </c>
      <c r="BE103" s="166">
        <v>0</v>
      </c>
      <c r="BF103" s="166">
        <v>0</v>
      </c>
      <c r="BG103" s="166">
        <v>0</v>
      </c>
      <c r="BH103" s="166">
        <v>0</v>
      </c>
      <c r="BI103" s="166">
        <v>0</v>
      </c>
      <c r="BJ103" s="166">
        <v>0</v>
      </c>
      <c r="BK103" s="166">
        <v>0</v>
      </c>
      <c r="BL103" s="166">
        <v>0</v>
      </c>
      <c r="BM103" s="166">
        <v>0</v>
      </c>
      <c r="BN103" s="166">
        <v>0</v>
      </c>
      <c r="BO103" s="166">
        <v>0</v>
      </c>
      <c r="BP103" s="166">
        <v>0</v>
      </c>
      <c r="BQ103" s="166">
        <v>0</v>
      </c>
      <c r="BR103" s="166">
        <v>22489.307002038298</v>
      </c>
      <c r="BS103" s="166">
        <v>22489.307002038298</v>
      </c>
      <c r="BT103" s="168">
        <v>0.72041766170058497</v>
      </c>
      <c r="BU103" s="166">
        <v>1116.0959655347599</v>
      </c>
      <c r="BV103" s="166">
        <v>16201.693963674999</v>
      </c>
      <c r="BW103" s="166">
        <v>0</v>
      </c>
      <c r="BX103" s="166">
        <v>0</v>
      </c>
      <c r="BY103" s="166">
        <v>0</v>
      </c>
      <c r="BZ103" s="166">
        <v>0</v>
      </c>
      <c r="CA103" s="166">
        <v>0</v>
      </c>
      <c r="CB103" s="166">
        <v>0</v>
      </c>
      <c r="CC103" s="166">
        <v>0</v>
      </c>
      <c r="CD103" s="166">
        <v>0</v>
      </c>
      <c r="CE103" s="166">
        <v>0</v>
      </c>
      <c r="CF103" s="166">
        <v>0</v>
      </c>
      <c r="CG103" s="166">
        <v>0</v>
      </c>
      <c r="CH103" s="166">
        <v>0</v>
      </c>
      <c r="CI103" s="166">
        <v>0</v>
      </c>
      <c r="CJ103" s="166">
        <v>0</v>
      </c>
      <c r="CK103" s="166">
        <v>0</v>
      </c>
      <c r="CL103" s="166">
        <v>0</v>
      </c>
      <c r="CM103" s="166">
        <v>0</v>
      </c>
      <c r="CN103" s="166">
        <v>0</v>
      </c>
      <c r="CO103" s="166">
        <v>0</v>
      </c>
      <c r="CP103" s="166">
        <v>0</v>
      </c>
      <c r="CQ103" s="166">
        <v>0</v>
      </c>
      <c r="CR103" s="166">
        <v>0</v>
      </c>
      <c r="CS103" s="166">
        <v>0</v>
      </c>
      <c r="CT103" s="166">
        <v>0</v>
      </c>
      <c r="CU103" s="166">
        <v>0</v>
      </c>
      <c r="CV103" s="166">
        <v>0</v>
      </c>
      <c r="CW103" s="166">
        <v>0</v>
      </c>
      <c r="CX103" s="166">
        <v>0</v>
      </c>
      <c r="CY103" s="166">
        <v>16201.693963674999</v>
      </c>
      <c r="CZ103" s="166">
        <v>16201.693963674999</v>
      </c>
    </row>
    <row r="104" spans="1:104" hidden="1" outlineLevel="1" x14ac:dyDescent="0.2">
      <c r="A104" s="167" t="s">
        <v>1069</v>
      </c>
      <c r="B104" s="166">
        <v>23377.64</v>
      </c>
      <c r="C104" s="166">
        <v>23377.64</v>
      </c>
      <c r="D104" s="166">
        <v>0</v>
      </c>
      <c r="E104" s="166">
        <v>0</v>
      </c>
      <c r="F104" s="166">
        <v>0</v>
      </c>
      <c r="G104" s="166">
        <v>0</v>
      </c>
      <c r="H104" s="166">
        <v>0</v>
      </c>
      <c r="I104" s="166">
        <v>0</v>
      </c>
      <c r="J104" s="166">
        <v>0</v>
      </c>
      <c r="K104" s="166">
        <v>0</v>
      </c>
      <c r="L104" s="166">
        <v>0</v>
      </c>
      <c r="M104" s="166">
        <v>0</v>
      </c>
      <c r="N104" s="166">
        <v>0</v>
      </c>
      <c r="O104" s="166">
        <v>0</v>
      </c>
      <c r="P104" s="166">
        <v>0</v>
      </c>
      <c r="Q104" s="166">
        <v>0</v>
      </c>
      <c r="R104" s="166">
        <v>0</v>
      </c>
      <c r="S104" s="166">
        <v>0</v>
      </c>
      <c r="T104" s="166">
        <v>0</v>
      </c>
      <c r="U104" s="166">
        <v>0</v>
      </c>
      <c r="V104" s="166">
        <v>0</v>
      </c>
      <c r="W104" s="166">
        <v>0</v>
      </c>
      <c r="X104" s="166">
        <v>0</v>
      </c>
      <c r="Y104" s="166">
        <v>0</v>
      </c>
      <c r="Z104" s="166">
        <v>0</v>
      </c>
      <c r="AA104" s="166">
        <v>0</v>
      </c>
      <c r="AB104" s="166">
        <v>0</v>
      </c>
      <c r="AC104" s="166">
        <v>0</v>
      </c>
      <c r="AD104" s="166">
        <v>0</v>
      </c>
      <c r="AE104" s="166">
        <v>0</v>
      </c>
      <c r="AF104" s="166">
        <v>0</v>
      </c>
      <c r="AG104" s="166">
        <v>0</v>
      </c>
      <c r="AH104" s="166">
        <v>0</v>
      </c>
      <c r="AI104" s="166">
        <v>0</v>
      </c>
      <c r="AJ104" s="166">
        <v>0</v>
      </c>
      <c r="AK104" s="166">
        <v>0</v>
      </c>
      <c r="AL104" s="166">
        <v>0</v>
      </c>
      <c r="AM104" s="166">
        <v>0</v>
      </c>
      <c r="AN104" s="166">
        <v>0</v>
      </c>
      <c r="AO104" s="166">
        <v>0</v>
      </c>
      <c r="AP104" s="166">
        <v>0</v>
      </c>
      <c r="AQ104" s="166">
        <v>0</v>
      </c>
      <c r="AR104" s="166">
        <v>0</v>
      </c>
      <c r="AS104" s="166">
        <v>0</v>
      </c>
      <c r="AT104" s="166">
        <v>0</v>
      </c>
      <c r="AU104" s="166">
        <v>0</v>
      </c>
      <c r="AV104" s="166">
        <v>0</v>
      </c>
      <c r="AW104" s="166">
        <v>0</v>
      </c>
      <c r="AX104" s="166">
        <v>0</v>
      </c>
      <c r="AY104" s="166">
        <v>0</v>
      </c>
      <c r="AZ104" s="166">
        <v>0</v>
      </c>
      <c r="BA104" s="166">
        <v>0</v>
      </c>
      <c r="BB104" s="166">
        <v>0</v>
      </c>
      <c r="BC104" s="166">
        <v>0</v>
      </c>
      <c r="BD104" s="166">
        <v>0</v>
      </c>
      <c r="BE104" s="166">
        <v>0</v>
      </c>
      <c r="BF104" s="166">
        <v>0</v>
      </c>
      <c r="BG104" s="166">
        <v>0</v>
      </c>
      <c r="BH104" s="166">
        <v>0</v>
      </c>
      <c r="BI104" s="166">
        <v>0</v>
      </c>
      <c r="BJ104" s="166">
        <v>0</v>
      </c>
      <c r="BK104" s="166">
        <v>0</v>
      </c>
      <c r="BL104" s="166">
        <v>0</v>
      </c>
      <c r="BM104" s="166">
        <v>0</v>
      </c>
      <c r="BN104" s="166">
        <v>0</v>
      </c>
      <c r="BO104" s="166">
        <v>0</v>
      </c>
      <c r="BP104" s="166">
        <v>0</v>
      </c>
      <c r="BQ104" s="166">
        <v>0</v>
      </c>
      <c r="BR104" s="166">
        <v>23377.64</v>
      </c>
      <c r="BS104" s="166">
        <v>23377.64</v>
      </c>
      <c r="BT104" s="168">
        <v>0</v>
      </c>
      <c r="BU104" s="166">
        <v>1173.42420551594</v>
      </c>
      <c r="BV104" s="166">
        <v>17069.779178825102</v>
      </c>
      <c r="BW104" s="166">
        <v>0</v>
      </c>
      <c r="BX104" s="166">
        <v>0</v>
      </c>
      <c r="BY104" s="166">
        <v>0</v>
      </c>
      <c r="BZ104" s="166">
        <v>0</v>
      </c>
      <c r="CA104" s="166">
        <v>0</v>
      </c>
      <c r="CB104" s="166">
        <v>0</v>
      </c>
      <c r="CC104" s="166">
        <v>0</v>
      </c>
      <c r="CD104" s="166">
        <v>0</v>
      </c>
      <c r="CE104" s="166">
        <v>0</v>
      </c>
      <c r="CF104" s="166">
        <v>0</v>
      </c>
      <c r="CG104" s="166">
        <v>0</v>
      </c>
      <c r="CH104" s="166">
        <v>0</v>
      </c>
      <c r="CI104" s="166">
        <v>0</v>
      </c>
      <c r="CJ104" s="166">
        <v>0</v>
      </c>
      <c r="CK104" s="166">
        <v>0</v>
      </c>
      <c r="CL104" s="166">
        <v>0</v>
      </c>
      <c r="CM104" s="166">
        <v>0</v>
      </c>
      <c r="CN104" s="166">
        <v>0</v>
      </c>
      <c r="CO104" s="166">
        <v>0</v>
      </c>
      <c r="CP104" s="166">
        <v>0</v>
      </c>
      <c r="CQ104" s="166">
        <v>0</v>
      </c>
      <c r="CR104" s="166">
        <v>0</v>
      </c>
      <c r="CS104" s="166">
        <v>0</v>
      </c>
      <c r="CT104" s="166">
        <v>0</v>
      </c>
      <c r="CU104" s="166">
        <v>0</v>
      </c>
      <c r="CV104" s="166">
        <v>0</v>
      </c>
      <c r="CW104" s="166">
        <v>0</v>
      </c>
      <c r="CX104" s="166">
        <v>0</v>
      </c>
      <c r="CY104" s="166">
        <v>17069.779178825102</v>
      </c>
      <c r="CZ104" s="166">
        <v>17069.779178825102</v>
      </c>
    </row>
    <row r="105" spans="1:104" hidden="1" outlineLevel="1" x14ac:dyDescent="0.2">
      <c r="A105" s="167" t="s">
        <v>197</v>
      </c>
    </row>
    <row r="106" spans="1:104" hidden="1" outlineLevel="1" x14ac:dyDescent="0.2">
      <c r="A106" s="167" t="s">
        <v>1070</v>
      </c>
      <c r="B106" s="166">
        <v>-5.7113760309365695E-10</v>
      </c>
      <c r="C106" s="166">
        <v>-5.7113760309365695E-10</v>
      </c>
      <c r="D106" s="166">
        <v>0</v>
      </c>
      <c r="E106" s="166">
        <v>0</v>
      </c>
      <c r="F106" s="166">
        <v>0</v>
      </c>
      <c r="G106" s="166">
        <v>0</v>
      </c>
      <c r="H106" s="166">
        <v>0</v>
      </c>
      <c r="I106" s="166">
        <v>0</v>
      </c>
      <c r="J106" s="166">
        <v>0</v>
      </c>
      <c r="K106" s="166">
        <v>0</v>
      </c>
      <c r="L106" s="166">
        <v>0</v>
      </c>
      <c r="M106" s="166">
        <v>0</v>
      </c>
      <c r="N106" s="166">
        <v>0</v>
      </c>
      <c r="O106" s="166">
        <v>0</v>
      </c>
      <c r="P106" s="166">
        <v>0</v>
      </c>
      <c r="Q106" s="166">
        <v>0</v>
      </c>
      <c r="R106" s="166">
        <v>0</v>
      </c>
      <c r="S106" s="166">
        <v>0</v>
      </c>
      <c r="T106" s="166">
        <v>0</v>
      </c>
      <c r="U106" s="166">
        <v>0</v>
      </c>
      <c r="V106" s="166">
        <v>0</v>
      </c>
      <c r="W106" s="166">
        <v>0</v>
      </c>
      <c r="X106" s="166">
        <v>0</v>
      </c>
      <c r="Y106" s="166">
        <v>0</v>
      </c>
      <c r="Z106" s="166">
        <v>0</v>
      </c>
      <c r="AA106" s="166">
        <v>0</v>
      </c>
      <c r="AB106" s="166">
        <v>0</v>
      </c>
      <c r="AC106" s="166">
        <v>0</v>
      </c>
      <c r="AD106" s="166">
        <v>0</v>
      </c>
      <c r="AE106" s="166">
        <v>0</v>
      </c>
      <c r="AF106" s="166">
        <v>0</v>
      </c>
      <c r="AG106" s="166">
        <v>0</v>
      </c>
      <c r="AH106" s="166">
        <v>0</v>
      </c>
      <c r="AI106" s="166">
        <v>0</v>
      </c>
      <c r="AJ106" s="166">
        <v>0</v>
      </c>
      <c r="AK106" s="166">
        <v>0</v>
      </c>
      <c r="AL106" s="166">
        <v>0</v>
      </c>
      <c r="AM106" s="166">
        <v>0</v>
      </c>
      <c r="AN106" s="166">
        <v>0</v>
      </c>
      <c r="AO106" s="166">
        <v>0</v>
      </c>
      <c r="AP106" s="166">
        <v>0</v>
      </c>
      <c r="AQ106" s="166">
        <v>0</v>
      </c>
      <c r="AR106" s="166">
        <v>0</v>
      </c>
      <c r="AS106" s="166">
        <v>0</v>
      </c>
      <c r="AT106" s="166">
        <v>0</v>
      </c>
      <c r="AU106" s="166">
        <v>0</v>
      </c>
      <c r="AV106" s="166">
        <v>0</v>
      </c>
      <c r="AW106" s="166">
        <v>0</v>
      </c>
      <c r="AX106" s="166">
        <v>0</v>
      </c>
      <c r="AY106" s="166">
        <v>0</v>
      </c>
      <c r="AZ106" s="166">
        <v>0</v>
      </c>
      <c r="BA106" s="166">
        <v>0</v>
      </c>
      <c r="BB106" s="166">
        <v>0</v>
      </c>
      <c r="BC106" s="166">
        <v>0</v>
      </c>
      <c r="BD106" s="166">
        <v>0</v>
      </c>
      <c r="BE106" s="166">
        <v>0</v>
      </c>
      <c r="BF106" s="166">
        <v>0</v>
      </c>
      <c r="BG106" s="166">
        <v>0</v>
      </c>
      <c r="BH106" s="166">
        <v>0</v>
      </c>
      <c r="BI106" s="166">
        <v>0</v>
      </c>
      <c r="BJ106" s="166">
        <v>0</v>
      </c>
      <c r="BK106" s="166">
        <v>0</v>
      </c>
      <c r="BL106" s="166">
        <v>0</v>
      </c>
      <c r="BM106" s="166">
        <v>0</v>
      </c>
      <c r="BN106" s="166">
        <v>0</v>
      </c>
      <c r="BO106" s="166">
        <v>0</v>
      </c>
      <c r="BP106" s="166">
        <v>0</v>
      </c>
      <c r="BQ106" s="166">
        <v>0</v>
      </c>
      <c r="BR106" s="166">
        <v>-5.7113760309365695E-10</v>
      </c>
      <c r="BS106" s="166">
        <v>-5.7113760309365695E-10</v>
      </c>
      <c r="BT106" s="168">
        <v>0.97402999999999995</v>
      </c>
      <c r="BU106" s="166">
        <v>-3.1800461788413299E-10</v>
      </c>
      <c r="BV106" s="166">
        <v>-5.5630515954131497E-10</v>
      </c>
      <c r="BW106" s="166">
        <v>0</v>
      </c>
      <c r="BX106" s="166">
        <v>0</v>
      </c>
      <c r="BY106" s="166">
        <v>0</v>
      </c>
      <c r="BZ106" s="166">
        <v>0</v>
      </c>
      <c r="CA106" s="166">
        <v>0</v>
      </c>
      <c r="CB106" s="166">
        <v>0</v>
      </c>
      <c r="CC106" s="166">
        <v>0</v>
      </c>
      <c r="CD106" s="166">
        <v>0</v>
      </c>
      <c r="CE106" s="166">
        <v>0</v>
      </c>
      <c r="CF106" s="166">
        <v>0</v>
      </c>
      <c r="CG106" s="166">
        <v>0</v>
      </c>
      <c r="CH106" s="166">
        <v>0</v>
      </c>
      <c r="CI106" s="166">
        <v>0</v>
      </c>
      <c r="CJ106" s="166">
        <v>0</v>
      </c>
      <c r="CK106" s="166">
        <v>0</v>
      </c>
      <c r="CL106" s="166">
        <v>0</v>
      </c>
      <c r="CM106" s="166">
        <v>0</v>
      </c>
      <c r="CN106" s="166">
        <v>0</v>
      </c>
      <c r="CO106" s="166">
        <v>0</v>
      </c>
      <c r="CP106" s="166">
        <v>0</v>
      </c>
      <c r="CQ106" s="166">
        <v>0</v>
      </c>
      <c r="CR106" s="166">
        <v>0</v>
      </c>
      <c r="CS106" s="166">
        <v>0</v>
      </c>
      <c r="CT106" s="166">
        <v>0</v>
      </c>
      <c r="CU106" s="166">
        <v>0</v>
      </c>
      <c r="CV106" s="166">
        <v>0</v>
      </c>
      <c r="CW106" s="166">
        <v>0</v>
      </c>
      <c r="CX106" s="166">
        <v>0</v>
      </c>
      <c r="CY106" s="166">
        <v>-5.5630515954131497E-10</v>
      </c>
      <c r="CZ106" s="166">
        <v>-5.5630515954131497E-10</v>
      </c>
    </row>
    <row r="107" spans="1:104" hidden="1" outlineLevel="1" x14ac:dyDescent="0.2">
      <c r="A107" s="167" t="s">
        <v>1071</v>
      </c>
      <c r="B107" s="166">
        <v>-4.7664691039175798E-11</v>
      </c>
      <c r="C107" s="166">
        <v>-4.7664691039175798E-11</v>
      </c>
      <c r="D107" s="166">
        <v>0</v>
      </c>
      <c r="E107" s="166">
        <v>0</v>
      </c>
      <c r="F107" s="166">
        <v>0</v>
      </c>
      <c r="G107" s="166">
        <v>0</v>
      </c>
      <c r="H107" s="166">
        <v>0</v>
      </c>
      <c r="I107" s="166">
        <v>0</v>
      </c>
      <c r="J107" s="166">
        <v>0</v>
      </c>
      <c r="K107" s="166">
        <v>0</v>
      </c>
      <c r="L107" s="166">
        <v>0</v>
      </c>
      <c r="M107" s="166">
        <v>0</v>
      </c>
      <c r="N107" s="166">
        <v>0</v>
      </c>
      <c r="O107" s="166">
        <v>0</v>
      </c>
      <c r="P107" s="166">
        <v>0</v>
      </c>
      <c r="Q107" s="166">
        <v>0</v>
      </c>
      <c r="R107" s="166">
        <v>0</v>
      </c>
      <c r="S107" s="166">
        <v>0</v>
      </c>
      <c r="T107" s="166">
        <v>0</v>
      </c>
      <c r="U107" s="166">
        <v>0</v>
      </c>
      <c r="V107" s="166">
        <v>0</v>
      </c>
      <c r="W107" s="166">
        <v>0</v>
      </c>
      <c r="X107" s="166">
        <v>0</v>
      </c>
      <c r="Y107" s="166">
        <v>0</v>
      </c>
      <c r="Z107" s="166">
        <v>0</v>
      </c>
      <c r="AA107" s="166">
        <v>0</v>
      </c>
      <c r="AB107" s="166">
        <v>0</v>
      </c>
      <c r="AC107" s="166">
        <v>0</v>
      </c>
      <c r="AD107" s="166">
        <v>0</v>
      </c>
      <c r="AE107" s="166">
        <v>0</v>
      </c>
      <c r="AF107" s="166">
        <v>0</v>
      </c>
      <c r="AG107" s="166">
        <v>0</v>
      </c>
      <c r="AH107" s="166">
        <v>0</v>
      </c>
      <c r="AI107" s="166">
        <v>0</v>
      </c>
      <c r="AJ107" s="166">
        <v>0</v>
      </c>
      <c r="AK107" s="166">
        <v>0</v>
      </c>
      <c r="AL107" s="166">
        <v>0</v>
      </c>
      <c r="AM107" s="166">
        <v>0</v>
      </c>
      <c r="AN107" s="166">
        <v>0</v>
      </c>
      <c r="AO107" s="166">
        <v>0</v>
      </c>
      <c r="AP107" s="166">
        <v>0</v>
      </c>
      <c r="AQ107" s="166">
        <v>0</v>
      </c>
      <c r="AR107" s="166">
        <v>0</v>
      </c>
      <c r="AS107" s="166">
        <v>0</v>
      </c>
      <c r="AT107" s="166">
        <v>0</v>
      </c>
      <c r="AU107" s="166">
        <v>0</v>
      </c>
      <c r="AV107" s="166">
        <v>0</v>
      </c>
      <c r="AW107" s="166">
        <v>0</v>
      </c>
      <c r="AX107" s="166">
        <v>0</v>
      </c>
      <c r="AY107" s="166">
        <v>0</v>
      </c>
      <c r="AZ107" s="166">
        <v>0</v>
      </c>
      <c r="BA107" s="166">
        <v>0</v>
      </c>
      <c r="BB107" s="166">
        <v>0</v>
      </c>
      <c r="BC107" s="166">
        <v>0</v>
      </c>
      <c r="BD107" s="166">
        <v>0</v>
      </c>
      <c r="BE107" s="166">
        <v>0</v>
      </c>
      <c r="BF107" s="166">
        <v>0</v>
      </c>
      <c r="BG107" s="166">
        <v>0</v>
      </c>
      <c r="BH107" s="166">
        <v>0</v>
      </c>
      <c r="BI107" s="166">
        <v>0</v>
      </c>
      <c r="BJ107" s="166">
        <v>0</v>
      </c>
      <c r="BK107" s="166">
        <v>0</v>
      </c>
      <c r="BL107" s="166">
        <v>0</v>
      </c>
      <c r="BM107" s="166">
        <v>0</v>
      </c>
      <c r="BN107" s="166">
        <v>0</v>
      </c>
      <c r="BO107" s="166">
        <v>0</v>
      </c>
      <c r="BP107" s="166">
        <v>0</v>
      </c>
      <c r="BQ107" s="166">
        <v>0</v>
      </c>
      <c r="BR107" s="166">
        <v>-4.7664691039175798E-11</v>
      </c>
      <c r="BS107" s="166">
        <v>-4.7664691039175798E-11</v>
      </c>
      <c r="BT107" s="168">
        <v>0.92637230841245999</v>
      </c>
      <c r="BU107" s="166">
        <v>-2.52477410099021E-11</v>
      </c>
      <c r="BV107" s="166">
        <v>-4.4155249867728001E-11</v>
      </c>
      <c r="BW107" s="166">
        <v>0</v>
      </c>
      <c r="BX107" s="166">
        <v>0</v>
      </c>
      <c r="BY107" s="166">
        <v>0</v>
      </c>
      <c r="BZ107" s="166">
        <v>0</v>
      </c>
      <c r="CA107" s="166">
        <v>0</v>
      </c>
      <c r="CB107" s="166">
        <v>0</v>
      </c>
      <c r="CC107" s="166">
        <v>0</v>
      </c>
      <c r="CD107" s="166">
        <v>0</v>
      </c>
      <c r="CE107" s="166">
        <v>0</v>
      </c>
      <c r="CF107" s="166">
        <v>0</v>
      </c>
      <c r="CG107" s="166">
        <v>0</v>
      </c>
      <c r="CH107" s="166">
        <v>0</v>
      </c>
      <c r="CI107" s="166">
        <v>0</v>
      </c>
      <c r="CJ107" s="166">
        <v>0</v>
      </c>
      <c r="CK107" s="166">
        <v>0</v>
      </c>
      <c r="CL107" s="166">
        <v>0</v>
      </c>
      <c r="CM107" s="166">
        <v>0</v>
      </c>
      <c r="CN107" s="166">
        <v>0</v>
      </c>
      <c r="CO107" s="166">
        <v>0</v>
      </c>
      <c r="CP107" s="166">
        <v>0</v>
      </c>
      <c r="CQ107" s="166">
        <v>0</v>
      </c>
      <c r="CR107" s="166">
        <v>0</v>
      </c>
      <c r="CS107" s="166">
        <v>0</v>
      </c>
      <c r="CT107" s="166">
        <v>0</v>
      </c>
      <c r="CU107" s="166">
        <v>0</v>
      </c>
      <c r="CV107" s="166">
        <v>0</v>
      </c>
      <c r="CW107" s="166">
        <v>0</v>
      </c>
      <c r="CX107" s="166">
        <v>0</v>
      </c>
      <c r="CY107" s="166">
        <v>-4.4155249867728001E-11</v>
      </c>
      <c r="CZ107" s="166">
        <v>-4.4155249867728001E-11</v>
      </c>
    </row>
    <row r="108" spans="1:104" hidden="1" outlineLevel="1" x14ac:dyDescent="0.2">
      <c r="A108" s="167" t="s">
        <v>1072</v>
      </c>
      <c r="B108" s="166">
        <v>-5.2437701531750601E-11</v>
      </c>
      <c r="C108" s="166">
        <v>-5.2437701531750601E-11</v>
      </c>
      <c r="D108" s="166">
        <v>0</v>
      </c>
      <c r="E108" s="166">
        <v>0</v>
      </c>
      <c r="F108" s="166">
        <v>0</v>
      </c>
      <c r="G108" s="166">
        <v>0</v>
      </c>
      <c r="H108" s="166">
        <v>0</v>
      </c>
      <c r="I108" s="166">
        <v>0</v>
      </c>
      <c r="J108" s="166">
        <v>0</v>
      </c>
      <c r="K108" s="166">
        <v>0</v>
      </c>
      <c r="L108" s="166">
        <v>0</v>
      </c>
      <c r="M108" s="166">
        <v>0</v>
      </c>
      <c r="N108" s="166">
        <v>0</v>
      </c>
      <c r="O108" s="166">
        <v>0</v>
      </c>
      <c r="P108" s="166">
        <v>0</v>
      </c>
      <c r="Q108" s="166">
        <v>0</v>
      </c>
      <c r="R108" s="166">
        <v>0</v>
      </c>
      <c r="S108" s="166">
        <v>0</v>
      </c>
      <c r="T108" s="166">
        <v>0</v>
      </c>
      <c r="U108" s="166">
        <v>0</v>
      </c>
      <c r="V108" s="166">
        <v>0</v>
      </c>
      <c r="W108" s="166">
        <v>0</v>
      </c>
      <c r="X108" s="166">
        <v>0</v>
      </c>
      <c r="Y108" s="166">
        <v>0</v>
      </c>
      <c r="Z108" s="166">
        <v>0</v>
      </c>
      <c r="AA108" s="166">
        <v>0</v>
      </c>
      <c r="AB108" s="166">
        <v>0</v>
      </c>
      <c r="AC108" s="166">
        <v>0</v>
      </c>
      <c r="AD108" s="166">
        <v>0</v>
      </c>
      <c r="AE108" s="166">
        <v>0</v>
      </c>
      <c r="AF108" s="166">
        <v>0</v>
      </c>
      <c r="AG108" s="166">
        <v>0</v>
      </c>
      <c r="AH108" s="166">
        <v>0</v>
      </c>
      <c r="AI108" s="166">
        <v>0</v>
      </c>
      <c r="AJ108" s="166">
        <v>0</v>
      </c>
      <c r="AK108" s="166">
        <v>0</v>
      </c>
      <c r="AL108" s="166">
        <v>0</v>
      </c>
      <c r="AM108" s="166">
        <v>0</v>
      </c>
      <c r="AN108" s="166">
        <v>0</v>
      </c>
      <c r="AO108" s="166">
        <v>0</v>
      </c>
      <c r="AP108" s="166">
        <v>0</v>
      </c>
      <c r="AQ108" s="166">
        <v>0</v>
      </c>
      <c r="AR108" s="166">
        <v>0</v>
      </c>
      <c r="AS108" s="166">
        <v>0</v>
      </c>
      <c r="AT108" s="166">
        <v>0</v>
      </c>
      <c r="AU108" s="166">
        <v>0</v>
      </c>
      <c r="AV108" s="166">
        <v>0</v>
      </c>
      <c r="AW108" s="166">
        <v>0</v>
      </c>
      <c r="AX108" s="166">
        <v>0</v>
      </c>
      <c r="AY108" s="166">
        <v>0</v>
      </c>
      <c r="AZ108" s="166">
        <v>0</v>
      </c>
      <c r="BA108" s="166">
        <v>0</v>
      </c>
      <c r="BB108" s="166">
        <v>0</v>
      </c>
      <c r="BC108" s="166">
        <v>0</v>
      </c>
      <c r="BD108" s="166">
        <v>0</v>
      </c>
      <c r="BE108" s="166">
        <v>0</v>
      </c>
      <c r="BF108" s="166">
        <v>0</v>
      </c>
      <c r="BG108" s="166">
        <v>0</v>
      </c>
      <c r="BH108" s="166">
        <v>0</v>
      </c>
      <c r="BI108" s="166">
        <v>0</v>
      </c>
      <c r="BJ108" s="166">
        <v>0</v>
      </c>
      <c r="BK108" s="166">
        <v>0</v>
      </c>
      <c r="BL108" s="166">
        <v>0</v>
      </c>
      <c r="BM108" s="166">
        <v>0</v>
      </c>
      <c r="BN108" s="166">
        <v>0</v>
      </c>
      <c r="BO108" s="166">
        <v>0</v>
      </c>
      <c r="BP108" s="166">
        <v>0</v>
      </c>
      <c r="BQ108" s="166">
        <v>0</v>
      </c>
      <c r="BR108" s="166">
        <v>-5.2437701531750601E-11</v>
      </c>
      <c r="BS108" s="166">
        <v>-5.2437701531750601E-11</v>
      </c>
      <c r="BT108" s="168">
        <v>0.95109934560116105</v>
      </c>
      <c r="BU108" s="166">
        <v>-2.85305470452959E-11</v>
      </c>
      <c r="BV108" s="166">
        <v>-4.9873463611676999E-11</v>
      </c>
      <c r="BW108" s="166">
        <v>0</v>
      </c>
      <c r="BX108" s="166">
        <v>0</v>
      </c>
      <c r="BY108" s="166">
        <v>0</v>
      </c>
      <c r="BZ108" s="166">
        <v>0</v>
      </c>
      <c r="CA108" s="166">
        <v>0</v>
      </c>
      <c r="CB108" s="166">
        <v>0</v>
      </c>
      <c r="CC108" s="166">
        <v>0</v>
      </c>
      <c r="CD108" s="166">
        <v>0</v>
      </c>
      <c r="CE108" s="166">
        <v>0</v>
      </c>
      <c r="CF108" s="166">
        <v>0</v>
      </c>
      <c r="CG108" s="166">
        <v>0</v>
      </c>
      <c r="CH108" s="166">
        <v>0</v>
      </c>
      <c r="CI108" s="166">
        <v>0</v>
      </c>
      <c r="CJ108" s="166">
        <v>0</v>
      </c>
      <c r="CK108" s="166">
        <v>0</v>
      </c>
      <c r="CL108" s="166">
        <v>0</v>
      </c>
      <c r="CM108" s="166">
        <v>0</v>
      </c>
      <c r="CN108" s="166">
        <v>0</v>
      </c>
      <c r="CO108" s="166">
        <v>0</v>
      </c>
      <c r="CP108" s="166">
        <v>0</v>
      </c>
      <c r="CQ108" s="166">
        <v>0</v>
      </c>
      <c r="CR108" s="166">
        <v>0</v>
      </c>
      <c r="CS108" s="166">
        <v>0</v>
      </c>
      <c r="CT108" s="166">
        <v>0</v>
      </c>
      <c r="CU108" s="166">
        <v>0</v>
      </c>
      <c r="CV108" s="166">
        <v>0</v>
      </c>
      <c r="CW108" s="166">
        <v>0</v>
      </c>
      <c r="CX108" s="166">
        <v>0</v>
      </c>
      <c r="CY108" s="166">
        <v>-4.9873463611676999E-11</v>
      </c>
      <c r="CZ108" s="166">
        <v>-4.9873463611676999E-11</v>
      </c>
    </row>
    <row r="109" spans="1:104" hidden="1" outlineLevel="1" x14ac:dyDescent="0.2">
      <c r="A109" s="167" t="s">
        <v>201</v>
      </c>
      <c r="B109" s="166">
        <v>-1.24567868386728E-10</v>
      </c>
      <c r="C109" s="166">
        <v>-1.24567868386728E-10</v>
      </c>
      <c r="D109" s="166">
        <v>0</v>
      </c>
      <c r="E109" s="166">
        <v>0</v>
      </c>
      <c r="F109" s="166">
        <v>0</v>
      </c>
      <c r="G109" s="166">
        <v>0</v>
      </c>
      <c r="H109" s="166">
        <v>0</v>
      </c>
      <c r="I109" s="166">
        <v>0</v>
      </c>
      <c r="J109" s="166">
        <v>0</v>
      </c>
      <c r="K109" s="166">
        <v>0</v>
      </c>
      <c r="L109" s="166">
        <v>0</v>
      </c>
      <c r="M109" s="166">
        <v>0</v>
      </c>
      <c r="N109" s="166">
        <v>0</v>
      </c>
      <c r="O109" s="166">
        <v>0</v>
      </c>
      <c r="P109" s="166">
        <v>0</v>
      </c>
      <c r="Q109" s="166">
        <v>0</v>
      </c>
      <c r="R109" s="166">
        <v>0</v>
      </c>
      <c r="S109" s="166">
        <v>0</v>
      </c>
      <c r="T109" s="166">
        <v>0</v>
      </c>
      <c r="U109" s="166">
        <v>0</v>
      </c>
      <c r="V109" s="166">
        <v>0</v>
      </c>
      <c r="W109" s="166">
        <v>0</v>
      </c>
      <c r="X109" s="166">
        <v>0</v>
      </c>
      <c r="Y109" s="166">
        <v>0</v>
      </c>
      <c r="Z109" s="166">
        <v>0</v>
      </c>
      <c r="AA109" s="166">
        <v>0</v>
      </c>
      <c r="AB109" s="166">
        <v>0</v>
      </c>
      <c r="AC109" s="166">
        <v>0</v>
      </c>
      <c r="AD109" s="166">
        <v>0</v>
      </c>
      <c r="AE109" s="166">
        <v>0</v>
      </c>
      <c r="AF109" s="166">
        <v>0</v>
      </c>
      <c r="AG109" s="166">
        <v>0</v>
      </c>
      <c r="AH109" s="166">
        <v>0</v>
      </c>
      <c r="AI109" s="166">
        <v>0</v>
      </c>
      <c r="AJ109" s="166">
        <v>0</v>
      </c>
      <c r="AK109" s="166">
        <v>0</v>
      </c>
      <c r="AL109" s="166">
        <v>0</v>
      </c>
      <c r="AM109" s="166">
        <v>0</v>
      </c>
      <c r="AN109" s="166">
        <v>0</v>
      </c>
      <c r="AO109" s="166">
        <v>0</v>
      </c>
      <c r="AP109" s="166">
        <v>0</v>
      </c>
      <c r="AQ109" s="166">
        <v>0</v>
      </c>
      <c r="AR109" s="166">
        <v>0</v>
      </c>
      <c r="AS109" s="166">
        <v>0</v>
      </c>
      <c r="AT109" s="166">
        <v>0</v>
      </c>
      <c r="AU109" s="166">
        <v>0</v>
      </c>
      <c r="AV109" s="166">
        <v>0</v>
      </c>
      <c r="AW109" s="166">
        <v>0</v>
      </c>
      <c r="AX109" s="166">
        <v>0</v>
      </c>
      <c r="AY109" s="166">
        <v>0</v>
      </c>
      <c r="AZ109" s="166">
        <v>0</v>
      </c>
      <c r="BA109" s="166">
        <v>0</v>
      </c>
      <c r="BB109" s="166">
        <v>0</v>
      </c>
      <c r="BC109" s="166">
        <v>0</v>
      </c>
      <c r="BD109" s="166">
        <v>0</v>
      </c>
      <c r="BE109" s="166">
        <v>0</v>
      </c>
      <c r="BF109" s="166">
        <v>0</v>
      </c>
      <c r="BG109" s="166">
        <v>0</v>
      </c>
      <c r="BH109" s="166">
        <v>0</v>
      </c>
      <c r="BI109" s="166">
        <v>0</v>
      </c>
      <c r="BJ109" s="166">
        <v>0</v>
      </c>
      <c r="BK109" s="166">
        <v>0</v>
      </c>
      <c r="BL109" s="166">
        <v>0</v>
      </c>
      <c r="BM109" s="166">
        <v>0</v>
      </c>
      <c r="BN109" s="166">
        <v>0</v>
      </c>
      <c r="BO109" s="166">
        <v>0</v>
      </c>
      <c r="BP109" s="166">
        <v>0</v>
      </c>
      <c r="BQ109" s="166">
        <v>0</v>
      </c>
      <c r="BR109" s="166">
        <v>-1.24567868386728E-10</v>
      </c>
      <c r="BS109" s="166">
        <v>-1.24567868386728E-10</v>
      </c>
      <c r="BT109" s="168">
        <v>0.97403133392564201</v>
      </c>
      <c r="BU109" s="166">
        <v>-6.91680072077526E-11</v>
      </c>
      <c r="BV109" s="166">
        <v>-1.2133300700899801E-10</v>
      </c>
      <c r="BW109" s="166">
        <v>0</v>
      </c>
      <c r="BX109" s="166">
        <v>0</v>
      </c>
      <c r="BY109" s="166">
        <v>0</v>
      </c>
      <c r="BZ109" s="166">
        <v>0</v>
      </c>
      <c r="CA109" s="166">
        <v>0</v>
      </c>
      <c r="CB109" s="166">
        <v>0</v>
      </c>
      <c r="CC109" s="166">
        <v>0</v>
      </c>
      <c r="CD109" s="166">
        <v>0</v>
      </c>
      <c r="CE109" s="166">
        <v>0</v>
      </c>
      <c r="CF109" s="166">
        <v>0</v>
      </c>
      <c r="CG109" s="166">
        <v>0</v>
      </c>
      <c r="CH109" s="166">
        <v>0</v>
      </c>
      <c r="CI109" s="166">
        <v>0</v>
      </c>
      <c r="CJ109" s="166">
        <v>0</v>
      </c>
      <c r="CK109" s="166">
        <v>0</v>
      </c>
      <c r="CL109" s="166">
        <v>0</v>
      </c>
      <c r="CM109" s="166">
        <v>0</v>
      </c>
      <c r="CN109" s="166">
        <v>0</v>
      </c>
      <c r="CO109" s="166">
        <v>0</v>
      </c>
      <c r="CP109" s="166">
        <v>0</v>
      </c>
      <c r="CQ109" s="166">
        <v>0</v>
      </c>
      <c r="CR109" s="166">
        <v>0</v>
      </c>
      <c r="CS109" s="166">
        <v>0</v>
      </c>
      <c r="CT109" s="166">
        <v>0</v>
      </c>
      <c r="CU109" s="166">
        <v>0</v>
      </c>
      <c r="CV109" s="166">
        <v>0</v>
      </c>
      <c r="CW109" s="166">
        <v>0</v>
      </c>
      <c r="CX109" s="166">
        <v>0</v>
      </c>
      <c r="CY109" s="166">
        <v>-1.2133300700899801E-10</v>
      </c>
      <c r="CZ109" s="166">
        <v>-1.2133300700899801E-10</v>
      </c>
    </row>
    <row r="110" spans="1:104" hidden="1" outlineLevel="1" x14ac:dyDescent="0.2">
      <c r="A110" s="167" t="s">
        <v>202</v>
      </c>
      <c r="B110" s="166">
        <v>9875847.4100000001</v>
      </c>
      <c r="C110" s="166">
        <v>9875847.4100000001</v>
      </c>
      <c r="D110" s="166">
        <v>0</v>
      </c>
      <c r="E110" s="166">
        <v>0</v>
      </c>
      <c r="F110" s="166">
        <v>0</v>
      </c>
      <c r="G110" s="166">
        <v>0</v>
      </c>
      <c r="H110" s="166">
        <v>0</v>
      </c>
      <c r="I110" s="166">
        <v>0</v>
      </c>
      <c r="J110" s="166">
        <v>0</v>
      </c>
      <c r="K110" s="166">
        <v>0</v>
      </c>
      <c r="L110" s="166">
        <v>0</v>
      </c>
      <c r="M110" s="166">
        <v>0</v>
      </c>
      <c r="N110" s="166">
        <v>0</v>
      </c>
      <c r="O110" s="166">
        <v>0</v>
      </c>
      <c r="P110" s="166">
        <v>0</v>
      </c>
      <c r="Q110" s="166">
        <v>0</v>
      </c>
      <c r="R110" s="166">
        <v>0</v>
      </c>
      <c r="S110" s="166">
        <v>0</v>
      </c>
      <c r="T110" s="166">
        <v>0</v>
      </c>
      <c r="U110" s="166">
        <v>0</v>
      </c>
      <c r="V110" s="166">
        <v>0</v>
      </c>
      <c r="W110" s="166">
        <v>0</v>
      </c>
      <c r="X110" s="166">
        <v>0</v>
      </c>
      <c r="Y110" s="166">
        <v>0</v>
      </c>
      <c r="Z110" s="166">
        <v>0</v>
      </c>
      <c r="AA110" s="166">
        <v>0</v>
      </c>
      <c r="AB110" s="166">
        <v>0</v>
      </c>
      <c r="AC110" s="166">
        <v>0</v>
      </c>
      <c r="AD110" s="166">
        <v>0</v>
      </c>
      <c r="AE110" s="166">
        <v>0</v>
      </c>
      <c r="AF110" s="166">
        <v>0</v>
      </c>
      <c r="AG110" s="166">
        <v>0</v>
      </c>
      <c r="AH110" s="166">
        <v>0</v>
      </c>
      <c r="AI110" s="166">
        <v>0</v>
      </c>
      <c r="AJ110" s="166">
        <v>0</v>
      </c>
      <c r="AK110" s="166">
        <v>0</v>
      </c>
      <c r="AL110" s="166">
        <v>0</v>
      </c>
      <c r="AM110" s="166">
        <v>0</v>
      </c>
      <c r="AN110" s="166">
        <v>0</v>
      </c>
      <c r="AO110" s="166">
        <v>0</v>
      </c>
      <c r="AP110" s="166">
        <v>0</v>
      </c>
      <c r="AQ110" s="166">
        <v>0</v>
      </c>
      <c r="AR110" s="166">
        <v>0</v>
      </c>
      <c r="AS110" s="166">
        <v>0</v>
      </c>
      <c r="AT110" s="166">
        <v>0</v>
      </c>
      <c r="AU110" s="166">
        <v>0</v>
      </c>
      <c r="AV110" s="166">
        <v>0</v>
      </c>
      <c r="AW110" s="166">
        <v>0</v>
      </c>
      <c r="AX110" s="166">
        <v>0</v>
      </c>
      <c r="AY110" s="166">
        <v>0</v>
      </c>
      <c r="AZ110" s="166">
        <v>0</v>
      </c>
      <c r="BA110" s="166">
        <v>0</v>
      </c>
      <c r="BB110" s="166">
        <v>0</v>
      </c>
      <c r="BC110" s="166">
        <v>0</v>
      </c>
      <c r="BD110" s="166">
        <v>0</v>
      </c>
      <c r="BE110" s="166">
        <v>0</v>
      </c>
      <c r="BF110" s="166">
        <v>0</v>
      </c>
      <c r="BG110" s="166">
        <v>0</v>
      </c>
      <c r="BH110" s="166">
        <v>0</v>
      </c>
      <c r="BI110" s="166">
        <v>0</v>
      </c>
      <c r="BJ110" s="166">
        <v>0</v>
      </c>
      <c r="BK110" s="166">
        <v>0</v>
      </c>
      <c r="BL110" s="166">
        <v>0</v>
      </c>
      <c r="BM110" s="166">
        <v>0</v>
      </c>
      <c r="BN110" s="166">
        <v>0</v>
      </c>
      <c r="BO110" s="166">
        <v>0</v>
      </c>
      <c r="BP110" s="166">
        <v>0</v>
      </c>
      <c r="BQ110" s="166">
        <v>0</v>
      </c>
      <c r="BR110" s="166">
        <v>9875847.4100000001</v>
      </c>
      <c r="BS110" s="166">
        <v>9875847.4100000001</v>
      </c>
      <c r="BT110" s="168">
        <v>0.72041766170058497</v>
      </c>
      <c r="BU110" s="166">
        <v>-1592286.8193136801</v>
      </c>
      <c r="BV110" s="166">
        <v>7114734.8984239697</v>
      </c>
      <c r="BW110" s="166">
        <v>0</v>
      </c>
      <c r="BX110" s="166">
        <v>0</v>
      </c>
      <c r="BY110" s="166">
        <v>0</v>
      </c>
      <c r="BZ110" s="166">
        <v>0</v>
      </c>
      <c r="CA110" s="166">
        <v>0</v>
      </c>
      <c r="CB110" s="166">
        <v>0</v>
      </c>
      <c r="CC110" s="166">
        <v>0</v>
      </c>
      <c r="CD110" s="166">
        <v>0</v>
      </c>
      <c r="CE110" s="166">
        <v>0</v>
      </c>
      <c r="CF110" s="166">
        <v>0</v>
      </c>
      <c r="CG110" s="166">
        <v>0</v>
      </c>
      <c r="CH110" s="166">
        <v>0</v>
      </c>
      <c r="CI110" s="166">
        <v>0</v>
      </c>
      <c r="CJ110" s="166">
        <v>0</v>
      </c>
      <c r="CK110" s="166">
        <v>0</v>
      </c>
      <c r="CL110" s="166">
        <v>0</v>
      </c>
      <c r="CM110" s="166">
        <v>0</v>
      </c>
      <c r="CN110" s="166">
        <v>0</v>
      </c>
      <c r="CO110" s="166">
        <v>0</v>
      </c>
      <c r="CP110" s="166">
        <v>0</v>
      </c>
      <c r="CQ110" s="166">
        <v>0</v>
      </c>
      <c r="CR110" s="166">
        <v>0</v>
      </c>
      <c r="CS110" s="166">
        <v>0</v>
      </c>
      <c r="CT110" s="166">
        <v>0</v>
      </c>
      <c r="CU110" s="166">
        <v>0</v>
      </c>
      <c r="CV110" s="166">
        <v>0</v>
      </c>
      <c r="CW110" s="166">
        <v>0</v>
      </c>
      <c r="CX110" s="166">
        <v>0</v>
      </c>
      <c r="CY110" s="166">
        <v>7114734.8984239697</v>
      </c>
      <c r="CZ110" s="166">
        <v>7114734.8984239697</v>
      </c>
    </row>
    <row r="111" spans="1:104" hidden="1" outlineLevel="1" x14ac:dyDescent="0.2">
      <c r="A111" s="167" t="s">
        <v>1073</v>
      </c>
      <c r="B111" s="166">
        <v>9875847.4099999908</v>
      </c>
      <c r="C111" s="166">
        <v>9875847.4099999908</v>
      </c>
      <c r="D111" s="166">
        <v>0</v>
      </c>
      <c r="E111" s="166">
        <v>0</v>
      </c>
      <c r="F111" s="166">
        <v>0</v>
      </c>
      <c r="G111" s="166">
        <v>0</v>
      </c>
      <c r="H111" s="166">
        <v>0</v>
      </c>
      <c r="I111" s="166">
        <v>0</v>
      </c>
      <c r="J111" s="166">
        <v>0</v>
      </c>
      <c r="K111" s="166">
        <v>0</v>
      </c>
      <c r="L111" s="166">
        <v>0</v>
      </c>
      <c r="M111" s="166">
        <v>0</v>
      </c>
      <c r="N111" s="166">
        <v>0</v>
      </c>
      <c r="O111" s="166">
        <v>0</v>
      </c>
      <c r="P111" s="166">
        <v>0</v>
      </c>
      <c r="Q111" s="166">
        <v>0</v>
      </c>
      <c r="R111" s="166">
        <v>0</v>
      </c>
      <c r="S111" s="166">
        <v>0</v>
      </c>
      <c r="T111" s="166">
        <v>0</v>
      </c>
      <c r="U111" s="166">
        <v>0</v>
      </c>
      <c r="V111" s="166">
        <v>0</v>
      </c>
      <c r="W111" s="166">
        <v>0</v>
      </c>
      <c r="X111" s="166">
        <v>0</v>
      </c>
      <c r="Y111" s="166">
        <v>0</v>
      </c>
      <c r="Z111" s="166">
        <v>0</v>
      </c>
      <c r="AA111" s="166">
        <v>0</v>
      </c>
      <c r="AB111" s="166">
        <v>0</v>
      </c>
      <c r="AC111" s="166">
        <v>0</v>
      </c>
      <c r="AD111" s="166">
        <v>0</v>
      </c>
      <c r="AE111" s="166">
        <v>0</v>
      </c>
      <c r="AF111" s="166">
        <v>0</v>
      </c>
      <c r="AG111" s="166">
        <v>0</v>
      </c>
      <c r="AH111" s="166">
        <v>0</v>
      </c>
      <c r="AI111" s="166">
        <v>0</v>
      </c>
      <c r="AJ111" s="166">
        <v>0</v>
      </c>
      <c r="AK111" s="166">
        <v>0</v>
      </c>
      <c r="AL111" s="166">
        <v>0</v>
      </c>
      <c r="AM111" s="166">
        <v>0</v>
      </c>
      <c r="AN111" s="166">
        <v>0</v>
      </c>
      <c r="AO111" s="166">
        <v>0</v>
      </c>
      <c r="AP111" s="166">
        <v>0</v>
      </c>
      <c r="AQ111" s="166">
        <v>0</v>
      </c>
      <c r="AR111" s="166">
        <v>0</v>
      </c>
      <c r="AS111" s="166">
        <v>0</v>
      </c>
      <c r="AT111" s="166">
        <v>0</v>
      </c>
      <c r="AU111" s="166">
        <v>0</v>
      </c>
      <c r="AV111" s="166">
        <v>0</v>
      </c>
      <c r="AW111" s="166">
        <v>0</v>
      </c>
      <c r="AX111" s="166">
        <v>0</v>
      </c>
      <c r="AY111" s="166">
        <v>0</v>
      </c>
      <c r="AZ111" s="166">
        <v>0</v>
      </c>
      <c r="BA111" s="166">
        <v>0</v>
      </c>
      <c r="BB111" s="166">
        <v>0</v>
      </c>
      <c r="BC111" s="166">
        <v>0</v>
      </c>
      <c r="BD111" s="166">
        <v>0</v>
      </c>
      <c r="BE111" s="166">
        <v>0</v>
      </c>
      <c r="BF111" s="166">
        <v>0</v>
      </c>
      <c r="BG111" s="166">
        <v>0</v>
      </c>
      <c r="BH111" s="166">
        <v>0</v>
      </c>
      <c r="BI111" s="166">
        <v>0</v>
      </c>
      <c r="BJ111" s="166">
        <v>0</v>
      </c>
      <c r="BK111" s="166">
        <v>0</v>
      </c>
      <c r="BL111" s="166">
        <v>0</v>
      </c>
      <c r="BM111" s="166">
        <v>0</v>
      </c>
      <c r="BN111" s="166">
        <v>0</v>
      </c>
      <c r="BO111" s="166">
        <v>0</v>
      </c>
      <c r="BP111" s="166">
        <v>0</v>
      </c>
      <c r="BQ111" s="166">
        <v>0</v>
      </c>
      <c r="BR111" s="166">
        <v>9875847.4099999908</v>
      </c>
      <c r="BS111" s="166">
        <v>9875847.4100000001</v>
      </c>
      <c r="BT111" s="168">
        <v>0</v>
      </c>
      <c r="BU111" s="166">
        <v>-1592286.8193136801</v>
      </c>
      <c r="BV111" s="166">
        <v>7114734.8984239697</v>
      </c>
      <c r="BW111" s="166">
        <v>0</v>
      </c>
      <c r="BX111" s="166">
        <v>0</v>
      </c>
      <c r="BY111" s="166">
        <v>0</v>
      </c>
      <c r="BZ111" s="166">
        <v>0</v>
      </c>
      <c r="CA111" s="166">
        <v>0</v>
      </c>
      <c r="CB111" s="166">
        <v>0</v>
      </c>
      <c r="CC111" s="166">
        <v>0</v>
      </c>
      <c r="CD111" s="166">
        <v>0</v>
      </c>
      <c r="CE111" s="166">
        <v>0</v>
      </c>
      <c r="CF111" s="166">
        <v>0</v>
      </c>
      <c r="CG111" s="166">
        <v>0</v>
      </c>
      <c r="CH111" s="166">
        <v>0</v>
      </c>
      <c r="CI111" s="166">
        <v>0</v>
      </c>
      <c r="CJ111" s="166">
        <v>0</v>
      </c>
      <c r="CK111" s="166">
        <v>0</v>
      </c>
      <c r="CL111" s="166">
        <v>0</v>
      </c>
      <c r="CM111" s="166">
        <v>0</v>
      </c>
      <c r="CN111" s="166">
        <v>0</v>
      </c>
      <c r="CO111" s="166">
        <v>0</v>
      </c>
      <c r="CP111" s="166">
        <v>0</v>
      </c>
      <c r="CQ111" s="166">
        <v>0</v>
      </c>
      <c r="CR111" s="166">
        <v>0</v>
      </c>
      <c r="CS111" s="166">
        <v>0</v>
      </c>
      <c r="CT111" s="166">
        <v>0</v>
      </c>
      <c r="CU111" s="166">
        <v>0</v>
      </c>
      <c r="CV111" s="166">
        <v>0</v>
      </c>
      <c r="CW111" s="166">
        <v>0</v>
      </c>
      <c r="CX111" s="166">
        <v>0</v>
      </c>
      <c r="CY111" s="166">
        <v>7114734.8984239697</v>
      </c>
      <c r="CZ111" s="166">
        <v>7114734.8984239697</v>
      </c>
    </row>
    <row r="112" spans="1:104" hidden="1" outlineLevel="1" x14ac:dyDescent="0.2">
      <c r="A112" s="167" t="s">
        <v>204</v>
      </c>
    </row>
    <row r="113" spans="1:104" hidden="1" outlineLevel="1" x14ac:dyDescent="0.2">
      <c r="A113" s="167" t="s">
        <v>1074</v>
      </c>
      <c r="B113" s="166">
        <v>8614.0924862360298</v>
      </c>
      <c r="C113" s="166">
        <v>8614.0924862360298</v>
      </c>
      <c r="D113" s="166">
        <v>0</v>
      </c>
      <c r="E113" s="166">
        <v>0</v>
      </c>
      <c r="F113" s="166">
        <v>0</v>
      </c>
      <c r="G113" s="166">
        <v>0</v>
      </c>
      <c r="H113" s="166">
        <v>0</v>
      </c>
      <c r="I113" s="166">
        <v>0</v>
      </c>
      <c r="J113" s="166">
        <v>0</v>
      </c>
      <c r="K113" s="166">
        <v>0</v>
      </c>
      <c r="L113" s="166">
        <v>0</v>
      </c>
      <c r="M113" s="166">
        <v>0</v>
      </c>
      <c r="N113" s="166">
        <v>0</v>
      </c>
      <c r="O113" s="166">
        <v>0</v>
      </c>
      <c r="P113" s="166">
        <v>0</v>
      </c>
      <c r="Q113" s="166">
        <v>0</v>
      </c>
      <c r="R113" s="166">
        <v>0</v>
      </c>
      <c r="S113" s="166">
        <v>0</v>
      </c>
      <c r="T113" s="166">
        <v>0</v>
      </c>
      <c r="U113" s="166">
        <v>0</v>
      </c>
      <c r="V113" s="166">
        <v>0</v>
      </c>
      <c r="W113" s="166">
        <v>0</v>
      </c>
      <c r="X113" s="166">
        <v>0</v>
      </c>
      <c r="Y113" s="166">
        <v>0</v>
      </c>
      <c r="Z113" s="166">
        <v>0</v>
      </c>
      <c r="AA113" s="166">
        <v>0</v>
      </c>
      <c r="AB113" s="166">
        <v>0</v>
      </c>
      <c r="AC113" s="166">
        <v>0</v>
      </c>
      <c r="AD113" s="166">
        <v>0</v>
      </c>
      <c r="AE113" s="166">
        <v>0</v>
      </c>
      <c r="AF113" s="166">
        <v>0</v>
      </c>
      <c r="AG113" s="166">
        <v>0</v>
      </c>
      <c r="AH113" s="166">
        <v>0</v>
      </c>
      <c r="AI113" s="166">
        <v>0</v>
      </c>
      <c r="AJ113" s="166">
        <v>0</v>
      </c>
      <c r="AK113" s="166">
        <v>0</v>
      </c>
      <c r="AL113" s="166">
        <v>0</v>
      </c>
      <c r="AM113" s="166">
        <v>0</v>
      </c>
      <c r="AN113" s="166">
        <v>0</v>
      </c>
      <c r="AO113" s="166">
        <v>0</v>
      </c>
      <c r="AP113" s="166">
        <v>0</v>
      </c>
      <c r="AQ113" s="166">
        <v>0</v>
      </c>
      <c r="AR113" s="166">
        <v>0</v>
      </c>
      <c r="AS113" s="166">
        <v>0</v>
      </c>
      <c r="AT113" s="166">
        <v>0</v>
      </c>
      <c r="AU113" s="166">
        <v>0</v>
      </c>
      <c r="AV113" s="166">
        <v>0</v>
      </c>
      <c r="AW113" s="166">
        <v>0</v>
      </c>
      <c r="AX113" s="166">
        <v>0</v>
      </c>
      <c r="AY113" s="166">
        <v>0</v>
      </c>
      <c r="AZ113" s="166">
        <v>0</v>
      </c>
      <c r="BA113" s="166">
        <v>0</v>
      </c>
      <c r="BB113" s="166">
        <v>0</v>
      </c>
      <c r="BC113" s="166">
        <v>0</v>
      </c>
      <c r="BD113" s="166">
        <v>0</v>
      </c>
      <c r="BE113" s="166">
        <v>0</v>
      </c>
      <c r="BF113" s="166">
        <v>0</v>
      </c>
      <c r="BG113" s="166">
        <v>0</v>
      </c>
      <c r="BH113" s="166">
        <v>0</v>
      </c>
      <c r="BI113" s="166">
        <v>0</v>
      </c>
      <c r="BJ113" s="166">
        <v>0</v>
      </c>
      <c r="BK113" s="166">
        <v>0</v>
      </c>
      <c r="BL113" s="166">
        <v>0</v>
      </c>
      <c r="BM113" s="166">
        <v>0</v>
      </c>
      <c r="BN113" s="166">
        <v>0</v>
      </c>
      <c r="BO113" s="166">
        <v>0</v>
      </c>
      <c r="BP113" s="166">
        <v>0</v>
      </c>
      <c r="BQ113" s="166">
        <v>0</v>
      </c>
      <c r="BR113" s="166">
        <v>8614.0924862360298</v>
      </c>
      <c r="BS113" s="166">
        <v>8614.0924862360298</v>
      </c>
      <c r="BT113" s="168">
        <v>0.97402999999999995</v>
      </c>
      <c r="BU113" s="166">
        <v>351.087359225932</v>
      </c>
      <c r="BV113" s="166">
        <v>8390.3845043684796</v>
      </c>
      <c r="BW113" s="166">
        <v>0</v>
      </c>
      <c r="BX113" s="166">
        <v>0</v>
      </c>
      <c r="BY113" s="166">
        <v>0</v>
      </c>
      <c r="BZ113" s="166">
        <v>0</v>
      </c>
      <c r="CA113" s="166">
        <v>0</v>
      </c>
      <c r="CB113" s="166">
        <v>0</v>
      </c>
      <c r="CC113" s="166">
        <v>0</v>
      </c>
      <c r="CD113" s="166">
        <v>0</v>
      </c>
      <c r="CE113" s="166">
        <v>0</v>
      </c>
      <c r="CF113" s="166">
        <v>0</v>
      </c>
      <c r="CG113" s="166">
        <v>0</v>
      </c>
      <c r="CH113" s="166">
        <v>0</v>
      </c>
      <c r="CI113" s="166">
        <v>0</v>
      </c>
      <c r="CJ113" s="166">
        <v>0</v>
      </c>
      <c r="CK113" s="166">
        <v>0</v>
      </c>
      <c r="CL113" s="166">
        <v>0</v>
      </c>
      <c r="CM113" s="166">
        <v>0</v>
      </c>
      <c r="CN113" s="166">
        <v>0</v>
      </c>
      <c r="CO113" s="166">
        <v>0</v>
      </c>
      <c r="CP113" s="166">
        <v>0</v>
      </c>
      <c r="CQ113" s="166">
        <v>0</v>
      </c>
      <c r="CR113" s="166">
        <v>0</v>
      </c>
      <c r="CS113" s="166">
        <v>0</v>
      </c>
      <c r="CT113" s="166">
        <v>0</v>
      </c>
      <c r="CU113" s="166">
        <v>0</v>
      </c>
      <c r="CV113" s="166">
        <v>0</v>
      </c>
      <c r="CW113" s="166">
        <v>0</v>
      </c>
      <c r="CX113" s="166">
        <v>0</v>
      </c>
      <c r="CY113" s="166">
        <v>8390.3845043684796</v>
      </c>
      <c r="CZ113" s="166">
        <v>8390.3845043684796</v>
      </c>
    </row>
    <row r="114" spans="1:104" hidden="1" outlineLevel="1" x14ac:dyDescent="0.2">
      <c r="A114" s="167" t="s">
        <v>1075</v>
      </c>
      <c r="B114" s="166">
        <v>272.34243728484398</v>
      </c>
      <c r="C114" s="166">
        <v>272.34243728484398</v>
      </c>
      <c r="D114" s="166">
        <v>0</v>
      </c>
      <c r="E114" s="166">
        <v>0</v>
      </c>
      <c r="F114" s="166">
        <v>0</v>
      </c>
      <c r="G114" s="166">
        <v>0</v>
      </c>
      <c r="H114" s="166">
        <v>0</v>
      </c>
      <c r="I114" s="166">
        <v>0</v>
      </c>
      <c r="J114" s="166">
        <v>0</v>
      </c>
      <c r="K114" s="166">
        <v>0</v>
      </c>
      <c r="L114" s="166">
        <v>0</v>
      </c>
      <c r="M114" s="166">
        <v>0</v>
      </c>
      <c r="N114" s="166">
        <v>0</v>
      </c>
      <c r="O114" s="166">
        <v>0</v>
      </c>
      <c r="P114" s="166">
        <v>0</v>
      </c>
      <c r="Q114" s="166">
        <v>0</v>
      </c>
      <c r="R114" s="166">
        <v>0</v>
      </c>
      <c r="S114" s="166">
        <v>0</v>
      </c>
      <c r="T114" s="166">
        <v>0</v>
      </c>
      <c r="U114" s="166">
        <v>0</v>
      </c>
      <c r="V114" s="166">
        <v>0</v>
      </c>
      <c r="W114" s="166">
        <v>0</v>
      </c>
      <c r="X114" s="166">
        <v>0</v>
      </c>
      <c r="Y114" s="166">
        <v>0</v>
      </c>
      <c r="Z114" s="166">
        <v>0</v>
      </c>
      <c r="AA114" s="166">
        <v>0</v>
      </c>
      <c r="AB114" s="166">
        <v>0</v>
      </c>
      <c r="AC114" s="166">
        <v>0</v>
      </c>
      <c r="AD114" s="166">
        <v>0</v>
      </c>
      <c r="AE114" s="166">
        <v>0</v>
      </c>
      <c r="AF114" s="166">
        <v>0</v>
      </c>
      <c r="AG114" s="166">
        <v>0</v>
      </c>
      <c r="AH114" s="166">
        <v>0</v>
      </c>
      <c r="AI114" s="166">
        <v>0</v>
      </c>
      <c r="AJ114" s="166">
        <v>0</v>
      </c>
      <c r="AK114" s="166">
        <v>0</v>
      </c>
      <c r="AL114" s="166">
        <v>0</v>
      </c>
      <c r="AM114" s="166">
        <v>0</v>
      </c>
      <c r="AN114" s="166">
        <v>0</v>
      </c>
      <c r="AO114" s="166">
        <v>0</v>
      </c>
      <c r="AP114" s="166">
        <v>0</v>
      </c>
      <c r="AQ114" s="166">
        <v>0</v>
      </c>
      <c r="AR114" s="166">
        <v>0</v>
      </c>
      <c r="AS114" s="166">
        <v>0</v>
      </c>
      <c r="AT114" s="166">
        <v>0</v>
      </c>
      <c r="AU114" s="166">
        <v>0</v>
      </c>
      <c r="AV114" s="166">
        <v>0</v>
      </c>
      <c r="AW114" s="166">
        <v>0</v>
      </c>
      <c r="AX114" s="166">
        <v>0</v>
      </c>
      <c r="AY114" s="166">
        <v>0</v>
      </c>
      <c r="AZ114" s="166">
        <v>0</v>
      </c>
      <c r="BA114" s="166">
        <v>0</v>
      </c>
      <c r="BB114" s="166">
        <v>0</v>
      </c>
      <c r="BC114" s="166">
        <v>0</v>
      </c>
      <c r="BD114" s="166">
        <v>0</v>
      </c>
      <c r="BE114" s="166">
        <v>0</v>
      </c>
      <c r="BF114" s="166">
        <v>0</v>
      </c>
      <c r="BG114" s="166">
        <v>0</v>
      </c>
      <c r="BH114" s="166">
        <v>0</v>
      </c>
      <c r="BI114" s="166">
        <v>0</v>
      </c>
      <c r="BJ114" s="166">
        <v>0</v>
      </c>
      <c r="BK114" s="166">
        <v>0</v>
      </c>
      <c r="BL114" s="166">
        <v>0</v>
      </c>
      <c r="BM114" s="166">
        <v>0</v>
      </c>
      <c r="BN114" s="166">
        <v>0</v>
      </c>
      <c r="BO114" s="166">
        <v>0</v>
      </c>
      <c r="BP114" s="166">
        <v>0</v>
      </c>
      <c r="BQ114" s="166">
        <v>0</v>
      </c>
      <c r="BR114" s="166">
        <v>272.34243728484398</v>
      </c>
      <c r="BS114" s="166">
        <v>272.34243728484398</v>
      </c>
      <c r="BT114" s="168">
        <v>0.92637230841245999</v>
      </c>
      <c r="BU114" s="166">
        <v>10.5570554401323</v>
      </c>
      <c r="BV114" s="166">
        <v>252.29049230623599</v>
      </c>
      <c r="BW114" s="166">
        <v>0</v>
      </c>
      <c r="BX114" s="166">
        <v>0</v>
      </c>
      <c r="BY114" s="166">
        <v>0</v>
      </c>
      <c r="BZ114" s="166">
        <v>0</v>
      </c>
      <c r="CA114" s="166">
        <v>0</v>
      </c>
      <c r="CB114" s="166">
        <v>0</v>
      </c>
      <c r="CC114" s="166">
        <v>0</v>
      </c>
      <c r="CD114" s="166">
        <v>0</v>
      </c>
      <c r="CE114" s="166">
        <v>0</v>
      </c>
      <c r="CF114" s="166">
        <v>0</v>
      </c>
      <c r="CG114" s="166">
        <v>0</v>
      </c>
      <c r="CH114" s="166">
        <v>0</v>
      </c>
      <c r="CI114" s="166">
        <v>0</v>
      </c>
      <c r="CJ114" s="166">
        <v>0</v>
      </c>
      <c r="CK114" s="166">
        <v>0</v>
      </c>
      <c r="CL114" s="166">
        <v>0</v>
      </c>
      <c r="CM114" s="166">
        <v>0</v>
      </c>
      <c r="CN114" s="166">
        <v>0</v>
      </c>
      <c r="CO114" s="166">
        <v>0</v>
      </c>
      <c r="CP114" s="166">
        <v>0</v>
      </c>
      <c r="CQ114" s="166">
        <v>0</v>
      </c>
      <c r="CR114" s="166">
        <v>0</v>
      </c>
      <c r="CS114" s="166">
        <v>0</v>
      </c>
      <c r="CT114" s="166">
        <v>0</v>
      </c>
      <c r="CU114" s="166">
        <v>0</v>
      </c>
      <c r="CV114" s="166">
        <v>0</v>
      </c>
      <c r="CW114" s="166">
        <v>0</v>
      </c>
      <c r="CX114" s="166">
        <v>0</v>
      </c>
      <c r="CY114" s="166">
        <v>252.29049230623599</v>
      </c>
      <c r="CZ114" s="166">
        <v>252.29049230623599</v>
      </c>
    </row>
    <row r="115" spans="1:104" hidden="1" outlineLevel="1" x14ac:dyDescent="0.2">
      <c r="A115" s="167" t="s">
        <v>1076</v>
      </c>
      <c r="B115" s="166">
        <v>1964.6313463798399</v>
      </c>
      <c r="C115" s="166">
        <v>1964.6313463798399</v>
      </c>
      <c r="D115" s="166">
        <v>0</v>
      </c>
      <c r="E115" s="166">
        <v>0</v>
      </c>
      <c r="F115" s="166">
        <v>0</v>
      </c>
      <c r="G115" s="166">
        <v>0</v>
      </c>
      <c r="H115" s="166">
        <v>0</v>
      </c>
      <c r="I115" s="166">
        <v>0</v>
      </c>
      <c r="J115" s="166">
        <v>0</v>
      </c>
      <c r="K115" s="166">
        <v>0</v>
      </c>
      <c r="L115" s="166">
        <v>0</v>
      </c>
      <c r="M115" s="166">
        <v>0</v>
      </c>
      <c r="N115" s="166">
        <v>0</v>
      </c>
      <c r="O115" s="166">
        <v>0</v>
      </c>
      <c r="P115" s="166">
        <v>0</v>
      </c>
      <c r="Q115" s="166">
        <v>0</v>
      </c>
      <c r="R115" s="166">
        <v>0</v>
      </c>
      <c r="S115" s="166">
        <v>0</v>
      </c>
      <c r="T115" s="166">
        <v>0</v>
      </c>
      <c r="U115" s="166">
        <v>0</v>
      </c>
      <c r="V115" s="166">
        <v>0</v>
      </c>
      <c r="W115" s="166">
        <v>0</v>
      </c>
      <c r="X115" s="166">
        <v>0</v>
      </c>
      <c r="Y115" s="166">
        <v>0</v>
      </c>
      <c r="Z115" s="166">
        <v>0</v>
      </c>
      <c r="AA115" s="166">
        <v>0</v>
      </c>
      <c r="AB115" s="166">
        <v>0</v>
      </c>
      <c r="AC115" s="166">
        <v>0</v>
      </c>
      <c r="AD115" s="166">
        <v>0</v>
      </c>
      <c r="AE115" s="166">
        <v>0</v>
      </c>
      <c r="AF115" s="166">
        <v>0</v>
      </c>
      <c r="AG115" s="166">
        <v>0</v>
      </c>
      <c r="AH115" s="166">
        <v>0</v>
      </c>
      <c r="AI115" s="166">
        <v>0</v>
      </c>
      <c r="AJ115" s="166">
        <v>0</v>
      </c>
      <c r="AK115" s="166">
        <v>0</v>
      </c>
      <c r="AL115" s="166">
        <v>0</v>
      </c>
      <c r="AM115" s="166">
        <v>0</v>
      </c>
      <c r="AN115" s="166">
        <v>0</v>
      </c>
      <c r="AO115" s="166">
        <v>0</v>
      </c>
      <c r="AP115" s="166">
        <v>0</v>
      </c>
      <c r="AQ115" s="166">
        <v>0</v>
      </c>
      <c r="AR115" s="166">
        <v>0</v>
      </c>
      <c r="AS115" s="166">
        <v>0</v>
      </c>
      <c r="AT115" s="166">
        <v>0</v>
      </c>
      <c r="AU115" s="166">
        <v>0</v>
      </c>
      <c r="AV115" s="166">
        <v>0</v>
      </c>
      <c r="AW115" s="166">
        <v>0</v>
      </c>
      <c r="AX115" s="166">
        <v>0</v>
      </c>
      <c r="AY115" s="166">
        <v>0</v>
      </c>
      <c r="AZ115" s="166">
        <v>0</v>
      </c>
      <c r="BA115" s="166">
        <v>0</v>
      </c>
      <c r="BB115" s="166">
        <v>0</v>
      </c>
      <c r="BC115" s="166">
        <v>0</v>
      </c>
      <c r="BD115" s="166">
        <v>0</v>
      </c>
      <c r="BE115" s="166">
        <v>0</v>
      </c>
      <c r="BF115" s="166">
        <v>0</v>
      </c>
      <c r="BG115" s="166">
        <v>0</v>
      </c>
      <c r="BH115" s="166">
        <v>0</v>
      </c>
      <c r="BI115" s="166">
        <v>0</v>
      </c>
      <c r="BJ115" s="166">
        <v>0</v>
      </c>
      <c r="BK115" s="166">
        <v>0</v>
      </c>
      <c r="BL115" s="166">
        <v>0</v>
      </c>
      <c r="BM115" s="166">
        <v>0</v>
      </c>
      <c r="BN115" s="166">
        <v>0</v>
      </c>
      <c r="BO115" s="166">
        <v>0</v>
      </c>
      <c r="BP115" s="166">
        <v>0</v>
      </c>
      <c r="BQ115" s="166">
        <v>0</v>
      </c>
      <c r="BR115" s="166">
        <v>1964.6313463798399</v>
      </c>
      <c r="BS115" s="166">
        <v>1964.6313463798399</v>
      </c>
      <c r="BT115" s="168">
        <v>0.95109934560116105</v>
      </c>
      <c r="BU115" s="166">
        <v>78.189578141512897</v>
      </c>
      <c r="BV115" s="166">
        <v>1868.5595878893901</v>
      </c>
      <c r="BW115" s="166">
        <v>0</v>
      </c>
      <c r="BX115" s="166">
        <v>0</v>
      </c>
      <c r="BY115" s="166">
        <v>0</v>
      </c>
      <c r="BZ115" s="166">
        <v>0</v>
      </c>
      <c r="CA115" s="166">
        <v>0</v>
      </c>
      <c r="CB115" s="166">
        <v>0</v>
      </c>
      <c r="CC115" s="166">
        <v>0</v>
      </c>
      <c r="CD115" s="166">
        <v>0</v>
      </c>
      <c r="CE115" s="166">
        <v>0</v>
      </c>
      <c r="CF115" s="166">
        <v>0</v>
      </c>
      <c r="CG115" s="166">
        <v>0</v>
      </c>
      <c r="CH115" s="166">
        <v>0</v>
      </c>
      <c r="CI115" s="166">
        <v>0</v>
      </c>
      <c r="CJ115" s="166">
        <v>0</v>
      </c>
      <c r="CK115" s="166">
        <v>0</v>
      </c>
      <c r="CL115" s="166">
        <v>0</v>
      </c>
      <c r="CM115" s="166">
        <v>0</v>
      </c>
      <c r="CN115" s="166">
        <v>0</v>
      </c>
      <c r="CO115" s="166">
        <v>0</v>
      </c>
      <c r="CP115" s="166">
        <v>0</v>
      </c>
      <c r="CQ115" s="166">
        <v>0</v>
      </c>
      <c r="CR115" s="166">
        <v>0</v>
      </c>
      <c r="CS115" s="166">
        <v>0</v>
      </c>
      <c r="CT115" s="166">
        <v>0</v>
      </c>
      <c r="CU115" s="166">
        <v>0</v>
      </c>
      <c r="CV115" s="166">
        <v>0</v>
      </c>
      <c r="CW115" s="166">
        <v>0</v>
      </c>
      <c r="CX115" s="166">
        <v>0</v>
      </c>
      <c r="CY115" s="166">
        <v>1868.5595878893901</v>
      </c>
      <c r="CZ115" s="166">
        <v>1868.5595878893901</v>
      </c>
    </row>
    <row r="116" spans="1:104" hidden="1" outlineLevel="1" x14ac:dyDescent="0.2">
      <c r="A116" s="167" t="s">
        <v>208</v>
      </c>
      <c r="B116" s="166">
        <v>6284.5983171807202</v>
      </c>
      <c r="C116" s="166">
        <v>6284.5983171807202</v>
      </c>
      <c r="D116" s="166">
        <v>0</v>
      </c>
      <c r="E116" s="166">
        <v>0</v>
      </c>
      <c r="F116" s="166">
        <v>0</v>
      </c>
      <c r="G116" s="166">
        <v>0</v>
      </c>
      <c r="H116" s="166">
        <v>0</v>
      </c>
      <c r="I116" s="166">
        <v>0</v>
      </c>
      <c r="J116" s="166">
        <v>0</v>
      </c>
      <c r="K116" s="166">
        <v>0</v>
      </c>
      <c r="L116" s="166">
        <v>0</v>
      </c>
      <c r="M116" s="166">
        <v>0</v>
      </c>
      <c r="N116" s="166">
        <v>0</v>
      </c>
      <c r="O116" s="166">
        <v>0</v>
      </c>
      <c r="P116" s="166">
        <v>0</v>
      </c>
      <c r="Q116" s="166">
        <v>0</v>
      </c>
      <c r="R116" s="166">
        <v>0</v>
      </c>
      <c r="S116" s="166">
        <v>0</v>
      </c>
      <c r="T116" s="166">
        <v>0</v>
      </c>
      <c r="U116" s="166">
        <v>0</v>
      </c>
      <c r="V116" s="166">
        <v>0</v>
      </c>
      <c r="W116" s="166">
        <v>0</v>
      </c>
      <c r="X116" s="166">
        <v>0</v>
      </c>
      <c r="Y116" s="166">
        <v>0</v>
      </c>
      <c r="Z116" s="166">
        <v>0</v>
      </c>
      <c r="AA116" s="166">
        <v>0</v>
      </c>
      <c r="AB116" s="166">
        <v>0</v>
      </c>
      <c r="AC116" s="166">
        <v>0</v>
      </c>
      <c r="AD116" s="166">
        <v>0</v>
      </c>
      <c r="AE116" s="166">
        <v>0</v>
      </c>
      <c r="AF116" s="166">
        <v>0</v>
      </c>
      <c r="AG116" s="166">
        <v>0</v>
      </c>
      <c r="AH116" s="166">
        <v>0</v>
      </c>
      <c r="AI116" s="166">
        <v>0</v>
      </c>
      <c r="AJ116" s="166">
        <v>0</v>
      </c>
      <c r="AK116" s="166">
        <v>0</v>
      </c>
      <c r="AL116" s="166">
        <v>0</v>
      </c>
      <c r="AM116" s="166">
        <v>0</v>
      </c>
      <c r="AN116" s="166">
        <v>0</v>
      </c>
      <c r="AO116" s="166">
        <v>0</v>
      </c>
      <c r="AP116" s="166">
        <v>0</v>
      </c>
      <c r="AQ116" s="166">
        <v>0</v>
      </c>
      <c r="AR116" s="166">
        <v>0</v>
      </c>
      <c r="AS116" s="166">
        <v>0</v>
      </c>
      <c r="AT116" s="166">
        <v>0</v>
      </c>
      <c r="AU116" s="166">
        <v>0</v>
      </c>
      <c r="AV116" s="166">
        <v>0</v>
      </c>
      <c r="AW116" s="166">
        <v>0</v>
      </c>
      <c r="AX116" s="166">
        <v>0</v>
      </c>
      <c r="AY116" s="166">
        <v>0</v>
      </c>
      <c r="AZ116" s="166">
        <v>0</v>
      </c>
      <c r="BA116" s="166">
        <v>0</v>
      </c>
      <c r="BB116" s="166">
        <v>0</v>
      </c>
      <c r="BC116" s="166">
        <v>0</v>
      </c>
      <c r="BD116" s="166">
        <v>0</v>
      </c>
      <c r="BE116" s="166">
        <v>0</v>
      </c>
      <c r="BF116" s="166">
        <v>0</v>
      </c>
      <c r="BG116" s="166">
        <v>0</v>
      </c>
      <c r="BH116" s="166">
        <v>0</v>
      </c>
      <c r="BI116" s="166">
        <v>0</v>
      </c>
      <c r="BJ116" s="166">
        <v>0</v>
      </c>
      <c r="BK116" s="166">
        <v>0</v>
      </c>
      <c r="BL116" s="166">
        <v>0</v>
      </c>
      <c r="BM116" s="166">
        <v>0</v>
      </c>
      <c r="BN116" s="166">
        <v>0</v>
      </c>
      <c r="BO116" s="166">
        <v>0</v>
      </c>
      <c r="BP116" s="166">
        <v>0</v>
      </c>
      <c r="BQ116" s="166">
        <v>0</v>
      </c>
      <c r="BR116" s="166">
        <v>6284.5983171807202</v>
      </c>
      <c r="BS116" s="166">
        <v>6284.5983171807202</v>
      </c>
      <c r="BT116" s="168">
        <v>0.97403133392564201</v>
      </c>
      <c r="BU116" s="166">
        <v>256.15891350821198</v>
      </c>
      <c r="BV116" s="166">
        <v>6121.3956820703797</v>
      </c>
      <c r="BW116" s="166">
        <v>0</v>
      </c>
      <c r="BX116" s="166">
        <v>0</v>
      </c>
      <c r="BY116" s="166">
        <v>0</v>
      </c>
      <c r="BZ116" s="166">
        <v>0</v>
      </c>
      <c r="CA116" s="166">
        <v>0</v>
      </c>
      <c r="CB116" s="166">
        <v>0</v>
      </c>
      <c r="CC116" s="166">
        <v>0</v>
      </c>
      <c r="CD116" s="166">
        <v>0</v>
      </c>
      <c r="CE116" s="166">
        <v>0</v>
      </c>
      <c r="CF116" s="166">
        <v>0</v>
      </c>
      <c r="CG116" s="166">
        <v>0</v>
      </c>
      <c r="CH116" s="166">
        <v>0</v>
      </c>
      <c r="CI116" s="166">
        <v>0</v>
      </c>
      <c r="CJ116" s="166">
        <v>0</v>
      </c>
      <c r="CK116" s="166">
        <v>0</v>
      </c>
      <c r="CL116" s="166">
        <v>0</v>
      </c>
      <c r="CM116" s="166">
        <v>0</v>
      </c>
      <c r="CN116" s="166">
        <v>0</v>
      </c>
      <c r="CO116" s="166">
        <v>0</v>
      </c>
      <c r="CP116" s="166">
        <v>0</v>
      </c>
      <c r="CQ116" s="166">
        <v>0</v>
      </c>
      <c r="CR116" s="166">
        <v>0</v>
      </c>
      <c r="CS116" s="166">
        <v>0</v>
      </c>
      <c r="CT116" s="166">
        <v>0</v>
      </c>
      <c r="CU116" s="166">
        <v>0</v>
      </c>
      <c r="CV116" s="166">
        <v>0</v>
      </c>
      <c r="CW116" s="166">
        <v>0</v>
      </c>
      <c r="CX116" s="166">
        <v>0</v>
      </c>
      <c r="CY116" s="166">
        <v>6121.3956820703797</v>
      </c>
      <c r="CZ116" s="166">
        <v>6121.3956820703797</v>
      </c>
    </row>
    <row r="117" spans="1:104" hidden="1" outlineLevel="1" x14ac:dyDescent="0.2">
      <c r="A117" s="167" t="s">
        <v>209</v>
      </c>
      <c r="B117" s="166">
        <v>4933.9917262024701</v>
      </c>
      <c r="C117" s="166">
        <v>4933.9917262024701</v>
      </c>
      <c r="D117" s="166">
        <v>0</v>
      </c>
      <c r="E117" s="166">
        <v>0</v>
      </c>
      <c r="F117" s="166">
        <v>0</v>
      </c>
      <c r="G117" s="166">
        <v>0</v>
      </c>
      <c r="H117" s="166">
        <v>0</v>
      </c>
      <c r="I117" s="166">
        <v>0</v>
      </c>
      <c r="J117" s="166">
        <v>0</v>
      </c>
      <c r="K117" s="166">
        <v>0</v>
      </c>
      <c r="L117" s="166">
        <v>0</v>
      </c>
      <c r="M117" s="166">
        <v>0</v>
      </c>
      <c r="N117" s="166">
        <v>0</v>
      </c>
      <c r="O117" s="166">
        <v>0</v>
      </c>
      <c r="P117" s="166">
        <v>0</v>
      </c>
      <c r="Q117" s="166">
        <v>0</v>
      </c>
      <c r="R117" s="166">
        <v>0</v>
      </c>
      <c r="S117" s="166">
        <v>0</v>
      </c>
      <c r="T117" s="166">
        <v>0</v>
      </c>
      <c r="U117" s="166">
        <v>0</v>
      </c>
      <c r="V117" s="166">
        <v>0</v>
      </c>
      <c r="W117" s="166">
        <v>0</v>
      </c>
      <c r="X117" s="166">
        <v>0</v>
      </c>
      <c r="Y117" s="166">
        <v>0</v>
      </c>
      <c r="Z117" s="166">
        <v>0</v>
      </c>
      <c r="AA117" s="166">
        <v>0</v>
      </c>
      <c r="AB117" s="166">
        <v>0</v>
      </c>
      <c r="AC117" s="166">
        <v>0</v>
      </c>
      <c r="AD117" s="166">
        <v>0</v>
      </c>
      <c r="AE117" s="166">
        <v>0</v>
      </c>
      <c r="AF117" s="166">
        <v>0</v>
      </c>
      <c r="AG117" s="166">
        <v>0</v>
      </c>
      <c r="AH117" s="166">
        <v>0</v>
      </c>
      <c r="AI117" s="166">
        <v>0</v>
      </c>
      <c r="AJ117" s="166">
        <v>0</v>
      </c>
      <c r="AK117" s="166">
        <v>0</v>
      </c>
      <c r="AL117" s="166">
        <v>0</v>
      </c>
      <c r="AM117" s="166">
        <v>0</v>
      </c>
      <c r="AN117" s="166">
        <v>0</v>
      </c>
      <c r="AO117" s="166">
        <v>0</v>
      </c>
      <c r="AP117" s="166">
        <v>0</v>
      </c>
      <c r="AQ117" s="166">
        <v>0</v>
      </c>
      <c r="AR117" s="166">
        <v>0</v>
      </c>
      <c r="AS117" s="166">
        <v>0</v>
      </c>
      <c r="AT117" s="166">
        <v>0</v>
      </c>
      <c r="AU117" s="166">
        <v>0</v>
      </c>
      <c r="AV117" s="166">
        <v>0</v>
      </c>
      <c r="AW117" s="166">
        <v>0</v>
      </c>
      <c r="AX117" s="166">
        <v>0</v>
      </c>
      <c r="AY117" s="166">
        <v>0</v>
      </c>
      <c r="AZ117" s="166">
        <v>0</v>
      </c>
      <c r="BA117" s="166">
        <v>0</v>
      </c>
      <c r="BB117" s="166">
        <v>0</v>
      </c>
      <c r="BC117" s="166">
        <v>0</v>
      </c>
      <c r="BD117" s="166">
        <v>0</v>
      </c>
      <c r="BE117" s="166">
        <v>0</v>
      </c>
      <c r="BF117" s="166">
        <v>0</v>
      </c>
      <c r="BG117" s="166">
        <v>0</v>
      </c>
      <c r="BH117" s="166">
        <v>0</v>
      </c>
      <c r="BI117" s="166">
        <v>0</v>
      </c>
      <c r="BJ117" s="166">
        <v>0</v>
      </c>
      <c r="BK117" s="166">
        <v>0</v>
      </c>
      <c r="BL117" s="166">
        <v>0</v>
      </c>
      <c r="BM117" s="166">
        <v>0</v>
      </c>
      <c r="BN117" s="166">
        <v>0</v>
      </c>
      <c r="BO117" s="166">
        <v>0</v>
      </c>
      <c r="BP117" s="166">
        <v>0</v>
      </c>
      <c r="BQ117" s="166">
        <v>0</v>
      </c>
      <c r="BR117" s="166">
        <v>4933.9917262024701</v>
      </c>
      <c r="BS117" s="166">
        <v>4933.9917262024701</v>
      </c>
      <c r="BT117" s="166">
        <v>1000</v>
      </c>
      <c r="BU117" s="166">
        <v>206.46176555124799</v>
      </c>
      <c r="BV117" s="166">
        <v>4933.9917262024701</v>
      </c>
      <c r="BW117" s="166">
        <v>0</v>
      </c>
      <c r="BX117" s="166">
        <v>0</v>
      </c>
      <c r="BY117" s="166">
        <v>0</v>
      </c>
      <c r="BZ117" s="166">
        <v>0</v>
      </c>
      <c r="CA117" s="166">
        <v>0</v>
      </c>
      <c r="CB117" s="166">
        <v>0</v>
      </c>
      <c r="CC117" s="166">
        <v>0</v>
      </c>
      <c r="CD117" s="166">
        <v>0</v>
      </c>
      <c r="CE117" s="166">
        <v>0</v>
      </c>
      <c r="CF117" s="166">
        <v>0</v>
      </c>
      <c r="CG117" s="166">
        <v>0</v>
      </c>
      <c r="CH117" s="166">
        <v>0</v>
      </c>
      <c r="CI117" s="166">
        <v>0</v>
      </c>
      <c r="CJ117" s="166">
        <v>0</v>
      </c>
      <c r="CK117" s="166">
        <v>0</v>
      </c>
      <c r="CL117" s="166">
        <v>0</v>
      </c>
      <c r="CM117" s="166">
        <v>0</v>
      </c>
      <c r="CN117" s="166">
        <v>0</v>
      </c>
      <c r="CO117" s="166">
        <v>0</v>
      </c>
      <c r="CP117" s="166">
        <v>0</v>
      </c>
      <c r="CQ117" s="166">
        <v>0</v>
      </c>
      <c r="CR117" s="166">
        <v>0</v>
      </c>
      <c r="CS117" s="166">
        <v>0</v>
      </c>
      <c r="CT117" s="166">
        <v>0</v>
      </c>
      <c r="CU117" s="166">
        <v>0</v>
      </c>
      <c r="CV117" s="166">
        <v>0</v>
      </c>
      <c r="CW117" s="166">
        <v>0</v>
      </c>
      <c r="CX117" s="166">
        <v>0</v>
      </c>
      <c r="CY117" s="166">
        <v>4933.9917262024701</v>
      </c>
      <c r="CZ117" s="166">
        <v>4933.9917262024701</v>
      </c>
    </row>
    <row r="118" spans="1:104" hidden="1" outlineLevel="1" x14ac:dyDescent="0.2">
      <c r="A118" s="167" t="s">
        <v>1077</v>
      </c>
      <c r="B118" s="166">
        <v>560567.39368671598</v>
      </c>
      <c r="C118" s="166">
        <v>560567.39368671598</v>
      </c>
      <c r="D118" s="166">
        <v>0</v>
      </c>
      <c r="E118" s="166">
        <v>0</v>
      </c>
      <c r="F118" s="166">
        <v>0</v>
      </c>
      <c r="G118" s="166">
        <v>0</v>
      </c>
      <c r="H118" s="166">
        <v>0</v>
      </c>
      <c r="I118" s="166">
        <v>0</v>
      </c>
      <c r="J118" s="166">
        <v>0</v>
      </c>
      <c r="K118" s="166">
        <v>0</v>
      </c>
      <c r="L118" s="166">
        <v>0</v>
      </c>
      <c r="M118" s="166">
        <v>0</v>
      </c>
      <c r="N118" s="166">
        <v>0</v>
      </c>
      <c r="O118" s="166">
        <v>0</v>
      </c>
      <c r="P118" s="166">
        <v>0</v>
      </c>
      <c r="Q118" s="166">
        <v>0</v>
      </c>
      <c r="R118" s="166">
        <v>0</v>
      </c>
      <c r="S118" s="166">
        <v>0</v>
      </c>
      <c r="T118" s="166">
        <v>0</v>
      </c>
      <c r="U118" s="166">
        <v>0</v>
      </c>
      <c r="V118" s="166">
        <v>0</v>
      </c>
      <c r="W118" s="166">
        <v>0</v>
      </c>
      <c r="X118" s="166">
        <v>0</v>
      </c>
      <c r="Y118" s="166">
        <v>0</v>
      </c>
      <c r="Z118" s="166">
        <v>0</v>
      </c>
      <c r="AA118" s="166">
        <v>0</v>
      </c>
      <c r="AB118" s="166">
        <v>0</v>
      </c>
      <c r="AC118" s="166">
        <v>0</v>
      </c>
      <c r="AD118" s="166">
        <v>0</v>
      </c>
      <c r="AE118" s="166">
        <v>0</v>
      </c>
      <c r="AF118" s="166">
        <v>0</v>
      </c>
      <c r="AG118" s="166">
        <v>0</v>
      </c>
      <c r="AH118" s="166">
        <v>0</v>
      </c>
      <c r="AI118" s="166">
        <v>0</v>
      </c>
      <c r="AJ118" s="166">
        <v>0</v>
      </c>
      <c r="AK118" s="166">
        <v>0</v>
      </c>
      <c r="AL118" s="166">
        <v>0</v>
      </c>
      <c r="AM118" s="166">
        <v>0</v>
      </c>
      <c r="AN118" s="166">
        <v>0</v>
      </c>
      <c r="AO118" s="166">
        <v>0</v>
      </c>
      <c r="AP118" s="166">
        <v>0</v>
      </c>
      <c r="AQ118" s="166">
        <v>0</v>
      </c>
      <c r="AR118" s="166">
        <v>0</v>
      </c>
      <c r="AS118" s="166">
        <v>0</v>
      </c>
      <c r="AT118" s="166">
        <v>0</v>
      </c>
      <c r="AU118" s="166">
        <v>0</v>
      </c>
      <c r="AV118" s="166">
        <v>0</v>
      </c>
      <c r="AW118" s="166">
        <v>0</v>
      </c>
      <c r="AX118" s="166">
        <v>0</v>
      </c>
      <c r="AY118" s="166">
        <v>0</v>
      </c>
      <c r="AZ118" s="166">
        <v>0</v>
      </c>
      <c r="BA118" s="166">
        <v>0</v>
      </c>
      <c r="BB118" s="166">
        <v>0</v>
      </c>
      <c r="BC118" s="166">
        <v>0</v>
      </c>
      <c r="BD118" s="166">
        <v>0</v>
      </c>
      <c r="BE118" s="166">
        <v>0</v>
      </c>
      <c r="BF118" s="166">
        <v>0</v>
      </c>
      <c r="BG118" s="166">
        <v>0</v>
      </c>
      <c r="BH118" s="166">
        <v>0</v>
      </c>
      <c r="BI118" s="166">
        <v>0</v>
      </c>
      <c r="BJ118" s="166">
        <v>0</v>
      </c>
      <c r="BK118" s="166">
        <v>0</v>
      </c>
      <c r="BL118" s="166">
        <v>0</v>
      </c>
      <c r="BM118" s="166">
        <v>0</v>
      </c>
      <c r="BN118" s="166">
        <v>0</v>
      </c>
      <c r="BO118" s="166">
        <v>0</v>
      </c>
      <c r="BP118" s="166">
        <v>0</v>
      </c>
      <c r="BQ118" s="166">
        <v>0</v>
      </c>
      <c r="BR118" s="166">
        <v>560567.39368671598</v>
      </c>
      <c r="BS118" s="166">
        <v>560567.39368671598</v>
      </c>
      <c r="BT118" s="168">
        <v>0.72041766170058497</v>
      </c>
      <c r="BU118" s="166">
        <v>17569.456496123599</v>
      </c>
      <c r="BV118" s="166">
        <v>403842.65098537499</v>
      </c>
      <c r="BW118" s="166">
        <v>0</v>
      </c>
      <c r="BX118" s="166">
        <v>0</v>
      </c>
      <c r="BY118" s="166">
        <v>0</v>
      </c>
      <c r="BZ118" s="166">
        <v>0</v>
      </c>
      <c r="CA118" s="166">
        <v>0</v>
      </c>
      <c r="CB118" s="166">
        <v>0</v>
      </c>
      <c r="CC118" s="166">
        <v>0</v>
      </c>
      <c r="CD118" s="166">
        <v>0</v>
      </c>
      <c r="CE118" s="166">
        <v>0</v>
      </c>
      <c r="CF118" s="166">
        <v>0</v>
      </c>
      <c r="CG118" s="166">
        <v>0</v>
      </c>
      <c r="CH118" s="166">
        <v>0</v>
      </c>
      <c r="CI118" s="166">
        <v>0</v>
      </c>
      <c r="CJ118" s="166">
        <v>0</v>
      </c>
      <c r="CK118" s="166">
        <v>0</v>
      </c>
      <c r="CL118" s="166">
        <v>0</v>
      </c>
      <c r="CM118" s="166">
        <v>0</v>
      </c>
      <c r="CN118" s="166">
        <v>0</v>
      </c>
      <c r="CO118" s="166">
        <v>0</v>
      </c>
      <c r="CP118" s="166">
        <v>0</v>
      </c>
      <c r="CQ118" s="166">
        <v>0</v>
      </c>
      <c r="CR118" s="166">
        <v>0</v>
      </c>
      <c r="CS118" s="166">
        <v>0</v>
      </c>
      <c r="CT118" s="166">
        <v>0</v>
      </c>
      <c r="CU118" s="166">
        <v>0</v>
      </c>
      <c r="CV118" s="166">
        <v>0</v>
      </c>
      <c r="CW118" s="166">
        <v>0</v>
      </c>
      <c r="CX118" s="166">
        <v>0</v>
      </c>
      <c r="CY118" s="166">
        <v>403842.65098537499</v>
      </c>
      <c r="CZ118" s="166">
        <v>403842.65098537499</v>
      </c>
    </row>
    <row r="119" spans="1:104" hidden="1" outlineLevel="1" x14ac:dyDescent="0.2">
      <c r="A119" s="167" t="s">
        <v>1078</v>
      </c>
      <c r="B119" s="166">
        <v>582637.05000000005</v>
      </c>
      <c r="C119" s="166">
        <v>582637.05000000005</v>
      </c>
      <c r="D119" s="166">
        <v>0</v>
      </c>
      <c r="E119" s="166">
        <v>0</v>
      </c>
      <c r="F119" s="166">
        <v>0</v>
      </c>
      <c r="G119" s="166">
        <v>0</v>
      </c>
      <c r="H119" s="166">
        <v>0</v>
      </c>
      <c r="I119" s="166">
        <v>0</v>
      </c>
      <c r="J119" s="166">
        <v>0</v>
      </c>
      <c r="K119" s="166">
        <v>0</v>
      </c>
      <c r="L119" s="166">
        <v>0</v>
      </c>
      <c r="M119" s="166">
        <v>0</v>
      </c>
      <c r="N119" s="166">
        <v>0</v>
      </c>
      <c r="O119" s="166">
        <v>0</v>
      </c>
      <c r="P119" s="166">
        <v>0</v>
      </c>
      <c r="Q119" s="166">
        <v>0</v>
      </c>
      <c r="R119" s="166">
        <v>0</v>
      </c>
      <c r="S119" s="166">
        <v>0</v>
      </c>
      <c r="T119" s="166">
        <v>0</v>
      </c>
      <c r="U119" s="166">
        <v>0</v>
      </c>
      <c r="V119" s="166">
        <v>0</v>
      </c>
      <c r="W119" s="166">
        <v>0</v>
      </c>
      <c r="X119" s="166">
        <v>0</v>
      </c>
      <c r="Y119" s="166">
        <v>0</v>
      </c>
      <c r="Z119" s="166">
        <v>0</v>
      </c>
      <c r="AA119" s="166">
        <v>0</v>
      </c>
      <c r="AB119" s="166">
        <v>0</v>
      </c>
      <c r="AC119" s="166">
        <v>0</v>
      </c>
      <c r="AD119" s="166">
        <v>0</v>
      </c>
      <c r="AE119" s="166">
        <v>0</v>
      </c>
      <c r="AF119" s="166">
        <v>0</v>
      </c>
      <c r="AG119" s="166">
        <v>0</v>
      </c>
      <c r="AH119" s="166">
        <v>0</v>
      </c>
      <c r="AI119" s="166">
        <v>0</v>
      </c>
      <c r="AJ119" s="166">
        <v>0</v>
      </c>
      <c r="AK119" s="166">
        <v>0</v>
      </c>
      <c r="AL119" s="166">
        <v>0</v>
      </c>
      <c r="AM119" s="166">
        <v>0</v>
      </c>
      <c r="AN119" s="166">
        <v>0</v>
      </c>
      <c r="AO119" s="166">
        <v>0</v>
      </c>
      <c r="AP119" s="166">
        <v>0</v>
      </c>
      <c r="AQ119" s="166">
        <v>0</v>
      </c>
      <c r="AR119" s="166">
        <v>0</v>
      </c>
      <c r="AS119" s="166">
        <v>0</v>
      </c>
      <c r="AT119" s="166">
        <v>0</v>
      </c>
      <c r="AU119" s="166">
        <v>0</v>
      </c>
      <c r="AV119" s="166">
        <v>0</v>
      </c>
      <c r="AW119" s="166">
        <v>0</v>
      </c>
      <c r="AX119" s="166">
        <v>0</v>
      </c>
      <c r="AY119" s="166">
        <v>0</v>
      </c>
      <c r="AZ119" s="166">
        <v>0</v>
      </c>
      <c r="BA119" s="166">
        <v>0</v>
      </c>
      <c r="BB119" s="166">
        <v>0</v>
      </c>
      <c r="BC119" s="166">
        <v>0</v>
      </c>
      <c r="BD119" s="166">
        <v>0</v>
      </c>
      <c r="BE119" s="166">
        <v>0</v>
      </c>
      <c r="BF119" s="166">
        <v>0</v>
      </c>
      <c r="BG119" s="166">
        <v>0</v>
      </c>
      <c r="BH119" s="166">
        <v>0</v>
      </c>
      <c r="BI119" s="166">
        <v>0</v>
      </c>
      <c r="BJ119" s="166">
        <v>0</v>
      </c>
      <c r="BK119" s="166">
        <v>0</v>
      </c>
      <c r="BL119" s="166">
        <v>0</v>
      </c>
      <c r="BM119" s="166">
        <v>0</v>
      </c>
      <c r="BN119" s="166">
        <v>0</v>
      </c>
      <c r="BO119" s="166">
        <v>0</v>
      </c>
      <c r="BP119" s="166">
        <v>0</v>
      </c>
      <c r="BQ119" s="166">
        <v>0</v>
      </c>
      <c r="BR119" s="166">
        <v>582637.05000000005</v>
      </c>
      <c r="BS119" s="166">
        <v>582637.05000000005</v>
      </c>
      <c r="BT119" s="168">
        <v>0</v>
      </c>
      <c r="BU119" s="166">
        <v>18471.9111679907</v>
      </c>
      <c r="BV119" s="166">
        <v>425409.27297821199</v>
      </c>
      <c r="BW119" s="166">
        <v>0</v>
      </c>
      <c r="BX119" s="166">
        <v>0</v>
      </c>
      <c r="BY119" s="166">
        <v>0</v>
      </c>
      <c r="BZ119" s="166">
        <v>0</v>
      </c>
      <c r="CA119" s="166">
        <v>0</v>
      </c>
      <c r="CB119" s="166">
        <v>0</v>
      </c>
      <c r="CC119" s="166">
        <v>0</v>
      </c>
      <c r="CD119" s="166">
        <v>0</v>
      </c>
      <c r="CE119" s="166">
        <v>0</v>
      </c>
      <c r="CF119" s="166">
        <v>0</v>
      </c>
      <c r="CG119" s="166">
        <v>0</v>
      </c>
      <c r="CH119" s="166">
        <v>0</v>
      </c>
      <c r="CI119" s="166">
        <v>0</v>
      </c>
      <c r="CJ119" s="166">
        <v>0</v>
      </c>
      <c r="CK119" s="166">
        <v>0</v>
      </c>
      <c r="CL119" s="166">
        <v>0</v>
      </c>
      <c r="CM119" s="166">
        <v>0</v>
      </c>
      <c r="CN119" s="166">
        <v>0</v>
      </c>
      <c r="CO119" s="166">
        <v>0</v>
      </c>
      <c r="CP119" s="166">
        <v>0</v>
      </c>
      <c r="CQ119" s="166">
        <v>0</v>
      </c>
      <c r="CR119" s="166">
        <v>0</v>
      </c>
      <c r="CS119" s="166">
        <v>0</v>
      </c>
      <c r="CT119" s="166">
        <v>0</v>
      </c>
      <c r="CU119" s="166">
        <v>0</v>
      </c>
      <c r="CV119" s="166">
        <v>0</v>
      </c>
      <c r="CW119" s="166">
        <v>0</v>
      </c>
      <c r="CX119" s="166">
        <v>0</v>
      </c>
      <c r="CY119" s="166">
        <v>425409.27297821199</v>
      </c>
      <c r="CZ119" s="166">
        <v>425409.27297821199</v>
      </c>
    </row>
    <row r="120" spans="1:104" hidden="1" outlineLevel="1" x14ac:dyDescent="0.2">
      <c r="A120" s="167" t="s">
        <v>212</v>
      </c>
    </row>
    <row r="121" spans="1:104" hidden="1" outlineLevel="1" x14ac:dyDescent="0.2">
      <c r="A121" s="167" t="s">
        <v>213</v>
      </c>
      <c r="B121" s="166">
        <v>12072.5990474515</v>
      </c>
      <c r="C121" s="166">
        <v>12072.5990474515</v>
      </c>
      <c r="D121" s="166">
        <v>0</v>
      </c>
      <c r="E121" s="166">
        <v>0</v>
      </c>
      <c r="F121" s="166">
        <v>0</v>
      </c>
      <c r="G121" s="166">
        <v>0</v>
      </c>
      <c r="H121" s="166">
        <v>0</v>
      </c>
      <c r="I121" s="166">
        <v>0</v>
      </c>
      <c r="J121" s="166">
        <v>0</v>
      </c>
      <c r="K121" s="166">
        <v>0</v>
      </c>
      <c r="L121" s="166">
        <v>0</v>
      </c>
      <c r="M121" s="166">
        <v>0</v>
      </c>
      <c r="N121" s="166">
        <v>0</v>
      </c>
      <c r="O121" s="166">
        <v>0</v>
      </c>
      <c r="P121" s="166">
        <v>0</v>
      </c>
      <c r="Q121" s="166">
        <v>0</v>
      </c>
      <c r="R121" s="166">
        <v>0</v>
      </c>
      <c r="S121" s="166">
        <v>0</v>
      </c>
      <c r="T121" s="166">
        <v>0</v>
      </c>
      <c r="U121" s="166">
        <v>0</v>
      </c>
      <c r="V121" s="166">
        <v>0</v>
      </c>
      <c r="W121" s="166">
        <v>0</v>
      </c>
      <c r="X121" s="166">
        <v>0</v>
      </c>
      <c r="Y121" s="166">
        <v>0</v>
      </c>
      <c r="Z121" s="166">
        <v>0</v>
      </c>
      <c r="AA121" s="166">
        <v>0</v>
      </c>
      <c r="AB121" s="166">
        <v>0</v>
      </c>
      <c r="AC121" s="166">
        <v>0</v>
      </c>
      <c r="AD121" s="166">
        <v>0</v>
      </c>
      <c r="AE121" s="166">
        <v>0</v>
      </c>
      <c r="AF121" s="166">
        <v>0</v>
      </c>
      <c r="AG121" s="166">
        <v>0</v>
      </c>
      <c r="AH121" s="166">
        <v>0</v>
      </c>
      <c r="AI121" s="166">
        <v>0</v>
      </c>
      <c r="AJ121" s="166">
        <v>0</v>
      </c>
      <c r="AK121" s="166">
        <v>0</v>
      </c>
      <c r="AL121" s="166">
        <v>0</v>
      </c>
      <c r="AM121" s="166">
        <v>0</v>
      </c>
      <c r="AN121" s="166">
        <v>0</v>
      </c>
      <c r="AO121" s="166">
        <v>0</v>
      </c>
      <c r="AP121" s="166">
        <v>0</v>
      </c>
      <c r="AQ121" s="166">
        <v>0</v>
      </c>
      <c r="AR121" s="166">
        <v>0</v>
      </c>
      <c r="AS121" s="166">
        <v>0</v>
      </c>
      <c r="AT121" s="166">
        <v>0</v>
      </c>
      <c r="AU121" s="166">
        <v>0</v>
      </c>
      <c r="AV121" s="166">
        <v>0</v>
      </c>
      <c r="AW121" s="166">
        <v>0</v>
      </c>
      <c r="AX121" s="166">
        <v>0</v>
      </c>
      <c r="AY121" s="166">
        <v>0</v>
      </c>
      <c r="AZ121" s="166">
        <v>0</v>
      </c>
      <c r="BA121" s="166">
        <v>0</v>
      </c>
      <c r="BB121" s="166">
        <v>0</v>
      </c>
      <c r="BC121" s="166">
        <v>0</v>
      </c>
      <c r="BD121" s="166">
        <v>0</v>
      </c>
      <c r="BE121" s="166">
        <v>0</v>
      </c>
      <c r="BF121" s="166">
        <v>0</v>
      </c>
      <c r="BG121" s="166">
        <v>0</v>
      </c>
      <c r="BH121" s="166">
        <v>0</v>
      </c>
      <c r="BI121" s="166">
        <v>0</v>
      </c>
      <c r="BJ121" s="166">
        <v>0</v>
      </c>
      <c r="BK121" s="166">
        <v>0</v>
      </c>
      <c r="BL121" s="166">
        <v>0</v>
      </c>
      <c r="BM121" s="166">
        <v>0</v>
      </c>
      <c r="BN121" s="166">
        <v>0</v>
      </c>
      <c r="BO121" s="166">
        <v>0</v>
      </c>
      <c r="BP121" s="166">
        <v>0</v>
      </c>
      <c r="BQ121" s="166">
        <v>0</v>
      </c>
      <c r="BR121" s="166">
        <v>12072.5990474515</v>
      </c>
      <c r="BS121" s="166">
        <v>12072.5990474515</v>
      </c>
      <c r="BT121" s="166">
        <v>974.03</v>
      </c>
      <c r="BU121" s="166">
        <v>18.039302609897199</v>
      </c>
      <c r="BV121" s="166">
        <v>11759.073650189201</v>
      </c>
      <c r="BW121" s="166">
        <v>0</v>
      </c>
      <c r="BX121" s="166">
        <v>0</v>
      </c>
      <c r="BY121" s="166">
        <v>0</v>
      </c>
      <c r="BZ121" s="166">
        <v>0</v>
      </c>
      <c r="CA121" s="166">
        <v>0</v>
      </c>
      <c r="CB121" s="166">
        <v>0</v>
      </c>
      <c r="CC121" s="166">
        <v>0</v>
      </c>
      <c r="CD121" s="166">
        <v>0</v>
      </c>
      <c r="CE121" s="166">
        <v>0</v>
      </c>
      <c r="CF121" s="166">
        <v>0</v>
      </c>
      <c r="CG121" s="166">
        <v>0</v>
      </c>
      <c r="CH121" s="166">
        <v>0</v>
      </c>
      <c r="CI121" s="166">
        <v>0</v>
      </c>
      <c r="CJ121" s="166">
        <v>0</v>
      </c>
      <c r="CK121" s="166">
        <v>0</v>
      </c>
      <c r="CL121" s="166">
        <v>0</v>
      </c>
      <c r="CM121" s="166">
        <v>0</v>
      </c>
      <c r="CN121" s="166">
        <v>0</v>
      </c>
      <c r="CO121" s="166">
        <v>0</v>
      </c>
      <c r="CP121" s="166">
        <v>0</v>
      </c>
      <c r="CQ121" s="166">
        <v>0</v>
      </c>
      <c r="CR121" s="166">
        <v>0</v>
      </c>
      <c r="CS121" s="166">
        <v>0</v>
      </c>
      <c r="CT121" s="166">
        <v>0</v>
      </c>
      <c r="CU121" s="166">
        <v>0</v>
      </c>
      <c r="CV121" s="166">
        <v>0</v>
      </c>
      <c r="CW121" s="166">
        <v>0</v>
      </c>
      <c r="CX121" s="166">
        <v>0</v>
      </c>
      <c r="CY121" s="166">
        <v>11759.073650189201</v>
      </c>
      <c r="CZ121" s="166">
        <v>11759.073650189201</v>
      </c>
    </row>
    <row r="122" spans="1:104" hidden="1" outlineLevel="1" x14ac:dyDescent="0.2">
      <c r="A122" s="167" t="s">
        <v>214</v>
      </c>
      <c r="B122" s="166">
        <v>381.68950704095698</v>
      </c>
      <c r="C122" s="166">
        <v>381.68950704095698</v>
      </c>
      <c r="D122" s="166">
        <v>0</v>
      </c>
      <c r="E122" s="166">
        <v>0</v>
      </c>
      <c r="F122" s="166">
        <v>0</v>
      </c>
      <c r="G122" s="166">
        <v>0</v>
      </c>
      <c r="H122" s="166">
        <v>0</v>
      </c>
      <c r="I122" s="166">
        <v>0</v>
      </c>
      <c r="J122" s="166">
        <v>0</v>
      </c>
      <c r="K122" s="166">
        <v>0</v>
      </c>
      <c r="L122" s="166">
        <v>0</v>
      </c>
      <c r="M122" s="166">
        <v>0</v>
      </c>
      <c r="N122" s="166">
        <v>0</v>
      </c>
      <c r="O122" s="166">
        <v>0</v>
      </c>
      <c r="P122" s="166">
        <v>0</v>
      </c>
      <c r="Q122" s="166">
        <v>0</v>
      </c>
      <c r="R122" s="166">
        <v>0</v>
      </c>
      <c r="S122" s="166">
        <v>0</v>
      </c>
      <c r="T122" s="166">
        <v>0</v>
      </c>
      <c r="U122" s="166">
        <v>0</v>
      </c>
      <c r="V122" s="166">
        <v>0</v>
      </c>
      <c r="W122" s="166">
        <v>0</v>
      </c>
      <c r="X122" s="166">
        <v>0</v>
      </c>
      <c r="Y122" s="166">
        <v>0</v>
      </c>
      <c r="Z122" s="166">
        <v>0</v>
      </c>
      <c r="AA122" s="166">
        <v>0</v>
      </c>
      <c r="AB122" s="166">
        <v>0</v>
      </c>
      <c r="AC122" s="166">
        <v>0</v>
      </c>
      <c r="AD122" s="166">
        <v>0</v>
      </c>
      <c r="AE122" s="166">
        <v>0</v>
      </c>
      <c r="AF122" s="166">
        <v>0</v>
      </c>
      <c r="AG122" s="166">
        <v>0</v>
      </c>
      <c r="AH122" s="166">
        <v>0</v>
      </c>
      <c r="AI122" s="166">
        <v>0</v>
      </c>
      <c r="AJ122" s="166">
        <v>0</v>
      </c>
      <c r="AK122" s="166">
        <v>0</v>
      </c>
      <c r="AL122" s="166">
        <v>0</v>
      </c>
      <c r="AM122" s="166">
        <v>0</v>
      </c>
      <c r="AN122" s="166">
        <v>0</v>
      </c>
      <c r="AO122" s="166">
        <v>0</v>
      </c>
      <c r="AP122" s="166">
        <v>0</v>
      </c>
      <c r="AQ122" s="166">
        <v>0</v>
      </c>
      <c r="AR122" s="166">
        <v>0</v>
      </c>
      <c r="AS122" s="166">
        <v>0</v>
      </c>
      <c r="AT122" s="166">
        <v>0</v>
      </c>
      <c r="AU122" s="166">
        <v>0</v>
      </c>
      <c r="AV122" s="166">
        <v>0</v>
      </c>
      <c r="AW122" s="166">
        <v>0</v>
      </c>
      <c r="AX122" s="166">
        <v>0</v>
      </c>
      <c r="AY122" s="166">
        <v>0</v>
      </c>
      <c r="AZ122" s="166">
        <v>0</v>
      </c>
      <c r="BA122" s="166">
        <v>0</v>
      </c>
      <c r="BB122" s="166">
        <v>0</v>
      </c>
      <c r="BC122" s="166">
        <v>0</v>
      </c>
      <c r="BD122" s="166">
        <v>0</v>
      </c>
      <c r="BE122" s="166">
        <v>0</v>
      </c>
      <c r="BF122" s="166">
        <v>0</v>
      </c>
      <c r="BG122" s="166">
        <v>0</v>
      </c>
      <c r="BH122" s="166">
        <v>0</v>
      </c>
      <c r="BI122" s="166">
        <v>0</v>
      </c>
      <c r="BJ122" s="166">
        <v>0</v>
      </c>
      <c r="BK122" s="166">
        <v>0</v>
      </c>
      <c r="BL122" s="166">
        <v>0</v>
      </c>
      <c r="BM122" s="166">
        <v>0</v>
      </c>
      <c r="BN122" s="166">
        <v>0</v>
      </c>
      <c r="BO122" s="166">
        <v>0</v>
      </c>
      <c r="BP122" s="166">
        <v>0</v>
      </c>
      <c r="BQ122" s="166">
        <v>0</v>
      </c>
      <c r="BR122" s="166">
        <v>381.68950704095698</v>
      </c>
      <c r="BS122" s="166">
        <v>381.68950704095698</v>
      </c>
      <c r="BT122" s="166">
        <v>926.37230841246003</v>
      </c>
      <c r="BU122" s="166">
        <v>0.54243456151167402</v>
      </c>
      <c r="BV122" s="166">
        <v>353.58658973434501</v>
      </c>
      <c r="BW122" s="166">
        <v>0</v>
      </c>
      <c r="BX122" s="166">
        <v>0</v>
      </c>
      <c r="BY122" s="166">
        <v>0</v>
      </c>
      <c r="BZ122" s="166">
        <v>0</v>
      </c>
      <c r="CA122" s="166">
        <v>0</v>
      </c>
      <c r="CB122" s="166">
        <v>0</v>
      </c>
      <c r="CC122" s="166">
        <v>0</v>
      </c>
      <c r="CD122" s="166">
        <v>0</v>
      </c>
      <c r="CE122" s="166">
        <v>0</v>
      </c>
      <c r="CF122" s="166">
        <v>0</v>
      </c>
      <c r="CG122" s="166">
        <v>0</v>
      </c>
      <c r="CH122" s="166">
        <v>0</v>
      </c>
      <c r="CI122" s="166">
        <v>0</v>
      </c>
      <c r="CJ122" s="166">
        <v>0</v>
      </c>
      <c r="CK122" s="166">
        <v>0</v>
      </c>
      <c r="CL122" s="166">
        <v>0</v>
      </c>
      <c r="CM122" s="166">
        <v>0</v>
      </c>
      <c r="CN122" s="166">
        <v>0</v>
      </c>
      <c r="CO122" s="166">
        <v>0</v>
      </c>
      <c r="CP122" s="166">
        <v>0</v>
      </c>
      <c r="CQ122" s="166">
        <v>0</v>
      </c>
      <c r="CR122" s="166">
        <v>0</v>
      </c>
      <c r="CS122" s="166">
        <v>0</v>
      </c>
      <c r="CT122" s="166">
        <v>0</v>
      </c>
      <c r="CU122" s="166">
        <v>0</v>
      </c>
      <c r="CV122" s="166">
        <v>0</v>
      </c>
      <c r="CW122" s="166">
        <v>0</v>
      </c>
      <c r="CX122" s="166">
        <v>0</v>
      </c>
      <c r="CY122" s="166">
        <v>353.58658973434501</v>
      </c>
      <c r="CZ122" s="166">
        <v>353.58658973434501</v>
      </c>
    </row>
    <row r="123" spans="1:104" hidden="1" outlineLevel="1" x14ac:dyDescent="0.2">
      <c r="A123" s="167" t="s">
        <v>215</v>
      </c>
      <c r="B123" s="166">
        <v>2753.44223835609</v>
      </c>
      <c r="C123" s="166">
        <v>2753.44223835609</v>
      </c>
      <c r="D123" s="166">
        <v>0</v>
      </c>
      <c r="E123" s="166">
        <v>0</v>
      </c>
      <c r="F123" s="166">
        <v>0</v>
      </c>
      <c r="G123" s="166">
        <v>0</v>
      </c>
      <c r="H123" s="166">
        <v>0</v>
      </c>
      <c r="I123" s="166">
        <v>0</v>
      </c>
      <c r="J123" s="166">
        <v>0</v>
      </c>
      <c r="K123" s="166">
        <v>0</v>
      </c>
      <c r="L123" s="166">
        <v>0</v>
      </c>
      <c r="M123" s="166">
        <v>0</v>
      </c>
      <c r="N123" s="166">
        <v>0</v>
      </c>
      <c r="O123" s="166">
        <v>0</v>
      </c>
      <c r="P123" s="166">
        <v>0</v>
      </c>
      <c r="Q123" s="166">
        <v>0</v>
      </c>
      <c r="R123" s="166">
        <v>0</v>
      </c>
      <c r="S123" s="166">
        <v>0</v>
      </c>
      <c r="T123" s="166">
        <v>0</v>
      </c>
      <c r="U123" s="166">
        <v>0</v>
      </c>
      <c r="V123" s="166">
        <v>0</v>
      </c>
      <c r="W123" s="166">
        <v>0</v>
      </c>
      <c r="X123" s="166">
        <v>0</v>
      </c>
      <c r="Y123" s="166">
        <v>0</v>
      </c>
      <c r="Z123" s="166">
        <v>0</v>
      </c>
      <c r="AA123" s="166">
        <v>0</v>
      </c>
      <c r="AB123" s="166">
        <v>0</v>
      </c>
      <c r="AC123" s="166">
        <v>0</v>
      </c>
      <c r="AD123" s="166">
        <v>0</v>
      </c>
      <c r="AE123" s="166">
        <v>0</v>
      </c>
      <c r="AF123" s="166">
        <v>0</v>
      </c>
      <c r="AG123" s="166">
        <v>0</v>
      </c>
      <c r="AH123" s="166">
        <v>0</v>
      </c>
      <c r="AI123" s="166">
        <v>0</v>
      </c>
      <c r="AJ123" s="166">
        <v>0</v>
      </c>
      <c r="AK123" s="166">
        <v>0</v>
      </c>
      <c r="AL123" s="166">
        <v>0</v>
      </c>
      <c r="AM123" s="166">
        <v>0</v>
      </c>
      <c r="AN123" s="166">
        <v>0</v>
      </c>
      <c r="AO123" s="166">
        <v>0</v>
      </c>
      <c r="AP123" s="166">
        <v>0</v>
      </c>
      <c r="AQ123" s="166">
        <v>0</v>
      </c>
      <c r="AR123" s="166">
        <v>0</v>
      </c>
      <c r="AS123" s="166">
        <v>0</v>
      </c>
      <c r="AT123" s="166">
        <v>0</v>
      </c>
      <c r="AU123" s="166">
        <v>0</v>
      </c>
      <c r="AV123" s="166">
        <v>0</v>
      </c>
      <c r="AW123" s="166">
        <v>0</v>
      </c>
      <c r="AX123" s="166">
        <v>0</v>
      </c>
      <c r="AY123" s="166">
        <v>0</v>
      </c>
      <c r="AZ123" s="166">
        <v>0</v>
      </c>
      <c r="BA123" s="166">
        <v>0</v>
      </c>
      <c r="BB123" s="166">
        <v>0</v>
      </c>
      <c r="BC123" s="166">
        <v>0</v>
      </c>
      <c r="BD123" s="166">
        <v>0</v>
      </c>
      <c r="BE123" s="166">
        <v>0</v>
      </c>
      <c r="BF123" s="166">
        <v>0</v>
      </c>
      <c r="BG123" s="166">
        <v>0</v>
      </c>
      <c r="BH123" s="166">
        <v>0</v>
      </c>
      <c r="BI123" s="166">
        <v>0</v>
      </c>
      <c r="BJ123" s="166">
        <v>0</v>
      </c>
      <c r="BK123" s="166">
        <v>0</v>
      </c>
      <c r="BL123" s="166">
        <v>0</v>
      </c>
      <c r="BM123" s="166">
        <v>0</v>
      </c>
      <c r="BN123" s="166">
        <v>0</v>
      </c>
      <c r="BO123" s="166">
        <v>0</v>
      </c>
      <c r="BP123" s="166">
        <v>0</v>
      </c>
      <c r="BQ123" s="166">
        <v>0</v>
      </c>
      <c r="BR123" s="166">
        <v>2753.44223835609</v>
      </c>
      <c r="BS123" s="166">
        <v>2753.44223835609</v>
      </c>
      <c r="BT123" s="166">
        <v>951.09934560116096</v>
      </c>
      <c r="BU123" s="166">
        <v>4.0174772003889796</v>
      </c>
      <c r="BV123" s="166">
        <v>2618.7971110510698</v>
      </c>
      <c r="BW123" s="166">
        <v>0</v>
      </c>
      <c r="BX123" s="166">
        <v>0</v>
      </c>
      <c r="BY123" s="166">
        <v>0</v>
      </c>
      <c r="BZ123" s="166">
        <v>0</v>
      </c>
      <c r="CA123" s="166">
        <v>0</v>
      </c>
      <c r="CB123" s="166">
        <v>0</v>
      </c>
      <c r="CC123" s="166">
        <v>0</v>
      </c>
      <c r="CD123" s="166">
        <v>0</v>
      </c>
      <c r="CE123" s="166">
        <v>0</v>
      </c>
      <c r="CF123" s="166">
        <v>0</v>
      </c>
      <c r="CG123" s="166">
        <v>0</v>
      </c>
      <c r="CH123" s="166">
        <v>0</v>
      </c>
      <c r="CI123" s="166">
        <v>0</v>
      </c>
      <c r="CJ123" s="166">
        <v>0</v>
      </c>
      <c r="CK123" s="166">
        <v>0</v>
      </c>
      <c r="CL123" s="166">
        <v>0</v>
      </c>
      <c r="CM123" s="166">
        <v>0</v>
      </c>
      <c r="CN123" s="166">
        <v>0</v>
      </c>
      <c r="CO123" s="166">
        <v>0</v>
      </c>
      <c r="CP123" s="166">
        <v>0</v>
      </c>
      <c r="CQ123" s="166">
        <v>0</v>
      </c>
      <c r="CR123" s="166">
        <v>0</v>
      </c>
      <c r="CS123" s="166">
        <v>0</v>
      </c>
      <c r="CT123" s="166">
        <v>0</v>
      </c>
      <c r="CU123" s="166">
        <v>0</v>
      </c>
      <c r="CV123" s="166">
        <v>0</v>
      </c>
      <c r="CW123" s="166">
        <v>0</v>
      </c>
      <c r="CX123" s="166">
        <v>0</v>
      </c>
      <c r="CY123" s="166">
        <v>2618.7971110510698</v>
      </c>
      <c r="CZ123" s="166">
        <v>2618.7971110510698</v>
      </c>
    </row>
    <row r="124" spans="1:104" hidden="1" outlineLevel="1" x14ac:dyDescent="0.2">
      <c r="A124" s="167" t="s">
        <v>216</v>
      </c>
      <c r="B124" s="166">
        <v>8807.97529149818</v>
      </c>
      <c r="C124" s="166">
        <v>8807.97529149818</v>
      </c>
      <c r="D124" s="166">
        <v>0</v>
      </c>
      <c r="E124" s="166">
        <v>0</v>
      </c>
      <c r="F124" s="166">
        <v>0</v>
      </c>
      <c r="G124" s="166">
        <v>0</v>
      </c>
      <c r="H124" s="166">
        <v>0</v>
      </c>
      <c r="I124" s="166">
        <v>0</v>
      </c>
      <c r="J124" s="166">
        <v>0</v>
      </c>
      <c r="K124" s="166">
        <v>0</v>
      </c>
      <c r="L124" s="166">
        <v>0</v>
      </c>
      <c r="M124" s="166">
        <v>0</v>
      </c>
      <c r="N124" s="166">
        <v>0</v>
      </c>
      <c r="O124" s="166">
        <v>0</v>
      </c>
      <c r="P124" s="166">
        <v>0</v>
      </c>
      <c r="Q124" s="166">
        <v>0</v>
      </c>
      <c r="R124" s="166">
        <v>0</v>
      </c>
      <c r="S124" s="166">
        <v>0</v>
      </c>
      <c r="T124" s="166">
        <v>0</v>
      </c>
      <c r="U124" s="166">
        <v>0</v>
      </c>
      <c r="V124" s="166">
        <v>0</v>
      </c>
      <c r="W124" s="166">
        <v>0</v>
      </c>
      <c r="X124" s="166">
        <v>0</v>
      </c>
      <c r="Y124" s="166">
        <v>0</v>
      </c>
      <c r="Z124" s="166">
        <v>0</v>
      </c>
      <c r="AA124" s="166">
        <v>0</v>
      </c>
      <c r="AB124" s="166">
        <v>0</v>
      </c>
      <c r="AC124" s="166">
        <v>0</v>
      </c>
      <c r="AD124" s="166">
        <v>0</v>
      </c>
      <c r="AE124" s="166">
        <v>0</v>
      </c>
      <c r="AF124" s="166">
        <v>0</v>
      </c>
      <c r="AG124" s="166">
        <v>0</v>
      </c>
      <c r="AH124" s="166">
        <v>0</v>
      </c>
      <c r="AI124" s="166">
        <v>0</v>
      </c>
      <c r="AJ124" s="166">
        <v>0</v>
      </c>
      <c r="AK124" s="166">
        <v>0</v>
      </c>
      <c r="AL124" s="166">
        <v>0</v>
      </c>
      <c r="AM124" s="166">
        <v>0</v>
      </c>
      <c r="AN124" s="166">
        <v>0</v>
      </c>
      <c r="AO124" s="166">
        <v>0</v>
      </c>
      <c r="AP124" s="166">
        <v>0</v>
      </c>
      <c r="AQ124" s="166">
        <v>0</v>
      </c>
      <c r="AR124" s="166">
        <v>0</v>
      </c>
      <c r="AS124" s="166">
        <v>0</v>
      </c>
      <c r="AT124" s="166">
        <v>0</v>
      </c>
      <c r="AU124" s="166">
        <v>0</v>
      </c>
      <c r="AV124" s="166">
        <v>0</v>
      </c>
      <c r="AW124" s="166">
        <v>0</v>
      </c>
      <c r="AX124" s="166">
        <v>0</v>
      </c>
      <c r="AY124" s="166">
        <v>0</v>
      </c>
      <c r="AZ124" s="166">
        <v>0</v>
      </c>
      <c r="BA124" s="166">
        <v>0</v>
      </c>
      <c r="BB124" s="166">
        <v>0</v>
      </c>
      <c r="BC124" s="166">
        <v>0</v>
      </c>
      <c r="BD124" s="166">
        <v>0</v>
      </c>
      <c r="BE124" s="166">
        <v>0</v>
      </c>
      <c r="BF124" s="166">
        <v>0</v>
      </c>
      <c r="BG124" s="166">
        <v>0</v>
      </c>
      <c r="BH124" s="166">
        <v>0</v>
      </c>
      <c r="BI124" s="166">
        <v>0</v>
      </c>
      <c r="BJ124" s="166">
        <v>0</v>
      </c>
      <c r="BK124" s="166">
        <v>0</v>
      </c>
      <c r="BL124" s="166">
        <v>0</v>
      </c>
      <c r="BM124" s="166">
        <v>0</v>
      </c>
      <c r="BN124" s="166">
        <v>0</v>
      </c>
      <c r="BO124" s="166">
        <v>0</v>
      </c>
      <c r="BP124" s="166">
        <v>0</v>
      </c>
      <c r="BQ124" s="166">
        <v>0</v>
      </c>
      <c r="BR124" s="166">
        <v>8807.97529149818</v>
      </c>
      <c r="BS124" s="166">
        <v>8807.97529149818</v>
      </c>
      <c r="BT124" s="166">
        <v>974.031333925642</v>
      </c>
      <c r="BU124" s="166">
        <v>13.1617616971036</v>
      </c>
      <c r="BV124" s="166">
        <v>8579.2439223620695</v>
      </c>
      <c r="BW124" s="166">
        <v>0</v>
      </c>
      <c r="BX124" s="166">
        <v>0</v>
      </c>
      <c r="BY124" s="166">
        <v>0</v>
      </c>
      <c r="BZ124" s="166">
        <v>0</v>
      </c>
      <c r="CA124" s="166">
        <v>0</v>
      </c>
      <c r="CB124" s="166">
        <v>0</v>
      </c>
      <c r="CC124" s="166">
        <v>0</v>
      </c>
      <c r="CD124" s="166">
        <v>0</v>
      </c>
      <c r="CE124" s="166">
        <v>0</v>
      </c>
      <c r="CF124" s="166">
        <v>0</v>
      </c>
      <c r="CG124" s="166">
        <v>0</v>
      </c>
      <c r="CH124" s="166">
        <v>0</v>
      </c>
      <c r="CI124" s="166">
        <v>0</v>
      </c>
      <c r="CJ124" s="166">
        <v>0</v>
      </c>
      <c r="CK124" s="166">
        <v>0</v>
      </c>
      <c r="CL124" s="166">
        <v>0</v>
      </c>
      <c r="CM124" s="166">
        <v>0</v>
      </c>
      <c r="CN124" s="166">
        <v>0</v>
      </c>
      <c r="CO124" s="166">
        <v>0</v>
      </c>
      <c r="CP124" s="166">
        <v>0</v>
      </c>
      <c r="CQ124" s="166">
        <v>0</v>
      </c>
      <c r="CR124" s="166">
        <v>0</v>
      </c>
      <c r="CS124" s="166">
        <v>0</v>
      </c>
      <c r="CT124" s="166">
        <v>0</v>
      </c>
      <c r="CU124" s="166">
        <v>0</v>
      </c>
      <c r="CV124" s="166">
        <v>0</v>
      </c>
      <c r="CW124" s="166">
        <v>0</v>
      </c>
      <c r="CX124" s="166">
        <v>0</v>
      </c>
      <c r="CY124" s="166">
        <v>8579.2439223620695</v>
      </c>
      <c r="CZ124" s="166">
        <v>8579.2439223620695</v>
      </c>
    </row>
    <row r="125" spans="1:104" hidden="1" outlineLevel="1" x14ac:dyDescent="0.2">
      <c r="A125" s="167" t="s">
        <v>217</v>
      </c>
      <c r="B125" s="166">
        <v>6915.0168434184798</v>
      </c>
      <c r="C125" s="166">
        <v>6915.0168434184798</v>
      </c>
      <c r="D125" s="166">
        <v>0</v>
      </c>
      <c r="E125" s="166">
        <v>0</v>
      </c>
      <c r="F125" s="166">
        <v>0</v>
      </c>
      <c r="G125" s="166">
        <v>0</v>
      </c>
      <c r="H125" s="166">
        <v>0</v>
      </c>
      <c r="I125" s="166">
        <v>0</v>
      </c>
      <c r="J125" s="166">
        <v>0</v>
      </c>
      <c r="K125" s="166">
        <v>0</v>
      </c>
      <c r="L125" s="166">
        <v>0</v>
      </c>
      <c r="M125" s="166">
        <v>0</v>
      </c>
      <c r="N125" s="166">
        <v>0</v>
      </c>
      <c r="O125" s="166">
        <v>0</v>
      </c>
      <c r="P125" s="166">
        <v>0</v>
      </c>
      <c r="Q125" s="166">
        <v>0</v>
      </c>
      <c r="R125" s="166">
        <v>0</v>
      </c>
      <c r="S125" s="166">
        <v>0</v>
      </c>
      <c r="T125" s="166">
        <v>0</v>
      </c>
      <c r="U125" s="166">
        <v>0</v>
      </c>
      <c r="V125" s="166">
        <v>0</v>
      </c>
      <c r="W125" s="166">
        <v>0</v>
      </c>
      <c r="X125" s="166">
        <v>0</v>
      </c>
      <c r="Y125" s="166">
        <v>0</v>
      </c>
      <c r="Z125" s="166">
        <v>0</v>
      </c>
      <c r="AA125" s="166">
        <v>0</v>
      </c>
      <c r="AB125" s="166">
        <v>0</v>
      </c>
      <c r="AC125" s="166">
        <v>0</v>
      </c>
      <c r="AD125" s="166">
        <v>0</v>
      </c>
      <c r="AE125" s="166">
        <v>0</v>
      </c>
      <c r="AF125" s="166">
        <v>0</v>
      </c>
      <c r="AG125" s="166">
        <v>0</v>
      </c>
      <c r="AH125" s="166">
        <v>0</v>
      </c>
      <c r="AI125" s="166">
        <v>0</v>
      </c>
      <c r="AJ125" s="166">
        <v>0</v>
      </c>
      <c r="AK125" s="166">
        <v>0</v>
      </c>
      <c r="AL125" s="166">
        <v>0</v>
      </c>
      <c r="AM125" s="166">
        <v>0</v>
      </c>
      <c r="AN125" s="166">
        <v>0</v>
      </c>
      <c r="AO125" s="166">
        <v>0</v>
      </c>
      <c r="AP125" s="166">
        <v>0</v>
      </c>
      <c r="AQ125" s="166">
        <v>0</v>
      </c>
      <c r="AR125" s="166">
        <v>0</v>
      </c>
      <c r="AS125" s="166">
        <v>0</v>
      </c>
      <c r="AT125" s="166">
        <v>0</v>
      </c>
      <c r="AU125" s="166">
        <v>0</v>
      </c>
      <c r="AV125" s="166">
        <v>0</v>
      </c>
      <c r="AW125" s="166">
        <v>0</v>
      </c>
      <c r="AX125" s="166">
        <v>0</v>
      </c>
      <c r="AY125" s="166">
        <v>0</v>
      </c>
      <c r="AZ125" s="166">
        <v>0</v>
      </c>
      <c r="BA125" s="166">
        <v>0</v>
      </c>
      <c r="BB125" s="166">
        <v>0</v>
      </c>
      <c r="BC125" s="166">
        <v>0</v>
      </c>
      <c r="BD125" s="166">
        <v>0</v>
      </c>
      <c r="BE125" s="166">
        <v>0</v>
      </c>
      <c r="BF125" s="166">
        <v>0</v>
      </c>
      <c r="BG125" s="166">
        <v>0</v>
      </c>
      <c r="BH125" s="166">
        <v>0</v>
      </c>
      <c r="BI125" s="166">
        <v>0</v>
      </c>
      <c r="BJ125" s="166">
        <v>0</v>
      </c>
      <c r="BK125" s="166">
        <v>0</v>
      </c>
      <c r="BL125" s="166">
        <v>0</v>
      </c>
      <c r="BM125" s="166">
        <v>0</v>
      </c>
      <c r="BN125" s="166">
        <v>0</v>
      </c>
      <c r="BO125" s="166">
        <v>0</v>
      </c>
      <c r="BP125" s="166">
        <v>0</v>
      </c>
      <c r="BQ125" s="166">
        <v>0</v>
      </c>
      <c r="BR125" s="166">
        <v>6915.0168434184798</v>
      </c>
      <c r="BS125" s="166">
        <v>6915.0168434184798</v>
      </c>
      <c r="BT125" s="166">
        <v>1000</v>
      </c>
      <c r="BU125" s="166">
        <v>10.6082607883238</v>
      </c>
      <c r="BV125" s="166">
        <v>6915.0168434184798</v>
      </c>
      <c r="BW125" s="166">
        <v>0</v>
      </c>
      <c r="BX125" s="166">
        <v>0</v>
      </c>
      <c r="BY125" s="166">
        <v>0</v>
      </c>
      <c r="BZ125" s="166">
        <v>0</v>
      </c>
      <c r="CA125" s="166">
        <v>0</v>
      </c>
      <c r="CB125" s="166">
        <v>0</v>
      </c>
      <c r="CC125" s="166">
        <v>0</v>
      </c>
      <c r="CD125" s="166">
        <v>0</v>
      </c>
      <c r="CE125" s="166">
        <v>0</v>
      </c>
      <c r="CF125" s="166">
        <v>0</v>
      </c>
      <c r="CG125" s="166">
        <v>0</v>
      </c>
      <c r="CH125" s="166">
        <v>0</v>
      </c>
      <c r="CI125" s="166">
        <v>0</v>
      </c>
      <c r="CJ125" s="166">
        <v>0</v>
      </c>
      <c r="CK125" s="166">
        <v>0</v>
      </c>
      <c r="CL125" s="166">
        <v>0</v>
      </c>
      <c r="CM125" s="166">
        <v>0</v>
      </c>
      <c r="CN125" s="166">
        <v>0</v>
      </c>
      <c r="CO125" s="166">
        <v>0</v>
      </c>
      <c r="CP125" s="166">
        <v>0</v>
      </c>
      <c r="CQ125" s="166">
        <v>0</v>
      </c>
      <c r="CR125" s="166">
        <v>0</v>
      </c>
      <c r="CS125" s="166">
        <v>0</v>
      </c>
      <c r="CT125" s="166">
        <v>0</v>
      </c>
      <c r="CU125" s="166">
        <v>0</v>
      </c>
      <c r="CV125" s="166">
        <v>0</v>
      </c>
      <c r="CW125" s="166">
        <v>0</v>
      </c>
      <c r="CX125" s="166">
        <v>0</v>
      </c>
      <c r="CY125" s="166">
        <v>6915.0168434184798</v>
      </c>
      <c r="CZ125" s="166">
        <v>6915.0168434184798</v>
      </c>
    </row>
    <row r="126" spans="1:104" hidden="1" outlineLevel="1" x14ac:dyDescent="0.2">
      <c r="A126" s="167" t="s">
        <v>218</v>
      </c>
      <c r="B126" s="166">
        <v>785649.66707223398</v>
      </c>
      <c r="C126" s="166">
        <v>785649.66707223398</v>
      </c>
      <c r="D126" s="166">
        <v>0</v>
      </c>
      <c r="E126" s="166">
        <v>0</v>
      </c>
      <c r="F126" s="166">
        <v>0</v>
      </c>
      <c r="G126" s="166">
        <v>0</v>
      </c>
      <c r="H126" s="166">
        <v>0</v>
      </c>
      <c r="I126" s="166">
        <v>0</v>
      </c>
      <c r="J126" s="166">
        <v>0</v>
      </c>
      <c r="K126" s="166">
        <v>0</v>
      </c>
      <c r="L126" s="166">
        <v>0</v>
      </c>
      <c r="M126" s="166">
        <v>0</v>
      </c>
      <c r="N126" s="166">
        <v>0</v>
      </c>
      <c r="O126" s="166">
        <v>0</v>
      </c>
      <c r="P126" s="166">
        <v>0</v>
      </c>
      <c r="Q126" s="166">
        <v>0</v>
      </c>
      <c r="R126" s="166">
        <v>0</v>
      </c>
      <c r="S126" s="166">
        <v>0</v>
      </c>
      <c r="T126" s="166">
        <v>0</v>
      </c>
      <c r="U126" s="166">
        <v>0</v>
      </c>
      <c r="V126" s="166">
        <v>0</v>
      </c>
      <c r="W126" s="166">
        <v>0</v>
      </c>
      <c r="X126" s="166">
        <v>0</v>
      </c>
      <c r="Y126" s="166">
        <v>0</v>
      </c>
      <c r="Z126" s="166">
        <v>0</v>
      </c>
      <c r="AA126" s="166">
        <v>0</v>
      </c>
      <c r="AB126" s="166">
        <v>0</v>
      </c>
      <c r="AC126" s="166">
        <v>0</v>
      </c>
      <c r="AD126" s="166">
        <v>0</v>
      </c>
      <c r="AE126" s="166">
        <v>0</v>
      </c>
      <c r="AF126" s="166">
        <v>0</v>
      </c>
      <c r="AG126" s="166">
        <v>0</v>
      </c>
      <c r="AH126" s="166">
        <v>0</v>
      </c>
      <c r="AI126" s="166">
        <v>0</v>
      </c>
      <c r="AJ126" s="166">
        <v>0</v>
      </c>
      <c r="AK126" s="166">
        <v>0</v>
      </c>
      <c r="AL126" s="166">
        <v>0</v>
      </c>
      <c r="AM126" s="166">
        <v>0</v>
      </c>
      <c r="AN126" s="166">
        <v>0</v>
      </c>
      <c r="AO126" s="166">
        <v>0</v>
      </c>
      <c r="AP126" s="166">
        <v>0</v>
      </c>
      <c r="AQ126" s="166">
        <v>0</v>
      </c>
      <c r="AR126" s="166">
        <v>0</v>
      </c>
      <c r="AS126" s="166">
        <v>0</v>
      </c>
      <c r="AT126" s="166">
        <v>0</v>
      </c>
      <c r="AU126" s="166">
        <v>0</v>
      </c>
      <c r="AV126" s="166">
        <v>0</v>
      </c>
      <c r="AW126" s="166">
        <v>0</v>
      </c>
      <c r="AX126" s="166">
        <v>0</v>
      </c>
      <c r="AY126" s="166">
        <v>0</v>
      </c>
      <c r="AZ126" s="166">
        <v>0</v>
      </c>
      <c r="BA126" s="166">
        <v>0</v>
      </c>
      <c r="BB126" s="166">
        <v>0</v>
      </c>
      <c r="BC126" s="166">
        <v>0</v>
      </c>
      <c r="BD126" s="166">
        <v>0</v>
      </c>
      <c r="BE126" s="166">
        <v>0</v>
      </c>
      <c r="BF126" s="166">
        <v>0</v>
      </c>
      <c r="BG126" s="166">
        <v>0</v>
      </c>
      <c r="BH126" s="166">
        <v>0</v>
      </c>
      <c r="BI126" s="166">
        <v>0</v>
      </c>
      <c r="BJ126" s="166">
        <v>0</v>
      </c>
      <c r="BK126" s="166">
        <v>0</v>
      </c>
      <c r="BL126" s="166">
        <v>0</v>
      </c>
      <c r="BM126" s="166">
        <v>0</v>
      </c>
      <c r="BN126" s="166">
        <v>0</v>
      </c>
      <c r="BO126" s="166">
        <v>0</v>
      </c>
      <c r="BP126" s="166">
        <v>0</v>
      </c>
      <c r="BQ126" s="166">
        <v>0</v>
      </c>
      <c r="BR126" s="166">
        <v>785649.66707223398</v>
      </c>
      <c r="BS126" s="166">
        <v>785649.66707223398</v>
      </c>
      <c r="BT126" s="166">
        <v>720.41766170058497</v>
      </c>
      <c r="BU126" s="166">
        <v>902.74039807010502</v>
      </c>
      <c r="BV126" s="166">
        <v>565995.896068022</v>
      </c>
      <c r="BW126" s="166">
        <v>0</v>
      </c>
      <c r="BX126" s="166">
        <v>0</v>
      </c>
      <c r="BY126" s="166">
        <v>0</v>
      </c>
      <c r="BZ126" s="166">
        <v>0</v>
      </c>
      <c r="CA126" s="166">
        <v>0</v>
      </c>
      <c r="CB126" s="166">
        <v>0</v>
      </c>
      <c r="CC126" s="166">
        <v>0</v>
      </c>
      <c r="CD126" s="166">
        <v>0</v>
      </c>
      <c r="CE126" s="166">
        <v>0</v>
      </c>
      <c r="CF126" s="166">
        <v>0</v>
      </c>
      <c r="CG126" s="166">
        <v>0</v>
      </c>
      <c r="CH126" s="166">
        <v>0</v>
      </c>
      <c r="CI126" s="166">
        <v>0</v>
      </c>
      <c r="CJ126" s="166">
        <v>0</v>
      </c>
      <c r="CK126" s="166">
        <v>0</v>
      </c>
      <c r="CL126" s="166">
        <v>0</v>
      </c>
      <c r="CM126" s="166">
        <v>0</v>
      </c>
      <c r="CN126" s="166">
        <v>0</v>
      </c>
      <c r="CO126" s="166">
        <v>0</v>
      </c>
      <c r="CP126" s="166">
        <v>0</v>
      </c>
      <c r="CQ126" s="166">
        <v>0</v>
      </c>
      <c r="CR126" s="166">
        <v>0</v>
      </c>
      <c r="CS126" s="166">
        <v>0</v>
      </c>
      <c r="CT126" s="166">
        <v>0</v>
      </c>
      <c r="CU126" s="166">
        <v>0</v>
      </c>
      <c r="CV126" s="166">
        <v>0</v>
      </c>
      <c r="CW126" s="166">
        <v>0</v>
      </c>
      <c r="CX126" s="166">
        <v>0</v>
      </c>
      <c r="CY126" s="166">
        <v>565995.896068022</v>
      </c>
      <c r="CZ126" s="166">
        <v>565995.896068022</v>
      </c>
    </row>
    <row r="127" spans="1:104" hidden="1" outlineLevel="1" x14ac:dyDescent="0.2">
      <c r="A127" s="167" t="s">
        <v>219</v>
      </c>
      <c r="B127" s="166">
        <v>816580.39</v>
      </c>
      <c r="C127" s="166">
        <v>816580.39</v>
      </c>
      <c r="D127" s="166">
        <v>0</v>
      </c>
      <c r="E127" s="166">
        <v>0</v>
      </c>
      <c r="F127" s="166">
        <v>0</v>
      </c>
      <c r="G127" s="166">
        <v>0</v>
      </c>
      <c r="H127" s="166">
        <v>0</v>
      </c>
      <c r="I127" s="166">
        <v>0</v>
      </c>
      <c r="J127" s="166">
        <v>0</v>
      </c>
      <c r="K127" s="166">
        <v>0</v>
      </c>
      <c r="L127" s="166">
        <v>0</v>
      </c>
      <c r="M127" s="166">
        <v>0</v>
      </c>
      <c r="N127" s="166">
        <v>0</v>
      </c>
      <c r="O127" s="166">
        <v>0</v>
      </c>
      <c r="P127" s="166">
        <v>0</v>
      </c>
      <c r="Q127" s="166">
        <v>0</v>
      </c>
      <c r="R127" s="166">
        <v>0</v>
      </c>
      <c r="S127" s="166">
        <v>0</v>
      </c>
      <c r="T127" s="166">
        <v>0</v>
      </c>
      <c r="U127" s="166">
        <v>0</v>
      </c>
      <c r="V127" s="166">
        <v>0</v>
      </c>
      <c r="W127" s="166">
        <v>0</v>
      </c>
      <c r="X127" s="166">
        <v>0</v>
      </c>
      <c r="Y127" s="166">
        <v>0</v>
      </c>
      <c r="Z127" s="166">
        <v>0</v>
      </c>
      <c r="AA127" s="166">
        <v>0</v>
      </c>
      <c r="AB127" s="166">
        <v>0</v>
      </c>
      <c r="AC127" s="166">
        <v>0</v>
      </c>
      <c r="AD127" s="166">
        <v>0</v>
      </c>
      <c r="AE127" s="166">
        <v>0</v>
      </c>
      <c r="AF127" s="166">
        <v>0</v>
      </c>
      <c r="AG127" s="166">
        <v>0</v>
      </c>
      <c r="AH127" s="166">
        <v>0</v>
      </c>
      <c r="AI127" s="166">
        <v>0</v>
      </c>
      <c r="AJ127" s="166">
        <v>0</v>
      </c>
      <c r="AK127" s="166">
        <v>0</v>
      </c>
      <c r="AL127" s="166">
        <v>0</v>
      </c>
      <c r="AM127" s="166">
        <v>0</v>
      </c>
      <c r="AN127" s="166">
        <v>0</v>
      </c>
      <c r="AO127" s="166">
        <v>0</v>
      </c>
      <c r="AP127" s="166">
        <v>0</v>
      </c>
      <c r="AQ127" s="166">
        <v>0</v>
      </c>
      <c r="AR127" s="166">
        <v>0</v>
      </c>
      <c r="AS127" s="166">
        <v>0</v>
      </c>
      <c r="AT127" s="166">
        <v>0</v>
      </c>
      <c r="AU127" s="166">
        <v>0</v>
      </c>
      <c r="AV127" s="166">
        <v>0</v>
      </c>
      <c r="AW127" s="166">
        <v>0</v>
      </c>
      <c r="AX127" s="166">
        <v>0</v>
      </c>
      <c r="AY127" s="166">
        <v>0</v>
      </c>
      <c r="AZ127" s="166">
        <v>0</v>
      </c>
      <c r="BA127" s="166">
        <v>0</v>
      </c>
      <c r="BB127" s="166">
        <v>0</v>
      </c>
      <c r="BC127" s="166">
        <v>0</v>
      </c>
      <c r="BD127" s="166">
        <v>0</v>
      </c>
      <c r="BE127" s="166">
        <v>0</v>
      </c>
      <c r="BF127" s="166">
        <v>0</v>
      </c>
      <c r="BG127" s="166">
        <v>0</v>
      </c>
      <c r="BH127" s="166">
        <v>0</v>
      </c>
      <c r="BI127" s="166">
        <v>0</v>
      </c>
      <c r="BJ127" s="166">
        <v>0</v>
      </c>
      <c r="BK127" s="166">
        <v>0</v>
      </c>
      <c r="BL127" s="166">
        <v>0</v>
      </c>
      <c r="BM127" s="166">
        <v>0</v>
      </c>
      <c r="BN127" s="166">
        <v>0</v>
      </c>
      <c r="BO127" s="166">
        <v>0</v>
      </c>
      <c r="BP127" s="166">
        <v>0</v>
      </c>
      <c r="BQ127" s="166">
        <v>0</v>
      </c>
      <c r="BR127" s="166">
        <v>816580.39</v>
      </c>
      <c r="BS127" s="166">
        <v>816580.39</v>
      </c>
      <c r="BT127" s="168">
        <v>0</v>
      </c>
      <c r="BU127" s="166">
        <v>949.10963492733003</v>
      </c>
      <c r="BV127" s="166">
        <v>596221.61418477702</v>
      </c>
      <c r="BW127" s="166">
        <v>0</v>
      </c>
      <c r="BX127" s="166">
        <v>0</v>
      </c>
      <c r="BY127" s="166">
        <v>0</v>
      </c>
      <c r="BZ127" s="166">
        <v>0</v>
      </c>
      <c r="CA127" s="166">
        <v>0</v>
      </c>
      <c r="CB127" s="166">
        <v>0</v>
      </c>
      <c r="CC127" s="166">
        <v>0</v>
      </c>
      <c r="CD127" s="166">
        <v>0</v>
      </c>
      <c r="CE127" s="166">
        <v>0</v>
      </c>
      <c r="CF127" s="166">
        <v>0</v>
      </c>
      <c r="CG127" s="166">
        <v>0</v>
      </c>
      <c r="CH127" s="166">
        <v>0</v>
      </c>
      <c r="CI127" s="166">
        <v>0</v>
      </c>
      <c r="CJ127" s="166">
        <v>0</v>
      </c>
      <c r="CK127" s="166">
        <v>0</v>
      </c>
      <c r="CL127" s="166">
        <v>0</v>
      </c>
      <c r="CM127" s="166">
        <v>0</v>
      </c>
      <c r="CN127" s="166">
        <v>0</v>
      </c>
      <c r="CO127" s="166">
        <v>0</v>
      </c>
      <c r="CP127" s="166">
        <v>0</v>
      </c>
      <c r="CQ127" s="166">
        <v>0</v>
      </c>
      <c r="CR127" s="166">
        <v>0</v>
      </c>
      <c r="CS127" s="166">
        <v>0</v>
      </c>
      <c r="CT127" s="166">
        <v>0</v>
      </c>
      <c r="CU127" s="166">
        <v>0</v>
      </c>
      <c r="CV127" s="166">
        <v>0</v>
      </c>
      <c r="CW127" s="166">
        <v>0</v>
      </c>
      <c r="CX127" s="166">
        <v>0</v>
      </c>
      <c r="CY127" s="166">
        <v>596221.61418477702</v>
      </c>
      <c r="CZ127" s="166">
        <v>596221.61418477702</v>
      </c>
    </row>
    <row r="128" spans="1:104" hidden="1" outlineLevel="1" x14ac:dyDescent="0.2">
      <c r="A128" s="167" t="s">
        <v>220</v>
      </c>
    </row>
    <row r="129" spans="1:104" hidden="1" outlineLevel="1" x14ac:dyDescent="0.2">
      <c r="A129" s="167" t="s">
        <v>221</v>
      </c>
      <c r="B129" s="166">
        <v>7023985.4799999902</v>
      </c>
      <c r="C129" s="166">
        <v>7023985.4799999902</v>
      </c>
      <c r="D129" s="166">
        <v>0</v>
      </c>
      <c r="E129" s="166">
        <v>0</v>
      </c>
      <c r="F129" s="166">
        <v>0</v>
      </c>
      <c r="G129" s="166">
        <v>0</v>
      </c>
      <c r="H129" s="166">
        <v>0</v>
      </c>
      <c r="I129" s="166">
        <v>0</v>
      </c>
      <c r="J129" s="166">
        <v>0</v>
      </c>
      <c r="K129" s="166">
        <v>0</v>
      </c>
      <c r="L129" s="166">
        <v>0</v>
      </c>
      <c r="M129" s="166">
        <v>0</v>
      </c>
      <c r="N129" s="166">
        <v>0</v>
      </c>
      <c r="O129" s="166">
        <v>0</v>
      </c>
      <c r="P129" s="166">
        <v>0</v>
      </c>
      <c r="Q129" s="166">
        <v>0</v>
      </c>
      <c r="R129" s="166">
        <v>0</v>
      </c>
      <c r="S129" s="166">
        <v>0</v>
      </c>
      <c r="T129" s="166">
        <v>0</v>
      </c>
      <c r="U129" s="166">
        <v>0</v>
      </c>
      <c r="V129" s="166">
        <v>0</v>
      </c>
      <c r="W129" s="166">
        <v>0</v>
      </c>
      <c r="X129" s="166">
        <v>0</v>
      </c>
      <c r="Y129" s="166">
        <v>0</v>
      </c>
      <c r="Z129" s="166">
        <v>0</v>
      </c>
      <c r="AA129" s="166">
        <v>0</v>
      </c>
      <c r="AB129" s="166">
        <v>0</v>
      </c>
      <c r="AC129" s="166">
        <v>0</v>
      </c>
      <c r="AD129" s="166">
        <v>0</v>
      </c>
      <c r="AE129" s="166">
        <v>0</v>
      </c>
      <c r="AF129" s="166">
        <v>0</v>
      </c>
      <c r="AG129" s="166">
        <v>0</v>
      </c>
      <c r="AH129" s="166">
        <v>0</v>
      </c>
      <c r="AI129" s="166">
        <v>0</v>
      </c>
      <c r="AJ129" s="166">
        <v>0</v>
      </c>
      <c r="AK129" s="166">
        <v>0</v>
      </c>
      <c r="AL129" s="166">
        <v>0</v>
      </c>
      <c r="AM129" s="166">
        <v>0</v>
      </c>
      <c r="AN129" s="166">
        <v>0</v>
      </c>
      <c r="AO129" s="166">
        <v>0</v>
      </c>
      <c r="AP129" s="166">
        <v>0</v>
      </c>
      <c r="AQ129" s="166">
        <v>0</v>
      </c>
      <c r="AR129" s="166">
        <v>0</v>
      </c>
      <c r="AS129" s="166">
        <v>0</v>
      </c>
      <c r="AT129" s="166">
        <v>0</v>
      </c>
      <c r="AU129" s="166">
        <v>0</v>
      </c>
      <c r="AV129" s="166">
        <v>0</v>
      </c>
      <c r="AW129" s="166">
        <v>0</v>
      </c>
      <c r="AX129" s="166">
        <v>0</v>
      </c>
      <c r="AY129" s="166">
        <v>0</v>
      </c>
      <c r="AZ129" s="166">
        <v>0</v>
      </c>
      <c r="BA129" s="166">
        <v>0</v>
      </c>
      <c r="BB129" s="166">
        <v>0</v>
      </c>
      <c r="BC129" s="166">
        <v>0</v>
      </c>
      <c r="BD129" s="166">
        <v>0</v>
      </c>
      <c r="BE129" s="166">
        <v>0</v>
      </c>
      <c r="BF129" s="166">
        <v>0</v>
      </c>
      <c r="BG129" s="166">
        <v>0</v>
      </c>
      <c r="BH129" s="166">
        <v>0</v>
      </c>
      <c r="BI129" s="166">
        <v>0</v>
      </c>
      <c r="BJ129" s="166">
        <v>0</v>
      </c>
      <c r="BK129" s="166">
        <v>0</v>
      </c>
      <c r="BL129" s="166">
        <v>0</v>
      </c>
      <c r="BM129" s="166">
        <v>0</v>
      </c>
      <c r="BN129" s="166">
        <v>0</v>
      </c>
      <c r="BO129" s="166">
        <v>0</v>
      </c>
      <c r="BP129" s="166">
        <v>0</v>
      </c>
      <c r="BQ129" s="166">
        <v>0</v>
      </c>
      <c r="BR129" s="166">
        <v>7023985.4799999902</v>
      </c>
      <c r="BS129" s="166">
        <v>7023985.4799999902</v>
      </c>
      <c r="BT129" s="168">
        <v>0.97402999999999995</v>
      </c>
      <c r="BU129" s="166">
        <v>-96304.615589899899</v>
      </c>
      <c r="BV129" s="166">
        <v>6841572.5770843998</v>
      </c>
      <c r="BW129" s="166">
        <v>0</v>
      </c>
      <c r="BX129" s="166">
        <v>0</v>
      </c>
      <c r="BY129" s="166">
        <v>0</v>
      </c>
      <c r="BZ129" s="166">
        <v>0</v>
      </c>
      <c r="CA129" s="166">
        <v>0</v>
      </c>
      <c r="CB129" s="166">
        <v>0</v>
      </c>
      <c r="CC129" s="166">
        <v>0</v>
      </c>
      <c r="CD129" s="166">
        <v>0</v>
      </c>
      <c r="CE129" s="166">
        <v>0</v>
      </c>
      <c r="CF129" s="166">
        <v>0</v>
      </c>
      <c r="CG129" s="166">
        <v>0</v>
      </c>
      <c r="CH129" s="166">
        <v>0</v>
      </c>
      <c r="CI129" s="166">
        <v>0</v>
      </c>
      <c r="CJ129" s="166">
        <v>0</v>
      </c>
      <c r="CK129" s="166">
        <v>0</v>
      </c>
      <c r="CL129" s="166">
        <v>0</v>
      </c>
      <c r="CM129" s="166">
        <v>0</v>
      </c>
      <c r="CN129" s="166">
        <v>0</v>
      </c>
      <c r="CO129" s="166">
        <v>0</v>
      </c>
      <c r="CP129" s="166">
        <v>0</v>
      </c>
      <c r="CQ129" s="166">
        <v>0</v>
      </c>
      <c r="CR129" s="166">
        <v>0</v>
      </c>
      <c r="CS129" s="166">
        <v>0</v>
      </c>
      <c r="CT129" s="166">
        <v>0</v>
      </c>
      <c r="CU129" s="166">
        <v>0</v>
      </c>
      <c r="CV129" s="166">
        <v>0</v>
      </c>
      <c r="CW129" s="166">
        <v>0</v>
      </c>
      <c r="CX129" s="166">
        <v>0</v>
      </c>
      <c r="CY129" s="166">
        <v>6841572.5770843998</v>
      </c>
      <c r="CZ129" s="166">
        <v>6841572.5770843998</v>
      </c>
    </row>
    <row r="130" spans="1:104" hidden="1" outlineLevel="1" x14ac:dyDescent="0.2">
      <c r="A130" s="167" t="s">
        <v>222</v>
      </c>
    </row>
    <row r="131" spans="1:104" hidden="1" outlineLevel="1" x14ac:dyDescent="0.2">
      <c r="A131" s="167" t="s">
        <v>1079</v>
      </c>
      <c r="B131" s="166">
        <v>75792.976251738597</v>
      </c>
      <c r="C131" s="166">
        <v>75792.976251738597</v>
      </c>
      <c r="D131" s="166">
        <v>0</v>
      </c>
      <c r="E131" s="166">
        <v>0</v>
      </c>
      <c r="F131" s="166">
        <v>0</v>
      </c>
      <c r="G131" s="166">
        <v>0</v>
      </c>
      <c r="H131" s="166">
        <v>0</v>
      </c>
      <c r="I131" s="166">
        <v>0</v>
      </c>
      <c r="J131" s="166">
        <v>0</v>
      </c>
      <c r="K131" s="166">
        <v>0</v>
      </c>
      <c r="L131" s="166">
        <v>0</v>
      </c>
      <c r="M131" s="166">
        <v>0</v>
      </c>
      <c r="N131" s="166">
        <v>0</v>
      </c>
      <c r="O131" s="166">
        <v>0</v>
      </c>
      <c r="P131" s="166">
        <v>0</v>
      </c>
      <c r="Q131" s="166">
        <v>0</v>
      </c>
      <c r="R131" s="166">
        <v>0</v>
      </c>
      <c r="S131" s="166">
        <v>0</v>
      </c>
      <c r="T131" s="166">
        <v>0</v>
      </c>
      <c r="U131" s="166">
        <v>0</v>
      </c>
      <c r="V131" s="166">
        <v>0</v>
      </c>
      <c r="W131" s="166">
        <v>0</v>
      </c>
      <c r="X131" s="166">
        <v>0</v>
      </c>
      <c r="Y131" s="166">
        <v>0</v>
      </c>
      <c r="Z131" s="166">
        <v>0</v>
      </c>
      <c r="AA131" s="166">
        <v>0</v>
      </c>
      <c r="AB131" s="166">
        <v>0</v>
      </c>
      <c r="AC131" s="166">
        <v>0</v>
      </c>
      <c r="AD131" s="166">
        <v>0</v>
      </c>
      <c r="AE131" s="166">
        <v>0</v>
      </c>
      <c r="AF131" s="166">
        <v>0</v>
      </c>
      <c r="AG131" s="166">
        <v>0</v>
      </c>
      <c r="AH131" s="166">
        <v>0</v>
      </c>
      <c r="AI131" s="166">
        <v>0</v>
      </c>
      <c r="AJ131" s="166">
        <v>0</v>
      </c>
      <c r="AK131" s="166">
        <v>0</v>
      </c>
      <c r="AL131" s="166">
        <v>0</v>
      </c>
      <c r="AM131" s="166">
        <v>0</v>
      </c>
      <c r="AN131" s="166">
        <v>0</v>
      </c>
      <c r="AO131" s="166">
        <v>0</v>
      </c>
      <c r="AP131" s="166">
        <v>0</v>
      </c>
      <c r="AQ131" s="166">
        <v>0</v>
      </c>
      <c r="AR131" s="166">
        <v>0</v>
      </c>
      <c r="AS131" s="166">
        <v>0</v>
      </c>
      <c r="AT131" s="166">
        <v>0</v>
      </c>
      <c r="AU131" s="166">
        <v>0</v>
      </c>
      <c r="AV131" s="166">
        <v>0</v>
      </c>
      <c r="AW131" s="166">
        <v>0</v>
      </c>
      <c r="AX131" s="166">
        <v>0</v>
      </c>
      <c r="AY131" s="166">
        <v>0</v>
      </c>
      <c r="AZ131" s="166">
        <v>0</v>
      </c>
      <c r="BA131" s="166">
        <v>0</v>
      </c>
      <c r="BB131" s="166">
        <v>0</v>
      </c>
      <c r="BC131" s="166">
        <v>0</v>
      </c>
      <c r="BD131" s="166">
        <v>0</v>
      </c>
      <c r="BE131" s="166">
        <v>0</v>
      </c>
      <c r="BF131" s="166">
        <v>0</v>
      </c>
      <c r="BG131" s="166">
        <v>0</v>
      </c>
      <c r="BH131" s="166">
        <v>0</v>
      </c>
      <c r="BI131" s="166">
        <v>0</v>
      </c>
      <c r="BJ131" s="166">
        <v>0</v>
      </c>
      <c r="BK131" s="166">
        <v>0</v>
      </c>
      <c r="BL131" s="166">
        <v>0</v>
      </c>
      <c r="BM131" s="166">
        <v>0</v>
      </c>
      <c r="BN131" s="166">
        <v>0</v>
      </c>
      <c r="BO131" s="166">
        <v>0</v>
      </c>
      <c r="BP131" s="166">
        <v>0</v>
      </c>
      <c r="BQ131" s="166">
        <v>0</v>
      </c>
      <c r="BR131" s="166">
        <v>75792.976251738597</v>
      </c>
      <c r="BS131" s="166">
        <v>75792.976251738597</v>
      </c>
      <c r="BT131" s="168">
        <v>0.97402999999999995</v>
      </c>
      <c r="BU131" s="166">
        <v>3228.0381389818699</v>
      </c>
      <c r="BV131" s="166">
        <v>73824.632658480899</v>
      </c>
      <c r="BW131" s="166">
        <v>0</v>
      </c>
      <c r="BX131" s="166">
        <v>0</v>
      </c>
      <c r="BY131" s="166">
        <v>0</v>
      </c>
      <c r="BZ131" s="166">
        <v>0</v>
      </c>
      <c r="CA131" s="166">
        <v>0</v>
      </c>
      <c r="CB131" s="166">
        <v>0</v>
      </c>
      <c r="CC131" s="166">
        <v>0</v>
      </c>
      <c r="CD131" s="166">
        <v>0</v>
      </c>
      <c r="CE131" s="166">
        <v>0</v>
      </c>
      <c r="CF131" s="166">
        <v>0</v>
      </c>
      <c r="CG131" s="166">
        <v>0</v>
      </c>
      <c r="CH131" s="166">
        <v>0</v>
      </c>
      <c r="CI131" s="166">
        <v>0</v>
      </c>
      <c r="CJ131" s="166">
        <v>0</v>
      </c>
      <c r="CK131" s="166">
        <v>0</v>
      </c>
      <c r="CL131" s="166">
        <v>0</v>
      </c>
      <c r="CM131" s="166">
        <v>0</v>
      </c>
      <c r="CN131" s="166">
        <v>0</v>
      </c>
      <c r="CO131" s="166">
        <v>0</v>
      </c>
      <c r="CP131" s="166">
        <v>0</v>
      </c>
      <c r="CQ131" s="166">
        <v>0</v>
      </c>
      <c r="CR131" s="166">
        <v>0</v>
      </c>
      <c r="CS131" s="166">
        <v>0</v>
      </c>
      <c r="CT131" s="166">
        <v>0</v>
      </c>
      <c r="CU131" s="166">
        <v>0</v>
      </c>
      <c r="CV131" s="166">
        <v>0</v>
      </c>
      <c r="CW131" s="166">
        <v>0</v>
      </c>
      <c r="CX131" s="166">
        <v>0</v>
      </c>
      <c r="CY131" s="166">
        <v>73824.632658480899</v>
      </c>
      <c r="CZ131" s="166">
        <v>73824.632658480899</v>
      </c>
    </row>
    <row r="132" spans="1:104" hidden="1" outlineLevel="1" x14ac:dyDescent="0.2">
      <c r="A132" s="167" t="s">
        <v>1080</v>
      </c>
      <c r="B132" s="166">
        <v>2396.1967942085298</v>
      </c>
      <c r="C132" s="166">
        <v>2396.1967942085298</v>
      </c>
      <c r="D132" s="166">
        <v>0</v>
      </c>
      <c r="E132" s="166">
        <v>0</v>
      </c>
      <c r="F132" s="166">
        <v>0</v>
      </c>
      <c r="G132" s="166">
        <v>0</v>
      </c>
      <c r="H132" s="166">
        <v>0</v>
      </c>
      <c r="I132" s="166">
        <v>0</v>
      </c>
      <c r="J132" s="166">
        <v>0</v>
      </c>
      <c r="K132" s="166">
        <v>0</v>
      </c>
      <c r="L132" s="166">
        <v>0</v>
      </c>
      <c r="M132" s="166">
        <v>0</v>
      </c>
      <c r="N132" s="166">
        <v>0</v>
      </c>
      <c r="O132" s="166">
        <v>0</v>
      </c>
      <c r="P132" s="166">
        <v>0</v>
      </c>
      <c r="Q132" s="166">
        <v>0</v>
      </c>
      <c r="R132" s="166">
        <v>0</v>
      </c>
      <c r="S132" s="166">
        <v>0</v>
      </c>
      <c r="T132" s="166">
        <v>0</v>
      </c>
      <c r="U132" s="166">
        <v>0</v>
      </c>
      <c r="V132" s="166">
        <v>0</v>
      </c>
      <c r="W132" s="166">
        <v>0</v>
      </c>
      <c r="X132" s="166">
        <v>0</v>
      </c>
      <c r="Y132" s="166">
        <v>0</v>
      </c>
      <c r="Z132" s="166">
        <v>0</v>
      </c>
      <c r="AA132" s="166">
        <v>0</v>
      </c>
      <c r="AB132" s="166">
        <v>0</v>
      </c>
      <c r="AC132" s="166">
        <v>0</v>
      </c>
      <c r="AD132" s="166">
        <v>0</v>
      </c>
      <c r="AE132" s="166">
        <v>0</v>
      </c>
      <c r="AF132" s="166">
        <v>0</v>
      </c>
      <c r="AG132" s="166">
        <v>0</v>
      </c>
      <c r="AH132" s="166">
        <v>0</v>
      </c>
      <c r="AI132" s="166">
        <v>0</v>
      </c>
      <c r="AJ132" s="166">
        <v>0</v>
      </c>
      <c r="AK132" s="166">
        <v>0</v>
      </c>
      <c r="AL132" s="166">
        <v>0</v>
      </c>
      <c r="AM132" s="166">
        <v>0</v>
      </c>
      <c r="AN132" s="166">
        <v>0</v>
      </c>
      <c r="AO132" s="166">
        <v>0</v>
      </c>
      <c r="AP132" s="166">
        <v>0</v>
      </c>
      <c r="AQ132" s="166">
        <v>0</v>
      </c>
      <c r="AR132" s="166">
        <v>0</v>
      </c>
      <c r="AS132" s="166">
        <v>0</v>
      </c>
      <c r="AT132" s="166">
        <v>0</v>
      </c>
      <c r="AU132" s="166">
        <v>0</v>
      </c>
      <c r="AV132" s="166">
        <v>0</v>
      </c>
      <c r="AW132" s="166">
        <v>0</v>
      </c>
      <c r="AX132" s="166">
        <v>0</v>
      </c>
      <c r="AY132" s="166">
        <v>0</v>
      </c>
      <c r="AZ132" s="166">
        <v>0</v>
      </c>
      <c r="BA132" s="166">
        <v>0</v>
      </c>
      <c r="BB132" s="166">
        <v>0</v>
      </c>
      <c r="BC132" s="166">
        <v>0</v>
      </c>
      <c r="BD132" s="166">
        <v>0</v>
      </c>
      <c r="BE132" s="166">
        <v>0</v>
      </c>
      <c r="BF132" s="166">
        <v>0</v>
      </c>
      <c r="BG132" s="166">
        <v>0</v>
      </c>
      <c r="BH132" s="166">
        <v>0</v>
      </c>
      <c r="BI132" s="166">
        <v>0</v>
      </c>
      <c r="BJ132" s="166">
        <v>0</v>
      </c>
      <c r="BK132" s="166">
        <v>0</v>
      </c>
      <c r="BL132" s="166">
        <v>0</v>
      </c>
      <c r="BM132" s="166">
        <v>0</v>
      </c>
      <c r="BN132" s="166">
        <v>0</v>
      </c>
      <c r="BO132" s="166">
        <v>0</v>
      </c>
      <c r="BP132" s="166">
        <v>0</v>
      </c>
      <c r="BQ132" s="166">
        <v>0</v>
      </c>
      <c r="BR132" s="166">
        <v>2396.1967942085298</v>
      </c>
      <c r="BS132" s="166">
        <v>2396.1967942085298</v>
      </c>
      <c r="BT132" s="168">
        <v>0.92637230841245999</v>
      </c>
      <c r="BU132" s="166">
        <v>97.0658062746231</v>
      </c>
      <c r="BV132" s="166">
        <v>2219.7703556614902</v>
      </c>
      <c r="BW132" s="166">
        <v>0</v>
      </c>
      <c r="BX132" s="166">
        <v>0</v>
      </c>
      <c r="BY132" s="166">
        <v>0</v>
      </c>
      <c r="BZ132" s="166">
        <v>0</v>
      </c>
      <c r="CA132" s="166">
        <v>0</v>
      </c>
      <c r="CB132" s="166">
        <v>0</v>
      </c>
      <c r="CC132" s="166">
        <v>0</v>
      </c>
      <c r="CD132" s="166">
        <v>0</v>
      </c>
      <c r="CE132" s="166">
        <v>0</v>
      </c>
      <c r="CF132" s="166">
        <v>0</v>
      </c>
      <c r="CG132" s="166">
        <v>0</v>
      </c>
      <c r="CH132" s="166">
        <v>0</v>
      </c>
      <c r="CI132" s="166">
        <v>0</v>
      </c>
      <c r="CJ132" s="166">
        <v>0</v>
      </c>
      <c r="CK132" s="166">
        <v>0</v>
      </c>
      <c r="CL132" s="166">
        <v>0</v>
      </c>
      <c r="CM132" s="166">
        <v>0</v>
      </c>
      <c r="CN132" s="166">
        <v>0</v>
      </c>
      <c r="CO132" s="166">
        <v>0</v>
      </c>
      <c r="CP132" s="166">
        <v>0</v>
      </c>
      <c r="CQ132" s="166">
        <v>0</v>
      </c>
      <c r="CR132" s="166">
        <v>0</v>
      </c>
      <c r="CS132" s="166">
        <v>0</v>
      </c>
      <c r="CT132" s="166">
        <v>0</v>
      </c>
      <c r="CU132" s="166">
        <v>0</v>
      </c>
      <c r="CV132" s="166">
        <v>0</v>
      </c>
      <c r="CW132" s="166">
        <v>0</v>
      </c>
      <c r="CX132" s="166">
        <v>0</v>
      </c>
      <c r="CY132" s="166">
        <v>2219.7703556614902</v>
      </c>
      <c r="CZ132" s="166">
        <v>2219.7703556614902</v>
      </c>
    </row>
    <row r="133" spans="1:104" hidden="1" outlineLevel="1" x14ac:dyDescent="0.2">
      <c r="A133" s="167" t="s">
        <v>1081</v>
      </c>
      <c r="B133" s="166">
        <v>17285.750178820701</v>
      </c>
      <c r="C133" s="166">
        <v>17285.750178820701</v>
      </c>
      <c r="D133" s="166">
        <v>0</v>
      </c>
      <c r="E133" s="166">
        <v>0</v>
      </c>
      <c r="F133" s="166">
        <v>0</v>
      </c>
      <c r="G133" s="166">
        <v>0</v>
      </c>
      <c r="H133" s="166">
        <v>0</v>
      </c>
      <c r="I133" s="166">
        <v>0</v>
      </c>
      <c r="J133" s="166">
        <v>0</v>
      </c>
      <c r="K133" s="166">
        <v>0</v>
      </c>
      <c r="L133" s="166">
        <v>0</v>
      </c>
      <c r="M133" s="166">
        <v>0</v>
      </c>
      <c r="N133" s="166">
        <v>0</v>
      </c>
      <c r="O133" s="166">
        <v>0</v>
      </c>
      <c r="P133" s="166">
        <v>0</v>
      </c>
      <c r="Q133" s="166">
        <v>0</v>
      </c>
      <c r="R133" s="166">
        <v>0</v>
      </c>
      <c r="S133" s="166">
        <v>0</v>
      </c>
      <c r="T133" s="166">
        <v>0</v>
      </c>
      <c r="U133" s="166">
        <v>0</v>
      </c>
      <c r="V133" s="166">
        <v>0</v>
      </c>
      <c r="W133" s="166">
        <v>0</v>
      </c>
      <c r="X133" s="166">
        <v>0</v>
      </c>
      <c r="Y133" s="166">
        <v>0</v>
      </c>
      <c r="Z133" s="166">
        <v>0</v>
      </c>
      <c r="AA133" s="166">
        <v>0</v>
      </c>
      <c r="AB133" s="166">
        <v>0</v>
      </c>
      <c r="AC133" s="166">
        <v>0</v>
      </c>
      <c r="AD133" s="166">
        <v>0</v>
      </c>
      <c r="AE133" s="166">
        <v>0</v>
      </c>
      <c r="AF133" s="166">
        <v>0</v>
      </c>
      <c r="AG133" s="166">
        <v>0</v>
      </c>
      <c r="AH133" s="166">
        <v>0</v>
      </c>
      <c r="AI133" s="166">
        <v>0</v>
      </c>
      <c r="AJ133" s="166">
        <v>0</v>
      </c>
      <c r="AK133" s="166">
        <v>0</v>
      </c>
      <c r="AL133" s="166">
        <v>0</v>
      </c>
      <c r="AM133" s="166">
        <v>0</v>
      </c>
      <c r="AN133" s="166">
        <v>0</v>
      </c>
      <c r="AO133" s="166">
        <v>0</v>
      </c>
      <c r="AP133" s="166">
        <v>0</v>
      </c>
      <c r="AQ133" s="166">
        <v>0</v>
      </c>
      <c r="AR133" s="166">
        <v>0</v>
      </c>
      <c r="AS133" s="166">
        <v>0</v>
      </c>
      <c r="AT133" s="166">
        <v>0</v>
      </c>
      <c r="AU133" s="166">
        <v>0</v>
      </c>
      <c r="AV133" s="166">
        <v>0</v>
      </c>
      <c r="AW133" s="166">
        <v>0</v>
      </c>
      <c r="AX133" s="166">
        <v>0</v>
      </c>
      <c r="AY133" s="166">
        <v>0</v>
      </c>
      <c r="AZ133" s="166">
        <v>0</v>
      </c>
      <c r="BA133" s="166">
        <v>0</v>
      </c>
      <c r="BB133" s="166">
        <v>0</v>
      </c>
      <c r="BC133" s="166">
        <v>0</v>
      </c>
      <c r="BD133" s="166">
        <v>0</v>
      </c>
      <c r="BE133" s="166">
        <v>0</v>
      </c>
      <c r="BF133" s="166">
        <v>0</v>
      </c>
      <c r="BG133" s="166">
        <v>0</v>
      </c>
      <c r="BH133" s="166">
        <v>0</v>
      </c>
      <c r="BI133" s="166">
        <v>0</v>
      </c>
      <c r="BJ133" s="166">
        <v>0</v>
      </c>
      <c r="BK133" s="166">
        <v>0</v>
      </c>
      <c r="BL133" s="166">
        <v>0</v>
      </c>
      <c r="BM133" s="166">
        <v>0</v>
      </c>
      <c r="BN133" s="166">
        <v>0</v>
      </c>
      <c r="BO133" s="166">
        <v>0</v>
      </c>
      <c r="BP133" s="166">
        <v>0</v>
      </c>
      <c r="BQ133" s="166">
        <v>0</v>
      </c>
      <c r="BR133" s="166">
        <v>17285.750178820701</v>
      </c>
      <c r="BS133" s="166">
        <v>17285.750178820701</v>
      </c>
      <c r="BT133" s="168">
        <v>0.95109934560116105</v>
      </c>
      <c r="BU133" s="166">
        <v>718.90637381017905</v>
      </c>
      <c r="BV133" s="166">
        <v>16440.4656833015</v>
      </c>
      <c r="BW133" s="166">
        <v>0</v>
      </c>
      <c r="BX133" s="166">
        <v>0</v>
      </c>
      <c r="BY133" s="166">
        <v>0</v>
      </c>
      <c r="BZ133" s="166">
        <v>0</v>
      </c>
      <c r="CA133" s="166">
        <v>0</v>
      </c>
      <c r="CB133" s="166">
        <v>0</v>
      </c>
      <c r="CC133" s="166">
        <v>0</v>
      </c>
      <c r="CD133" s="166">
        <v>0</v>
      </c>
      <c r="CE133" s="166">
        <v>0</v>
      </c>
      <c r="CF133" s="166">
        <v>0</v>
      </c>
      <c r="CG133" s="166">
        <v>0</v>
      </c>
      <c r="CH133" s="166">
        <v>0</v>
      </c>
      <c r="CI133" s="166">
        <v>0</v>
      </c>
      <c r="CJ133" s="166">
        <v>0</v>
      </c>
      <c r="CK133" s="166">
        <v>0</v>
      </c>
      <c r="CL133" s="166">
        <v>0</v>
      </c>
      <c r="CM133" s="166">
        <v>0</v>
      </c>
      <c r="CN133" s="166">
        <v>0</v>
      </c>
      <c r="CO133" s="166">
        <v>0</v>
      </c>
      <c r="CP133" s="166">
        <v>0</v>
      </c>
      <c r="CQ133" s="166">
        <v>0</v>
      </c>
      <c r="CR133" s="166">
        <v>0</v>
      </c>
      <c r="CS133" s="166">
        <v>0</v>
      </c>
      <c r="CT133" s="166">
        <v>0</v>
      </c>
      <c r="CU133" s="166">
        <v>0</v>
      </c>
      <c r="CV133" s="166">
        <v>0</v>
      </c>
      <c r="CW133" s="166">
        <v>0</v>
      </c>
      <c r="CX133" s="166">
        <v>0</v>
      </c>
      <c r="CY133" s="166">
        <v>16440.4656833015</v>
      </c>
      <c r="CZ133" s="166">
        <v>16440.4656833015</v>
      </c>
    </row>
    <row r="134" spans="1:104" hidden="1" outlineLevel="1" x14ac:dyDescent="0.2">
      <c r="A134" s="167" t="s">
        <v>226</v>
      </c>
      <c r="B134" s="166">
        <v>55292.208246131901</v>
      </c>
      <c r="C134" s="166">
        <v>55292.208246131901</v>
      </c>
      <c r="D134" s="166">
        <v>0</v>
      </c>
      <c r="E134" s="166">
        <v>0</v>
      </c>
      <c r="F134" s="166">
        <v>0</v>
      </c>
      <c r="G134" s="166">
        <v>0</v>
      </c>
      <c r="H134" s="166">
        <v>0</v>
      </c>
      <c r="I134" s="166">
        <v>0</v>
      </c>
      <c r="J134" s="166">
        <v>0</v>
      </c>
      <c r="K134" s="166">
        <v>0</v>
      </c>
      <c r="L134" s="166">
        <v>0</v>
      </c>
      <c r="M134" s="166">
        <v>0</v>
      </c>
      <c r="N134" s="166">
        <v>0</v>
      </c>
      <c r="O134" s="166">
        <v>0</v>
      </c>
      <c r="P134" s="166">
        <v>0</v>
      </c>
      <c r="Q134" s="166">
        <v>0</v>
      </c>
      <c r="R134" s="166">
        <v>0</v>
      </c>
      <c r="S134" s="166">
        <v>0</v>
      </c>
      <c r="T134" s="166">
        <v>0</v>
      </c>
      <c r="U134" s="166">
        <v>0</v>
      </c>
      <c r="V134" s="166">
        <v>0</v>
      </c>
      <c r="W134" s="166">
        <v>0</v>
      </c>
      <c r="X134" s="166">
        <v>0</v>
      </c>
      <c r="Y134" s="166">
        <v>0</v>
      </c>
      <c r="Z134" s="166">
        <v>0</v>
      </c>
      <c r="AA134" s="166">
        <v>0</v>
      </c>
      <c r="AB134" s="166">
        <v>0</v>
      </c>
      <c r="AC134" s="166">
        <v>0</v>
      </c>
      <c r="AD134" s="166">
        <v>0</v>
      </c>
      <c r="AE134" s="166">
        <v>0</v>
      </c>
      <c r="AF134" s="166">
        <v>0</v>
      </c>
      <c r="AG134" s="166">
        <v>0</v>
      </c>
      <c r="AH134" s="166">
        <v>0</v>
      </c>
      <c r="AI134" s="166">
        <v>0</v>
      </c>
      <c r="AJ134" s="166">
        <v>0</v>
      </c>
      <c r="AK134" s="166">
        <v>0</v>
      </c>
      <c r="AL134" s="166">
        <v>0</v>
      </c>
      <c r="AM134" s="166">
        <v>0</v>
      </c>
      <c r="AN134" s="166">
        <v>0</v>
      </c>
      <c r="AO134" s="166">
        <v>0</v>
      </c>
      <c r="AP134" s="166">
        <v>0</v>
      </c>
      <c r="AQ134" s="166">
        <v>0</v>
      </c>
      <c r="AR134" s="166">
        <v>0</v>
      </c>
      <c r="AS134" s="166">
        <v>0</v>
      </c>
      <c r="AT134" s="166">
        <v>0</v>
      </c>
      <c r="AU134" s="166">
        <v>0</v>
      </c>
      <c r="AV134" s="166">
        <v>0</v>
      </c>
      <c r="AW134" s="166">
        <v>0</v>
      </c>
      <c r="AX134" s="166">
        <v>0</v>
      </c>
      <c r="AY134" s="166">
        <v>0</v>
      </c>
      <c r="AZ134" s="166">
        <v>0</v>
      </c>
      <c r="BA134" s="166">
        <v>0</v>
      </c>
      <c r="BB134" s="166">
        <v>0</v>
      </c>
      <c r="BC134" s="166">
        <v>0</v>
      </c>
      <c r="BD134" s="166">
        <v>0</v>
      </c>
      <c r="BE134" s="166">
        <v>0</v>
      </c>
      <c r="BF134" s="166">
        <v>0</v>
      </c>
      <c r="BG134" s="166">
        <v>0</v>
      </c>
      <c r="BH134" s="166">
        <v>0</v>
      </c>
      <c r="BI134" s="166">
        <v>0</v>
      </c>
      <c r="BJ134" s="166">
        <v>0</v>
      </c>
      <c r="BK134" s="166">
        <v>0</v>
      </c>
      <c r="BL134" s="166">
        <v>0</v>
      </c>
      <c r="BM134" s="166">
        <v>0</v>
      </c>
      <c r="BN134" s="166">
        <v>0</v>
      </c>
      <c r="BO134" s="166">
        <v>0</v>
      </c>
      <c r="BP134" s="166">
        <v>0</v>
      </c>
      <c r="BQ134" s="166">
        <v>0</v>
      </c>
      <c r="BR134" s="166">
        <v>55292.208246131901</v>
      </c>
      <c r="BS134" s="166">
        <v>55292.208246131901</v>
      </c>
      <c r="BT134" s="168">
        <v>0.97403133392564201</v>
      </c>
      <c r="BU134" s="166">
        <v>2355.2278961788102</v>
      </c>
      <c r="BV134" s="166">
        <v>53856.343353674201</v>
      </c>
      <c r="BW134" s="166">
        <v>0</v>
      </c>
      <c r="BX134" s="166">
        <v>0</v>
      </c>
      <c r="BY134" s="166">
        <v>0</v>
      </c>
      <c r="BZ134" s="166">
        <v>0</v>
      </c>
      <c r="CA134" s="166">
        <v>0</v>
      </c>
      <c r="CB134" s="166">
        <v>0</v>
      </c>
      <c r="CC134" s="166">
        <v>0</v>
      </c>
      <c r="CD134" s="166">
        <v>0</v>
      </c>
      <c r="CE134" s="166">
        <v>0</v>
      </c>
      <c r="CF134" s="166">
        <v>0</v>
      </c>
      <c r="CG134" s="166">
        <v>0</v>
      </c>
      <c r="CH134" s="166">
        <v>0</v>
      </c>
      <c r="CI134" s="166">
        <v>0</v>
      </c>
      <c r="CJ134" s="166">
        <v>0</v>
      </c>
      <c r="CK134" s="166">
        <v>0</v>
      </c>
      <c r="CL134" s="166">
        <v>0</v>
      </c>
      <c r="CM134" s="166">
        <v>0</v>
      </c>
      <c r="CN134" s="166">
        <v>0</v>
      </c>
      <c r="CO134" s="166">
        <v>0</v>
      </c>
      <c r="CP134" s="166">
        <v>0</v>
      </c>
      <c r="CQ134" s="166">
        <v>0</v>
      </c>
      <c r="CR134" s="166">
        <v>0</v>
      </c>
      <c r="CS134" s="166">
        <v>0</v>
      </c>
      <c r="CT134" s="166">
        <v>0</v>
      </c>
      <c r="CU134" s="166">
        <v>0</v>
      </c>
      <c r="CV134" s="166">
        <v>0</v>
      </c>
      <c r="CW134" s="166">
        <v>0</v>
      </c>
      <c r="CX134" s="166">
        <v>0</v>
      </c>
      <c r="CY134" s="166">
        <v>53856.343353674201</v>
      </c>
      <c r="CZ134" s="166">
        <v>53856.343353674201</v>
      </c>
    </row>
    <row r="135" spans="1:104" hidden="1" outlineLevel="1" x14ac:dyDescent="0.2">
      <c r="A135" s="167" t="s">
        <v>227</v>
      </c>
      <c r="B135" s="166">
        <v>43411.668226225302</v>
      </c>
      <c r="C135" s="166">
        <v>43411.668226225302</v>
      </c>
      <c r="D135" s="166">
        <v>0</v>
      </c>
      <c r="E135" s="166">
        <v>0</v>
      </c>
      <c r="F135" s="166">
        <v>0</v>
      </c>
      <c r="G135" s="166">
        <v>0</v>
      </c>
      <c r="H135" s="166">
        <v>0</v>
      </c>
      <c r="I135" s="166">
        <v>0</v>
      </c>
      <c r="J135" s="166">
        <v>0</v>
      </c>
      <c r="K135" s="166">
        <v>0</v>
      </c>
      <c r="L135" s="166">
        <v>0</v>
      </c>
      <c r="M135" s="166">
        <v>0</v>
      </c>
      <c r="N135" s="166">
        <v>0</v>
      </c>
      <c r="O135" s="166">
        <v>0</v>
      </c>
      <c r="P135" s="166">
        <v>0</v>
      </c>
      <c r="Q135" s="166">
        <v>0</v>
      </c>
      <c r="R135" s="166">
        <v>0</v>
      </c>
      <c r="S135" s="166">
        <v>0</v>
      </c>
      <c r="T135" s="166">
        <v>0</v>
      </c>
      <c r="U135" s="166">
        <v>0</v>
      </c>
      <c r="V135" s="166">
        <v>0</v>
      </c>
      <c r="W135" s="166">
        <v>0</v>
      </c>
      <c r="X135" s="166">
        <v>0</v>
      </c>
      <c r="Y135" s="166">
        <v>0</v>
      </c>
      <c r="Z135" s="166">
        <v>0</v>
      </c>
      <c r="AA135" s="166">
        <v>0</v>
      </c>
      <c r="AB135" s="166">
        <v>0</v>
      </c>
      <c r="AC135" s="166">
        <v>0</v>
      </c>
      <c r="AD135" s="166">
        <v>0</v>
      </c>
      <c r="AE135" s="166">
        <v>0</v>
      </c>
      <c r="AF135" s="166">
        <v>0</v>
      </c>
      <c r="AG135" s="166">
        <v>0</v>
      </c>
      <c r="AH135" s="166">
        <v>0</v>
      </c>
      <c r="AI135" s="166">
        <v>0</v>
      </c>
      <c r="AJ135" s="166">
        <v>0</v>
      </c>
      <c r="AK135" s="166">
        <v>0</v>
      </c>
      <c r="AL135" s="166">
        <v>0</v>
      </c>
      <c r="AM135" s="166">
        <v>0</v>
      </c>
      <c r="AN135" s="166">
        <v>0</v>
      </c>
      <c r="AO135" s="166">
        <v>0</v>
      </c>
      <c r="AP135" s="166">
        <v>0</v>
      </c>
      <c r="AQ135" s="166">
        <v>0</v>
      </c>
      <c r="AR135" s="166">
        <v>0</v>
      </c>
      <c r="AS135" s="166">
        <v>0</v>
      </c>
      <c r="AT135" s="166">
        <v>0</v>
      </c>
      <c r="AU135" s="166">
        <v>0</v>
      </c>
      <c r="AV135" s="166">
        <v>0</v>
      </c>
      <c r="AW135" s="166">
        <v>0</v>
      </c>
      <c r="AX135" s="166">
        <v>0</v>
      </c>
      <c r="AY135" s="166">
        <v>0</v>
      </c>
      <c r="AZ135" s="166">
        <v>0</v>
      </c>
      <c r="BA135" s="166">
        <v>0</v>
      </c>
      <c r="BB135" s="166">
        <v>0</v>
      </c>
      <c r="BC135" s="166">
        <v>0</v>
      </c>
      <c r="BD135" s="166">
        <v>0</v>
      </c>
      <c r="BE135" s="166">
        <v>0</v>
      </c>
      <c r="BF135" s="166">
        <v>0</v>
      </c>
      <c r="BG135" s="166">
        <v>0</v>
      </c>
      <c r="BH135" s="166">
        <v>0</v>
      </c>
      <c r="BI135" s="166">
        <v>0</v>
      </c>
      <c r="BJ135" s="166">
        <v>0</v>
      </c>
      <c r="BK135" s="166">
        <v>0</v>
      </c>
      <c r="BL135" s="166">
        <v>0</v>
      </c>
      <c r="BM135" s="166">
        <v>0</v>
      </c>
      <c r="BN135" s="166">
        <v>0</v>
      </c>
      <c r="BO135" s="166">
        <v>0</v>
      </c>
      <c r="BP135" s="166">
        <v>0</v>
      </c>
      <c r="BQ135" s="166">
        <v>0</v>
      </c>
      <c r="BR135" s="166">
        <v>43411.668226225302</v>
      </c>
      <c r="BS135" s="166">
        <v>43411.668226225302</v>
      </c>
      <c r="BT135" s="166">
        <v>1000</v>
      </c>
      <c r="BU135" s="166">
        <v>1898.2923649269801</v>
      </c>
      <c r="BV135" s="166">
        <v>43411.668226225302</v>
      </c>
      <c r="BW135" s="166">
        <v>0</v>
      </c>
      <c r="BX135" s="166">
        <v>0</v>
      </c>
      <c r="BY135" s="166">
        <v>0</v>
      </c>
      <c r="BZ135" s="166">
        <v>0</v>
      </c>
      <c r="CA135" s="166">
        <v>0</v>
      </c>
      <c r="CB135" s="166">
        <v>0</v>
      </c>
      <c r="CC135" s="166">
        <v>0</v>
      </c>
      <c r="CD135" s="166">
        <v>0</v>
      </c>
      <c r="CE135" s="166">
        <v>0</v>
      </c>
      <c r="CF135" s="166">
        <v>0</v>
      </c>
      <c r="CG135" s="166">
        <v>0</v>
      </c>
      <c r="CH135" s="166">
        <v>0</v>
      </c>
      <c r="CI135" s="166">
        <v>0</v>
      </c>
      <c r="CJ135" s="166">
        <v>0</v>
      </c>
      <c r="CK135" s="166">
        <v>0</v>
      </c>
      <c r="CL135" s="166">
        <v>0</v>
      </c>
      <c r="CM135" s="166">
        <v>0</v>
      </c>
      <c r="CN135" s="166">
        <v>0</v>
      </c>
      <c r="CO135" s="166">
        <v>0</v>
      </c>
      <c r="CP135" s="166">
        <v>0</v>
      </c>
      <c r="CQ135" s="166">
        <v>0</v>
      </c>
      <c r="CR135" s="166">
        <v>0</v>
      </c>
      <c r="CS135" s="166">
        <v>0</v>
      </c>
      <c r="CT135" s="166">
        <v>0</v>
      </c>
      <c r="CU135" s="166">
        <v>0</v>
      </c>
      <c r="CV135" s="166">
        <v>0</v>
      </c>
      <c r="CW135" s="166">
        <v>0</v>
      </c>
      <c r="CX135" s="166">
        <v>0</v>
      </c>
      <c r="CY135" s="166">
        <v>43411.668226225302</v>
      </c>
      <c r="CZ135" s="166">
        <v>43411.668226225302</v>
      </c>
    </row>
    <row r="136" spans="1:104" hidden="1" outlineLevel="1" x14ac:dyDescent="0.2">
      <c r="A136" s="167" t="s">
        <v>1082</v>
      </c>
      <c r="B136" s="166">
        <v>4922115.6503028702</v>
      </c>
      <c r="C136" s="166">
        <v>4922115.6503028702</v>
      </c>
      <c r="D136" s="166">
        <v>0</v>
      </c>
      <c r="E136" s="166">
        <v>0</v>
      </c>
      <c r="F136" s="166">
        <v>0</v>
      </c>
      <c r="G136" s="166">
        <v>0</v>
      </c>
      <c r="H136" s="166">
        <v>0</v>
      </c>
      <c r="I136" s="166">
        <v>0</v>
      </c>
      <c r="J136" s="166">
        <v>0</v>
      </c>
      <c r="K136" s="166">
        <v>0</v>
      </c>
      <c r="L136" s="166">
        <v>0</v>
      </c>
      <c r="M136" s="166">
        <v>0</v>
      </c>
      <c r="N136" s="166">
        <v>0</v>
      </c>
      <c r="O136" s="166">
        <v>0</v>
      </c>
      <c r="P136" s="166">
        <v>0</v>
      </c>
      <c r="Q136" s="166">
        <v>0</v>
      </c>
      <c r="R136" s="166">
        <v>0</v>
      </c>
      <c r="S136" s="166">
        <v>0</v>
      </c>
      <c r="T136" s="166">
        <v>0</v>
      </c>
      <c r="U136" s="166">
        <v>0</v>
      </c>
      <c r="V136" s="166">
        <v>0</v>
      </c>
      <c r="W136" s="166">
        <v>0</v>
      </c>
      <c r="X136" s="166">
        <v>0</v>
      </c>
      <c r="Y136" s="166">
        <v>0</v>
      </c>
      <c r="Z136" s="166">
        <v>0</v>
      </c>
      <c r="AA136" s="166">
        <v>0</v>
      </c>
      <c r="AB136" s="166">
        <v>0</v>
      </c>
      <c r="AC136" s="166">
        <v>0</v>
      </c>
      <c r="AD136" s="166">
        <v>0</v>
      </c>
      <c r="AE136" s="166">
        <v>0</v>
      </c>
      <c r="AF136" s="166">
        <v>0</v>
      </c>
      <c r="AG136" s="166">
        <v>0</v>
      </c>
      <c r="AH136" s="166">
        <v>0</v>
      </c>
      <c r="AI136" s="166">
        <v>0</v>
      </c>
      <c r="AJ136" s="166">
        <v>0</v>
      </c>
      <c r="AK136" s="166">
        <v>0</v>
      </c>
      <c r="AL136" s="166">
        <v>0</v>
      </c>
      <c r="AM136" s="166">
        <v>0</v>
      </c>
      <c r="AN136" s="166">
        <v>0</v>
      </c>
      <c r="AO136" s="166">
        <v>0</v>
      </c>
      <c r="AP136" s="166">
        <v>0</v>
      </c>
      <c r="AQ136" s="166">
        <v>0</v>
      </c>
      <c r="AR136" s="166">
        <v>0</v>
      </c>
      <c r="AS136" s="166">
        <v>0</v>
      </c>
      <c r="AT136" s="166">
        <v>0</v>
      </c>
      <c r="AU136" s="166">
        <v>0</v>
      </c>
      <c r="AV136" s="166">
        <v>0</v>
      </c>
      <c r="AW136" s="166">
        <v>0</v>
      </c>
      <c r="AX136" s="166">
        <v>0</v>
      </c>
      <c r="AY136" s="166">
        <v>0</v>
      </c>
      <c r="AZ136" s="166">
        <v>0</v>
      </c>
      <c r="BA136" s="166">
        <v>0</v>
      </c>
      <c r="BB136" s="166">
        <v>0</v>
      </c>
      <c r="BC136" s="166">
        <v>0</v>
      </c>
      <c r="BD136" s="166">
        <v>0</v>
      </c>
      <c r="BE136" s="166">
        <v>0</v>
      </c>
      <c r="BF136" s="166">
        <v>0</v>
      </c>
      <c r="BG136" s="166">
        <v>0</v>
      </c>
      <c r="BH136" s="166">
        <v>0</v>
      </c>
      <c r="BI136" s="166">
        <v>0</v>
      </c>
      <c r="BJ136" s="166">
        <v>0</v>
      </c>
      <c r="BK136" s="166">
        <v>0</v>
      </c>
      <c r="BL136" s="166">
        <v>0</v>
      </c>
      <c r="BM136" s="166">
        <v>0</v>
      </c>
      <c r="BN136" s="166">
        <v>0</v>
      </c>
      <c r="BO136" s="166">
        <v>0</v>
      </c>
      <c r="BP136" s="166">
        <v>0</v>
      </c>
      <c r="BQ136" s="166">
        <v>0</v>
      </c>
      <c r="BR136" s="166">
        <v>4922115.6503028702</v>
      </c>
      <c r="BS136" s="166">
        <v>4922115.6503028702</v>
      </c>
      <c r="BT136" s="168">
        <v>0.72041766170058497</v>
      </c>
      <c r="BU136" s="166">
        <v>161540.63699619699</v>
      </c>
      <c r="BV136" s="166">
        <v>3545979.0474110502</v>
      </c>
      <c r="BW136" s="166">
        <v>0</v>
      </c>
      <c r="BX136" s="166">
        <v>0</v>
      </c>
      <c r="BY136" s="166">
        <v>0</v>
      </c>
      <c r="BZ136" s="166">
        <v>0</v>
      </c>
      <c r="CA136" s="166">
        <v>0</v>
      </c>
      <c r="CB136" s="166">
        <v>0</v>
      </c>
      <c r="CC136" s="166">
        <v>0</v>
      </c>
      <c r="CD136" s="166">
        <v>0</v>
      </c>
      <c r="CE136" s="166">
        <v>0</v>
      </c>
      <c r="CF136" s="166">
        <v>0</v>
      </c>
      <c r="CG136" s="166">
        <v>0</v>
      </c>
      <c r="CH136" s="166">
        <v>0</v>
      </c>
      <c r="CI136" s="166">
        <v>0</v>
      </c>
      <c r="CJ136" s="166">
        <v>0</v>
      </c>
      <c r="CK136" s="166">
        <v>0</v>
      </c>
      <c r="CL136" s="166">
        <v>0</v>
      </c>
      <c r="CM136" s="166">
        <v>0</v>
      </c>
      <c r="CN136" s="166">
        <v>0</v>
      </c>
      <c r="CO136" s="166">
        <v>0</v>
      </c>
      <c r="CP136" s="166">
        <v>0</v>
      </c>
      <c r="CQ136" s="166">
        <v>0</v>
      </c>
      <c r="CR136" s="166">
        <v>0</v>
      </c>
      <c r="CS136" s="166">
        <v>0</v>
      </c>
      <c r="CT136" s="166">
        <v>0</v>
      </c>
      <c r="CU136" s="166">
        <v>0</v>
      </c>
      <c r="CV136" s="166">
        <v>0</v>
      </c>
      <c r="CW136" s="166">
        <v>0</v>
      </c>
      <c r="CX136" s="166">
        <v>0</v>
      </c>
      <c r="CY136" s="166">
        <v>3545979.0474110502</v>
      </c>
      <c r="CZ136" s="166">
        <v>3545979.0474110502</v>
      </c>
    </row>
    <row r="137" spans="1:104" hidden="1" outlineLevel="1" x14ac:dyDescent="0.2">
      <c r="A137" s="167" t="s">
        <v>1083</v>
      </c>
      <c r="B137" s="166">
        <v>5116294.4499999899</v>
      </c>
      <c r="C137" s="166">
        <v>5116294.4499999899</v>
      </c>
      <c r="D137" s="166">
        <v>0</v>
      </c>
      <c r="E137" s="166">
        <v>0</v>
      </c>
      <c r="F137" s="166">
        <v>0</v>
      </c>
      <c r="G137" s="166">
        <v>0</v>
      </c>
      <c r="H137" s="166">
        <v>0</v>
      </c>
      <c r="I137" s="166">
        <v>0</v>
      </c>
      <c r="J137" s="166">
        <v>0</v>
      </c>
      <c r="K137" s="166">
        <v>0</v>
      </c>
      <c r="L137" s="166">
        <v>0</v>
      </c>
      <c r="M137" s="166">
        <v>0</v>
      </c>
      <c r="N137" s="166">
        <v>0</v>
      </c>
      <c r="O137" s="166">
        <v>0</v>
      </c>
      <c r="P137" s="166">
        <v>0</v>
      </c>
      <c r="Q137" s="166">
        <v>0</v>
      </c>
      <c r="R137" s="166">
        <v>0</v>
      </c>
      <c r="S137" s="166">
        <v>0</v>
      </c>
      <c r="T137" s="166">
        <v>0</v>
      </c>
      <c r="U137" s="166">
        <v>0</v>
      </c>
      <c r="V137" s="166">
        <v>0</v>
      </c>
      <c r="W137" s="166">
        <v>0</v>
      </c>
      <c r="X137" s="166">
        <v>0</v>
      </c>
      <c r="Y137" s="166">
        <v>0</v>
      </c>
      <c r="Z137" s="166">
        <v>0</v>
      </c>
      <c r="AA137" s="166">
        <v>0</v>
      </c>
      <c r="AB137" s="166">
        <v>0</v>
      </c>
      <c r="AC137" s="166">
        <v>0</v>
      </c>
      <c r="AD137" s="166">
        <v>0</v>
      </c>
      <c r="AE137" s="166">
        <v>0</v>
      </c>
      <c r="AF137" s="166">
        <v>0</v>
      </c>
      <c r="AG137" s="166">
        <v>0</v>
      </c>
      <c r="AH137" s="166">
        <v>0</v>
      </c>
      <c r="AI137" s="166">
        <v>0</v>
      </c>
      <c r="AJ137" s="166">
        <v>0</v>
      </c>
      <c r="AK137" s="166">
        <v>0</v>
      </c>
      <c r="AL137" s="166">
        <v>0</v>
      </c>
      <c r="AM137" s="166">
        <v>0</v>
      </c>
      <c r="AN137" s="166">
        <v>0</v>
      </c>
      <c r="AO137" s="166">
        <v>0</v>
      </c>
      <c r="AP137" s="166">
        <v>0</v>
      </c>
      <c r="AQ137" s="166">
        <v>0</v>
      </c>
      <c r="AR137" s="166">
        <v>0</v>
      </c>
      <c r="AS137" s="166">
        <v>0</v>
      </c>
      <c r="AT137" s="166">
        <v>0</v>
      </c>
      <c r="AU137" s="166">
        <v>0</v>
      </c>
      <c r="AV137" s="166">
        <v>0</v>
      </c>
      <c r="AW137" s="166">
        <v>0</v>
      </c>
      <c r="AX137" s="166">
        <v>0</v>
      </c>
      <c r="AY137" s="166">
        <v>0</v>
      </c>
      <c r="AZ137" s="166">
        <v>0</v>
      </c>
      <c r="BA137" s="166">
        <v>0</v>
      </c>
      <c r="BB137" s="166">
        <v>0</v>
      </c>
      <c r="BC137" s="166">
        <v>0</v>
      </c>
      <c r="BD137" s="166">
        <v>0</v>
      </c>
      <c r="BE137" s="166">
        <v>0</v>
      </c>
      <c r="BF137" s="166">
        <v>0</v>
      </c>
      <c r="BG137" s="166">
        <v>0</v>
      </c>
      <c r="BH137" s="166">
        <v>0</v>
      </c>
      <c r="BI137" s="166">
        <v>0</v>
      </c>
      <c r="BJ137" s="166">
        <v>0</v>
      </c>
      <c r="BK137" s="166">
        <v>0</v>
      </c>
      <c r="BL137" s="166">
        <v>0</v>
      </c>
      <c r="BM137" s="166">
        <v>0</v>
      </c>
      <c r="BN137" s="166">
        <v>0</v>
      </c>
      <c r="BO137" s="166">
        <v>0</v>
      </c>
      <c r="BP137" s="166">
        <v>0</v>
      </c>
      <c r="BQ137" s="166">
        <v>0</v>
      </c>
      <c r="BR137" s="166">
        <v>5116294.4499999899</v>
      </c>
      <c r="BS137" s="166">
        <v>5116294.4499999899</v>
      </c>
      <c r="BT137" s="168">
        <v>0</v>
      </c>
      <c r="BU137" s="166">
        <v>169838.16757637</v>
      </c>
      <c r="BV137" s="166">
        <v>3735731.92768839</v>
      </c>
      <c r="BW137" s="166">
        <v>0</v>
      </c>
      <c r="BX137" s="166">
        <v>0</v>
      </c>
      <c r="BY137" s="166">
        <v>0</v>
      </c>
      <c r="BZ137" s="166">
        <v>0</v>
      </c>
      <c r="CA137" s="166">
        <v>0</v>
      </c>
      <c r="CB137" s="166">
        <v>0</v>
      </c>
      <c r="CC137" s="166">
        <v>0</v>
      </c>
      <c r="CD137" s="166">
        <v>0</v>
      </c>
      <c r="CE137" s="166">
        <v>0</v>
      </c>
      <c r="CF137" s="166">
        <v>0</v>
      </c>
      <c r="CG137" s="166">
        <v>0</v>
      </c>
      <c r="CH137" s="166">
        <v>0</v>
      </c>
      <c r="CI137" s="166">
        <v>0</v>
      </c>
      <c r="CJ137" s="166">
        <v>0</v>
      </c>
      <c r="CK137" s="166">
        <v>0</v>
      </c>
      <c r="CL137" s="166">
        <v>0</v>
      </c>
      <c r="CM137" s="166">
        <v>0</v>
      </c>
      <c r="CN137" s="166">
        <v>0</v>
      </c>
      <c r="CO137" s="166">
        <v>0</v>
      </c>
      <c r="CP137" s="166">
        <v>0</v>
      </c>
      <c r="CQ137" s="166">
        <v>0</v>
      </c>
      <c r="CR137" s="166">
        <v>0</v>
      </c>
      <c r="CS137" s="166">
        <v>0</v>
      </c>
      <c r="CT137" s="166">
        <v>0</v>
      </c>
      <c r="CU137" s="166">
        <v>0</v>
      </c>
      <c r="CV137" s="166">
        <v>0</v>
      </c>
      <c r="CW137" s="166">
        <v>0</v>
      </c>
      <c r="CX137" s="166">
        <v>0</v>
      </c>
      <c r="CY137" s="166">
        <v>3735731.92768839</v>
      </c>
      <c r="CZ137" s="166">
        <v>3735731.92768839</v>
      </c>
    </row>
    <row r="138" spans="1:104" hidden="1" outlineLevel="1" x14ac:dyDescent="0.2">
      <c r="A138" s="167" t="s">
        <v>230</v>
      </c>
    </row>
    <row r="139" spans="1:104" hidden="1" outlineLevel="1" x14ac:dyDescent="0.2">
      <c r="A139" s="167" t="s">
        <v>231</v>
      </c>
      <c r="B139" s="166">
        <v>393367.98</v>
      </c>
      <c r="C139" s="166">
        <v>393367.98</v>
      </c>
      <c r="D139" s="166">
        <v>0</v>
      </c>
      <c r="E139" s="166">
        <v>0</v>
      </c>
      <c r="F139" s="166">
        <v>0</v>
      </c>
      <c r="G139" s="166">
        <v>0</v>
      </c>
      <c r="H139" s="166">
        <v>0</v>
      </c>
      <c r="I139" s="166">
        <v>0</v>
      </c>
      <c r="J139" s="166">
        <v>0</v>
      </c>
      <c r="K139" s="166">
        <v>0</v>
      </c>
      <c r="L139" s="166">
        <v>0</v>
      </c>
      <c r="M139" s="166">
        <v>0</v>
      </c>
      <c r="N139" s="166">
        <v>0</v>
      </c>
      <c r="O139" s="166">
        <v>0</v>
      </c>
      <c r="P139" s="166">
        <v>0</v>
      </c>
      <c r="Q139" s="166">
        <v>0</v>
      </c>
      <c r="R139" s="166">
        <v>0</v>
      </c>
      <c r="S139" s="166">
        <v>0</v>
      </c>
      <c r="T139" s="166">
        <v>0</v>
      </c>
      <c r="U139" s="166">
        <v>0</v>
      </c>
      <c r="V139" s="166">
        <v>0</v>
      </c>
      <c r="W139" s="166">
        <v>0</v>
      </c>
      <c r="X139" s="166">
        <v>0</v>
      </c>
      <c r="Y139" s="166">
        <v>0</v>
      </c>
      <c r="Z139" s="166">
        <v>0</v>
      </c>
      <c r="AA139" s="166">
        <v>0</v>
      </c>
      <c r="AB139" s="166">
        <v>0</v>
      </c>
      <c r="AC139" s="166">
        <v>0</v>
      </c>
      <c r="AD139" s="166">
        <v>0</v>
      </c>
      <c r="AE139" s="166">
        <v>0</v>
      </c>
      <c r="AF139" s="166">
        <v>0</v>
      </c>
      <c r="AG139" s="166">
        <v>0</v>
      </c>
      <c r="AH139" s="166">
        <v>0</v>
      </c>
      <c r="AI139" s="166">
        <v>0</v>
      </c>
      <c r="AJ139" s="166">
        <v>0</v>
      </c>
      <c r="AK139" s="166">
        <v>0</v>
      </c>
      <c r="AL139" s="166">
        <v>0</v>
      </c>
      <c r="AM139" s="166">
        <v>0</v>
      </c>
      <c r="AN139" s="166">
        <v>0</v>
      </c>
      <c r="AO139" s="166">
        <v>0</v>
      </c>
      <c r="AP139" s="166">
        <v>0</v>
      </c>
      <c r="AQ139" s="166">
        <v>0</v>
      </c>
      <c r="AR139" s="166">
        <v>0</v>
      </c>
      <c r="AS139" s="166">
        <v>0</v>
      </c>
      <c r="AT139" s="166">
        <v>0</v>
      </c>
      <c r="AU139" s="166">
        <v>0</v>
      </c>
      <c r="AV139" s="166">
        <v>0</v>
      </c>
      <c r="AW139" s="166">
        <v>0</v>
      </c>
      <c r="AX139" s="166">
        <v>0</v>
      </c>
      <c r="AY139" s="166">
        <v>0</v>
      </c>
      <c r="AZ139" s="166">
        <v>0</v>
      </c>
      <c r="BA139" s="166">
        <v>0</v>
      </c>
      <c r="BB139" s="166">
        <v>0</v>
      </c>
      <c r="BC139" s="166">
        <v>0</v>
      </c>
      <c r="BD139" s="166">
        <v>0</v>
      </c>
      <c r="BE139" s="166">
        <v>0</v>
      </c>
      <c r="BF139" s="166">
        <v>0</v>
      </c>
      <c r="BG139" s="166">
        <v>0</v>
      </c>
      <c r="BH139" s="166">
        <v>0</v>
      </c>
      <c r="BI139" s="166">
        <v>0</v>
      </c>
      <c r="BJ139" s="166">
        <v>0</v>
      </c>
      <c r="BK139" s="166">
        <v>0</v>
      </c>
      <c r="BL139" s="166">
        <v>0</v>
      </c>
      <c r="BM139" s="166">
        <v>0</v>
      </c>
      <c r="BN139" s="166">
        <v>0</v>
      </c>
      <c r="BO139" s="166">
        <v>0</v>
      </c>
      <c r="BP139" s="166">
        <v>0</v>
      </c>
      <c r="BQ139" s="166">
        <v>0</v>
      </c>
      <c r="BR139" s="166">
        <v>393367.98</v>
      </c>
      <c r="BS139" s="166">
        <v>393367.98</v>
      </c>
      <c r="BT139" s="168">
        <v>0.72041766170058497</v>
      </c>
      <c r="BU139" s="166">
        <v>9850.7533682654393</v>
      </c>
      <c r="BV139" s="166">
        <v>283389.24033948203</v>
      </c>
      <c r="BW139" s="166">
        <v>0</v>
      </c>
      <c r="BX139" s="166">
        <v>0</v>
      </c>
      <c r="BY139" s="166">
        <v>0</v>
      </c>
      <c r="BZ139" s="166">
        <v>0</v>
      </c>
      <c r="CA139" s="166">
        <v>0</v>
      </c>
      <c r="CB139" s="166">
        <v>0</v>
      </c>
      <c r="CC139" s="166">
        <v>0</v>
      </c>
      <c r="CD139" s="166">
        <v>0</v>
      </c>
      <c r="CE139" s="166">
        <v>0</v>
      </c>
      <c r="CF139" s="166">
        <v>0</v>
      </c>
      <c r="CG139" s="166">
        <v>0</v>
      </c>
      <c r="CH139" s="166">
        <v>0</v>
      </c>
      <c r="CI139" s="166">
        <v>0</v>
      </c>
      <c r="CJ139" s="166">
        <v>0</v>
      </c>
      <c r="CK139" s="166">
        <v>0</v>
      </c>
      <c r="CL139" s="166">
        <v>0</v>
      </c>
      <c r="CM139" s="166">
        <v>0</v>
      </c>
      <c r="CN139" s="166">
        <v>0</v>
      </c>
      <c r="CO139" s="166">
        <v>0</v>
      </c>
      <c r="CP139" s="166">
        <v>0</v>
      </c>
      <c r="CQ139" s="166">
        <v>0</v>
      </c>
      <c r="CR139" s="166">
        <v>0</v>
      </c>
      <c r="CS139" s="166">
        <v>0</v>
      </c>
      <c r="CT139" s="166">
        <v>0</v>
      </c>
      <c r="CU139" s="166">
        <v>0</v>
      </c>
      <c r="CV139" s="166">
        <v>0</v>
      </c>
      <c r="CW139" s="166">
        <v>0</v>
      </c>
      <c r="CX139" s="166">
        <v>0</v>
      </c>
      <c r="CY139" s="166">
        <v>283389.24033948203</v>
      </c>
      <c r="CZ139" s="166">
        <v>283389.24033948203</v>
      </c>
    </row>
    <row r="140" spans="1:104" hidden="1" outlineLevel="1" x14ac:dyDescent="0.2">
      <c r="A140" s="170" t="s">
        <v>232</v>
      </c>
      <c r="B140" s="166">
        <v>23832090.399999999</v>
      </c>
      <c r="C140" s="166">
        <v>23832090.399999999</v>
      </c>
      <c r="D140" s="166">
        <v>0</v>
      </c>
      <c r="E140" s="166">
        <v>0</v>
      </c>
      <c r="F140" s="166">
        <v>0</v>
      </c>
      <c r="G140" s="166">
        <v>0</v>
      </c>
      <c r="H140" s="166">
        <v>0</v>
      </c>
      <c r="I140" s="166">
        <v>0</v>
      </c>
      <c r="J140" s="166">
        <v>0</v>
      </c>
      <c r="K140" s="166">
        <v>0</v>
      </c>
      <c r="L140" s="166">
        <v>0</v>
      </c>
      <c r="M140" s="166">
        <v>0</v>
      </c>
      <c r="N140" s="166">
        <v>0</v>
      </c>
      <c r="O140" s="166">
        <v>0</v>
      </c>
      <c r="P140" s="166">
        <v>0</v>
      </c>
      <c r="Q140" s="166">
        <v>0</v>
      </c>
      <c r="R140" s="166">
        <v>0</v>
      </c>
      <c r="S140" s="166">
        <v>0</v>
      </c>
      <c r="T140" s="166">
        <v>0</v>
      </c>
      <c r="U140" s="166">
        <v>0</v>
      </c>
      <c r="V140" s="166">
        <v>0</v>
      </c>
      <c r="W140" s="166">
        <v>0</v>
      </c>
      <c r="X140" s="166">
        <v>0</v>
      </c>
      <c r="Y140" s="166">
        <v>0</v>
      </c>
      <c r="Z140" s="166">
        <v>0</v>
      </c>
      <c r="AA140" s="166">
        <v>0</v>
      </c>
      <c r="AB140" s="166">
        <v>0</v>
      </c>
      <c r="AC140" s="166">
        <v>0</v>
      </c>
      <c r="AD140" s="166">
        <v>0</v>
      </c>
      <c r="AE140" s="166">
        <v>0</v>
      </c>
      <c r="AF140" s="166">
        <v>0</v>
      </c>
      <c r="AG140" s="166">
        <v>0</v>
      </c>
      <c r="AH140" s="166">
        <v>0</v>
      </c>
      <c r="AI140" s="166">
        <v>0</v>
      </c>
      <c r="AJ140" s="166">
        <v>0</v>
      </c>
      <c r="AK140" s="166">
        <v>0</v>
      </c>
      <c r="AL140" s="166">
        <v>0</v>
      </c>
      <c r="AM140" s="166">
        <v>0</v>
      </c>
      <c r="AN140" s="166">
        <v>0</v>
      </c>
      <c r="AO140" s="166">
        <v>0</v>
      </c>
      <c r="AP140" s="166">
        <v>0</v>
      </c>
      <c r="AQ140" s="166">
        <v>0</v>
      </c>
      <c r="AR140" s="166">
        <v>0</v>
      </c>
      <c r="AS140" s="166">
        <v>0</v>
      </c>
      <c r="AT140" s="166">
        <v>0</v>
      </c>
      <c r="AU140" s="166">
        <v>0</v>
      </c>
      <c r="AV140" s="166">
        <v>0</v>
      </c>
      <c r="AW140" s="166">
        <v>0</v>
      </c>
      <c r="AX140" s="166">
        <v>0</v>
      </c>
      <c r="AY140" s="166">
        <v>0</v>
      </c>
      <c r="AZ140" s="166">
        <v>0</v>
      </c>
      <c r="BA140" s="166">
        <v>0</v>
      </c>
      <c r="BB140" s="166">
        <v>0</v>
      </c>
      <c r="BC140" s="166">
        <v>0</v>
      </c>
      <c r="BD140" s="166">
        <v>0</v>
      </c>
      <c r="BE140" s="166">
        <v>0</v>
      </c>
      <c r="BF140" s="166">
        <v>0</v>
      </c>
      <c r="BG140" s="166">
        <v>0</v>
      </c>
      <c r="BH140" s="166">
        <v>0</v>
      </c>
      <c r="BI140" s="166">
        <v>0</v>
      </c>
      <c r="BJ140" s="166">
        <v>0</v>
      </c>
      <c r="BK140" s="166">
        <v>0</v>
      </c>
      <c r="BL140" s="166">
        <v>0</v>
      </c>
      <c r="BM140" s="166">
        <v>0</v>
      </c>
      <c r="BN140" s="166">
        <v>0</v>
      </c>
      <c r="BO140" s="166">
        <v>0</v>
      </c>
      <c r="BP140" s="166">
        <v>0</v>
      </c>
      <c r="BQ140" s="166">
        <v>0</v>
      </c>
      <c r="BR140" s="166">
        <v>23832090.399999999</v>
      </c>
      <c r="BS140" s="166">
        <v>23832090.399999999</v>
      </c>
      <c r="BT140" s="168">
        <v>0</v>
      </c>
      <c r="BU140" s="166">
        <v>-1488308.0689505099</v>
      </c>
      <c r="BV140" s="166">
        <v>19014129.309877999</v>
      </c>
      <c r="BW140" s="166">
        <v>0</v>
      </c>
      <c r="BX140" s="166">
        <v>0</v>
      </c>
      <c r="BY140" s="166">
        <v>0</v>
      </c>
      <c r="BZ140" s="166">
        <v>0</v>
      </c>
      <c r="CA140" s="166">
        <v>0</v>
      </c>
      <c r="CB140" s="166">
        <v>0</v>
      </c>
      <c r="CC140" s="166">
        <v>0</v>
      </c>
      <c r="CD140" s="166">
        <v>0</v>
      </c>
      <c r="CE140" s="166">
        <v>0</v>
      </c>
      <c r="CF140" s="166">
        <v>0</v>
      </c>
      <c r="CG140" s="166">
        <v>0</v>
      </c>
      <c r="CH140" s="166">
        <v>0</v>
      </c>
      <c r="CI140" s="166">
        <v>0</v>
      </c>
      <c r="CJ140" s="166">
        <v>0</v>
      </c>
      <c r="CK140" s="166">
        <v>0</v>
      </c>
      <c r="CL140" s="166">
        <v>0</v>
      </c>
      <c r="CM140" s="166">
        <v>0</v>
      </c>
      <c r="CN140" s="166">
        <v>0</v>
      </c>
      <c r="CO140" s="166">
        <v>0</v>
      </c>
      <c r="CP140" s="166">
        <v>0</v>
      </c>
      <c r="CQ140" s="166">
        <v>0</v>
      </c>
      <c r="CR140" s="166">
        <v>0</v>
      </c>
      <c r="CS140" s="166">
        <v>0</v>
      </c>
      <c r="CT140" s="166">
        <v>0</v>
      </c>
      <c r="CU140" s="166">
        <v>0</v>
      </c>
      <c r="CV140" s="166">
        <v>0</v>
      </c>
      <c r="CW140" s="166">
        <v>0</v>
      </c>
      <c r="CX140" s="166">
        <v>0</v>
      </c>
      <c r="CY140" s="166">
        <v>19014129.309877999</v>
      </c>
      <c r="CZ140" s="166">
        <v>19014129.309877999</v>
      </c>
    </row>
    <row r="141" spans="1:104" hidden="1" outlineLevel="1" x14ac:dyDescent="0.2">
      <c r="A141" s="170" t="s">
        <v>233</v>
      </c>
    </row>
    <row r="142" spans="1:104" hidden="1" outlineLevel="1" x14ac:dyDescent="0.2">
      <c r="A142" s="167" t="s">
        <v>1084</v>
      </c>
      <c r="B142" s="166">
        <v>710.54500626118704</v>
      </c>
      <c r="C142" s="166">
        <v>710.54500626118704</v>
      </c>
      <c r="D142" s="166">
        <v>0</v>
      </c>
      <c r="E142" s="166">
        <v>0</v>
      </c>
      <c r="F142" s="166">
        <v>0</v>
      </c>
      <c r="G142" s="166">
        <v>0</v>
      </c>
      <c r="H142" s="166">
        <v>0</v>
      </c>
      <c r="I142" s="166">
        <v>0</v>
      </c>
      <c r="J142" s="166">
        <v>0</v>
      </c>
      <c r="K142" s="166">
        <v>0</v>
      </c>
      <c r="L142" s="166">
        <v>0</v>
      </c>
      <c r="M142" s="166">
        <v>0</v>
      </c>
      <c r="N142" s="166">
        <v>0</v>
      </c>
      <c r="O142" s="166">
        <v>0</v>
      </c>
      <c r="P142" s="166">
        <v>0</v>
      </c>
      <c r="Q142" s="166">
        <v>0</v>
      </c>
      <c r="R142" s="166">
        <v>0</v>
      </c>
      <c r="S142" s="166">
        <v>0</v>
      </c>
      <c r="T142" s="166">
        <v>0</v>
      </c>
      <c r="U142" s="166">
        <v>0</v>
      </c>
      <c r="V142" s="166">
        <v>0</v>
      </c>
      <c r="W142" s="166">
        <v>0</v>
      </c>
      <c r="X142" s="166">
        <v>0</v>
      </c>
      <c r="Y142" s="166">
        <v>0</v>
      </c>
      <c r="Z142" s="166">
        <v>0</v>
      </c>
      <c r="AA142" s="166">
        <v>0</v>
      </c>
      <c r="AB142" s="166">
        <v>0</v>
      </c>
      <c r="AC142" s="166">
        <v>0</v>
      </c>
      <c r="AD142" s="166">
        <v>0</v>
      </c>
      <c r="AE142" s="166">
        <v>0</v>
      </c>
      <c r="AF142" s="166">
        <v>0</v>
      </c>
      <c r="AG142" s="166">
        <v>0</v>
      </c>
      <c r="AH142" s="166">
        <v>0</v>
      </c>
      <c r="AI142" s="166">
        <v>0</v>
      </c>
      <c r="AJ142" s="166">
        <v>0</v>
      </c>
      <c r="AK142" s="166">
        <v>0</v>
      </c>
      <c r="AL142" s="166">
        <v>0</v>
      </c>
      <c r="AM142" s="166">
        <v>0</v>
      </c>
      <c r="AN142" s="166">
        <v>0</v>
      </c>
      <c r="AO142" s="166">
        <v>0</v>
      </c>
      <c r="AP142" s="166">
        <v>0</v>
      </c>
      <c r="AQ142" s="166">
        <v>0</v>
      </c>
      <c r="AR142" s="166">
        <v>0</v>
      </c>
      <c r="AS142" s="166">
        <v>0</v>
      </c>
      <c r="AT142" s="166">
        <v>0</v>
      </c>
      <c r="AU142" s="166">
        <v>0</v>
      </c>
      <c r="AV142" s="166">
        <v>0</v>
      </c>
      <c r="AW142" s="166">
        <v>0</v>
      </c>
      <c r="AX142" s="166">
        <v>0</v>
      </c>
      <c r="AY142" s="166">
        <v>0</v>
      </c>
      <c r="AZ142" s="166">
        <v>0</v>
      </c>
      <c r="BA142" s="166">
        <v>0</v>
      </c>
      <c r="BB142" s="166">
        <v>0</v>
      </c>
      <c r="BC142" s="166">
        <v>0</v>
      </c>
      <c r="BD142" s="166">
        <v>0</v>
      </c>
      <c r="BE142" s="166">
        <v>0</v>
      </c>
      <c r="BF142" s="166">
        <v>0</v>
      </c>
      <c r="BG142" s="166">
        <v>0</v>
      </c>
      <c r="BH142" s="166">
        <v>0</v>
      </c>
      <c r="BI142" s="166">
        <v>0</v>
      </c>
      <c r="BJ142" s="166">
        <v>0</v>
      </c>
      <c r="BK142" s="166">
        <v>0</v>
      </c>
      <c r="BL142" s="166">
        <v>0</v>
      </c>
      <c r="BM142" s="166">
        <v>0</v>
      </c>
      <c r="BN142" s="166">
        <v>0</v>
      </c>
      <c r="BO142" s="166">
        <v>0</v>
      </c>
      <c r="BP142" s="166">
        <v>0</v>
      </c>
      <c r="BQ142" s="166">
        <v>0</v>
      </c>
      <c r="BR142" s="166">
        <v>710.54500626118704</v>
      </c>
      <c r="BS142" s="166">
        <v>710.54500626118704</v>
      </c>
      <c r="BT142" s="168">
        <v>0.97402999999999995</v>
      </c>
      <c r="BU142" s="166">
        <v>0</v>
      </c>
      <c r="BV142" s="166">
        <v>692.09215244858399</v>
      </c>
      <c r="BW142" s="166">
        <v>0</v>
      </c>
      <c r="BX142" s="166">
        <v>0</v>
      </c>
      <c r="BY142" s="166">
        <v>0</v>
      </c>
      <c r="BZ142" s="166">
        <v>0</v>
      </c>
      <c r="CA142" s="166">
        <v>0</v>
      </c>
      <c r="CB142" s="166">
        <v>0</v>
      </c>
      <c r="CC142" s="166">
        <v>0</v>
      </c>
      <c r="CD142" s="166">
        <v>0</v>
      </c>
      <c r="CE142" s="166">
        <v>0</v>
      </c>
      <c r="CF142" s="166">
        <v>0</v>
      </c>
      <c r="CG142" s="166">
        <v>0</v>
      </c>
      <c r="CH142" s="166">
        <v>0</v>
      </c>
      <c r="CI142" s="166">
        <v>0</v>
      </c>
      <c r="CJ142" s="166">
        <v>0</v>
      </c>
      <c r="CK142" s="166">
        <v>0</v>
      </c>
      <c r="CL142" s="166">
        <v>0</v>
      </c>
      <c r="CM142" s="166">
        <v>0</v>
      </c>
      <c r="CN142" s="166">
        <v>0</v>
      </c>
      <c r="CO142" s="166">
        <v>0</v>
      </c>
      <c r="CP142" s="166">
        <v>0</v>
      </c>
      <c r="CQ142" s="166">
        <v>0</v>
      </c>
      <c r="CR142" s="166">
        <v>0</v>
      </c>
      <c r="CS142" s="166">
        <v>0</v>
      </c>
      <c r="CT142" s="166">
        <v>0</v>
      </c>
      <c r="CU142" s="166">
        <v>0</v>
      </c>
      <c r="CV142" s="166">
        <v>0</v>
      </c>
      <c r="CW142" s="166">
        <v>0</v>
      </c>
      <c r="CX142" s="166">
        <v>0</v>
      </c>
      <c r="CY142" s="166">
        <v>692.09215244858399</v>
      </c>
      <c r="CZ142" s="166">
        <v>692.09215244858399</v>
      </c>
    </row>
    <row r="143" spans="1:104" hidden="1" outlineLevel="1" x14ac:dyDescent="0.2">
      <c r="A143" s="167" t="s">
        <v>1085</v>
      </c>
      <c r="B143" s="166">
        <v>22.4647950410913</v>
      </c>
      <c r="C143" s="166">
        <v>22.4647950410913</v>
      </c>
      <c r="D143" s="166">
        <v>0</v>
      </c>
      <c r="E143" s="166">
        <v>0</v>
      </c>
      <c r="F143" s="166">
        <v>0</v>
      </c>
      <c r="G143" s="166">
        <v>0</v>
      </c>
      <c r="H143" s="166">
        <v>0</v>
      </c>
      <c r="I143" s="166">
        <v>0</v>
      </c>
      <c r="J143" s="166">
        <v>0</v>
      </c>
      <c r="K143" s="166">
        <v>0</v>
      </c>
      <c r="L143" s="166">
        <v>0</v>
      </c>
      <c r="M143" s="166">
        <v>0</v>
      </c>
      <c r="N143" s="166">
        <v>0</v>
      </c>
      <c r="O143" s="166">
        <v>0</v>
      </c>
      <c r="P143" s="166">
        <v>0</v>
      </c>
      <c r="Q143" s="166">
        <v>0</v>
      </c>
      <c r="R143" s="166">
        <v>0</v>
      </c>
      <c r="S143" s="166">
        <v>0</v>
      </c>
      <c r="T143" s="166">
        <v>0</v>
      </c>
      <c r="U143" s="166">
        <v>0</v>
      </c>
      <c r="V143" s="166">
        <v>0</v>
      </c>
      <c r="W143" s="166">
        <v>0</v>
      </c>
      <c r="X143" s="166">
        <v>0</v>
      </c>
      <c r="Y143" s="166">
        <v>0</v>
      </c>
      <c r="Z143" s="166">
        <v>0</v>
      </c>
      <c r="AA143" s="166">
        <v>0</v>
      </c>
      <c r="AB143" s="166">
        <v>0</v>
      </c>
      <c r="AC143" s="166">
        <v>0</v>
      </c>
      <c r="AD143" s="166">
        <v>0</v>
      </c>
      <c r="AE143" s="166">
        <v>0</v>
      </c>
      <c r="AF143" s="166">
        <v>0</v>
      </c>
      <c r="AG143" s="166">
        <v>0</v>
      </c>
      <c r="AH143" s="166">
        <v>0</v>
      </c>
      <c r="AI143" s="166">
        <v>0</v>
      </c>
      <c r="AJ143" s="166">
        <v>0</v>
      </c>
      <c r="AK143" s="166">
        <v>0</v>
      </c>
      <c r="AL143" s="166">
        <v>0</v>
      </c>
      <c r="AM143" s="166">
        <v>0</v>
      </c>
      <c r="AN143" s="166">
        <v>0</v>
      </c>
      <c r="AO143" s="166">
        <v>0</v>
      </c>
      <c r="AP143" s="166">
        <v>0</v>
      </c>
      <c r="AQ143" s="166">
        <v>0</v>
      </c>
      <c r="AR143" s="166">
        <v>0</v>
      </c>
      <c r="AS143" s="166">
        <v>0</v>
      </c>
      <c r="AT143" s="166">
        <v>0</v>
      </c>
      <c r="AU143" s="166">
        <v>0</v>
      </c>
      <c r="AV143" s="166">
        <v>0</v>
      </c>
      <c r="AW143" s="166">
        <v>0</v>
      </c>
      <c r="AX143" s="166">
        <v>0</v>
      </c>
      <c r="AY143" s="166">
        <v>0</v>
      </c>
      <c r="AZ143" s="166">
        <v>0</v>
      </c>
      <c r="BA143" s="166">
        <v>0</v>
      </c>
      <c r="BB143" s="166">
        <v>0</v>
      </c>
      <c r="BC143" s="166">
        <v>0</v>
      </c>
      <c r="BD143" s="166">
        <v>0</v>
      </c>
      <c r="BE143" s="166">
        <v>0</v>
      </c>
      <c r="BF143" s="166">
        <v>0</v>
      </c>
      <c r="BG143" s="166">
        <v>0</v>
      </c>
      <c r="BH143" s="166">
        <v>0</v>
      </c>
      <c r="BI143" s="166">
        <v>0</v>
      </c>
      <c r="BJ143" s="166">
        <v>0</v>
      </c>
      <c r="BK143" s="166">
        <v>0</v>
      </c>
      <c r="BL143" s="166">
        <v>0</v>
      </c>
      <c r="BM143" s="166">
        <v>0</v>
      </c>
      <c r="BN143" s="166">
        <v>0</v>
      </c>
      <c r="BO143" s="166">
        <v>0</v>
      </c>
      <c r="BP143" s="166">
        <v>0</v>
      </c>
      <c r="BQ143" s="166">
        <v>0</v>
      </c>
      <c r="BR143" s="166">
        <v>22.4647950410913</v>
      </c>
      <c r="BS143" s="166">
        <v>22.4647950410913</v>
      </c>
      <c r="BT143" s="168">
        <v>0.92637230841245999</v>
      </c>
      <c r="BU143" s="166">
        <v>0</v>
      </c>
      <c r="BV143" s="166">
        <v>20.810764040228602</v>
      </c>
      <c r="BW143" s="166">
        <v>0</v>
      </c>
      <c r="BX143" s="166">
        <v>0</v>
      </c>
      <c r="BY143" s="166">
        <v>0</v>
      </c>
      <c r="BZ143" s="166">
        <v>0</v>
      </c>
      <c r="CA143" s="166">
        <v>0</v>
      </c>
      <c r="CB143" s="166">
        <v>0</v>
      </c>
      <c r="CC143" s="166">
        <v>0</v>
      </c>
      <c r="CD143" s="166">
        <v>0</v>
      </c>
      <c r="CE143" s="166">
        <v>0</v>
      </c>
      <c r="CF143" s="166">
        <v>0</v>
      </c>
      <c r="CG143" s="166">
        <v>0</v>
      </c>
      <c r="CH143" s="166">
        <v>0</v>
      </c>
      <c r="CI143" s="166">
        <v>0</v>
      </c>
      <c r="CJ143" s="166">
        <v>0</v>
      </c>
      <c r="CK143" s="166">
        <v>0</v>
      </c>
      <c r="CL143" s="166">
        <v>0</v>
      </c>
      <c r="CM143" s="166">
        <v>0</v>
      </c>
      <c r="CN143" s="166">
        <v>0</v>
      </c>
      <c r="CO143" s="166">
        <v>0</v>
      </c>
      <c r="CP143" s="166">
        <v>0</v>
      </c>
      <c r="CQ143" s="166">
        <v>0</v>
      </c>
      <c r="CR143" s="166">
        <v>0</v>
      </c>
      <c r="CS143" s="166">
        <v>0</v>
      </c>
      <c r="CT143" s="166">
        <v>0</v>
      </c>
      <c r="CU143" s="166">
        <v>0</v>
      </c>
      <c r="CV143" s="166">
        <v>0</v>
      </c>
      <c r="CW143" s="166">
        <v>0</v>
      </c>
      <c r="CX143" s="166">
        <v>0</v>
      </c>
      <c r="CY143" s="166">
        <v>20.810764040228602</v>
      </c>
      <c r="CZ143" s="166">
        <v>20.810764040228602</v>
      </c>
    </row>
    <row r="144" spans="1:104" hidden="1" outlineLevel="1" x14ac:dyDescent="0.2">
      <c r="A144" s="167" t="s">
        <v>1086</v>
      </c>
      <c r="B144" s="166">
        <v>162.05715483689201</v>
      </c>
      <c r="C144" s="166">
        <v>162.05715483689201</v>
      </c>
      <c r="D144" s="166">
        <v>0</v>
      </c>
      <c r="E144" s="166">
        <v>0</v>
      </c>
      <c r="F144" s="166">
        <v>0</v>
      </c>
      <c r="G144" s="166">
        <v>0</v>
      </c>
      <c r="H144" s="166">
        <v>0</v>
      </c>
      <c r="I144" s="166">
        <v>0</v>
      </c>
      <c r="J144" s="166">
        <v>0</v>
      </c>
      <c r="K144" s="166">
        <v>0</v>
      </c>
      <c r="L144" s="166">
        <v>0</v>
      </c>
      <c r="M144" s="166">
        <v>0</v>
      </c>
      <c r="N144" s="166">
        <v>0</v>
      </c>
      <c r="O144" s="166">
        <v>0</v>
      </c>
      <c r="P144" s="166">
        <v>0</v>
      </c>
      <c r="Q144" s="166">
        <v>0</v>
      </c>
      <c r="R144" s="166">
        <v>0</v>
      </c>
      <c r="S144" s="166">
        <v>0</v>
      </c>
      <c r="T144" s="166">
        <v>0</v>
      </c>
      <c r="U144" s="166">
        <v>0</v>
      </c>
      <c r="V144" s="166">
        <v>0</v>
      </c>
      <c r="W144" s="166">
        <v>0</v>
      </c>
      <c r="X144" s="166">
        <v>0</v>
      </c>
      <c r="Y144" s="166">
        <v>0</v>
      </c>
      <c r="Z144" s="166">
        <v>0</v>
      </c>
      <c r="AA144" s="166">
        <v>0</v>
      </c>
      <c r="AB144" s="166">
        <v>0</v>
      </c>
      <c r="AC144" s="166">
        <v>0</v>
      </c>
      <c r="AD144" s="166">
        <v>0</v>
      </c>
      <c r="AE144" s="166">
        <v>0</v>
      </c>
      <c r="AF144" s="166">
        <v>0</v>
      </c>
      <c r="AG144" s="166">
        <v>0</v>
      </c>
      <c r="AH144" s="166">
        <v>0</v>
      </c>
      <c r="AI144" s="166">
        <v>0</v>
      </c>
      <c r="AJ144" s="166">
        <v>0</v>
      </c>
      <c r="AK144" s="166">
        <v>0</v>
      </c>
      <c r="AL144" s="166">
        <v>0</v>
      </c>
      <c r="AM144" s="166">
        <v>0</v>
      </c>
      <c r="AN144" s="166">
        <v>0</v>
      </c>
      <c r="AO144" s="166">
        <v>0</v>
      </c>
      <c r="AP144" s="166">
        <v>0</v>
      </c>
      <c r="AQ144" s="166">
        <v>0</v>
      </c>
      <c r="AR144" s="166">
        <v>0</v>
      </c>
      <c r="AS144" s="166">
        <v>0</v>
      </c>
      <c r="AT144" s="166">
        <v>0</v>
      </c>
      <c r="AU144" s="166">
        <v>0</v>
      </c>
      <c r="AV144" s="166">
        <v>0</v>
      </c>
      <c r="AW144" s="166">
        <v>0</v>
      </c>
      <c r="AX144" s="166">
        <v>0</v>
      </c>
      <c r="AY144" s="166">
        <v>0</v>
      </c>
      <c r="AZ144" s="166">
        <v>0</v>
      </c>
      <c r="BA144" s="166">
        <v>0</v>
      </c>
      <c r="BB144" s="166">
        <v>0</v>
      </c>
      <c r="BC144" s="166">
        <v>0</v>
      </c>
      <c r="BD144" s="166">
        <v>0</v>
      </c>
      <c r="BE144" s="166">
        <v>0</v>
      </c>
      <c r="BF144" s="166">
        <v>0</v>
      </c>
      <c r="BG144" s="166">
        <v>0</v>
      </c>
      <c r="BH144" s="166">
        <v>0</v>
      </c>
      <c r="BI144" s="166">
        <v>0</v>
      </c>
      <c r="BJ144" s="166">
        <v>0</v>
      </c>
      <c r="BK144" s="166">
        <v>0</v>
      </c>
      <c r="BL144" s="166">
        <v>0</v>
      </c>
      <c r="BM144" s="166">
        <v>0</v>
      </c>
      <c r="BN144" s="166">
        <v>0</v>
      </c>
      <c r="BO144" s="166">
        <v>0</v>
      </c>
      <c r="BP144" s="166">
        <v>0</v>
      </c>
      <c r="BQ144" s="166">
        <v>0</v>
      </c>
      <c r="BR144" s="166">
        <v>162.05715483689201</v>
      </c>
      <c r="BS144" s="166">
        <v>162.05715483689201</v>
      </c>
      <c r="BT144" s="168">
        <v>0.95109934560116105</v>
      </c>
      <c r="BU144" s="166">
        <v>0</v>
      </c>
      <c r="BV144" s="166">
        <v>154.13245391535401</v>
      </c>
      <c r="BW144" s="166">
        <v>0</v>
      </c>
      <c r="BX144" s="166">
        <v>0</v>
      </c>
      <c r="BY144" s="166">
        <v>0</v>
      </c>
      <c r="BZ144" s="166">
        <v>0</v>
      </c>
      <c r="CA144" s="166">
        <v>0</v>
      </c>
      <c r="CB144" s="166">
        <v>0</v>
      </c>
      <c r="CC144" s="166">
        <v>0</v>
      </c>
      <c r="CD144" s="166">
        <v>0</v>
      </c>
      <c r="CE144" s="166">
        <v>0</v>
      </c>
      <c r="CF144" s="166">
        <v>0</v>
      </c>
      <c r="CG144" s="166">
        <v>0</v>
      </c>
      <c r="CH144" s="166">
        <v>0</v>
      </c>
      <c r="CI144" s="166">
        <v>0</v>
      </c>
      <c r="CJ144" s="166">
        <v>0</v>
      </c>
      <c r="CK144" s="166">
        <v>0</v>
      </c>
      <c r="CL144" s="166">
        <v>0</v>
      </c>
      <c r="CM144" s="166">
        <v>0</v>
      </c>
      <c r="CN144" s="166">
        <v>0</v>
      </c>
      <c r="CO144" s="166">
        <v>0</v>
      </c>
      <c r="CP144" s="166">
        <v>0</v>
      </c>
      <c r="CQ144" s="166">
        <v>0</v>
      </c>
      <c r="CR144" s="166">
        <v>0</v>
      </c>
      <c r="CS144" s="166">
        <v>0</v>
      </c>
      <c r="CT144" s="166">
        <v>0</v>
      </c>
      <c r="CU144" s="166">
        <v>0</v>
      </c>
      <c r="CV144" s="166">
        <v>0</v>
      </c>
      <c r="CW144" s="166">
        <v>0</v>
      </c>
      <c r="CX144" s="166">
        <v>0</v>
      </c>
      <c r="CY144" s="166">
        <v>154.13245391535401</v>
      </c>
      <c r="CZ144" s="166">
        <v>154.13245391535401</v>
      </c>
    </row>
    <row r="145" spans="1:104" hidden="1" outlineLevel="1" x14ac:dyDescent="0.2">
      <c r="A145" s="167" t="s">
        <v>237</v>
      </c>
      <c r="B145" s="166">
        <v>518.414260588719</v>
      </c>
      <c r="C145" s="166">
        <v>518.414260588719</v>
      </c>
      <c r="D145" s="166">
        <v>0</v>
      </c>
      <c r="E145" s="166">
        <v>0</v>
      </c>
      <c r="F145" s="166">
        <v>0</v>
      </c>
      <c r="G145" s="166">
        <v>0</v>
      </c>
      <c r="H145" s="166">
        <v>0</v>
      </c>
      <c r="I145" s="166">
        <v>0</v>
      </c>
      <c r="J145" s="166">
        <v>0</v>
      </c>
      <c r="K145" s="166">
        <v>0</v>
      </c>
      <c r="L145" s="166">
        <v>0</v>
      </c>
      <c r="M145" s="166">
        <v>0</v>
      </c>
      <c r="N145" s="166">
        <v>0</v>
      </c>
      <c r="O145" s="166">
        <v>0</v>
      </c>
      <c r="P145" s="166">
        <v>0</v>
      </c>
      <c r="Q145" s="166">
        <v>0</v>
      </c>
      <c r="R145" s="166">
        <v>0</v>
      </c>
      <c r="S145" s="166">
        <v>0</v>
      </c>
      <c r="T145" s="166">
        <v>0</v>
      </c>
      <c r="U145" s="166">
        <v>0</v>
      </c>
      <c r="V145" s="166">
        <v>0</v>
      </c>
      <c r="W145" s="166">
        <v>0</v>
      </c>
      <c r="X145" s="166">
        <v>0</v>
      </c>
      <c r="Y145" s="166">
        <v>0</v>
      </c>
      <c r="Z145" s="166">
        <v>0</v>
      </c>
      <c r="AA145" s="166">
        <v>0</v>
      </c>
      <c r="AB145" s="166">
        <v>0</v>
      </c>
      <c r="AC145" s="166">
        <v>0</v>
      </c>
      <c r="AD145" s="166">
        <v>0</v>
      </c>
      <c r="AE145" s="166">
        <v>0</v>
      </c>
      <c r="AF145" s="166">
        <v>0</v>
      </c>
      <c r="AG145" s="166">
        <v>0</v>
      </c>
      <c r="AH145" s="166">
        <v>0</v>
      </c>
      <c r="AI145" s="166">
        <v>0</v>
      </c>
      <c r="AJ145" s="166">
        <v>0</v>
      </c>
      <c r="AK145" s="166">
        <v>0</v>
      </c>
      <c r="AL145" s="166">
        <v>0</v>
      </c>
      <c r="AM145" s="166">
        <v>0</v>
      </c>
      <c r="AN145" s="166">
        <v>0</v>
      </c>
      <c r="AO145" s="166">
        <v>0</v>
      </c>
      <c r="AP145" s="166">
        <v>0</v>
      </c>
      <c r="AQ145" s="166">
        <v>0</v>
      </c>
      <c r="AR145" s="166">
        <v>0</v>
      </c>
      <c r="AS145" s="166">
        <v>0</v>
      </c>
      <c r="AT145" s="166">
        <v>0</v>
      </c>
      <c r="AU145" s="166">
        <v>0</v>
      </c>
      <c r="AV145" s="166">
        <v>0</v>
      </c>
      <c r="AW145" s="166">
        <v>0</v>
      </c>
      <c r="AX145" s="166">
        <v>0</v>
      </c>
      <c r="AY145" s="166">
        <v>0</v>
      </c>
      <c r="AZ145" s="166">
        <v>0</v>
      </c>
      <c r="BA145" s="166">
        <v>0</v>
      </c>
      <c r="BB145" s="166">
        <v>0</v>
      </c>
      <c r="BC145" s="166">
        <v>0</v>
      </c>
      <c r="BD145" s="166">
        <v>0</v>
      </c>
      <c r="BE145" s="166">
        <v>0</v>
      </c>
      <c r="BF145" s="166">
        <v>0</v>
      </c>
      <c r="BG145" s="166">
        <v>0</v>
      </c>
      <c r="BH145" s="166">
        <v>0</v>
      </c>
      <c r="BI145" s="166">
        <v>0</v>
      </c>
      <c r="BJ145" s="166">
        <v>0</v>
      </c>
      <c r="BK145" s="166">
        <v>0</v>
      </c>
      <c r="BL145" s="166">
        <v>0</v>
      </c>
      <c r="BM145" s="166">
        <v>0</v>
      </c>
      <c r="BN145" s="166">
        <v>0</v>
      </c>
      <c r="BO145" s="166">
        <v>0</v>
      </c>
      <c r="BP145" s="166">
        <v>0</v>
      </c>
      <c r="BQ145" s="166">
        <v>0</v>
      </c>
      <c r="BR145" s="166">
        <v>518.414260588719</v>
      </c>
      <c r="BS145" s="166">
        <v>518.414260588719</v>
      </c>
      <c r="BT145" s="168">
        <v>0.97403133392564201</v>
      </c>
      <c r="BU145" s="166">
        <v>0</v>
      </c>
      <c r="BV145" s="166">
        <v>504.95173376730497</v>
      </c>
      <c r="BW145" s="166">
        <v>0</v>
      </c>
      <c r="BX145" s="166">
        <v>0</v>
      </c>
      <c r="BY145" s="166">
        <v>0</v>
      </c>
      <c r="BZ145" s="166">
        <v>0</v>
      </c>
      <c r="CA145" s="166">
        <v>0</v>
      </c>
      <c r="CB145" s="166">
        <v>0</v>
      </c>
      <c r="CC145" s="166">
        <v>0</v>
      </c>
      <c r="CD145" s="166">
        <v>0</v>
      </c>
      <c r="CE145" s="166">
        <v>0</v>
      </c>
      <c r="CF145" s="166">
        <v>0</v>
      </c>
      <c r="CG145" s="166">
        <v>0</v>
      </c>
      <c r="CH145" s="166">
        <v>0</v>
      </c>
      <c r="CI145" s="166">
        <v>0</v>
      </c>
      <c r="CJ145" s="166">
        <v>0</v>
      </c>
      <c r="CK145" s="166">
        <v>0</v>
      </c>
      <c r="CL145" s="166">
        <v>0</v>
      </c>
      <c r="CM145" s="166">
        <v>0</v>
      </c>
      <c r="CN145" s="166">
        <v>0</v>
      </c>
      <c r="CO145" s="166">
        <v>0</v>
      </c>
      <c r="CP145" s="166">
        <v>0</v>
      </c>
      <c r="CQ145" s="166">
        <v>0</v>
      </c>
      <c r="CR145" s="166">
        <v>0</v>
      </c>
      <c r="CS145" s="166">
        <v>0</v>
      </c>
      <c r="CT145" s="166">
        <v>0</v>
      </c>
      <c r="CU145" s="166">
        <v>0</v>
      </c>
      <c r="CV145" s="166">
        <v>0</v>
      </c>
      <c r="CW145" s="166">
        <v>0</v>
      </c>
      <c r="CX145" s="166">
        <v>0</v>
      </c>
      <c r="CY145" s="166">
        <v>504.95173376730497</v>
      </c>
      <c r="CZ145" s="166">
        <v>504.95173376730497</v>
      </c>
    </row>
    <row r="146" spans="1:104" hidden="1" outlineLevel="1" x14ac:dyDescent="0.2">
      <c r="A146" s="167" t="s">
        <v>238</v>
      </c>
      <c r="B146" s="166">
        <v>406.99128487036899</v>
      </c>
      <c r="C146" s="166">
        <v>406.99128487036899</v>
      </c>
      <c r="D146" s="166">
        <v>0</v>
      </c>
      <c r="E146" s="166">
        <v>0</v>
      </c>
      <c r="F146" s="166">
        <v>0</v>
      </c>
      <c r="G146" s="166">
        <v>0</v>
      </c>
      <c r="H146" s="166">
        <v>0</v>
      </c>
      <c r="I146" s="166">
        <v>0</v>
      </c>
      <c r="J146" s="166">
        <v>0</v>
      </c>
      <c r="K146" s="166">
        <v>0</v>
      </c>
      <c r="L146" s="166">
        <v>0</v>
      </c>
      <c r="M146" s="166">
        <v>0</v>
      </c>
      <c r="N146" s="166">
        <v>0</v>
      </c>
      <c r="O146" s="166">
        <v>0</v>
      </c>
      <c r="P146" s="166">
        <v>0</v>
      </c>
      <c r="Q146" s="166">
        <v>0</v>
      </c>
      <c r="R146" s="166">
        <v>0</v>
      </c>
      <c r="S146" s="166">
        <v>0</v>
      </c>
      <c r="T146" s="166">
        <v>0</v>
      </c>
      <c r="U146" s="166">
        <v>0</v>
      </c>
      <c r="V146" s="166">
        <v>0</v>
      </c>
      <c r="W146" s="166">
        <v>0</v>
      </c>
      <c r="X146" s="166">
        <v>0</v>
      </c>
      <c r="Y146" s="166">
        <v>0</v>
      </c>
      <c r="Z146" s="166">
        <v>0</v>
      </c>
      <c r="AA146" s="166">
        <v>0</v>
      </c>
      <c r="AB146" s="166">
        <v>0</v>
      </c>
      <c r="AC146" s="166">
        <v>0</v>
      </c>
      <c r="AD146" s="166">
        <v>0</v>
      </c>
      <c r="AE146" s="166">
        <v>0</v>
      </c>
      <c r="AF146" s="166">
        <v>0</v>
      </c>
      <c r="AG146" s="166">
        <v>0</v>
      </c>
      <c r="AH146" s="166">
        <v>0</v>
      </c>
      <c r="AI146" s="166">
        <v>0</v>
      </c>
      <c r="AJ146" s="166">
        <v>0</v>
      </c>
      <c r="AK146" s="166">
        <v>0</v>
      </c>
      <c r="AL146" s="166">
        <v>0</v>
      </c>
      <c r="AM146" s="166">
        <v>0</v>
      </c>
      <c r="AN146" s="166">
        <v>0</v>
      </c>
      <c r="AO146" s="166">
        <v>0</v>
      </c>
      <c r="AP146" s="166">
        <v>0</v>
      </c>
      <c r="AQ146" s="166">
        <v>0</v>
      </c>
      <c r="AR146" s="166">
        <v>0</v>
      </c>
      <c r="AS146" s="166">
        <v>0</v>
      </c>
      <c r="AT146" s="166">
        <v>0</v>
      </c>
      <c r="AU146" s="166">
        <v>0</v>
      </c>
      <c r="AV146" s="166">
        <v>0</v>
      </c>
      <c r="AW146" s="166">
        <v>0</v>
      </c>
      <c r="AX146" s="166">
        <v>0</v>
      </c>
      <c r="AY146" s="166">
        <v>0</v>
      </c>
      <c r="AZ146" s="166">
        <v>0</v>
      </c>
      <c r="BA146" s="166">
        <v>0</v>
      </c>
      <c r="BB146" s="166">
        <v>0</v>
      </c>
      <c r="BC146" s="166">
        <v>0</v>
      </c>
      <c r="BD146" s="166">
        <v>0</v>
      </c>
      <c r="BE146" s="166">
        <v>0</v>
      </c>
      <c r="BF146" s="166">
        <v>0</v>
      </c>
      <c r="BG146" s="166">
        <v>0</v>
      </c>
      <c r="BH146" s="166">
        <v>0</v>
      </c>
      <c r="BI146" s="166">
        <v>0</v>
      </c>
      <c r="BJ146" s="166">
        <v>0</v>
      </c>
      <c r="BK146" s="166">
        <v>0</v>
      </c>
      <c r="BL146" s="166">
        <v>0</v>
      </c>
      <c r="BM146" s="166">
        <v>0</v>
      </c>
      <c r="BN146" s="166">
        <v>0</v>
      </c>
      <c r="BO146" s="166">
        <v>0</v>
      </c>
      <c r="BP146" s="166">
        <v>0</v>
      </c>
      <c r="BQ146" s="166">
        <v>0</v>
      </c>
      <c r="BR146" s="166">
        <v>406.99128487036899</v>
      </c>
      <c r="BS146" s="166">
        <v>406.99128487036899</v>
      </c>
      <c r="BT146" s="166">
        <v>1000</v>
      </c>
      <c r="BU146" s="166">
        <v>0</v>
      </c>
      <c r="BV146" s="166">
        <v>406.99128487036899</v>
      </c>
      <c r="BW146" s="166">
        <v>0</v>
      </c>
      <c r="BX146" s="166">
        <v>0</v>
      </c>
      <c r="BY146" s="166">
        <v>0</v>
      </c>
      <c r="BZ146" s="166">
        <v>0</v>
      </c>
      <c r="CA146" s="166">
        <v>0</v>
      </c>
      <c r="CB146" s="166">
        <v>0</v>
      </c>
      <c r="CC146" s="166">
        <v>0</v>
      </c>
      <c r="CD146" s="166">
        <v>0</v>
      </c>
      <c r="CE146" s="166">
        <v>0</v>
      </c>
      <c r="CF146" s="166">
        <v>0</v>
      </c>
      <c r="CG146" s="166">
        <v>0</v>
      </c>
      <c r="CH146" s="166">
        <v>0</v>
      </c>
      <c r="CI146" s="166">
        <v>0</v>
      </c>
      <c r="CJ146" s="166">
        <v>0</v>
      </c>
      <c r="CK146" s="166">
        <v>0</v>
      </c>
      <c r="CL146" s="166">
        <v>0</v>
      </c>
      <c r="CM146" s="166">
        <v>0</v>
      </c>
      <c r="CN146" s="166">
        <v>0</v>
      </c>
      <c r="CO146" s="166">
        <v>0</v>
      </c>
      <c r="CP146" s="166">
        <v>0</v>
      </c>
      <c r="CQ146" s="166">
        <v>0</v>
      </c>
      <c r="CR146" s="166">
        <v>0</v>
      </c>
      <c r="CS146" s="166">
        <v>0</v>
      </c>
      <c r="CT146" s="166">
        <v>0</v>
      </c>
      <c r="CU146" s="166">
        <v>0</v>
      </c>
      <c r="CV146" s="166">
        <v>0</v>
      </c>
      <c r="CW146" s="166">
        <v>0</v>
      </c>
      <c r="CX146" s="166">
        <v>0</v>
      </c>
      <c r="CY146" s="166">
        <v>406.99128487036899</v>
      </c>
      <c r="CZ146" s="166">
        <v>406.99128487036899</v>
      </c>
    </row>
    <row r="147" spans="1:104" hidden="1" outlineLevel="1" x14ac:dyDescent="0.2">
      <c r="A147" s="167" t="s">
        <v>1087</v>
      </c>
      <c r="B147" s="166">
        <v>46550.917498401701</v>
      </c>
      <c r="C147" s="166">
        <v>46550.917498401701</v>
      </c>
      <c r="D147" s="166">
        <v>0</v>
      </c>
      <c r="E147" s="166">
        <v>0</v>
      </c>
      <c r="F147" s="166">
        <v>0</v>
      </c>
      <c r="G147" s="166">
        <v>0</v>
      </c>
      <c r="H147" s="166">
        <v>0</v>
      </c>
      <c r="I147" s="166">
        <v>0</v>
      </c>
      <c r="J147" s="166">
        <v>0</v>
      </c>
      <c r="K147" s="166">
        <v>0</v>
      </c>
      <c r="L147" s="166">
        <v>0</v>
      </c>
      <c r="M147" s="166">
        <v>0</v>
      </c>
      <c r="N147" s="166">
        <v>0</v>
      </c>
      <c r="O147" s="166">
        <v>0</v>
      </c>
      <c r="P147" s="166">
        <v>0</v>
      </c>
      <c r="Q147" s="166">
        <v>0</v>
      </c>
      <c r="R147" s="166">
        <v>0</v>
      </c>
      <c r="S147" s="166">
        <v>0</v>
      </c>
      <c r="T147" s="166">
        <v>0</v>
      </c>
      <c r="U147" s="166">
        <v>0</v>
      </c>
      <c r="V147" s="166">
        <v>0</v>
      </c>
      <c r="W147" s="166">
        <v>0</v>
      </c>
      <c r="X147" s="166">
        <v>0</v>
      </c>
      <c r="Y147" s="166">
        <v>0</v>
      </c>
      <c r="Z147" s="166">
        <v>0</v>
      </c>
      <c r="AA147" s="166">
        <v>0</v>
      </c>
      <c r="AB147" s="166">
        <v>0</v>
      </c>
      <c r="AC147" s="166">
        <v>0</v>
      </c>
      <c r="AD147" s="166">
        <v>0</v>
      </c>
      <c r="AE147" s="166">
        <v>0</v>
      </c>
      <c r="AF147" s="166">
        <v>0</v>
      </c>
      <c r="AG147" s="166">
        <v>0</v>
      </c>
      <c r="AH147" s="166">
        <v>0</v>
      </c>
      <c r="AI147" s="166">
        <v>0</v>
      </c>
      <c r="AJ147" s="166">
        <v>0</v>
      </c>
      <c r="AK147" s="166">
        <v>0</v>
      </c>
      <c r="AL147" s="166">
        <v>0</v>
      </c>
      <c r="AM147" s="166">
        <v>0</v>
      </c>
      <c r="AN147" s="166">
        <v>0</v>
      </c>
      <c r="AO147" s="166">
        <v>0</v>
      </c>
      <c r="AP147" s="166">
        <v>0</v>
      </c>
      <c r="AQ147" s="166">
        <v>0</v>
      </c>
      <c r="AR147" s="166">
        <v>0</v>
      </c>
      <c r="AS147" s="166">
        <v>0</v>
      </c>
      <c r="AT147" s="166">
        <v>0</v>
      </c>
      <c r="AU147" s="166">
        <v>0</v>
      </c>
      <c r="AV147" s="166">
        <v>0</v>
      </c>
      <c r="AW147" s="166">
        <v>0</v>
      </c>
      <c r="AX147" s="166">
        <v>0</v>
      </c>
      <c r="AY147" s="166">
        <v>0</v>
      </c>
      <c r="AZ147" s="166">
        <v>0</v>
      </c>
      <c r="BA147" s="166">
        <v>0</v>
      </c>
      <c r="BB147" s="166">
        <v>0</v>
      </c>
      <c r="BC147" s="166">
        <v>0</v>
      </c>
      <c r="BD147" s="166">
        <v>0</v>
      </c>
      <c r="BE147" s="166">
        <v>0</v>
      </c>
      <c r="BF147" s="166">
        <v>0</v>
      </c>
      <c r="BG147" s="166">
        <v>0</v>
      </c>
      <c r="BH147" s="166">
        <v>0</v>
      </c>
      <c r="BI147" s="166">
        <v>0</v>
      </c>
      <c r="BJ147" s="166">
        <v>0</v>
      </c>
      <c r="BK147" s="166">
        <v>0</v>
      </c>
      <c r="BL147" s="166">
        <v>0</v>
      </c>
      <c r="BM147" s="166">
        <v>0</v>
      </c>
      <c r="BN147" s="166">
        <v>0</v>
      </c>
      <c r="BO147" s="166">
        <v>0</v>
      </c>
      <c r="BP147" s="166">
        <v>0</v>
      </c>
      <c r="BQ147" s="166">
        <v>0</v>
      </c>
      <c r="BR147" s="166">
        <v>46550.917498401701</v>
      </c>
      <c r="BS147" s="166">
        <v>46550.917498401701</v>
      </c>
      <c r="BT147" s="168">
        <v>0.72041766170058497</v>
      </c>
      <c r="BU147" s="166">
        <v>0</v>
      </c>
      <c r="BV147" s="166">
        <v>33536.103134215402</v>
      </c>
      <c r="BW147" s="166">
        <v>0</v>
      </c>
      <c r="BX147" s="166">
        <v>0</v>
      </c>
      <c r="BY147" s="166">
        <v>0</v>
      </c>
      <c r="BZ147" s="166">
        <v>0</v>
      </c>
      <c r="CA147" s="166">
        <v>0</v>
      </c>
      <c r="CB147" s="166">
        <v>0</v>
      </c>
      <c r="CC147" s="166">
        <v>0</v>
      </c>
      <c r="CD147" s="166">
        <v>0</v>
      </c>
      <c r="CE147" s="166">
        <v>0</v>
      </c>
      <c r="CF147" s="166">
        <v>0</v>
      </c>
      <c r="CG147" s="166">
        <v>0</v>
      </c>
      <c r="CH147" s="166">
        <v>0</v>
      </c>
      <c r="CI147" s="166">
        <v>0</v>
      </c>
      <c r="CJ147" s="166">
        <v>0</v>
      </c>
      <c r="CK147" s="166">
        <v>0</v>
      </c>
      <c r="CL147" s="166">
        <v>0</v>
      </c>
      <c r="CM147" s="166">
        <v>0</v>
      </c>
      <c r="CN147" s="166">
        <v>0</v>
      </c>
      <c r="CO147" s="166">
        <v>0</v>
      </c>
      <c r="CP147" s="166">
        <v>0</v>
      </c>
      <c r="CQ147" s="166">
        <v>0</v>
      </c>
      <c r="CR147" s="166">
        <v>0</v>
      </c>
      <c r="CS147" s="166">
        <v>0</v>
      </c>
      <c r="CT147" s="166">
        <v>0</v>
      </c>
      <c r="CU147" s="166">
        <v>0</v>
      </c>
      <c r="CV147" s="166">
        <v>0</v>
      </c>
      <c r="CW147" s="166">
        <v>0</v>
      </c>
      <c r="CX147" s="166">
        <v>0</v>
      </c>
      <c r="CY147" s="166">
        <v>33536.103134215402</v>
      </c>
      <c r="CZ147" s="166">
        <v>33536.103134215402</v>
      </c>
    </row>
    <row r="148" spans="1:104" hidden="1" outlineLevel="1" x14ac:dyDescent="0.2">
      <c r="A148" s="167" t="s">
        <v>1088</v>
      </c>
      <c r="B148" s="166">
        <v>48371.39</v>
      </c>
      <c r="C148" s="166">
        <v>48371.39</v>
      </c>
      <c r="D148" s="166">
        <v>0</v>
      </c>
      <c r="E148" s="166">
        <v>0</v>
      </c>
      <c r="F148" s="166">
        <v>0</v>
      </c>
      <c r="G148" s="166">
        <v>0</v>
      </c>
      <c r="H148" s="166">
        <v>0</v>
      </c>
      <c r="I148" s="166">
        <v>0</v>
      </c>
      <c r="J148" s="166">
        <v>0</v>
      </c>
      <c r="K148" s="166">
        <v>0</v>
      </c>
      <c r="L148" s="166">
        <v>0</v>
      </c>
      <c r="M148" s="166">
        <v>0</v>
      </c>
      <c r="N148" s="166">
        <v>0</v>
      </c>
      <c r="O148" s="166">
        <v>0</v>
      </c>
      <c r="P148" s="166">
        <v>0</v>
      </c>
      <c r="Q148" s="166">
        <v>0</v>
      </c>
      <c r="R148" s="166">
        <v>0</v>
      </c>
      <c r="S148" s="166">
        <v>0</v>
      </c>
      <c r="T148" s="166">
        <v>0</v>
      </c>
      <c r="U148" s="166">
        <v>0</v>
      </c>
      <c r="V148" s="166">
        <v>0</v>
      </c>
      <c r="W148" s="166">
        <v>0</v>
      </c>
      <c r="X148" s="166">
        <v>0</v>
      </c>
      <c r="Y148" s="166">
        <v>0</v>
      </c>
      <c r="Z148" s="166">
        <v>0</v>
      </c>
      <c r="AA148" s="166">
        <v>0</v>
      </c>
      <c r="AB148" s="166">
        <v>0</v>
      </c>
      <c r="AC148" s="166">
        <v>0</v>
      </c>
      <c r="AD148" s="166">
        <v>0</v>
      </c>
      <c r="AE148" s="166">
        <v>0</v>
      </c>
      <c r="AF148" s="166">
        <v>0</v>
      </c>
      <c r="AG148" s="166">
        <v>0</v>
      </c>
      <c r="AH148" s="166">
        <v>0</v>
      </c>
      <c r="AI148" s="166">
        <v>0</v>
      </c>
      <c r="AJ148" s="166">
        <v>0</v>
      </c>
      <c r="AK148" s="166">
        <v>0</v>
      </c>
      <c r="AL148" s="166">
        <v>0</v>
      </c>
      <c r="AM148" s="166">
        <v>0</v>
      </c>
      <c r="AN148" s="166">
        <v>0</v>
      </c>
      <c r="AO148" s="166">
        <v>0</v>
      </c>
      <c r="AP148" s="166">
        <v>0</v>
      </c>
      <c r="AQ148" s="166">
        <v>0</v>
      </c>
      <c r="AR148" s="166">
        <v>0</v>
      </c>
      <c r="AS148" s="166">
        <v>0</v>
      </c>
      <c r="AT148" s="166">
        <v>0</v>
      </c>
      <c r="AU148" s="166">
        <v>0</v>
      </c>
      <c r="AV148" s="166">
        <v>0</v>
      </c>
      <c r="AW148" s="166">
        <v>0</v>
      </c>
      <c r="AX148" s="166">
        <v>0</v>
      </c>
      <c r="AY148" s="166">
        <v>0</v>
      </c>
      <c r="AZ148" s="166">
        <v>0</v>
      </c>
      <c r="BA148" s="166">
        <v>0</v>
      </c>
      <c r="BB148" s="166">
        <v>0</v>
      </c>
      <c r="BC148" s="166">
        <v>0</v>
      </c>
      <c r="BD148" s="166">
        <v>0</v>
      </c>
      <c r="BE148" s="166">
        <v>0</v>
      </c>
      <c r="BF148" s="166">
        <v>0</v>
      </c>
      <c r="BG148" s="166">
        <v>0</v>
      </c>
      <c r="BH148" s="166">
        <v>0</v>
      </c>
      <c r="BI148" s="166">
        <v>0</v>
      </c>
      <c r="BJ148" s="166">
        <v>0</v>
      </c>
      <c r="BK148" s="166">
        <v>0</v>
      </c>
      <c r="BL148" s="166">
        <v>0</v>
      </c>
      <c r="BM148" s="166">
        <v>0</v>
      </c>
      <c r="BN148" s="166">
        <v>0</v>
      </c>
      <c r="BO148" s="166">
        <v>0</v>
      </c>
      <c r="BP148" s="166">
        <v>0</v>
      </c>
      <c r="BQ148" s="166">
        <v>0</v>
      </c>
      <c r="BR148" s="166">
        <v>48371.39</v>
      </c>
      <c r="BS148" s="166">
        <v>48371.39</v>
      </c>
      <c r="BT148" s="168">
        <v>0</v>
      </c>
      <c r="BU148" s="166">
        <v>0</v>
      </c>
      <c r="BV148" s="166">
        <v>35315.081523257199</v>
      </c>
      <c r="BW148" s="166">
        <v>0</v>
      </c>
      <c r="BX148" s="166">
        <v>0</v>
      </c>
      <c r="BY148" s="166">
        <v>0</v>
      </c>
      <c r="BZ148" s="166">
        <v>0</v>
      </c>
      <c r="CA148" s="166">
        <v>0</v>
      </c>
      <c r="CB148" s="166">
        <v>0</v>
      </c>
      <c r="CC148" s="166">
        <v>0</v>
      </c>
      <c r="CD148" s="166">
        <v>0</v>
      </c>
      <c r="CE148" s="166">
        <v>0</v>
      </c>
      <c r="CF148" s="166">
        <v>0</v>
      </c>
      <c r="CG148" s="166">
        <v>0</v>
      </c>
      <c r="CH148" s="166">
        <v>0</v>
      </c>
      <c r="CI148" s="166">
        <v>0</v>
      </c>
      <c r="CJ148" s="166">
        <v>0</v>
      </c>
      <c r="CK148" s="166">
        <v>0</v>
      </c>
      <c r="CL148" s="166">
        <v>0</v>
      </c>
      <c r="CM148" s="166">
        <v>0</v>
      </c>
      <c r="CN148" s="166">
        <v>0</v>
      </c>
      <c r="CO148" s="166">
        <v>0</v>
      </c>
      <c r="CP148" s="166">
        <v>0</v>
      </c>
      <c r="CQ148" s="166">
        <v>0</v>
      </c>
      <c r="CR148" s="166">
        <v>0</v>
      </c>
      <c r="CS148" s="166">
        <v>0</v>
      </c>
      <c r="CT148" s="166">
        <v>0</v>
      </c>
      <c r="CU148" s="166">
        <v>0</v>
      </c>
      <c r="CV148" s="166">
        <v>0</v>
      </c>
      <c r="CW148" s="166">
        <v>0</v>
      </c>
      <c r="CX148" s="166">
        <v>0</v>
      </c>
      <c r="CY148" s="166">
        <v>35315.081523257199</v>
      </c>
      <c r="CZ148" s="166">
        <v>35315.081523257199</v>
      </c>
    </row>
    <row r="149" spans="1:104" hidden="1" outlineLevel="1" x14ac:dyDescent="0.2">
      <c r="A149" s="167" t="s">
        <v>241</v>
      </c>
    </row>
    <row r="150" spans="1:104" hidden="1" outlineLevel="1" x14ac:dyDescent="0.2">
      <c r="A150" s="167" t="s">
        <v>1089</v>
      </c>
      <c r="B150" s="166">
        <v>28390.875524809901</v>
      </c>
      <c r="C150" s="166">
        <v>28390.875524809901</v>
      </c>
      <c r="D150" s="166">
        <v>0</v>
      </c>
      <c r="E150" s="166">
        <v>0</v>
      </c>
      <c r="F150" s="166">
        <v>0</v>
      </c>
      <c r="G150" s="166">
        <v>0</v>
      </c>
      <c r="H150" s="166">
        <v>0</v>
      </c>
      <c r="I150" s="166">
        <v>0</v>
      </c>
      <c r="J150" s="166">
        <v>0</v>
      </c>
      <c r="K150" s="166">
        <v>0</v>
      </c>
      <c r="L150" s="166">
        <v>0</v>
      </c>
      <c r="M150" s="166">
        <v>0</v>
      </c>
      <c r="N150" s="166">
        <v>0</v>
      </c>
      <c r="O150" s="166">
        <v>0</v>
      </c>
      <c r="P150" s="166">
        <v>0</v>
      </c>
      <c r="Q150" s="166">
        <v>0</v>
      </c>
      <c r="R150" s="166">
        <v>0</v>
      </c>
      <c r="S150" s="166">
        <v>0</v>
      </c>
      <c r="T150" s="166">
        <v>0</v>
      </c>
      <c r="U150" s="166">
        <v>0</v>
      </c>
      <c r="V150" s="166">
        <v>0</v>
      </c>
      <c r="W150" s="166">
        <v>0</v>
      </c>
      <c r="X150" s="166">
        <v>0</v>
      </c>
      <c r="Y150" s="166">
        <v>0</v>
      </c>
      <c r="Z150" s="166">
        <v>0</v>
      </c>
      <c r="AA150" s="166">
        <v>0</v>
      </c>
      <c r="AB150" s="166">
        <v>0</v>
      </c>
      <c r="AC150" s="166">
        <v>0</v>
      </c>
      <c r="AD150" s="166">
        <v>0</v>
      </c>
      <c r="AE150" s="166">
        <v>0</v>
      </c>
      <c r="AF150" s="166">
        <v>0</v>
      </c>
      <c r="AG150" s="166">
        <v>0</v>
      </c>
      <c r="AH150" s="166">
        <v>0</v>
      </c>
      <c r="AI150" s="166">
        <v>0</v>
      </c>
      <c r="AJ150" s="166">
        <v>0</v>
      </c>
      <c r="AK150" s="166">
        <v>0</v>
      </c>
      <c r="AL150" s="166">
        <v>0</v>
      </c>
      <c r="AM150" s="166">
        <v>0</v>
      </c>
      <c r="AN150" s="166">
        <v>0</v>
      </c>
      <c r="AO150" s="166">
        <v>0</v>
      </c>
      <c r="AP150" s="166">
        <v>0</v>
      </c>
      <c r="AQ150" s="166">
        <v>0</v>
      </c>
      <c r="AR150" s="166">
        <v>0</v>
      </c>
      <c r="AS150" s="166">
        <v>0</v>
      </c>
      <c r="AT150" s="166">
        <v>0</v>
      </c>
      <c r="AU150" s="166">
        <v>0</v>
      </c>
      <c r="AV150" s="166">
        <v>0</v>
      </c>
      <c r="AW150" s="166">
        <v>0</v>
      </c>
      <c r="AX150" s="166">
        <v>0</v>
      </c>
      <c r="AY150" s="166">
        <v>0</v>
      </c>
      <c r="AZ150" s="166">
        <v>0</v>
      </c>
      <c r="BA150" s="166">
        <v>0</v>
      </c>
      <c r="BB150" s="166">
        <v>0</v>
      </c>
      <c r="BC150" s="166">
        <v>0</v>
      </c>
      <c r="BD150" s="166">
        <v>0</v>
      </c>
      <c r="BE150" s="166">
        <v>0</v>
      </c>
      <c r="BF150" s="166">
        <v>0</v>
      </c>
      <c r="BG150" s="166">
        <v>0</v>
      </c>
      <c r="BH150" s="166">
        <v>0</v>
      </c>
      <c r="BI150" s="166">
        <v>0</v>
      </c>
      <c r="BJ150" s="166">
        <v>0</v>
      </c>
      <c r="BK150" s="166">
        <v>0</v>
      </c>
      <c r="BL150" s="166">
        <v>0</v>
      </c>
      <c r="BM150" s="166">
        <v>0</v>
      </c>
      <c r="BN150" s="166">
        <v>0</v>
      </c>
      <c r="BO150" s="166">
        <v>0</v>
      </c>
      <c r="BP150" s="166">
        <v>0</v>
      </c>
      <c r="BQ150" s="166">
        <v>0</v>
      </c>
      <c r="BR150" s="166">
        <v>28390.875524809901</v>
      </c>
      <c r="BS150" s="166">
        <v>28390.875524809901</v>
      </c>
      <c r="BT150" s="168">
        <v>0.97402999999999995</v>
      </c>
      <c r="BU150" s="166">
        <v>835.067701490285</v>
      </c>
      <c r="BV150" s="166">
        <v>27653.564487430602</v>
      </c>
      <c r="BW150" s="166">
        <v>0</v>
      </c>
      <c r="BX150" s="166">
        <v>0</v>
      </c>
      <c r="BY150" s="166">
        <v>0</v>
      </c>
      <c r="BZ150" s="166">
        <v>0</v>
      </c>
      <c r="CA150" s="166">
        <v>0</v>
      </c>
      <c r="CB150" s="166">
        <v>0</v>
      </c>
      <c r="CC150" s="166">
        <v>0</v>
      </c>
      <c r="CD150" s="166">
        <v>0</v>
      </c>
      <c r="CE150" s="166">
        <v>0</v>
      </c>
      <c r="CF150" s="166">
        <v>0</v>
      </c>
      <c r="CG150" s="166">
        <v>0</v>
      </c>
      <c r="CH150" s="166">
        <v>0</v>
      </c>
      <c r="CI150" s="166">
        <v>0</v>
      </c>
      <c r="CJ150" s="166">
        <v>0</v>
      </c>
      <c r="CK150" s="166">
        <v>0</v>
      </c>
      <c r="CL150" s="166">
        <v>0</v>
      </c>
      <c r="CM150" s="166">
        <v>0</v>
      </c>
      <c r="CN150" s="166">
        <v>0</v>
      </c>
      <c r="CO150" s="166">
        <v>0</v>
      </c>
      <c r="CP150" s="166">
        <v>0</v>
      </c>
      <c r="CQ150" s="166">
        <v>0</v>
      </c>
      <c r="CR150" s="166">
        <v>0</v>
      </c>
      <c r="CS150" s="166">
        <v>0</v>
      </c>
      <c r="CT150" s="166">
        <v>0</v>
      </c>
      <c r="CU150" s="166">
        <v>0</v>
      </c>
      <c r="CV150" s="166">
        <v>0</v>
      </c>
      <c r="CW150" s="166">
        <v>0</v>
      </c>
      <c r="CX150" s="166">
        <v>0</v>
      </c>
      <c r="CY150" s="166">
        <v>27653.564487430602</v>
      </c>
      <c r="CZ150" s="166">
        <v>27653.564487430602</v>
      </c>
    </row>
    <row r="151" spans="1:104" hidden="1" outlineLevel="1" x14ac:dyDescent="0.2">
      <c r="A151" s="167" t="s">
        <v>1090</v>
      </c>
      <c r="B151" s="166">
        <v>897.55434188254196</v>
      </c>
      <c r="C151" s="166">
        <v>897.55434188254196</v>
      </c>
      <c r="D151" s="166">
        <v>0</v>
      </c>
      <c r="E151" s="166">
        <v>0</v>
      </c>
      <c r="F151" s="166">
        <v>0</v>
      </c>
      <c r="G151" s="166">
        <v>0</v>
      </c>
      <c r="H151" s="166">
        <v>0</v>
      </c>
      <c r="I151" s="166">
        <v>0</v>
      </c>
      <c r="J151" s="166">
        <v>0</v>
      </c>
      <c r="K151" s="166">
        <v>0</v>
      </c>
      <c r="L151" s="166">
        <v>0</v>
      </c>
      <c r="M151" s="166">
        <v>0</v>
      </c>
      <c r="N151" s="166">
        <v>0</v>
      </c>
      <c r="O151" s="166">
        <v>0</v>
      </c>
      <c r="P151" s="166">
        <v>0</v>
      </c>
      <c r="Q151" s="166">
        <v>0</v>
      </c>
      <c r="R151" s="166">
        <v>0</v>
      </c>
      <c r="S151" s="166">
        <v>0</v>
      </c>
      <c r="T151" s="166">
        <v>0</v>
      </c>
      <c r="U151" s="166">
        <v>0</v>
      </c>
      <c r="V151" s="166">
        <v>0</v>
      </c>
      <c r="W151" s="166">
        <v>0</v>
      </c>
      <c r="X151" s="166">
        <v>0</v>
      </c>
      <c r="Y151" s="166">
        <v>0</v>
      </c>
      <c r="Z151" s="166">
        <v>0</v>
      </c>
      <c r="AA151" s="166">
        <v>0</v>
      </c>
      <c r="AB151" s="166">
        <v>0</v>
      </c>
      <c r="AC151" s="166">
        <v>0</v>
      </c>
      <c r="AD151" s="166">
        <v>0</v>
      </c>
      <c r="AE151" s="166">
        <v>0</v>
      </c>
      <c r="AF151" s="166">
        <v>0</v>
      </c>
      <c r="AG151" s="166">
        <v>0</v>
      </c>
      <c r="AH151" s="166">
        <v>0</v>
      </c>
      <c r="AI151" s="166">
        <v>0</v>
      </c>
      <c r="AJ151" s="166">
        <v>0</v>
      </c>
      <c r="AK151" s="166">
        <v>0</v>
      </c>
      <c r="AL151" s="166">
        <v>0</v>
      </c>
      <c r="AM151" s="166">
        <v>0</v>
      </c>
      <c r="AN151" s="166">
        <v>0</v>
      </c>
      <c r="AO151" s="166">
        <v>0</v>
      </c>
      <c r="AP151" s="166">
        <v>0</v>
      </c>
      <c r="AQ151" s="166">
        <v>0</v>
      </c>
      <c r="AR151" s="166">
        <v>0</v>
      </c>
      <c r="AS151" s="166">
        <v>0</v>
      </c>
      <c r="AT151" s="166">
        <v>0</v>
      </c>
      <c r="AU151" s="166">
        <v>0</v>
      </c>
      <c r="AV151" s="166">
        <v>0</v>
      </c>
      <c r="AW151" s="166">
        <v>0</v>
      </c>
      <c r="AX151" s="166">
        <v>0</v>
      </c>
      <c r="AY151" s="166">
        <v>0</v>
      </c>
      <c r="AZ151" s="166">
        <v>0</v>
      </c>
      <c r="BA151" s="166">
        <v>0</v>
      </c>
      <c r="BB151" s="166">
        <v>0</v>
      </c>
      <c r="BC151" s="166">
        <v>0</v>
      </c>
      <c r="BD151" s="166">
        <v>0</v>
      </c>
      <c r="BE151" s="166">
        <v>0</v>
      </c>
      <c r="BF151" s="166">
        <v>0</v>
      </c>
      <c r="BG151" s="166">
        <v>0</v>
      </c>
      <c r="BH151" s="166">
        <v>0</v>
      </c>
      <c r="BI151" s="166">
        <v>0</v>
      </c>
      <c r="BJ151" s="166">
        <v>0</v>
      </c>
      <c r="BK151" s="166">
        <v>0</v>
      </c>
      <c r="BL151" s="166">
        <v>0</v>
      </c>
      <c r="BM151" s="166">
        <v>0</v>
      </c>
      <c r="BN151" s="166">
        <v>0</v>
      </c>
      <c r="BO151" s="166">
        <v>0</v>
      </c>
      <c r="BP151" s="166">
        <v>0</v>
      </c>
      <c r="BQ151" s="166">
        <v>0</v>
      </c>
      <c r="BR151" s="166">
        <v>897.55434188254196</v>
      </c>
      <c r="BS151" s="166">
        <v>897.55434188254196</v>
      </c>
      <c r="BT151" s="168">
        <v>0.92637230841245999</v>
      </c>
      <c r="BU151" s="166">
        <v>25.110149338141301</v>
      </c>
      <c r="BV151" s="166">
        <v>831.46948761535805</v>
      </c>
      <c r="BW151" s="166">
        <v>0</v>
      </c>
      <c r="BX151" s="166">
        <v>0</v>
      </c>
      <c r="BY151" s="166">
        <v>0</v>
      </c>
      <c r="BZ151" s="166">
        <v>0</v>
      </c>
      <c r="CA151" s="166">
        <v>0</v>
      </c>
      <c r="CB151" s="166">
        <v>0</v>
      </c>
      <c r="CC151" s="166">
        <v>0</v>
      </c>
      <c r="CD151" s="166">
        <v>0</v>
      </c>
      <c r="CE151" s="166">
        <v>0</v>
      </c>
      <c r="CF151" s="166">
        <v>0</v>
      </c>
      <c r="CG151" s="166">
        <v>0</v>
      </c>
      <c r="CH151" s="166">
        <v>0</v>
      </c>
      <c r="CI151" s="166">
        <v>0</v>
      </c>
      <c r="CJ151" s="166">
        <v>0</v>
      </c>
      <c r="CK151" s="166">
        <v>0</v>
      </c>
      <c r="CL151" s="166">
        <v>0</v>
      </c>
      <c r="CM151" s="166">
        <v>0</v>
      </c>
      <c r="CN151" s="166">
        <v>0</v>
      </c>
      <c r="CO151" s="166">
        <v>0</v>
      </c>
      <c r="CP151" s="166">
        <v>0</v>
      </c>
      <c r="CQ151" s="166">
        <v>0</v>
      </c>
      <c r="CR151" s="166">
        <v>0</v>
      </c>
      <c r="CS151" s="166">
        <v>0</v>
      </c>
      <c r="CT151" s="166">
        <v>0</v>
      </c>
      <c r="CU151" s="166">
        <v>0</v>
      </c>
      <c r="CV151" s="166">
        <v>0</v>
      </c>
      <c r="CW151" s="166">
        <v>0</v>
      </c>
      <c r="CX151" s="166">
        <v>0</v>
      </c>
      <c r="CY151" s="166">
        <v>831.46948761535805</v>
      </c>
      <c r="CZ151" s="166">
        <v>831.46948761535805</v>
      </c>
    </row>
    <row r="152" spans="1:104" hidden="1" outlineLevel="1" x14ac:dyDescent="0.2">
      <c r="A152" s="167" t="s">
        <v>1091</v>
      </c>
      <c r="B152" s="166">
        <v>6474.8021377860596</v>
      </c>
      <c r="C152" s="166">
        <v>6474.8021377860596</v>
      </c>
      <c r="D152" s="166">
        <v>0</v>
      </c>
      <c r="E152" s="166">
        <v>0</v>
      </c>
      <c r="F152" s="166">
        <v>0</v>
      </c>
      <c r="G152" s="166">
        <v>0</v>
      </c>
      <c r="H152" s="166">
        <v>0</v>
      </c>
      <c r="I152" s="166">
        <v>0</v>
      </c>
      <c r="J152" s="166">
        <v>0</v>
      </c>
      <c r="K152" s="166">
        <v>0</v>
      </c>
      <c r="L152" s="166">
        <v>0</v>
      </c>
      <c r="M152" s="166">
        <v>0</v>
      </c>
      <c r="N152" s="166">
        <v>0</v>
      </c>
      <c r="O152" s="166">
        <v>0</v>
      </c>
      <c r="P152" s="166">
        <v>0</v>
      </c>
      <c r="Q152" s="166">
        <v>0</v>
      </c>
      <c r="R152" s="166">
        <v>0</v>
      </c>
      <c r="S152" s="166">
        <v>0</v>
      </c>
      <c r="T152" s="166">
        <v>0</v>
      </c>
      <c r="U152" s="166">
        <v>0</v>
      </c>
      <c r="V152" s="166">
        <v>0</v>
      </c>
      <c r="W152" s="166">
        <v>0</v>
      </c>
      <c r="X152" s="166">
        <v>0</v>
      </c>
      <c r="Y152" s="166">
        <v>0</v>
      </c>
      <c r="Z152" s="166">
        <v>0</v>
      </c>
      <c r="AA152" s="166">
        <v>0</v>
      </c>
      <c r="AB152" s="166">
        <v>0</v>
      </c>
      <c r="AC152" s="166">
        <v>0</v>
      </c>
      <c r="AD152" s="166">
        <v>0</v>
      </c>
      <c r="AE152" s="166">
        <v>0</v>
      </c>
      <c r="AF152" s="166">
        <v>0</v>
      </c>
      <c r="AG152" s="166">
        <v>0</v>
      </c>
      <c r="AH152" s="166">
        <v>0</v>
      </c>
      <c r="AI152" s="166">
        <v>0</v>
      </c>
      <c r="AJ152" s="166">
        <v>0</v>
      </c>
      <c r="AK152" s="166">
        <v>0</v>
      </c>
      <c r="AL152" s="166">
        <v>0</v>
      </c>
      <c r="AM152" s="166">
        <v>0</v>
      </c>
      <c r="AN152" s="166">
        <v>0</v>
      </c>
      <c r="AO152" s="166">
        <v>0</v>
      </c>
      <c r="AP152" s="166">
        <v>0</v>
      </c>
      <c r="AQ152" s="166">
        <v>0</v>
      </c>
      <c r="AR152" s="166">
        <v>0</v>
      </c>
      <c r="AS152" s="166">
        <v>0</v>
      </c>
      <c r="AT152" s="166">
        <v>0</v>
      </c>
      <c r="AU152" s="166">
        <v>0</v>
      </c>
      <c r="AV152" s="166">
        <v>0</v>
      </c>
      <c r="AW152" s="166">
        <v>0</v>
      </c>
      <c r="AX152" s="166">
        <v>0</v>
      </c>
      <c r="AY152" s="166">
        <v>0</v>
      </c>
      <c r="AZ152" s="166">
        <v>0</v>
      </c>
      <c r="BA152" s="166">
        <v>0</v>
      </c>
      <c r="BB152" s="166">
        <v>0</v>
      </c>
      <c r="BC152" s="166">
        <v>0</v>
      </c>
      <c r="BD152" s="166">
        <v>0</v>
      </c>
      <c r="BE152" s="166">
        <v>0</v>
      </c>
      <c r="BF152" s="166">
        <v>0</v>
      </c>
      <c r="BG152" s="166">
        <v>0</v>
      </c>
      <c r="BH152" s="166">
        <v>0</v>
      </c>
      <c r="BI152" s="166">
        <v>0</v>
      </c>
      <c r="BJ152" s="166">
        <v>0</v>
      </c>
      <c r="BK152" s="166">
        <v>0</v>
      </c>
      <c r="BL152" s="166">
        <v>0</v>
      </c>
      <c r="BM152" s="166">
        <v>0</v>
      </c>
      <c r="BN152" s="166">
        <v>0</v>
      </c>
      <c r="BO152" s="166">
        <v>0</v>
      </c>
      <c r="BP152" s="166">
        <v>0</v>
      </c>
      <c r="BQ152" s="166">
        <v>0</v>
      </c>
      <c r="BR152" s="166">
        <v>6474.8021377860596</v>
      </c>
      <c r="BS152" s="166">
        <v>6474.8021377860596</v>
      </c>
      <c r="BT152" s="168">
        <v>0.95109934560116105</v>
      </c>
      <c r="BU152" s="166">
        <v>185.975340847034</v>
      </c>
      <c r="BV152" s="166">
        <v>6158.1800761453196</v>
      </c>
      <c r="BW152" s="166">
        <v>0</v>
      </c>
      <c r="BX152" s="166">
        <v>0</v>
      </c>
      <c r="BY152" s="166">
        <v>0</v>
      </c>
      <c r="BZ152" s="166">
        <v>0</v>
      </c>
      <c r="CA152" s="166">
        <v>0</v>
      </c>
      <c r="CB152" s="166">
        <v>0</v>
      </c>
      <c r="CC152" s="166">
        <v>0</v>
      </c>
      <c r="CD152" s="166">
        <v>0</v>
      </c>
      <c r="CE152" s="166">
        <v>0</v>
      </c>
      <c r="CF152" s="166">
        <v>0</v>
      </c>
      <c r="CG152" s="166">
        <v>0</v>
      </c>
      <c r="CH152" s="166">
        <v>0</v>
      </c>
      <c r="CI152" s="166">
        <v>0</v>
      </c>
      <c r="CJ152" s="166">
        <v>0</v>
      </c>
      <c r="CK152" s="166">
        <v>0</v>
      </c>
      <c r="CL152" s="166">
        <v>0</v>
      </c>
      <c r="CM152" s="166">
        <v>0</v>
      </c>
      <c r="CN152" s="166">
        <v>0</v>
      </c>
      <c r="CO152" s="166">
        <v>0</v>
      </c>
      <c r="CP152" s="166">
        <v>0</v>
      </c>
      <c r="CQ152" s="166">
        <v>0</v>
      </c>
      <c r="CR152" s="166">
        <v>0</v>
      </c>
      <c r="CS152" s="166">
        <v>0</v>
      </c>
      <c r="CT152" s="166">
        <v>0</v>
      </c>
      <c r="CU152" s="166">
        <v>0</v>
      </c>
      <c r="CV152" s="166">
        <v>0</v>
      </c>
      <c r="CW152" s="166">
        <v>0</v>
      </c>
      <c r="CX152" s="166">
        <v>0</v>
      </c>
      <c r="CY152" s="166">
        <v>6158.1800761453196</v>
      </c>
      <c r="CZ152" s="166">
        <v>6158.1800761453196</v>
      </c>
    </row>
    <row r="153" spans="1:104" hidden="1" outlineLevel="1" x14ac:dyDescent="0.2">
      <c r="A153" s="167" t="s">
        <v>245</v>
      </c>
      <c r="B153" s="166">
        <v>20709.604926907999</v>
      </c>
      <c r="C153" s="166">
        <v>20709.604926907999</v>
      </c>
      <c r="D153" s="166">
        <v>0</v>
      </c>
      <c r="E153" s="166">
        <v>0</v>
      </c>
      <c r="F153" s="166">
        <v>0</v>
      </c>
      <c r="G153" s="166">
        <v>0</v>
      </c>
      <c r="H153" s="166">
        <v>0</v>
      </c>
      <c r="I153" s="166">
        <v>0</v>
      </c>
      <c r="J153" s="166">
        <v>0</v>
      </c>
      <c r="K153" s="166">
        <v>0</v>
      </c>
      <c r="L153" s="166">
        <v>0</v>
      </c>
      <c r="M153" s="166">
        <v>0</v>
      </c>
      <c r="N153" s="166">
        <v>0</v>
      </c>
      <c r="O153" s="166">
        <v>0</v>
      </c>
      <c r="P153" s="166">
        <v>0</v>
      </c>
      <c r="Q153" s="166">
        <v>0</v>
      </c>
      <c r="R153" s="166">
        <v>0</v>
      </c>
      <c r="S153" s="166">
        <v>0</v>
      </c>
      <c r="T153" s="166">
        <v>0</v>
      </c>
      <c r="U153" s="166">
        <v>0</v>
      </c>
      <c r="V153" s="166">
        <v>0</v>
      </c>
      <c r="W153" s="166">
        <v>0</v>
      </c>
      <c r="X153" s="166">
        <v>0</v>
      </c>
      <c r="Y153" s="166">
        <v>0</v>
      </c>
      <c r="Z153" s="166">
        <v>0</v>
      </c>
      <c r="AA153" s="166">
        <v>0</v>
      </c>
      <c r="AB153" s="166">
        <v>0</v>
      </c>
      <c r="AC153" s="166">
        <v>0</v>
      </c>
      <c r="AD153" s="166">
        <v>0</v>
      </c>
      <c r="AE153" s="166">
        <v>0</v>
      </c>
      <c r="AF153" s="166">
        <v>0</v>
      </c>
      <c r="AG153" s="166">
        <v>0</v>
      </c>
      <c r="AH153" s="166">
        <v>0</v>
      </c>
      <c r="AI153" s="166">
        <v>0</v>
      </c>
      <c r="AJ153" s="166">
        <v>0</v>
      </c>
      <c r="AK153" s="166">
        <v>0</v>
      </c>
      <c r="AL153" s="166">
        <v>0</v>
      </c>
      <c r="AM153" s="166">
        <v>0</v>
      </c>
      <c r="AN153" s="166">
        <v>0</v>
      </c>
      <c r="AO153" s="166">
        <v>0</v>
      </c>
      <c r="AP153" s="166">
        <v>0</v>
      </c>
      <c r="AQ153" s="166">
        <v>0</v>
      </c>
      <c r="AR153" s="166">
        <v>0</v>
      </c>
      <c r="AS153" s="166">
        <v>0</v>
      </c>
      <c r="AT153" s="166">
        <v>0</v>
      </c>
      <c r="AU153" s="166">
        <v>0</v>
      </c>
      <c r="AV153" s="166">
        <v>0</v>
      </c>
      <c r="AW153" s="166">
        <v>0</v>
      </c>
      <c r="AX153" s="166">
        <v>0</v>
      </c>
      <c r="AY153" s="166">
        <v>0</v>
      </c>
      <c r="AZ153" s="166">
        <v>0</v>
      </c>
      <c r="BA153" s="166">
        <v>0</v>
      </c>
      <c r="BB153" s="166">
        <v>0</v>
      </c>
      <c r="BC153" s="166">
        <v>0</v>
      </c>
      <c r="BD153" s="166">
        <v>0</v>
      </c>
      <c r="BE153" s="166">
        <v>0</v>
      </c>
      <c r="BF153" s="166">
        <v>0</v>
      </c>
      <c r="BG153" s="166">
        <v>0</v>
      </c>
      <c r="BH153" s="166">
        <v>0</v>
      </c>
      <c r="BI153" s="166">
        <v>0</v>
      </c>
      <c r="BJ153" s="166">
        <v>0</v>
      </c>
      <c r="BK153" s="166">
        <v>0</v>
      </c>
      <c r="BL153" s="166">
        <v>0</v>
      </c>
      <c r="BM153" s="166">
        <v>0</v>
      </c>
      <c r="BN153" s="166">
        <v>0</v>
      </c>
      <c r="BO153" s="166">
        <v>0</v>
      </c>
      <c r="BP153" s="166">
        <v>0</v>
      </c>
      <c r="BQ153" s="166">
        <v>0</v>
      </c>
      <c r="BR153" s="166">
        <v>20709.604926907999</v>
      </c>
      <c r="BS153" s="166">
        <v>20709.604926907999</v>
      </c>
      <c r="BT153" s="168">
        <v>0.97403133392564201</v>
      </c>
      <c r="BU153" s="166">
        <v>609.27865814130803</v>
      </c>
      <c r="BV153" s="166">
        <v>20171.804112029298</v>
      </c>
      <c r="BW153" s="166">
        <v>0</v>
      </c>
      <c r="BX153" s="166">
        <v>0</v>
      </c>
      <c r="BY153" s="166">
        <v>0</v>
      </c>
      <c r="BZ153" s="166">
        <v>0</v>
      </c>
      <c r="CA153" s="166">
        <v>0</v>
      </c>
      <c r="CB153" s="166">
        <v>0</v>
      </c>
      <c r="CC153" s="166">
        <v>0</v>
      </c>
      <c r="CD153" s="166">
        <v>0</v>
      </c>
      <c r="CE153" s="166">
        <v>0</v>
      </c>
      <c r="CF153" s="166">
        <v>0</v>
      </c>
      <c r="CG153" s="166">
        <v>0</v>
      </c>
      <c r="CH153" s="166">
        <v>0</v>
      </c>
      <c r="CI153" s="166">
        <v>0</v>
      </c>
      <c r="CJ153" s="166">
        <v>0</v>
      </c>
      <c r="CK153" s="166">
        <v>0</v>
      </c>
      <c r="CL153" s="166">
        <v>0</v>
      </c>
      <c r="CM153" s="166">
        <v>0</v>
      </c>
      <c r="CN153" s="166">
        <v>0</v>
      </c>
      <c r="CO153" s="166">
        <v>0</v>
      </c>
      <c r="CP153" s="166">
        <v>0</v>
      </c>
      <c r="CQ153" s="166">
        <v>0</v>
      </c>
      <c r="CR153" s="166">
        <v>0</v>
      </c>
      <c r="CS153" s="166">
        <v>0</v>
      </c>
      <c r="CT153" s="166">
        <v>0</v>
      </c>
      <c r="CU153" s="166">
        <v>0</v>
      </c>
      <c r="CV153" s="166">
        <v>0</v>
      </c>
      <c r="CW153" s="166">
        <v>0</v>
      </c>
      <c r="CX153" s="166">
        <v>0</v>
      </c>
      <c r="CY153" s="166">
        <v>20171.804112029298</v>
      </c>
      <c r="CZ153" s="166">
        <v>20171.804112029298</v>
      </c>
    </row>
    <row r="154" spans="1:104" hidden="1" outlineLevel="1" x14ac:dyDescent="0.2">
      <c r="A154" s="167" t="s">
        <v>246</v>
      </c>
      <c r="B154" s="166">
        <v>16260.9411759424</v>
      </c>
      <c r="C154" s="166">
        <v>16260.9411759424</v>
      </c>
      <c r="D154" s="166">
        <v>0</v>
      </c>
      <c r="E154" s="166">
        <v>0</v>
      </c>
      <c r="F154" s="166">
        <v>0</v>
      </c>
      <c r="G154" s="166">
        <v>0</v>
      </c>
      <c r="H154" s="166">
        <v>0</v>
      </c>
      <c r="I154" s="166">
        <v>0</v>
      </c>
      <c r="J154" s="166">
        <v>0</v>
      </c>
      <c r="K154" s="166">
        <v>0</v>
      </c>
      <c r="L154" s="166">
        <v>0</v>
      </c>
      <c r="M154" s="166">
        <v>0</v>
      </c>
      <c r="N154" s="166">
        <v>0</v>
      </c>
      <c r="O154" s="166">
        <v>0</v>
      </c>
      <c r="P154" s="166">
        <v>0</v>
      </c>
      <c r="Q154" s="166">
        <v>0</v>
      </c>
      <c r="R154" s="166">
        <v>0</v>
      </c>
      <c r="S154" s="166">
        <v>0</v>
      </c>
      <c r="T154" s="166">
        <v>0</v>
      </c>
      <c r="U154" s="166">
        <v>0</v>
      </c>
      <c r="V154" s="166">
        <v>0</v>
      </c>
      <c r="W154" s="166">
        <v>0</v>
      </c>
      <c r="X154" s="166">
        <v>0</v>
      </c>
      <c r="Y154" s="166">
        <v>0</v>
      </c>
      <c r="Z154" s="166">
        <v>0</v>
      </c>
      <c r="AA154" s="166">
        <v>0</v>
      </c>
      <c r="AB154" s="166">
        <v>0</v>
      </c>
      <c r="AC154" s="166">
        <v>0</v>
      </c>
      <c r="AD154" s="166">
        <v>0</v>
      </c>
      <c r="AE154" s="166">
        <v>0</v>
      </c>
      <c r="AF154" s="166">
        <v>0</v>
      </c>
      <c r="AG154" s="166">
        <v>0</v>
      </c>
      <c r="AH154" s="166">
        <v>0</v>
      </c>
      <c r="AI154" s="166">
        <v>0</v>
      </c>
      <c r="AJ154" s="166">
        <v>0</v>
      </c>
      <c r="AK154" s="166">
        <v>0</v>
      </c>
      <c r="AL154" s="166">
        <v>0</v>
      </c>
      <c r="AM154" s="166">
        <v>0</v>
      </c>
      <c r="AN154" s="166">
        <v>0</v>
      </c>
      <c r="AO154" s="166">
        <v>0</v>
      </c>
      <c r="AP154" s="166">
        <v>0</v>
      </c>
      <c r="AQ154" s="166">
        <v>0</v>
      </c>
      <c r="AR154" s="166">
        <v>0</v>
      </c>
      <c r="AS154" s="166">
        <v>0</v>
      </c>
      <c r="AT154" s="166">
        <v>0</v>
      </c>
      <c r="AU154" s="166">
        <v>0</v>
      </c>
      <c r="AV154" s="166">
        <v>0</v>
      </c>
      <c r="AW154" s="166">
        <v>0</v>
      </c>
      <c r="AX154" s="166">
        <v>0</v>
      </c>
      <c r="AY154" s="166">
        <v>0</v>
      </c>
      <c r="AZ154" s="166">
        <v>0</v>
      </c>
      <c r="BA154" s="166">
        <v>0</v>
      </c>
      <c r="BB154" s="166">
        <v>0</v>
      </c>
      <c r="BC154" s="166">
        <v>0</v>
      </c>
      <c r="BD154" s="166">
        <v>0</v>
      </c>
      <c r="BE154" s="166">
        <v>0</v>
      </c>
      <c r="BF154" s="166">
        <v>0</v>
      </c>
      <c r="BG154" s="166">
        <v>0</v>
      </c>
      <c r="BH154" s="166">
        <v>0</v>
      </c>
      <c r="BI154" s="166">
        <v>0</v>
      </c>
      <c r="BJ154" s="166">
        <v>0</v>
      </c>
      <c r="BK154" s="166">
        <v>0</v>
      </c>
      <c r="BL154" s="166">
        <v>0</v>
      </c>
      <c r="BM154" s="166">
        <v>0</v>
      </c>
      <c r="BN154" s="166">
        <v>0</v>
      </c>
      <c r="BO154" s="166">
        <v>0</v>
      </c>
      <c r="BP154" s="166">
        <v>0</v>
      </c>
      <c r="BQ154" s="166">
        <v>0</v>
      </c>
      <c r="BR154" s="166">
        <v>16260.9411759424</v>
      </c>
      <c r="BS154" s="166">
        <v>16260.9411759424</v>
      </c>
      <c r="BT154" s="166">
        <v>1000</v>
      </c>
      <c r="BU154" s="166">
        <v>491.07308330505299</v>
      </c>
      <c r="BV154" s="166">
        <v>16260.9411759424</v>
      </c>
      <c r="BW154" s="166">
        <v>0</v>
      </c>
      <c r="BX154" s="166">
        <v>0</v>
      </c>
      <c r="BY154" s="166">
        <v>0</v>
      </c>
      <c r="BZ154" s="166">
        <v>0</v>
      </c>
      <c r="CA154" s="166">
        <v>0</v>
      </c>
      <c r="CB154" s="166">
        <v>0</v>
      </c>
      <c r="CC154" s="166">
        <v>0</v>
      </c>
      <c r="CD154" s="166">
        <v>0</v>
      </c>
      <c r="CE154" s="166">
        <v>0</v>
      </c>
      <c r="CF154" s="166">
        <v>0</v>
      </c>
      <c r="CG154" s="166">
        <v>0</v>
      </c>
      <c r="CH154" s="166">
        <v>0</v>
      </c>
      <c r="CI154" s="166">
        <v>0</v>
      </c>
      <c r="CJ154" s="166">
        <v>0</v>
      </c>
      <c r="CK154" s="166">
        <v>0</v>
      </c>
      <c r="CL154" s="166">
        <v>0</v>
      </c>
      <c r="CM154" s="166">
        <v>0</v>
      </c>
      <c r="CN154" s="166">
        <v>0</v>
      </c>
      <c r="CO154" s="166">
        <v>0</v>
      </c>
      <c r="CP154" s="166">
        <v>0</v>
      </c>
      <c r="CQ154" s="166">
        <v>0</v>
      </c>
      <c r="CR154" s="166">
        <v>0</v>
      </c>
      <c r="CS154" s="166">
        <v>0</v>
      </c>
      <c r="CT154" s="166">
        <v>0</v>
      </c>
      <c r="CU154" s="166">
        <v>0</v>
      </c>
      <c r="CV154" s="166">
        <v>0</v>
      </c>
      <c r="CW154" s="166">
        <v>0</v>
      </c>
      <c r="CX154" s="166">
        <v>0</v>
      </c>
      <c r="CY154" s="166">
        <v>16260.9411759424</v>
      </c>
      <c r="CZ154" s="166">
        <v>16260.9411759424</v>
      </c>
    </row>
    <row r="155" spans="1:104" hidden="1" outlineLevel="1" x14ac:dyDescent="0.2">
      <c r="A155" s="167" t="s">
        <v>1092</v>
      </c>
      <c r="B155" s="166">
        <v>1831982.3818926699</v>
      </c>
      <c r="C155" s="166">
        <v>1831982.3818926699</v>
      </c>
      <c r="D155" s="166">
        <v>0</v>
      </c>
      <c r="E155" s="166">
        <v>0</v>
      </c>
      <c r="F155" s="166">
        <v>0</v>
      </c>
      <c r="G155" s="166">
        <v>0</v>
      </c>
      <c r="H155" s="166">
        <v>0</v>
      </c>
      <c r="I155" s="166">
        <v>0</v>
      </c>
      <c r="J155" s="166">
        <v>0</v>
      </c>
      <c r="K155" s="166">
        <v>0</v>
      </c>
      <c r="L155" s="166">
        <v>0</v>
      </c>
      <c r="M155" s="166">
        <v>0</v>
      </c>
      <c r="N155" s="166">
        <v>0</v>
      </c>
      <c r="O155" s="166">
        <v>0</v>
      </c>
      <c r="P155" s="166">
        <v>0</v>
      </c>
      <c r="Q155" s="166">
        <v>0</v>
      </c>
      <c r="R155" s="166">
        <v>0</v>
      </c>
      <c r="S155" s="166">
        <v>0</v>
      </c>
      <c r="T155" s="166">
        <v>0</v>
      </c>
      <c r="U155" s="166">
        <v>0</v>
      </c>
      <c r="V155" s="166">
        <v>0</v>
      </c>
      <c r="W155" s="166">
        <v>0</v>
      </c>
      <c r="X155" s="166">
        <v>0</v>
      </c>
      <c r="Y155" s="166">
        <v>0</v>
      </c>
      <c r="Z155" s="166">
        <v>0</v>
      </c>
      <c r="AA155" s="166">
        <v>0</v>
      </c>
      <c r="AB155" s="166">
        <v>0</v>
      </c>
      <c r="AC155" s="166">
        <v>0</v>
      </c>
      <c r="AD155" s="166">
        <v>0</v>
      </c>
      <c r="AE155" s="166">
        <v>0</v>
      </c>
      <c r="AF155" s="166">
        <v>0</v>
      </c>
      <c r="AG155" s="166">
        <v>0</v>
      </c>
      <c r="AH155" s="166">
        <v>0</v>
      </c>
      <c r="AI155" s="166">
        <v>0</v>
      </c>
      <c r="AJ155" s="166">
        <v>0</v>
      </c>
      <c r="AK155" s="166">
        <v>0</v>
      </c>
      <c r="AL155" s="166">
        <v>0</v>
      </c>
      <c r="AM155" s="166">
        <v>0</v>
      </c>
      <c r="AN155" s="166">
        <v>0</v>
      </c>
      <c r="AO155" s="166">
        <v>0</v>
      </c>
      <c r="AP155" s="166">
        <v>0</v>
      </c>
      <c r="AQ155" s="166">
        <v>0</v>
      </c>
      <c r="AR155" s="166">
        <v>0</v>
      </c>
      <c r="AS155" s="166">
        <v>0</v>
      </c>
      <c r="AT155" s="166">
        <v>0</v>
      </c>
      <c r="AU155" s="166">
        <v>0</v>
      </c>
      <c r="AV155" s="166">
        <v>0</v>
      </c>
      <c r="AW155" s="166">
        <v>0</v>
      </c>
      <c r="AX155" s="166">
        <v>0</v>
      </c>
      <c r="AY155" s="166">
        <v>0</v>
      </c>
      <c r="AZ155" s="166">
        <v>0</v>
      </c>
      <c r="BA155" s="166">
        <v>0</v>
      </c>
      <c r="BB155" s="166">
        <v>0</v>
      </c>
      <c r="BC155" s="166">
        <v>0</v>
      </c>
      <c r="BD155" s="166">
        <v>0</v>
      </c>
      <c r="BE155" s="166">
        <v>0</v>
      </c>
      <c r="BF155" s="166">
        <v>0</v>
      </c>
      <c r="BG155" s="166">
        <v>0</v>
      </c>
      <c r="BH155" s="166">
        <v>0</v>
      </c>
      <c r="BI155" s="166">
        <v>0</v>
      </c>
      <c r="BJ155" s="166">
        <v>0</v>
      </c>
      <c r="BK155" s="166">
        <v>0</v>
      </c>
      <c r="BL155" s="166">
        <v>0</v>
      </c>
      <c r="BM155" s="166">
        <v>0</v>
      </c>
      <c r="BN155" s="166">
        <v>0</v>
      </c>
      <c r="BO155" s="166">
        <v>0</v>
      </c>
      <c r="BP155" s="166">
        <v>0</v>
      </c>
      <c r="BQ155" s="166">
        <v>0</v>
      </c>
      <c r="BR155" s="166">
        <v>1831982.3818926699</v>
      </c>
      <c r="BS155" s="166">
        <v>1831982.3818926699</v>
      </c>
      <c r="BT155" s="168">
        <v>0.72041766170058497</v>
      </c>
      <c r="BU155" s="166">
        <v>41789.273430405599</v>
      </c>
      <c r="BV155" s="166">
        <v>1319792.4638397801</v>
      </c>
      <c r="BW155" s="166">
        <v>0</v>
      </c>
      <c r="BX155" s="166">
        <v>0</v>
      </c>
      <c r="BY155" s="166">
        <v>0</v>
      </c>
      <c r="BZ155" s="166">
        <v>0</v>
      </c>
      <c r="CA155" s="166">
        <v>0</v>
      </c>
      <c r="CB155" s="166">
        <v>0</v>
      </c>
      <c r="CC155" s="166">
        <v>0</v>
      </c>
      <c r="CD155" s="166">
        <v>0</v>
      </c>
      <c r="CE155" s="166">
        <v>0</v>
      </c>
      <c r="CF155" s="166">
        <v>0</v>
      </c>
      <c r="CG155" s="166">
        <v>0</v>
      </c>
      <c r="CH155" s="166">
        <v>0</v>
      </c>
      <c r="CI155" s="166">
        <v>0</v>
      </c>
      <c r="CJ155" s="166">
        <v>0</v>
      </c>
      <c r="CK155" s="166">
        <v>0</v>
      </c>
      <c r="CL155" s="166">
        <v>0</v>
      </c>
      <c r="CM155" s="166">
        <v>0</v>
      </c>
      <c r="CN155" s="166">
        <v>0</v>
      </c>
      <c r="CO155" s="166">
        <v>0</v>
      </c>
      <c r="CP155" s="166">
        <v>0</v>
      </c>
      <c r="CQ155" s="166">
        <v>0</v>
      </c>
      <c r="CR155" s="166">
        <v>0</v>
      </c>
      <c r="CS155" s="166">
        <v>0</v>
      </c>
      <c r="CT155" s="166">
        <v>0</v>
      </c>
      <c r="CU155" s="166">
        <v>0</v>
      </c>
      <c r="CV155" s="166">
        <v>0</v>
      </c>
      <c r="CW155" s="166">
        <v>0</v>
      </c>
      <c r="CX155" s="166">
        <v>0</v>
      </c>
      <c r="CY155" s="166">
        <v>1319792.4638397801</v>
      </c>
      <c r="CZ155" s="166">
        <v>1319792.4638397801</v>
      </c>
    </row>
    <row r="156" spans="1:104" hidden="1" outlineLevel="1" x14ac:dyDescent="0.2">
      <c r="A156" s="167" t="s">
        <v>1093</v>
      </c>
      <c r="B156" s="166">
        <v>1904716.16</v>
      </c>
      <c r="C156" s="166">
        <v>1904716.16</v>
      </c>
      <c r="D156" s="166">
        <v>0</v>
      </c>
      <c r="E156" s="166">
        <v>0</v>
      </c>
      <c r="F156" s="166">
        <v>0</v>
      </c>
      <c r="G156" s="166">
        <v>0</v>
      </c>
      <c r="H156" s="166">
        <v>0</v>
      </c>
      <c r="I156" s="166">
        <v>0</v>
      </c>
      <c r="J156" s="166">
        <v>0</v>
      </c>
      <c r="K156" s="166">
        <v>0</v>
      </c>
      <c r="L156" s="166">
        <v>0</v>
      </c>
      <c r="M156" s="166">
        <v>0</v>
      </c>
      <c r="N156" s="166">
        <v>0</v>
      </c>
      <c r="O156" s="166">
        <v>0</v>
      </c>
      <c r="P156" s="166">
        <v>0</v>
      </c>
      <c r="Q156" s="166">
        <v>0</v>
      </c>
      <c r="R156" s="166">
        <v>0</v>
      </c>
      <c r="S156" s="166">
        <v>0</v>
      </c>
      <c r="T156" s="166">
        <v>0</v>
      </c>
      <c r="U156" s="166">
        <v>0</v>
      </c>
      <c r="V156" s="166">
        <v>0</v>
      </c>
      <c r="W156" s="166">
        <v>0</v>
      </c>
      <c r="X156" s="166">
        <v>0</v>
      </c>
      <c r="Y156" s="166">
        <v>0</v>
      </c>
      <c r="Z156" s="166">
        <v>0</v>
      </c>
      <c r="AA156" s="166">
        <v>0</v>
      </c>
      <c r="AB156" s="166">
        <v>0</v>
      </c>
      <c r="AC156" s="166">
        <v>0</v>
      </c>
      <c r="AD156" s="166">
        <v>0</v>
      </c>
      <c r="AE156" s="166">
        <v>0</v>
      </c>
      <c r="AF156" s="166">
        <v>0</v>
      </c>
      <c r="AG156" s="166">
        <v>0</v>
      </c>
      <c r="AH156" s="166">
        <v>0</v>
      </c>
      <c r="AI156" s="166">
        <v>0</v>
      </c>
      <c r="AJ156" s="166">
        <v>0</v>
      </c>
      <c r="AK156" s="166">
        <v>0</v>
      </c>
      <c r="AL156" s="166">
        <v>0</v>
      </c>
      <c r="AM156" s="166">
        <v>0</v>
      </c>
      <c r="AN156" s="166">
        <v>0</v>
      </c>
      <c r="AO156" s="166">
        <v>0</v>
      </c>
      <c r="AP156" s="166">
        <v>0</v>
      </c>
      <c r="AQ156" s="166">
        <v>0</v>
      </c>
      <c r="AR156" s="166">
        <v>0</v>
      </c>
      <c r="AS156" s="166">
        <v>0</v>
      </c>
      <c r="AT156" s="166">
        <v>0</v>
      </c>
      <c r="AU156" s="166">
        <v>0</v>
      </c>
      <c r="AV156" s="166">
        <v>0</v>
      </c>
      <c r="AW156" s="166">
        <v>0</v>
      </c>
      <c r="AX156" s="166">
        <v>0</v>
      </c>
      <c r="AY156" s="166">
        <v>0</v>
      </c>
      <c r="AZ156" s="166">
        <v>0</v>
      </c>
      <c r="BA156" s="166">
        <v>0</v>
      </c>
      <c r="BB156" s="166">
        <v>0</v>
      </c>
      <c r="BC156" s="166">
        <v>0</v>
      </c>
      <c r="BD156" s="166">
        <v>0</v>
      </c>
      <c r="BE156" s="166">
        <v>0</v>
      </c>
      <c r="BF156" s="166">
        <v>0</v>
      </c>
      <c r="BG156" s="166">
        <v>0</v>
      </c>
      <c r="BH156" s="166">
        <v>0</v>
      </c>
      <c r="BI156" s="166">
        <v>0</v>
      </c>
      <c r="BJ156" s="166">
        <v>0</v>
      </c>
      <c r="BK156" s="166">
        <v>0</v>
      </c>
      <c r="BL156" s="166">
        <v>0</v>
      </c>
      <c r="BM156" s="166">
        <v>0</v>
      </c>
      <c r="BN156" s="166">
        <v>0</v>
      </c>
      <c r="BO156" s="166">
        <v>0</v>
      </c>
      <c r="BP156" s="166">
        <v>0</v>
      </c>
      <c r="BQ156" s="166">
        <v>0</v>
      </c>
      <c r="BR156" s="166">
        <v>1904716.16</v>
      </c>
      <c r="BS156" s="166">
        <v>1904716.16</v>
      </c>
      <c r="BT156" s="168">
        <v>0</v>
      </c>
      <c r="BU156" s="166">
        <v>43935.778363527403</v>
      </c>
      <c r="BV156" s="166">
        <v>1390868.4231789401</v>
      </c>
      <c r="BW156" s="166">
        <v>0</v>
      </c>
      <c r="BX156" s="166">
        <v>0</v>
      </c>
      <c r="BY156" s="166">
        <v>0</v>
      </c>
      <c r="BZ156" s="166">
        <v>0</v>
      </c>
      <c r="CA156" s="166">
        <v>0</v>
      </c>
      <c r="CB156" s="166">
        <v>0</v>
      </c>
      <c r="CC156" s="166">
        <v>0</v>
      </c>
      <c r="CD156" s="166">
        <v>0</v>
      </c>
      <c r="CE156" s="166">
        <v>0</v>
      </c>
      <c r="CF156" s="166">
        <v>0</v>
      </c>
      <c r="CG156" s="166">
        <v>0</v>
      </c>
      <c r="CH156" s="166">
        <v>0</v>
      </c>
      <c r="CI156" s="166">
        <v>0</v>
      </c>
      <c r="CJ156" s="166">
        <v>0</v>
      </c>
      <c r="CK156" s="166">
        <v>0</v>
      </c>
      <c r="CL156" s="166">
        <v>0</v>
      </c>
      <c r="CM156" s="166">
        <v>0</v>
      </c>
      <c r="CN156" s="166">
        <v>0</v>
      </c>
      <c r="CO156" s="166">
        <v>0</v>
      </c>
      <c r="CP156" s="166">
        <v>0</v>
      </c>
      <c r="CQ156" s="166">
        <v>0</v>
      </c>
      <c r="CR156" s="166">
        <v>0</v>
      </c>
      <c r="CS156" s="166">
        <v>0</v>
      </c>
      <c r="CT156" s="166">
        <v>0</v>
      </c>
      <c r="CU156" s="166">
        <v>0</v>
      </c>
      <c r="CV156" s="166">
        <v>0</v>
      </c>
      <c r="CW156" s="166">
        <v>0</v>
      </c>
      <c r="CX156" s="166">
        <v>0</v>
      </c>
      <c r="CY156" s="166">
        <v>1390868.4231789401</v>
      </c>
      <c r="CZ156" s="166">
        <v>1390868.4231789401</v>
      </c>
    </row>
    <row r="157" spans="1:104" hidden="1" outlineLevel="1" x14ac:dyDescent="0.2">
      <c r="A157" s="167" t="s">
        <v>249</v>
      </c>
    </row>
    <row r="158" spans="1:104" hidden="1" outlineLevel="1" x14ac:dyDescent="0.2">
      <c r="A158" s="167" t="s">
        <v>1094</v>
      </c>
      <c r="B158" s="166">
        <v>40793.621635982199</v>
      </c>
      <c r="C158" s="166">
        <v>40793.621635982199</v>
      </c>
      <c r="D158" s="166">
        <v>0</v>
      </c>
      <c r="E158" s="166">
        <v>0</v>
      </c>
      <c r="F158" s="166">
        <v>0</v>
      </c>
      <c r="G158" s="166">
        <v>0</v>
      </c>
      <c r="H158" s="166">
        <v>0</v>
      </c>
      <c r="I158" s="166">
        <v>0</v>
      </c>
      <c r="J158" s="166">
        <v>0</v>
      </c>
      <c r="K158" s="166">
        <v>0</v>
      </c>
      <c r="L158" s="166">
        <v>0</v>
      </c>
      <c r="M158" s="166">
        <v>0</v>
      </c>
      <c r="N158" s="166">
        <v>0</v>
      </c>
      <c r="O158" s="166">
        <v>0</v>
      </c>
      <c r="P158" s="166">
        <v>0</v>
      </c>
      <c r="Q158" s="166">
        <v>0</v>
      </c>
      <c r="R158" s="166">
        <v>0</v>
      </c>
      <c r="S158" s="166">
        <v>0</v>
      </c>
      <c r="T158" s="166">
        <v>0</v>
      </c>
      <c r="U158" s="166">
        <v>0</v>
      </c>
      <c r="V158" s="166">
        <v>0</v>
      </c>
      <c r="W158" s="166">
        <v>0</v>
      </c>
      <c r="X158" s="166">
        <v>0</v>
      </c>
      <c r="Y158" s="166">
        <v>0</v>
      </c>
      <c r="Z158" s="166">
        <v>0</v>
      </c>
      <c r="AA158" s="166">
        <v>0</v>
      </c>
      <c r="AB158" s="166">
        <v>0</v>
      </c>
      <c r="AC158" s="166">
        <v>0</v>
      </c>
      <c r="AD158" s="166">
        <v>0</v>
      </c>
      <c r="AE158" s="166">
        <v>0</v>
      </c>
      <c r="AF158" s="166">
        <v>0</v>
      </c>
      <c r="AG158" s="166">
        <v>0</v>
      </c>
      <c r="AH158" s="166">
        <v>0</v>
      </c>
      <c r="AI158" s="166">
        <v>0</v>
      </c>
      <c r="AJ158" s="166">
        <v>0</v>
      </c>
      <c r="AK158" s="166">
        <v>0</v>
      </c>
      <c r="AL158" s="166">
        <v>0</v>
      </c>
      <c r="AM158" s="166">
        <v>0</v>
      </c>
      <c r="AN158" s="166">
        <v>0</v>
      </c>
      <c r="AO158" s="166">
        <v>0</v>
      </c>
      <c r="AP158" s="166">
        <v>0</v>
      </c>
      <c r="AQ158" s="166">
        <v>0</v>
      </c>
      <c r="AR158" s="166">
        <v>0</v>
      </c>
      <c r="AS158" s="166">
        <v>0</v>
      </c>
      <c r="AT158" s="166">
        <v>0</v>
      </c>
      <c r="AU158" s="166">
        <v>0</v>
      </c>
      <c r="AV158" s="166">
        <v>0</v>
      </c>
      <c r="AW158" s="166">
        <v>0</v>
      </c>
      <c r="AX158" s="166">
        <v>0</v>
      </c>
      <c r="AY158" s="166">
        <v>0</v>
      </c>
      <c r="AZ158" s="166">
        <v>0</v>
      </c>
      <c r="BA158" s="166">
        <v>0</v>
      </c>
      <c r="BB158" s="166">
        <v>0</v>
      </c>
      <c r="BC158" s="166">
        <v>0</v>
      </c>
      <c r="BD158" s="166">
        <v>0</v>
      </c>
      <c r="BE158" s="166">
        <v>0</v>
      </c>
      <c r="BF158" s="166">
        <v>0</v>
      </c>
      <c r="BG158" s="166">
        <v>0</v>
      </c>
      <c r="BH158" s="166">
        <v>0</v>
      </c>
      <c r="BI158" s="166">
        <v>0</v>
      </c>
      <c r="BJ158" s="166">
        <v>0</v>
      </c>
      <c r="BK158" s="166">
        <v>0</v>
      </c>
      <c r="BL158" s="166">
        <v>0</v>
      </c>
      <c r="BM158" s="166">
        <v>0</v>
      </c>
      <c r="BN158" s="166">
        <v>0</v>
      </c>
      <c r="BO158" s="166">
        <v>0</v>
      </c>
      <c r="BP158" s="166">
        <v>0</v>
      </c>
      <c r="BQ158" s="166">
        <v>0</v>
      </c>
      <c r="BR158" s="166">
        <v>40793.621635982199</v>
      </c>
      <c r="BS158" s="166">
        <v>40793.621635982199</v>
      </c>
      <c r="BT158" s="168">
        <v>0.97402999999999995</v>
      </c>
      <c r="BU158" s="166">
        <v>2404.1086349924099</v>
      </c>
      <c r="BV158" s="166">
        <v>39734.211282095697</v>
      </c>
      <c r="BW158" s="166">
        <v>0</v>
      </c>
      <c r="BX158" s="166">
        <v>0</v>
      </c>
      <c r="BY158" s="166">
        <v>0</v>
      </c>
      <c r="BZ158" s="166">
        <v>0</v>
      </c>
      <c r="CA158" s="166">
        <v>0</v>
      </c>
      <c r="CB158" s="166">
        <v>0</v>
      </c>
      <c r="CC158" s="166">
        <v>0</v>
      </c>
      <c r="CD158" s="166">
        <v>0</v>
      </c>
      <c r="CE158" s="166">
        <v>0</v>
      </c>
      <c r="CF158" s="166">
        <v>0</v>
      </c>
      <c r="CG158" s="166">
        <v>0</v>
      </c>
      <c r="CH158" s="166">
        <v>0</v>
      </c>
      <c r="CI158" s="166">
        <v>0</v>
      </c>
      <c r="CJ158" s="166">
        <v>0</v>
      </c>
      <c r="CK158" s="166">
        <v>0</v>
      </c>
      <c r="CL158" s="166">
        <v>0</v>
      </c>
      <c r="CM158" s="166">
        <v>0</v>
      </c>
      <c r="CN158" s="166">
        <v>0</v>
      </c>
      <c r="CO158" s="166">
        <v>0</v>
      </c>
      <c r="CP158" s="166">
        <v>0</v>
      </c>
      <c r="CQ158" s="166">
        <v>0</v>
      </c>
      <c r="CR158" s="166">
        <v>0</v>
      </c>
      <c r="CS158" s="166">
        <v>0</v>
      </c>
      <c r="CT158" s="166">
        <v>0</v>
      </c>
      <c r="CU158" s="166">
        <v>0</v>
      </c>
      <c r="CV158" s="166">
        <v>0</v>
      </c>
      <c r="CW158" s="166">
        <v>0</v>
      </c>
      <c r="CX158" s="166">
        <v>0</v>
      </c>
      <c r="CY158" s="166">
        <v>39734.211282095697</v>
      </c>
      <c r="CZ158" s="166">
        <v>39734.211282095697</v>
      </c>
    </row>
    <row r="159" spans="1:104" hidden="1" outlineLevel="1" x14ac:dyDescent="0.2">
      <c r="A159" s="167" t="s">
        <v>1095</v>
      </c>
      <c r="B159" s="166">
        <v>1289.70859102073</v>
      </c>
      <c r="C159" s="166">
        <v>1289.70859102073</v>
      </c>
      <c r="D159" s="166">
        <v>0</v>
      </c>
      <c r="E159" s="166">
        <v>0</v>
      </c>
      <c r="F159" s="166">
        <v>0</v>
      </c>
      <c r="G159" s="166">
        <v>0</v>
      </c>
      <c r="H159" s="166">
        <v>0</v>
      </c>
      <c r="I159" s="166">
        <v>0</v>
      </c>
      <c r="J159" s="166">
        <v>0</v>
      </c>
      <c r="K159" s="166">
        <v>0</v>
      </c>
      <c r="L159" s="166">
        <v>0</v>
      </c>
      <c r="M159" s="166">
        <v>0</v>
      </c>
      <c r="N159" s="166">
        <v>0</v>
      </c>
      <c r="O159" s="166">
        <v>0</v>
      </c>
      <c r="P159" s="166">
        <v>0</v>
      </c>
      <c r="Q159" s="166">
        <v>0</v>
      </c>
      <c r="R159" s="166">
        <v>0</v>
      </c>
      <c r="S159" s="166">
        <v>0</v>
      </c>
      <c r="T159" s="166">
        <v>0</v>
      </c>
      <c r="U159" s="166">
        <v>0</v>
      </c>
      <c r="V159" s="166">
        <v>0</v>
      </c>
      <c r="W159" s="166">
        <v>0</v>
      </c>
      <c r="X159" s="166">
        <v>0</v>
      </c>
      <c r="Y159" s="166">
        <v>0</v>
      </c>
      <c r="Z159" s="166">
        <v>0</v>
      </c>
      <c r="AA159" s="166">
        <v>0</v>
      </c>
      <c r="AB159" s="166">
        <v>0</v>
      </c>
      <c r="AC159" s="166">
        <v>0</v>
      </c>
      <c r="AD159" s="166">
        <v>0</v>
      </c>
      <c r="AE159" s="166">
        <v>0</v>
      </c>
      <c r="AF159" s="166">
        <v>0</v>
      </c>
      <c r="AG159" s="166">
        <v>0</v>
      </c>
      <c r="AH159" s="166">
        <v>0</v>
      </c>
      <c r="AI159" s="166">
        <v>0</v>
      </c>
      <c r="AJ159" s="166">
        <v>0</v>
      </c>
      <c r="AK159" s="166">
        <v>0</v>
      </c>
      <c r="AL159" s="166">
        <v>0</v>
      </c>
      <c r="AM159" s="166">
        <v>0</v>
      </c>
      <c r="AN159" s="166">
        <v>0</v>
      </c>
      <c r="AO159" s="166">
        <v>0</v>
      </c>
      <c r="AP159" s="166">
        <v>0</v>
      </c>
      <c r="AQ159" s="166">
        <v>0</v>
      </c>
      <c r="AR159" s="166">
        <v>0</v>
      </c>
      <c r="AS159" s="166">
        <v>0</v>
      </c>
      <c r="AT159" s="166">
        <v>0</v>
      </c>
      <c r="AU159" s="166">
        <v>0</v>
      </c>
      <c r="AV159" s="166">
        <v>0</v>
      </c>
      <c r="AW159" s="166">
        <v>0</v>
      </c>
      <c r="AX159" s="166">
        <v>0</v>
      </c>
      <c r="AY159" s="166">
        <v>0</v>
      </c>
      <c r="AZ159" s="166">
        <v>0</v>
      </c>
      <c r="BA159" s="166">
        <v>0</v>
      </c>
      <c r="BB159" s="166">
        <v>0</v>
      </c>
      <c r="BC159" s="166">
        <v>0</v>
      </c>
      <c r="BD159" s="166">
        <v>0</v>
      </c>
      <c r="BE159" s="166">
        <v>0</v>
      </c>
      <c r="BF159" s="166">
        <v>0</v>
      </c>
      <c r="BG159" s="166">
        <v>0</v>
      </c>
      <c r="BH159" s="166">
        <v>0</v>
      </c>
      <c r="BI159" s="166">
        <v>0</v>
      </c>
      <c r="BJ159" s="166">
        <v>0</v>
      </c>
      <c r="BK159" s="166">
        <v>0</v>
      </c>
      <c r="BL159" s="166">
        <v>0</v>
      </c>
      <c r="BM159" s="166">
        <v>0</v>
      </c>
      <c r="BN159" s="166">
        <v>0</v>
      </c>
      <c r="BO159" s="166">
        <v>0</v>
      </c>
      <c r="BP159" s="166">
        <v>0</v>
      </c>
      <c r="BQ159" s="166">
        <v>0</v>
      </c>
      <c r="BR159" s="166">
        <v>1289.70859102073</v>
      </c>
      <c r="BS159" s="166">
        <v>1289.70859102073</v>
      </c>
      <c r="BT159" s="168">
        <v>0.92637230841245999</v>
      </c>
      <c r="BU159" s="166">
        <v>72.290578047793204</v>
      </c>
      <c r="BV159" s="166">
        <v>1194.75032464326</v>
      </c>
      <c r="BW159" s="166">
        <v>0</v>
      </c>
      <c r="BX159" s="166">
        <v>0</v>
      </c>
      <c r="BY159" s="166">
        <v>0</v>
      </c>
      <c r="BZ159" s="166">
        <v>0</v>
      </c>
      <c r="CA159" s="166">
        <v>0</v>
      </c>
      <c r="CB159" s="166">
        <v>0</v>
      </c>
      <c r="CC159" s="166">
        <v>0</v>
      </c>
      <c r="CD159" s="166">
        <v>0</v>
      </c>
      <c r="CE159" s="166">
        <v>0</v>
      </c>
      <c r="CF159" s="166">
        <v>0</v>
      </c>
      <c r="CG159" s="166">
        <v>0</v>
      </c>
      <c r="CH159" s="166">
        <v>0</v>
      </c>
      <c r="CI159" s="166">
        <v>0</v>
      </c>
      <c r="CJ159" s="166">
        <v>0</v>
      </c>
      <c r="CK159" s="166">
        <v>0</v>
      </c>
      <c r="CL159" s="166">
        <v>0</v>
      </c>
      <c r="CM159" s="166">
        <v>0</v>
      </c>
      <c r="CN159" s="166">
        <v>0</v>
      </c>
      <c r="CO159" s="166">
        <v>0</v>
      </c>
      <c r="CP159" s="166">
        <v>0</v>
      </c>
      <c r="CQ159" s="166">
        <v>0</v>
      </c>
      <c r="CR159" s="166">
        <v>0</v>
      </c>
      <c r="CS159" s="166">
        <v>0</v>
      </c>
      <c r="CT159" s="166">
        <v>0</v>
      </c>
      <c r="CU159" s="166">
        <v>0</v>
      </c>
      <c r="CV159" s="166">
        <v>0</v>
      </c>
      <c r="CW159" s="166">
        <v>0</v>
      </c>
      <c r="CX159" s="166">
        <v>0</v>
      </c>
      <c r="CY159" s="166">
        <v>1194.75032464326</v>
      </c>
      <c r="CZ159" s="166">
        <v>1194.75032464326</v>
      </c>
    </row>
    <row r="160" spans="1:104" hidden="1" outlineLevel="1" x14ac:dyDescent="0.2">
      <c r="A160" s="167" t="s">
        <v>1096</v>
      </c>
      <c r="B160" s="166">
        <v>9303.7352198056706</v>
      </c>
      <c r="C160" s="166">
        <v>9303.7352198056706</v>
      </c>
      <c r="D160" s="166">
        <v>0</v>
      </c>
      <c r="E160" s="166">
        <v>0</v>
      </c>
      <c r="F160" s="166">
        <v>0</v>
      </c>
      <c r="G160" s="166">
        <v>0</v>
      </c>
      <c r="H160" s="166">
        <v>0</v>
      </c>
      <c r="I160" s="166">
        <v>0</v>
      </c>
      <c r="J160" s="166">
        <v>0</v>
      </c>
      <c r="K160" s="166">
        <v>0</v>
      </c>
      <c r="L160" s="166">
        <v>0</v>
      </c>
      <c r="M160" s="166">
        <v>0</v>
      </c>
      <c r="N160" s="166">
        <v>0</v>
      </c>
      <c r="O160" s="166">
        <v>0</v>
      </c>
      <c r="P160" s="166">
        <v>0</v>
      </c>
      <c r="Q160" s="166">
        <v>0</v>
      </c>
      <c r="R160" s="166">
        <v>0</v>
      </c>
      <c r="S160" s="166">
        <v>0</v>
      </c>
      <c r="T160" s="166">
        <v>0</v>
      </c>
      <c r="U160" s="166">
        <v>0</v>
      </c>
      <c r="V160" s="166">
        <v>0</v>
      </c>
      <c r="W160" s="166">
        <v>0</v>
      </c>
      <c r="X160" s="166">
        <v>0</v>
      </c>
      <c r="Y160" s="166">
        <v>0</v>
      </c>
      <c r="Z160" s="166">
        <v>0</v>
      </c>
      <c r="AA160" s="166">
        <v>0</v>
      </c>
      <c r="AB160" s="166">
        <v>0</v>
      </c>
      <c r="AC160" s="166">
        <v>0</v>
      </c>
      <c r="AD160" s="166">
        <v>0</v>
      </c>
      <c r="AE160" s="166">
        <v>0</v>
      </c>
      <c r="AF160" s="166">
        <v>0</v>
      </c>
      <c r="AG160" s="166">
        <v>0</v>
      </c>
      <c r="AH160" s="166">
        <v>0</v>
      </c>
      <c r="AI160" s="166">
        <v>0</v>
      </c>
      <c r="AJ160" s="166">
        <v>0</v>
      </c>
      <c r="AK160" s="166">
        <v>0</v>
      </c>
      <c r="AL160" s="166">
        <v>0</v>
      </c>
      <c r="AM160" s="166">
        <v>0</v>
      </c>
      <c r="AN160" s="166">
        <v>0</v>
      </c>
      <c r="AO160" s="166">
        <v>0</v>
      </c>
      <c r="AP160" s="166">
        <v>0</v>
      </c>
      <c r="AQ160" s="166">
        <v>0</v>
      </c>
      <c r="AR160" s="166">
        <v>0</v>
      </c>
      <c r="AS160" s="166">
        <v>0</v>
      </c>
      <c r="AT160" s="166">
        <v>0</v>
      </c>
      <c r="AU160" s="166">
        <v>0</v>
      </c>
      <c r="AV160" s="166">
        <v>0</v>
      </c>
      <c r="AW160" s="166">
        <v>0</v>
      </c>
      <c r="AX160" s="166">
        <v>0</v>
      </c>
      <c r="AY160" s="166">
        <v>0</v>
      </c>
      <c r="AZ160" s="166">
        <v>0</v>
      </c>
      <c r="BA160" s="166">
        <v>0</v>
      </c>
      <c r="BB160" s="166">
        <v>0</v>
      </c>
      <c r="BC160" s="166">
        <v>0</v>
      </c>
      <c r="BD160" s="166">
        <v>0</v>
      </c>
      <c r="BE160" s="166">
        <v>0</v>
      </c>
      <c r="BF160" s="166">
        <v>0</v>
      </c>
      <c r="BG160" s="166">
        <v>0</v>
      </c>
      <c r="BH160" s="166">
        <v>0</v>
      </c>
      <c r="BI160" s="166">
        <v>0</v>
      </c>
      <c r="BJ160" s="166">
        <v>0</v>
      </c>
      <c r="BK160" s="166">
        <v>0</v>
      </c>
      <c r="BL160" s="166">
        <v>0</v>
      </c>
      <c r="BM160" s="166">
        <v>0</v>
      </c>
      <c r="BN160" s="166">
        <v>0</v>
      </c>
      <c r="BO160" s="166">
        <v>0</v>
      </c>
      <c r="BP160" s="166">
        <v>0</v>
      </c>
      <c r="BQ160" s="166">
        <v>0</v>
      </c>
      <c r="BR160" s="166">
        <v>9303.7352198056706</v>
      </c>
      <c r="BS160" s="166">
        <v>9303.7352198056706</v>
      </c>
      <c r="BT160" s="168">
        <v>0.95109934560116105</v>
      </c>
      <c r="BU160" s="166">
        <v>535.41158642359005</v>
      </c>
      <c r="BV160" s="166">
        <v>8848.7764792036396</v>
      </c>
      <c r="BW160" s="166">
        <v>0</v>
      </c>
      <c r="BX160" s="166">
        <v>0</v>
      </c>
      <c r="BY160" s="166">
        <v>0</v>
      </c>
      <c r="BZ160" s="166">
        <v>0</v>
      </c>
      <c r="CA160" s="166">
        <v>0</v>
      </c>
      <c r="CB160" s="166">
        <v>0</v>
      </c>
      <c r="CC160" s="166">
        <v>0</v>
      </c>
      <c r="CD160" s="166">
        <v>0</v>
      </c>
      <c r="CE160" s="166">
        <v>0</v>
      </c>
      <c r="CF160" s="166">
        <v>0</v>
      </c>
      <c r="CG160" s="166">
        <v>0</v>
      </c>
      <c r="CH160" s="166">
        <v>0</v>
      </c>
      <c r="CI160" s="166">
        <v>0</v>
      </c>
      <c r="CJ160" s="166">
        <v>0</v>
      </c>
      <c r="CK160" s="166">
        <v>0</v>
      </c>
      <c r="CL160" s="166">
        <v>0</v>
      </c>
      <c r="CM160" s="166">
        <v>0</v>
      </c>
      <c r="CN160" s="166">
        <v>0</v>
      </c>
      <c r="CO160" s="166">
        <v>0</v>
      </c>
      <c r="CP160" s="166">
        <v>0</v>
      </c>
      <c r="CQ160" s="166">
        <v>0</v>
      </c>
      <c r="CR160" s="166">
        <v>0</v>
      </c>
      <c r="CS160" s="166">
        <v>0</v>
      </c>
      <c r="CT160" s="166">
        <v>0</v>
      </c>
      <c r="CU160" s="166">
        <v>0</v>
      </c>
      <c r="CV160" s="166">
        <v>0</v>
      </c>
      <c r="CW160" s="166">
        <v>0</v>
      </c>
      <c r="CX160" s="166">
        <v>0</v>
      </c>
      <c r="CY160" s="166">
        <v>8848.7764792036396</v>
      </c>
      <c r="CZ160" s="166">
        <v>8848.7764792036396</v>
      </c>
    </row>
    <row r="161" spans="1:104" hidden="1" outlineLevel="1" x14ac:dyDescent="0.2">
      <c r="A161" s="167" t="s">
        <v>253</v>
      </c>
      <c r="B161" s="166">
        <v>29760.702747830099</v>
      </c>
      <c r="C161" s="166">
        <v>29760.702747830099</v>
      </c>
      <c r="D161" s="166">
        <v>0</v>
      </c>
      <c r="E161" s="166">
        <v>0</v>
      </c>
      <c r="F161" s="166">
        <v>0</v>
      </c>
      <c r="G161" s="166">
        <v>0</v>
      </c>
      <c r="H161" s="166">
        <v>0</v>
      </c>
      <c r="I161" s="166">
        <v>0</v>
      </c>
      <c r="J161" s="166">
        <v>0</v>
      </c>
      <c r="K161" s="166">
        <v>0</v>
      </c>
      <c r="L161" s="166">
        <v>0</v>
      </c>
      <c r="M161" s="166">
        <v>0</v>
      </c>
      <c r="N161" s="166">
        <v>0</v>
      </c>
      <c r="O161" s="166">
        <v>0</v>
      </c>
      <c r="P161" s="166">
        <v>0</v>
      </c>
      <c r="Q161" s="166">
        <v>0</v>
      </c>
      <c r="R161" s="166">
        <v>0</v>
      </c>
      <c r="S161" s="166">
        <v>0</v>
      </c>
      <c r="T161" s="166">
        <v>0</v>
      </c>
      <c r="U161" s="166">
        <v>0</v>
      </c>
      <c r="V161" s="166">
        <v>0</v>
      </c>
      <c r="W161" s="166">
        <v>0</v>
      </c>
      <c r="X161" s="166">
        <v>0</v>
      </c>
      <c r="Y161" s="166">
        <v>0</v>
      </c>
      <c r="Z161" s="166">
        <v>0</v>
      </c>
      <c r="AA161" s="166">
        <v>0</v>
      </c>
      <c r="AB161" s="166">
        <v>0</v>
      </c>
      <c r="AC161" s="166">
        <v>0</v>
      </c>
      <c r="AD161" s="166">
        <v>0</v>
      </c>
      <c r="AE161" s="166">
        <v>0</v>
      </c>
      <c r="AF161" s="166">
        <v>0</v>
      </c>
      <c r="AG161" s="166">
        <v>0</v>
      </c>
      <c r="AH161" s="166">
        <v>0</v>
      </c>
      <c r="AI161" s="166">
        <v>0</v>
      </c>
      <c r="AJ161" s="166">
        <v>0</v>
      </c>
      <c r="AK161" s="166">
        <v>0</v>
      </c>
      <c r="AL161" s="166">
        <v>0</v>
      </c>
      <c r="AM161" s="166">
        <v>0</v>
      </c>
      <c r="AN161" s="166">
        <v>0</v>
      </c>
      <c r="AO161" s="166">
        <v>0</v>
      </c>
      <c r="AP161" s="166">
        <v>0</v>
      </c>
      <c r="AQ161" s="166">
        <v>0</v>
      </c>
      <c r="AR161" s="166">
        <v>0</v>
      </c>
      <c r="AS161" s="166">
        <v>0</v>
      </c>
      <c r="AT161" s="166">
        <v>0</v>
      </c>
      <c r="AU161" s="166">
        <v>0</v>
      </c>
      <c r="AV161" s="166">
        <v>0</v>
      </c>
      <c r="AW161" s="166">
        <v>0</v>
      </c>
      <c r="AX161" s="166">
        <v>0</v>
      </c>
      <c r="AY161" s="166">
        <v>0</v>
      </c>
      <c r="AZ161" s="166">
        <v>0</v>
      </c>
      <c r="BA161" s="166">
        <v>0</v>
      </c>
      <c r="BB161" s="166">
        <v>0</v>
      </c>
      <c r="BC161" s="166">
        <v>0</v>
      </c>
      <c r="BD161" s="166">
        <v>0</v>
      </c>
      <c r="BE161" s="166">
        <v>0</v>
      </c>
      <c r="BF161" s="166">
        <v>0</v>
      </c>
      <c r="BG161" s="166">
        <v>0</v>
      </c>
      <c r="BH161" s="166">
        <v>0</v>
      </c>
      <c r="BI161" s="166">
        <v>0</v>
      </c>
      <c r="BJ161" s="166">
        <v>0</v>
      </c>
      <c r="BK161" s="166">
        <v>0</v>
      </c>
      <c r="BL161" s="166">
        <v>0</v>
      </c>
      <c r="BM161" s="166">
        <v>0</v>
      </c>
      <c r="BN161" s="166">
        <v>0</v>
      </c>
      <c r="BO161" s="166">
        <v>0</v>
      </c>
      <c r="BP161" s="166">
        <v>0</v>
      </c>
      <c r="BQ161" s="166">
        <v>0</v>
      </c>
      <c r="BR161" s="166">
        <v>29760.702747830099</v>
      </c>
      <c r="BS161" s="166">
        <v>29760.702747830099</v>
      </c>
      <c r="BT161" s="168">
        <v>0.97403133392564201</v>
      </c>
      <c r="BU161" s="166">
        <v>1754.07584383881</v>
      </c>
      <c r="BV161" s="166">
        <v>28987.856996033501</v>
      </c>
      <c r="BW161" s="166">
        <v>0</v>
      </c>
      <c r="BX161" s="166">
        <v>0</v>
      </c>
      <c r="BY161" s="166">
        <v>0</v>
      </c>
      <c r="BZ161" s="166">
        <v>0</v>
      </c>
      <c r="CA161" s="166">
        <v>0</v>
      </c>
      <c r="CB161" s="166">
        <v>0</v>
      </c>
      <c r="CC161" s="166">
        <v>0</v>
      </c>
      <c r="CD161" s="166">
        <v>0</v>
      </c>
      <c r="CE161" s="166">
        <v>0</v>
      </c>
      <c r="CF161" s="166">
        <v>0</v>
      </c>
      <c r="CG161" s="166">
        <v>0</v>
      </c>
      <c r="CH161" s="166">
        <v>0</v>
      </c>
      <c r="CI161" s="166">
        <v>0</v>
      </c>
      <c r="CJ161" s="166">
        <v>0</v>
      </c>
      <c r="CK161" s="166">
        <v>0</v>
      </c>
      <c r="CL161" s="166">
        <v>0</v>
      </c>
      <c r="CM161" s="166">
        <v>0</v>
      </c>
      <c r="CN161" s="166">
        <v>0</v>
      </c>
      <c r="CO161" s="166">
        <v>0</v>
      </c>
      <c r="CP161" s="166">
        <v>0</v>
      </c>
      <c r="CQ161" s="166">
        <v>0</v>
      </c>
      <c r="CR161" s="166">
        <v>0</v>
      </c>
      <c r="CS161" s="166">
        <v>0</v>
      </c>
      <c r="CT161" s="166">
        <v>0</v>
      </c>
      <c r="CU161" s="166">
        <v>0</v>
      </c>
      <c r="CV161" s="166">
        <v>0</v>
      </c>
      <c r="CW161" s="166">
        <v>0</v>
      </c>
      <c r="CX161" s="166">
        <v>0</v>
      </c>
      <c r="CY161" s="166">
        <v>28987.856996033501</v>
      </c>
      <c r="CZ161" s="166">
        <v>28987.856996033501</v>
      </c>
    </row>
    <row r="162" spans="1:104" hidden="1" outlineLevel="1" x14ac:dyDescent="0.2">
      <c r="A162" s="167" t="s">
        <v>254</v>
      </c>
      <c r="B162" s="166">
        <v>23365.506213604302</v>
      </c>
      <c r="C162" s="166">
        <v>23365.506213604302</v>
      </c>
      <c r="D162" s="166">
        <v>0</v>
      </c>
      <c r="E162" s="166">
        <v>0</v>
      </c>
      <c r="F162" s="166">
        <v>0</v>
      </c>
      <c r="G162" s="166">
        <v>0</v>
      </c>
      <c r="H162" s="166">
        <v>0</v>
      </c>
      <c r="I162" s="166">
        <v>0</v>
      </c>
      <c r="J162" s="166">
        <v>0</v>
      </c>
      <c r="K162" s="166">
        <v>0</v>
      </c>
      <c r="L162" s="166">
        <v>0</v>
      </c>
      <c r="M162" s="166">
        <v>0</v>
      </c>
      <c r="N162" s="166">
        <v>0</v>
      </c>
      <c r="O162" s="166">
        <v>0</v>
      </c>
      <c r="P162" s="166">
        <v>0</v>
      </c>
      <c r="Q162" s="166">
        <v>0</v>
      </c>
      <c r="R162" s="166">
        <v>0</v>
      </c>
      <c r="S162" s="166">
        <v>0</v>
      </c>
      <c r="T162" s="166">
        <v>0</v>
      </c>
      <c r="U162" s="166">
        <v>0</v>
      </c>
      <c r="V162" s="166">
        <v>0</v>
      </c>
      <c r="W162" s="166">
        <v>0</v>
      </c>
      <c r="X162" s="166">
        <v>0</v>
      </c>
      <c r="Y162" s="166">
        <v>0</v>
      </c>
      <c r="Z162" s="166">
        <v>0</v>
      </c>
      <c r="AA162" s="166">
        <v>0</v>
      </c>
      <c r="AB162" s="166">
        <v>0</v>
      </c>
      <c r="AC162" s="166">
        <v>0</v>
      </c>
      <c r="AD162" s="166">
        <v>0</v>
      </c>
      <c r="AE162" s="166">
        <v>0</v>
      </c>
      <c r="AF162" s="166">
        <v>0</v>
      </c>
      <c r="AG162" s="166">
        <v>0</v>
      </c>
      <c r="AH162" s="166">
        <v>0</v>
      </c>
      <c r="AI162" s="166">
        <v>0</v>
      </c>
      <c r="AJ162" s="166">
        <v>0</v>
      </c>
      <c r="AK162" s="166">
        <v>0</v>
      </c>
      <c r="AL162" s="166">
        <v>0</v>
      </c>
      <c r="AM162" s="166">
        <v>0</v>
      </c>
      <c r="AN162" s="166">
        <v>0</v>
      </c>
      <c r="AO162" s="166">
        <v>0</v>
      </c>
      <c r="AP162" s="166">
        <v>0</v>
      </c>
      <c r="AQ162" s="166">
        <v>0</v>
      </c>
      <c r="AR162" s="166">
        <v>0</v>
      </c>
      <c r="AS162" s="166">
        <v>0</v>
      </c>
      <c r="AT162" s="166">
        <v>0</v>
      </c>
      <c r="AU162" s="166">
        <v>0</v>
      </c>
      <c r="AV162" s="166">
        <v>0</v>
      </c>
      <c r="AW162" s="166">
        <v>0</v>
      </c>
      <c r="AX162" s="166">
        <v>0</v>
      </c>
      <c r="AY162" s="166">
        <v>0</v>
      </c>
      <c r="AZ162" s="166">
        <v>0</v>
      </c>
      <c r="BA162" s="166">
        <v>0</v>
      </c>
      <c r="BB162" s="166">
        <v>0</v>
      </c>
      <c r="BC162" s="166">
        <v>0</v>
      </c>
      <c r="BD162" s="166">
        <v>0</v>
      </c>
      <c r="BE162" s="166">
        <v>0</v>
      </c>
      <c r="BF162" s="166">
        <v>0</v>
      </c>
      <c r="BG162" s="166">
        <v>0</v>
      </c>
      <c r="BH162" s="166">
        <v>0</v>
      </c>
      <c r="BI162" s="166">
        <v>0</v>
      </c>
      <c r="BJ162" s="166">
        <v>0</v>
      </c>
      <c r="BK162" s="166">
        <v>0</v>
      </c>
      <c r="BL162" s="166">
        <v>0</v>
      </c>
      <c r="BM162" s="166">
        <v>0</v>
      </c>
      <c r="BN162" s="166">
        <v>0</v>
      </c>
      <c r="BO162" s="166">
        <v>0</v>
      </c>
      <c r="BP162" s="166">
        <v>0</v>
      </c>
      <c r="BQ162" s="166">
        <v>0</v>
      </c>
      <c r="BR162" s="166">
        <v>23365.506213604302</v>
      </c>
      <c r="BS162" s="166">
        <v>23365.506213604302</v>
      </c>
      <c r="BT162" s="166">
        <v>1000</v>
      </c>
      <c r="BU162" s="166">
        <v>1413.76925233619</v>
      </c>
      <c r="BV162" s="166">
        <v>23365.506213604302</v>
      </c>
      <c r="BW162" s="166">
        <v>0</v>
      </c>
      <c r="BX162" s="166">
        <v>0</v>
      </c>
      <c r="BY162" s="166">
        <v>0</v>
      </c>
      <c r="BZ162" s="166">
        <v>0</v>
      </c>
      <c r="CA162" s="166">
        <v>0</v>
      </c>
      <c r="CB162" s="166">
        <v>0</v>
      </c>
      <c r="CC162" s="166">
        <v>0</v>
      </c>
      <c r="CD162" s="166">
        <v>0</v>
      </c>
      <c r="CE162" s="166">
        <v>0</v>
      </c>
      <c r="CF162" s="166">
        <v>0</v>
      </c>
      <c r="CG162" s="166">
        <v>0</v>
      </c>
      <c r="CH162" s="166">
        <v>0</v>
      </c>
      <c r="CI162" s="166">
        <v>0</v>
      </c>
      <c r="CJ162" s="166">
        <v>0</v>
      </c>
      <c r="CK162" s="166">
        <v>0</v>
      </c>
      <c r="CL162" s="166">
        <v>0</v>
      </c>
      <c r="CM162" s="166">
        <v>0</v>
      </c>
      <c r="CN162" s="166">
        <v>0</v>
      </c>
      <c r="CO162" s="166">
        <v>0</v>
      </c>
      <c r="CP162" s="166">
        <v>0</v>
      </c>
      <c r="CQ162" s="166">
        <v>0</v>
      </c>
      <c r="CR162" s="166">
        <v>0</v>
      </c>
      <c r="CS162" s="166">
        <v>0</v>
      </c>
      <c r="CT162" s="166">
        <v>0</v>
      </c>
      <c r="CU162" s="166">
        <v>0</v>
      </c>
      <c r="CV162" s="166">
        <v>0</v>
      </c>
      <c r="CW162" s="166">
        <v>0</v>
      </c>
      <c r="CX162" s="166">
        <v>0</v>
      </c>
      <c r="CY162" s="166">
        <v>23365.506213604302</v>
      </c>
      <c r="CZ162" s="166">
        <v>23365.506213604302</v>
      </c>
    </row>
    <row r="163" spans="1:104" hidden="1" outlineLevel="1" x14ac:dyDescent="0.2">
      <c r="A163" s="167" t="s">
        <v>1097</v>
      </c>
      <c r="B163" s="166">
        <v>2653597.9555917499</v>
      </c>
      <c r="C163" s="166">
        <v>2653597.9555917499</v>
      </c>
      <c r="D163" s="166">
        <v>0</v>
      </c>
      <c r="E163" s="166">
        <v>0</v>
      </c>
      <c r="F163" s="166">
        <v>0</v>
      </c>
      <c r="G163" s="166">
        <v>0</v>
      </c>
      <c r="H163" s="166">
        <v>0</v>
      </c>
      <c r="I163" s="166">
        <v>0</v>
      </c>
      <c r="J163" s="166">
        <v>0</v>
      </c>
      <c r="K163" s="166">
        <v>0</v>
      </c>
      <c r="L163" s="166">
        <v>0</v>
      </c>
      <c r="M163" s="166">
        <v>0</v>
      </c>
      <c r="N163" s="166">
        <v>0</v>
      </c>
      <c r="O163" s="166">
        <v>0</v>
      </c>
      <c r="P163" s="166">
        <v>0</v>
      </c>
      <c r="Q163" s="166">
        <v>0</v>
      </c>
      <c r="R163" s="166">
        <v>0</v>
      </c>
      <c r="S163" s="166">
        <v>0</v>
      </c>
      <c r="T163" s="166">
        <v>0</v>
      </c>
      <c r="U163" s="166">
        <v>0</v>
      </c>
      <c r="V163" s="166">
        <v>0</v>
      </c>
      <c r="W163" s="166">
        <v>0</v>
      </c>
      <c r="X163" s="166">
        <v>0</v>
      </c>
      <c r="Y163" s="166">
        <v>0</v>
      </c>
      <c r="Z163" s="166">
        <v>0</v>
      </c>
      <c r="AA163" s="166">
        <v>0</v>
      </c>
      <c r="AB163" s="166">
        <v>0</v>
      </c>
      <c r="AC163" s="166">
        <v>0</v>
      </c>
      <c r="AD163" s="166">
        <v>0</v>
      </c>
      <c r="AE163" s="166">
        <v>0</v>
      </c>
      <c r="AF163" s="166">
        <v>0</v>
      </c>
      <c r="AG163" s="166">
        <v>0</v>
      </c>
      <c r="AH163" s="166">
        <v>0</v>
      </c>
      <c r="AI163" s="166">
        <v>0</v>
      </c>
      <c r="AJ163" s="166">
        <v>0</v>
      </c>
      <c r="AK163" s="166">
        <v>0</v>
      </c>
      <c r="AL163" s="166">
        <v>0</v>
      </c>
      <c r="AM163" s="166">
        <v>0</v>
      </c>
      <c r="AN163" s="166">
        <v>0</v>
      </c>
      <c r="AO163" s="166">
        <v>0</v>
      </c>
      <c r="AP163" s="166">
        <v>0</v>
      </c>
      <c r="AQ163" s="166">
        <v>0</v>
      </c>
      <c r="AR163" s="166">
        <v>0</v>
      </c>
      <c r="AS163" s="166">
        <v>0</v>
      </c>
      <c r="AT163" s="166">
        <v>0</v>
      </c>
      <c r="AU163" s="166">
        <v>0</v>
      </c>
      <c r="AV163" s="166">
        <v>0</v>
      </c>
      <c r="AW163" s="166">
        <v>0</v>
      </c>
      <c r="AX163" s="166">
        <v>0</v>
      </c>
      <c r="AY163" s="166">
        <v>0</v>
      </c>
      <c r="AZ163" s="166">
        <v>0</v>
      </c>
      <c r="BA163" s="166">
        <v>0</v>
      </c>
      <c r="BB163" s="166">
        <v>0</v>
      </c>
      <c r="BC163" s="166">
        <v>0</v>
      </c>
      <c r="BD163" s="166">
        <v>0</v>
      </c>
      <c r="BE163" s="166">
        <v>0</v>
      </c>
      <c r="BF163" s="166">
        <v>0</v>
      </c>
      <c r="BG163" s="166">
        <v>0</v>
      </c>
      <c r="BH163" s="166">
        <v>0</v>
      </c>
      <c r="BI163" s="166">
        <v>0</v>
      </c>
      <c r="BJ163" s="166">
        <v>0</v>
      </c>
      <c r="BK163" s="166">
        <v>0</v>
      </c>
      <c r="BL163" s="166">
        <v>0</v>
      </c>
      <c r="BM163" s="166">
        <v>0</v>
      </c>
      <c r="BN163" s="166">
        <v>0</v>
      </c>
      <c r="BO163" s="166">
        <v>0</v>
      </c>
      <c r="BP163" s="166">
        <v>0</v>
      </c>
      <c r="BQ163" s="166">
        <v>0</v>
      </c>
      <c r="BR163" s="166">
        <v>2653597.9555917499</v>
      </c>
      <c r="BS163" s="166">
        <v>2653597.9555917499</v>
      </c>
      <c r="BT163" s="168">
        <v>0.72041766170058497</v>
      </c>
      <c r="BU163" s="166">
        <v>120308.75212249599</v>
      </c>
      <c r="BV163" s="166">
        <v>1911698.83426086</v>
      </c>
      <c r="BW163" s="166">
        <v>0</v>
      </c>
      <c r="BX163" s="166">
        <v>0</v>
      </c>
      <c r="BY163" s="166">
        <v>0</v>
      </c>
      <c r="BZ163" s="166">
        <v>0</v>
      </c>
      <c r="CA163" s="166">
        <v>0</v>
      </c>
      <c r="CB163" s="166">
        <v>0</v>
      </c>
      <c r="CC163" s="166">
        <v>0</v>
      </c>
      <c r="CD163" s="166">
        <v>0</v>
      </c>
      <c r="CE163" s="166">
        <v>0</v>
      </c>
      <c r="CF163" s="166">
        <v>0</v>
      </c>
      <c r="CG163" s="166">
        <v>0</v>
      </c>
      <c r="CH163" s="166">
        <v>0</v>
      </c>
      <c r="CI163" s="166">
        <v>0</v>
      </c>
      <c r="CJ163" s="166">
        <v>0</v>
      </c>
      <c r="CK163" s="166">
        <v>0</v>
      </c>
      <c r="CL163" s="166">
        <v>0</v>
      </c>
      <c r="CM163" s="166">
        <v>0</v>
      </c>
      <c r="CN163" s="166">
        <v>0</v>
      </c>
      <c r="CO163" s="166">
        <v>0</v>
      </c>
      <c r="CP163" s="166">
        <v>0</v>
      </c>
      <c r="CQ163" s="166">
        <v>0</v>
      </c>
      <c r="CR163" s="166">
        <v>0</v>
      </c>
      <c r="CS163" s="166">
        <v>0</v>
      </c>
      <c r="CT163" s="166">
        <v>0</v>
      </c>
      <c r="CU163" s="166">
        <v>0</v>
      </c>
      <c r="CV163" s="166">
        <v>0</v>
      </c>
      <c r="CW163" s="166">
        <v>0</v>
      </c>
      <c r="CX163" s="166">
        <v>0</v>
      </c>
      <c r="CY163" s="166">
        <v>1911698.83426086</v>
      </c>
      <c r="CZ163" s="166">
        <v>1911698.83426086</v>
      </c>
    </row>
    <row r="164" spans="1:104" hidden="1" outlineLevel="1" x14ac:dyDescent="0.2">
      <c r="A164" s="167" t="s">
        <v>1098</v>
      </c>
      <c r="B164" s="166">
        <v>2758111.23</v>
      </c>
      <c r="C164" s="166">
        <v>2758111.23</v>
      </c>
      <c r="D164" s="166">
        <v>0</v>
      </c>
      <c r="E164" s="166">
        <v>0</v>
      </c>
      <c r="F164" s="166">
        <v>0</v>
      </c>
      <c r="G164" s="166">
        <v>0</v>
      </c>
      <c r="H164" s="166">
        <v>0</v>
      </c>
      <c r="I164" s="166">
        <v>0</v>
      </c>
      <c r="J164" s="166">
        <v>0</v>
      </c>
      <c r="K164" s="166">
        <v>0</v>
      </c>
      <c r="L164" s="166">
        <v>0</v>
      </c>
      <c r="M164" s="166">
        <v>0</v>
      </c>
      <c r="N164" s="166">
        <v>0</v>
      </c>
      <c r="O164" s="166">
        <v>0</v>
      </c>
      <c r="P164" s="166">
        <v>0</v>
      </c>
      <c r="Q164" s="166">
        <v>0</v>
      </c>
      <c r="R164" s="166">
        <v>0</v>
      </c>
      <c r="S164" s="166">
        <v>0</v>
      </c>
      <c r="T164" s="166">
        <v>0</v>
      </c>
      <c r="U164" s="166">
        <v>0</v>
      </c>
      <c r="V164" s="166">
        <v>0</v>
      </c>
      <c r="W164" s="166">
        <v>0</v>
      </c>
      <c r="X164" s="166">
        <v>0</v>
      </c>
      <c r="Y164" s="166">
        <v>0</v>
      </c>
      <c r="Z164" s="166">
        <v>0</v>
      </c>
      <c r="AA164" s="166">
        <v>0</v>
      </c>
      <c r="AB164" s="166">
        <v>0</v>
      </c>
      <c r="AC164" s="166">
        <v>0</v>
      </c>
      <c r="AD164" s="166">
        <v>0</v>
      </c>
      <c r="AE164" s="166">
        <v>0</v>
      </c>
      <c r="AF164" s="166">
        <v>0</v>
      </c>
      <c r="AG164" s="166">
        <v>0</v>
      </c>
      <c r="AH164" s="166">
        <v>0</v>
      </c>
      <c r="AI164" s="166">
        <v>0</v>
      </c>
      <c r="AJ164" s="166">
        <v>0</v>
      </c>
      <c r="AK164" s="166">
        <v>0</v>
      </c>
      <c r="AL164" s="166">
        <v>0</v>
      </c>
      <c r="AM164" s="166">
        <v>0</v>
      </c>
      <c r="AN164" s="166">
        <v>0</v>
      </c>
      <c r="AO164" s="166">
        <v>0</v>
      </c>
      <c r="AP164" s="166">
        <v>0</v>
      </c>
      <c r="AQ164" s="166">
        <v>0</v>
      </c>
      <c r="AR164" s="166">
        <v>0</v>
      </c>
      <c r="AS164" s="166">
        <v>0</v>
      </c>
      <c r="AT164" s="166">
        <v>0</v>
      </c>
      <c r="AU164" s="166">
        <v>0</v>
      </c>
      <c r="AV164" s="166">
        <v>0</v>
      </c>
      <c r="AW164" s="166">
        <v>0</v>
      </c>
      <c r="AX164" s="166">
        <v>0</v>
      </c>
      <c r="AY164" s="166">
        <v>0</v>
      </c>
      <c r="AZ164" s="166">
        <v>0</v>
      </c>
      <c r="BA164" s="166">
        <v>0</v>
      </c>
      <c r="BB164" s="166">
        <v>0</v>
      </c>
      <c r="BC164" s="166">
        <v>0</v>
      </c>
      <c r="BD164" s="166">
        <v>0</v>
      </c>
      <c r="BE164" s="166">
        <v>0</v>
      </c>
      <c r="BF164" s="166">
        <v>0</v>
      </c>
      <c r="BG164" s="166">
        <v>0</v>
      </c>
      <c r="BH164" s="166">
        <v>0</v>
      </c>
      <c r="BI164" s="166">
        <v>0</v>
      </c>
      <c r="BJ164" s="166">
        <v>0</v>
      </c>
      <c r="BK164" s="166">
        <v>0</v>
      </c>
      <c r="BL164" s="166">
        <v>0</v>
      </c>
      <c r="BM164" s="166">
        <v>0</v>
      </c>
      <c r="BN164" s="166">
        <v>0</v>
      </c>
      <c r="BO164" s="166">
        <v>0</v>
      </c>
      <c r="BP164" s="166">
        <v>0</v>
      </c>
      <c r="BQ164" s="166">
        <v>0</v>
      </c>
      <c r="BR164" s="166">
        <v>2758111.23</v>
      </c>
      <c r="BS164" s="166">
        <v>2758111.23</v>
      </c>
      <c r="BT164" s="168">
        <v>0</v>
      </c>
      <c r="BU164" s="166">
        <v>126488.408018135</v>
      </c>
      <c r="BV164" s="166">
        <v>2013829.9355564399</v>
      </c>
      <c r="BW164" s="166">
        <v>0</v>
      </c>
      <c r="BX164" s="166">
        <v>0</v>
      </c>
      <c r="BY164" s="166">
        <v>0</v>
      </c>
      <c r="BZ164" s="166">
        <v>0</v>
      </c>
      <c r="CA164" s="166">
        <v>0</v>
      </c>
      <c r="CB164" s="166">
        <v>0</v>
      </c>
      <c r="CC164" s="166">
        <v>0</v>
      </c>
      <c r="CD164" s="166">
        <v>0</v>
      </c>
      <c r="CE164" s="166">
        <v>0</v>
      </c>
      <c r="CF164" s="166">
        <v>0</v>
      </c>
      <c r="CG164" s="166">
        <v>0</v>
      </c>
      <c r="CH164" s="166">
        <v>0</v>
      </c>
      <c r="CI164" s="166">
        <v>0</v>
      </c>
      <c r="CJ164" s="166">
        <v>0</v>
      </c>
      <c r="CK164" s="166">
        <v>0</v>
      </c>
      <c r="CL164" s="166">
        <v>0</v>
      </c>
      <c r="CM164" s="166">
        <v>0</v>
      </c>
      <c r="CN164" s="166">
        <v>0</v>
      </c>
      <c r="CO164" s="166">
        <v>0</v>
      </c>
      <c r="CP164" s="166">
        <v>0</v>
      </c>
      <c r="CQ164" s="166">
        <v>0</v>
      </c>
      <c r="CR164" s="166">
        <v>0</v>
      </c>
      <c r="CS164" s="166">
        <v>0</v>
      </c>
      <c r="CT164" s="166">
        <v>0</v>
      </c>
      <c r="CU164" s="166">
        <v>0</v>
      </c>
      <c r="CV164" s="166">
        <v>0</v>
      </c>
      <c r="CW164" s="166">
        <v>0</v>
      </c>
      <c r="CX164" s="166">
        <v>0</v>
      </c>
      <c r="CY164" s="166">
        <v>2013829.9355564399</v>
      </c>
      <c r="CZ164" s="166">
        <v>2013829.9355564399</v>
      </c>
    </row>
    <row r="165" spans="1:104" hidden="1" outlineLevel="1" x14ac:dyDescent="0.2">
      <c r="A165" s="167" t="s">
        <v>257</v>
      </c>
    </row>
    <row r="166" spans="1:104" hidden="1" outlineLevel="1" x14ac:dyDescent="0.2">
      <c r="A166" s="167" t="s">
        <v>1099</v>
      </c>
      <c r="B166" s="166">
        <v>10326.1070195347</v>
      </c>
      <c r="C166" s="166">
        <v>10326.1070195347</v>
      </c>
      <c r="D166" s="166">
        <v>0</v>
      </c>
      <c r="E166" s="166">
        <v>0</v>
      </c>
      <c r="F166" s="166">
        <v>0</v>
      </c>
      <c r="G166" s="166">
        <v>0</v>
      </c>
      <c r="H166" s="166">
        <v>0</v>
      </c>
      <c r="I166" s="166">
        <v>0</v>
      </c>
      <c r="J166" s="166">
        <v>0</v>
      </c>
      <c r="K166" s="166">
        <v>0</v>
      </c>
      <c r="L166" s="166">
        <v>0</v>
      </c>
      <c r="M166" s="166">
        <v>0</v>
      </c>
      <c r="N166" s="166">
        <v>0</v>
      </c>
      <c r="O166" s="166">
        <v>0</v>
      </c>
      <c r="P166" s="166">
        <v>0</v>
      </c>
      <c r="Q166" s="166">
        <v>0</v>
      </c>
      <c r="R166" s="166">
        <v>0</v>
      </c>
      <c r="S166" s="166">
        <v>0</v>
      </c>
      <c r="T166" s="166">
        <v>0</v>
      </c>
      <c r="U166" s="166">
        <v>0</v>
      </c>
      <c r="V166" s="166">
        <v>0</v>
      </c>
      <c r="W166" s="166">
        <v>0</v>
      </c>
      <c r="X166" s="166">
        <v>0</v>
      </c>
      <c r="Y166" s="166">
        <v>0</v>
      </c>
      <c r="Z166" s="166">
        <v>0</v>
      </c>
      <c r="AA166" s="166">
        <v>0</v>
      </c>
      <c r="AB166" s="166">
        <v>0</v>
      </c>
      <c r="AC166" s="166">
        <v>0</v>
      </c>
      <c r="AD166" s="166">
        <v>0</v>
      </c>
      <c r="AE166" s="166">
        <v>0</v>
      </c>
      <c r="AF166" s="166">
        <v>0</v>
      </c>
      <c r="AG166" s="166">
        <v>0</v>
      </c>
      <c r="AH166" s="166">
        <v>0</v>
      </c>
      <c r="AI166" s="166">
        <v>0</v>
      </c>
      <c r="AJ166" s="166">
        <v>0</v>
      </c>
      <c r="AK166" s="166">
        <v>0</v>
      </c>
      <c r="AL166" s="166">
        <v>0</v>
      </c>
      <c r="AM166" s="166">
        <v>0</v>
      </c>
      <c r="AN166" s="166">
        <v>0</v>
      </c>
      <c r="AO166" s="166">
        <v>0</v>
      </c>
      <c r="AP166" s="166">
        <v>0</v>
      </c>
      <c r="AQ166" s="166">
        <v>0</v>
      </c>
      <c r="AR166" s="166">
        <v>0</v>
      </c>
      <c r="AS166" s="166">
        <v>0</v>
      </c>
      <c r="AT166" s="166">
        <v>0</v>
      </c>
      <c r="AU166" s="166">
        <v>0</v>
      </c>
      <c r="AV166" s="166">
        <v>0</v>
      </c>
      <c r="AW166" s="166">
        <v>0</v>
      </c>
      <c r="AX166" s="166">
        <v>0</v>
      </c>
      <c r="AY166" s="166">
        <v>0</v>
      </c>
      <c r="AZ166" s="166">
        <v>0</v>
      </c>
      <c r="BA166" s="166">
        <v>0</v>
      </c>
      <c r="BB166" s="166">
        <v>0</v>
      </c>
      <c r="BC166" s="166">
        <v>0</v>
      </c>
      <c r="BD166" s="166">
        <v>0</v>
      </c>
      <c r="BE166" s="166">
        <v>0</v>
      </c>
      <c r="BF166" s="166">
        <v>0</v>
      </c>
      <c r="BG166" s="166">
        <v>0</v>
      </c>
      <c r="BH166" s="166">
        <v>0</v>
      </c>
      <c r="BI166" s="166">
        <v>0</v>
      </c>
      <c r="BJ166" s="166">
        <v>0</v>
      </c>
      <c r="BK166" s="166">
        <v>0</v>
      </c>
      <c r="BL166" s="166">
        <v>0</v>
      </c>
      <c r="BM166" s="166">
        <v>0</v>
      </c>
      <c r="BN166" s="166">
        <v>0</v>
      </c>
      <c r="BO166" s="166">
        <v>0</v>
      </c>
      <c r="BP166" s="166">
        <v>0</v>
      </c>
      <c r="BQ166" s="166">
        <v>0</v>
      </c>
      <c r="BR166" s="166">
        <v>10326.1070195347</v>
      </c>
      <c r="BS166" s="166">
        <v>10326.1070195347</v>
      </c>
      <c r="BT166" s="168">
        <v>0.97402999999999995</v>
      </c>
      <c r="BU166" s="166">
        <v>1029.6982013660299</v>
      </c>
      <c r="BV166" s="166">
        <v>10057.9380202374</v>
      </c>
      <c r="BW166" s="166">
        <v>0</v>
      </c>
      <c r="BX166" s="166">
        <v>0</v>
      </c>
      <c r="BY166" s="166">
        <v>0</v>
      </c>
      <c r="BZ166" s="166">
        <v>0</v>
      </c>
      <c r="CA166" s="166">
        <v>0</v>
      </c>
      <c r="CB166" s="166">
        <v>0</v>
      </c>
      <c r="CC166" s="166">
        <v>0</v>
      </c>
      <c r="CD166" s="166">
        <v>0</v>
      </c>
      <c r="CE166" s="166">
        <v>0</v>
      </c>
      <c r="CF166" s="166">
        <v>0</v>
      </c>
      <c r="CG166" s="166">
        <v>0</v>
      </c>
      <c r="CH166" s="166">
        <v>0</v>
      </c>
      <c r="CI166" s="166">
        <v>0</v>
      </c>
      <c r="CJ166" s="166">
        <v>0</v>
      </c>
      <c r="CK166" s="166">
        <v>0</v>
      </c>
      <c r="CL166" s="166">
        <v>0</v>
      </c>
      <c r="CM166" s="166">
        <v>0</v>
      </c>
      <c r="CN166" s="166">
        <v>0</v>
      </c>
      <c r="CO166" s="166">
        <v>0</v>
      </c>
      <c r="CP166" s="166">
        <v>0</v>
      </c>
      <c r="CQ166" s="166">
        <v>0</v>
      </c>
      <c r="CR166" s="166">
        <v>0</v>
      </c>
      <c r="CS166" s="166">
        <v>0</v>
      </c>
      <c r="CT166" s="166">
        <v>0</v>
      </c>
      <c r="CU166" s="166">
        <v>0</v>
      </c>
      <c r="CV166" s="166">
        <v>0</v>
      </c>
      <c r="CW166" s="166">
        <v>0</v>
      </c>
      <c r="CX166" s="166">
        <v>0</v>
      </c>
      <c r="CY166" s="166">
        <v>10057.9380202374</v>
      </c>
      <c r="CZ166" s="166">
        <v>10057.9380202374</v>
      </c>
    </row>
    <row r="167" spans="1:104" hidden="1" outlineLevel="1" x14ac:dyDescent="0.2">
      <c r="A167" s="167" t="s">
        <v>1100</v>
      </c>
      <c r="B167" s="166">
        <v>326.52377575183698</v>
      </c>
      <c r="C167" s="166">
        <v>326.52377575183698</v>
      </c>
      <c r="D167" s="166">
        <v>0</v>
      </c>
      <c r="E167" s="166">
        <v>0</v>
      </c>
      <c r="F167" s="166">
        <v>0</v>
      </c>
      <c r="G167" s="166">
        <v>0</v>
      </c>
      <c r="H167" s="166">
        <v>0</v>
      </c>
      <c r="I167" s="166">
        <v>0</v>
      </c>
      <c r="J167" s="166">
        <v>0</v>
      </c>
      <c r="K167" s="166">
        <v>0</v>
      </c>
      <c r="L167" s="166">
        <v>0</v>
      </c>
      <c r="M167" s="166">
        <v>0</v>
      </c>
      <c r="N167" s="166">
        <v>0</v>
      </c>
      <c r="O167" s="166">
        <v>0</v>
      </c>
      <c r="P167" s="166">
        <v>0</v>
      </c>
      <c r="Q167" s="166">
        <v>0</v>
      </c>
      <c r="R167" s="166">
        <v>0</v>
      </c>
      <c r="S167" s="166">
        <v>0</v>
      </c>
      <c r="T167" s="166">
        <v>0</v>
      </c>
      <c r="U167" s="166">
        <v>0</v>
      </c>
      <c r="V167" s="166">
        <v>0</v>
      </c>
      <c r="W167" s="166">
        <v>0</v>
      </c>
      <c r="X167" s="166">
        <v>0</v>
      </c>
      <c r="Y167" s="166">
        <v>0</v>
      </c>
      <c r="Z167" s="166">
        <v>0</v>
      </c>
      <c r="AA167" s="166">
        <v>0</v>
      </c>
      <c r="AB167" s="166">
        <v>0</v>
      </c>
      <c r="AC167" s="166">
        <v>0</v>
      </c>
      <c r="AD167" s="166">
        <v>0</v>
      </c>
      <c r="AE167" s="166">
        <v>0</v>
      </c>
      <c r="AF167" s="166">
        <v>0</v>
      </c>
      <c r="AG167" s="166">
        <v>0</v>
      </c>
      <c r="AH167" s="166">
        <v>0</v>
      </c>
      <c r="AI167" s="166">
        <v>0</v>
      </c>
      <c r="AJ167" s="166">
        <v>0</v>
      </c>
      <c r="AK167" s="166">
        <v>0</v>
      </c>
      <c r="AL167" s="166">
        <v>0</v>
      </c>
      <c r="AM167" s="166">
        <v>0</v>
      </c>
      <c r="AN167" s="166">
        <v>0</v>
      </c>
      <c r="AO167" s="166">
        <v>0</v>
      </c>
      <c r="AP167" s="166">
        <v>0</v>
      </c>
      <c r="AQ167" s="166">
        <v>0</v>
      </c>
      <c r="AR167" s="166">
        <v>0</v>
      </c>
      <c r="AS167" s="166">
        <v>0</v>
      </c>
      <c r="AT167" s="166">
        <v>0</v>
      </c>
      <c r="AU167" s="166">
        <v>0</v>
      </c>
      <c r="AV167" s="166">
        <v>0</v>
      </c>
      <c r="AW167" s="166">
        <v>0</v>
      </c>
      <c r="AX167" s="166">
        <v>0</v>
      </c>
      <c r="AY167" s="166">
        <v>0</v>
      </c>
      <c r="AZ167" s="166">
        <v>0</v>
      </c>
      <c r="BA167" s="166">
        <v>0</v>
      </c>
      <c r="BB167" s="166">
        <v>0</v>
      </c>
      <c r="BC167" s="166">
        <v>0</v>
      </c>
      <c r="BD167" s="166">
        <v>0</v>
      </c>
      <c r="BE167" s="166">
        <v>0</v>
      </c>
      <c r="BF167" s="166">
        <v>0</v>
      </c>
      <c r="BG167" s="166">
        <v>0</v>
      </c>
      <c r="BH167" s="166">
        <v>0</v>
      </c>
      <c r="BI167" s="166">
        <v>0</v>
      </c>
      <c r="BJ167" s="166">
        <v>0</v>
      </c>
      <c r="BK167" s="166">
        <v>0</v>
      </c>
      <c r="BL167" s="166">
        <v>0</v>
      </c>
      <c r="BM167" s="166">
        <v>0</v>
      </c>
      <c r="BN167" s="166">
        <v>0</v>
      </c>
      <c r="BO167" s="166">
        <v>0</v>
      </c>
      <c r="BP167" s="166">
        <v>0</v>
      </c>
      <c r="BQ167" s="166">
        <v>0</v>
      </c>
      <c r="BR167" s="166">
        <v>326.52377575183698</v>
      </c>
      <c r="BS167" s="166">
        <v>326.52377575183698</v>
      </c>
      <c r="BT167" s="168">
        <v>0.92637230841245999</v>
      </c>
      <c r="BU167" s="166">
        <v>30.962610053500399</v>
      </c>
      <c r="BV167" s="166">
        <v>302.48258389478201</v>
      </c>
      <c r="BW167" s="166">
        <v>0</v>
      </c>
      <c r="BX167" s="166">
        <v>0</v>
      </c>
      <c r="BY167" s="166">
        <v>0</v>
      </c>
      <c r="BZ167" s="166">
        <v>0</v>
      </c>
      <c r="CA167" s="166">
        <v>0</v>
      </c>
      <c r="CB167" s="166">
        <v>0</v>
      </c>
      <c r="CC167" s="166">
        <v>0</v>
      </c>
      <c r="CD167" s="166">
        <v>0</v>
      </c>
      <c r="CE167" s="166">
        <v>0</v>
      </c>
      <c r="CF167" s="166">
        <v>0</v>
      </c>
      <c r="CG167" s="166">
        <v>0</v>
      </c>
      <c r="CH167" s="166">
        <v>0</v>
      </c>
      <c r="CI167" s="166">
        <v>0</v>
      </c>
      <c r="CJ167" s="166">
        <v>0</v>
      </c>
      <c r="CK167" s="166">
        <v>0</v>
      </c>
      <c r="CL167" s="166">
        <v>0</v>
      </c>
      <c r="CM167" s="166">
        <v>0</v>
      </c>
      <c r="CN167" s="166">
        <v>0</v>
      </c>
      <c r="CO167" s="166">
        <v>0</v>
      </c>
      <c r="CP167" s="166">
        <v>0</v>
      </c>
      <c r="CQ167" s="166">
        <v>0</v>
      </c>
      <c r="CR167" s="166">
        <v>0</v>
      </c>
      <c r="CS167" s="166">
        <v>0</v>
      </c>
      <c r="CT167" s="166">
        <v>0</v>
      </c>
      <c r="CU167" s="166">
        <v>0</v>
      </c>
      <c r="CV167" s="166">
        <v>0</v>
      </c>
      <c r="CW167" s="166">
        <v>0</v>
      </c>
      <c r="CX167" s="166">
        <v>0</v>
      </c>
      <c r="CY167" s="166">
        <v>302.48258389478201</v>
      </c>
      <c r="CZ167" s="166">
        <v>302.48258389478201</v>
      </c>
    </row>
    <row r="168" spans="1:104" hidden="1" outlineLevel="1" x14ac:dyDescent="0.2">
      <c r="A168" s="167" t="s">
        <v>1101</v>
      </c>
      <c r="B168" s="166">
        <v>2355.48617239338</v>
      </c>
      <c r="C168" s="166">
        <v>2355.48617239338</v>
      </c>
      <c r="D168" s="166">
        <v>0</v>
      </c>
      <c r="E168" s="166">
        <v>0</v>
      </c>
      <c r="F168" s="166">
        <v>0</v>
      </c>
      <c r="G168" s="166">
        <v>0</v>
      </c>
      <c r="H168" s="166">
        <v>0</v>
      </c>
      <c r="I168" s="166">
        <v>0</v>
      </c>
      <c r="J168" s="166">
        <v>0</v>
      </c>
      <c r="K168" s="166">
        <v>0</v>
      </c>
      <c r="L168" s="166">
        <v>0</v>
      </c>
      <c r="M168" s="166">
        <v>0</v>
      </c>
      <c r="N168" s="166">
        <v>0</v>
      </c>
      <c r="O168" s="166">
        <v>0</v>
      </c>
      <c r="P168" s="166">
        <v>0</v>
      </c>
      <c r="Q168" s="166">
        <v>0</v>
      </c>
      <c r="R168" s="166">
        <v>0</v>
      </c>
      <c r="S168" s="166">
        <v>0</v>
      </c>
      <c r="T168" s="166">
        <v>0</v>
      </c>
      <c r="U168" s="166">
        <v>0</v>
      </c>
      <c r="V168" s="166">
        <v>0</v>
      </c>
      <c r="W168" s="166">
        <v>0</v>
      </c>
      <c r="X168" s="166">
        <v>0</v>
      </c>
      <c r="Y168" s="166">
        <v>0</v>
      </c>
      <c r="Z168" s="166">
        <v>0</v>
      </c>
      <c r="AA168" s="166">
        <v>0</v>
      </c>
      <c r="AB168" s="166">
        <v>0</v>
      </c>
      <c r="AC168" s="166">
        <v>0</v>
      </c>
      <c r="AD168" s="166">
        <v>0</v>
      </c>
      <c r="AE168" s="166">
        <v>0</v>
      </c>
      <c r="AF168" s="166">
        <v>0</v>
      </c>
      <c r="AG168" s="166">
        <v>0</v>
      </c>
      <c r="AH168" s="166">
        <v>0</v>
      </c>
      <c r="AI168" s="166">
        <v>0</v>
      </c>
      <c r="AJ168" s="166">
        <v>0</v>
      </c>
      <c r="AK168" s="166">
        <v>0</v>
      </c>
      <c r="AL168" s="166">
        <v>0</v>
      </c>
      <c r="AM168" s="166">
        <v>0</v>
      </c>
      <c r="AN168" s="166">
        <v>0</v>
      </c>
      <c r="AO168" s="166">
        <v>0</v>
      </c>
      <c r="AP168" s="166">
        <v>0</v>
      </c>
      <c r="AQ168" s="166">
        <v>0</v>
      </c>
      <c r="AR168" s="166">
        <v>0</v>
      </c>
      <c r="AS168" s="166">
        <v>0</v>
      </c>
      <c r="AT168" s="166">
        <v>0</v>
      </c>
      <c r="AU168" s="166">
        <v>0</v>
      </c>
      <c r="AV168" s="166">
        <v>0</v>
      </c>
      <c r="AW168" s="166">
        <v>0</v>
      </c>
      <c r="AX168" s="166">
        <v>0</v>
      </c>
      <c r="AY168" s="166">
        <v>0</v>
      </c>
      <c r="AZ168" s="166">
        <v>0</v>
      </c>
      <c r="BA168" s="166">
        <v>0</v>
      </c>
      <c r="BB168" s="166">
        <v>0</v>
      </c>
      <c r="BC168" s="166">
        <v>0</v>
      </c>
      <c r="BD168" s="166">
        <v>0</v>
      </c>
      <c r="BE168" s="166">
        <v>0</v>
      </c>
      <c r="BF168" s="166">
        <v>0</v>
      </c>
      <c r="BG168" s="166">
        <v>0</v>
      </c>
      <c r="BH168" s="166">
        <v>0</v>
      </c>
      <c r="BI168" s="166">
        <v>0</v>
      </c>
      <c r="BJ168" s="166">
        <v>0</v>
      </c>
      <c r="BK168" s="166">
        <v>0</v>
      </c>
      <c r="BL168" s="166">
        <v>0</v>
      </c>
      <c r="BM168" s="166">
        <v>0</v>
      </c>
      <c r="BN168" s="166">
        <v>0</v>
      </c>
      <c r="BO168" s="166">
        <v>0</v>
      </c>
      <c r="BP168" s="166">
        <v>0</v>
      </c>
      <c r="BQ168" s="166">
        <v>0</v>
      </c>
      <c r="BR168" s="166">
        <v>2355.48617239338</v>
      </c>
      <c r="BS168" s="166">
        <v>2355.48617239338</v>
      </c>
      <c r="BT168" s="168">
        <v>0.95109934560116105</v>
      </c>
      <c r="BU168" s="166">
        <v>229.32089652955401</v>
      </c>
      <c r="BV168" s="166">
        <v>2240.3013571359302</v>
      </c>
      <c r="BW168" s="166">
        <v>0</v>
      </c>
      <c r="BX168" s="166">
        <v>0</v>
      </c>
      <c r="BY168" s="166">
        <v>0</v>
      </c>
      <c r="BZ168" s="166">
        <v>0</v>
      </c>
      <c r="CA168" s="166">
        <v>0</v>
      </c>
      <c r="CB168" s="166">
        <v>0</v>
      </c>
      <c r="CC168" s="166">
        <v>0</v>
      </c>
      <c r="CD168" s="166">
        <v>0</v>
      </c>
      <c r="CE168" s="166">
        <v>0</v>
      </c>
      <c r="CF168" s="166">
        <v>0</v>
      </c>
      <c r="CG168" s="166">
        <v>0</v>
      </c>
      <c r="CH168" s="166">
        <v>0</v>
      </c>
      <c r="CI168" s="166">
        <v>0</v>
      </c>
      <c r="CJ168" s="166">
        <v>0</v>
      </c>
      <c r="CK168" s="166">
        <v>0</v>
      </c>
      <c r="CL168" s="166">
        <v>0</v>
      </c>
      <c r="CM168" s="166">
        <v>0</v>
      </c>
      <c r="CN168" s="166">
        <v>0</v>
      </c>
      <c r="CO168" s="166">
        <v>0</v>
      </c>
      <c r="CP168" s="166">
        <v>0</v>
      </c>
      <c r="CQ168" s="166">
        <v>0</v>
      </c>
      <c r="CR168" s="166">
        <v>0</v>
      </c>
      <c r="CS168" s="166">
        <v>0</v>
      </c>
      <c r="CT168" s="166">
        <v>0</v>
      </c>
      <c r="CU168" s="166">
        <v>0</v>
      </c>
      <c r="CV168" s="166">
        <v>0</v>
      </c>
      <c r="CW168" s="166">
        <v>0</v>
      </c>
      <c r="CX168" s="166">
        <v>0</v>
      </c>
      <c r="CY168" s="166">
        <v>2240.3013571359302</v>
      </c>
      <c r="CZ168" s="166">
        <v>2240.3013571359302</v>
      </c>
    </row>
    <row r="169" spans="1:104" hidden="1" outlineLevel="1" x14ac:dyDescent="0.2">
      <c r="A169" s="167" t="s">
        <v>261</v>
      </c>
      <c r="B169" s="166">
        <v>7538.61893720844</v>
      </c>
      <c r="C169" s="166">
        <v>7538.61893720844</v>
      </c>
      <c r="D169" s="166">
        <v>0</v>
      </c>
      <c r="E169" s="166">
        <v>0</v>
      </c>
      <c r="F169" s="166">
        <v>0</v>
      </c>
      <c r="G169" s="166">
        <v>0</v>
      </c>
      <c r="H169" s="166">
        <v>0</v>
      </c>
      <c r="I169" s="166">
        <v>0</v>
      </c>
      <c r="J169" s="166">
        <v>0</v>
      </c>
      <c r="K169" s="166">
        <v>0</v>
      </c>
      <c r="L169" s="166">
        <v>0</v>
      </c>
      <c r="M169" s="166">
        <v>0</v>
      </c>
      <c r="N169" s="166">
        <v>0</v>
      </c>
      <c r="O169" s="166">
        <v>0</v>
      </c>
      <c r="P169" s="166">
        <v>0</v>
      </c>
      <c r="Q169" s="166">
        <v>0</v>
      </c>
      <c r="R169" s="166">
        <v>0</v>
      </c>
      <c r="S169" s="166">
        <v>0</v>
      </c>
      <c r="T169" s="166">
        <v>0</v>
      </c>
      <c r="U169" s="166">
        <v>0</v>
      </c>
      <c r="V169" s="166">
        <v>0</v>
      </c>
      <c r="W169" s="166">
        <v>0</v>
      </c>
      <c r="X169" s="166">
        <v>0</v>
      </c>
      <c r="Y169" s="166">
        <v>0</v>
      </c>
      <c r="Z169" s="166">
        <v>0</v>
      </c>
      <c r="AA169" s="166">
        <v>0</v>
      </c>
      <c r="AB169" s="166">
        <v>0</v>
      </c>
      <c r="AC169" s="166">
        <v>0</v>
      </c>
      <c r="AD169" s="166">
        <v>0</v>
      </c>
      <c r="AE169" s="166">
        <v>0</v>
      </c>
      <c r="AF169" s="166">
        <v>0</v>
      </c>
      <c r="AG169" s="166">
        <v>0</v>
      </c>
      <c r="AH169" s="166">
        <v>0</v>
      </c>
      <c r="AI169" s="166">
        <v>0</v>
      </c>
      <c r="AJ169" s="166">
        <v>0</v>
      </c>
      <c r="AK169" s="166">
        <v>0</v>
      </c>
      <c r="AL169" s="166">
        <v>0</v>
      </c>
      <c r="AM169" s="166">
        <v>0</v>
      </c>
      <c r="AN169" s="166">
        <v>0</v>
      </c>
      <c r="AO169" s="166">
        <v>0</v>
      </c>
      <c r="AP169" s="166">
        <v>0</v>
      </c>
      <c r="AQ169" s="166">
        <v>0</v>
      </c>
      <c r="AR169" s="166">
        <v>0</v>
      </c>
      <c r="AS169" s="166">
        <v>0</v>
      </c>
      <c r="AT169" s="166">
        <v>0</v>
      </c>
      <c r="AU169" s="166">
        <v>0</v>
      </c>
      <c r="AV169" s="166">
        <v>0</v>
      </c>
      <c r="AW169" s="166">
        <v>0</v>
      </c>
      <c r="AX169" s="166">
        <v>0</v>
      </c>
      <c r="AY169" s="166">
        <v>0</v>
      </c>
      <c r="AZ169" s="166">
        <v>0</v>
      </c>
      <c r="BA169" s="166">
        <v>0</v>
      </c>
      <c r="BB169" s="166">
        <v>0</v>
      </c>
      <c r="BC169" s="166">
        <v>0</v>
      </c>
      <c r="BD169" s="166">
        <v>0</v>
      </c>
      <c r="BE169" s="166">
        <v>0</v>
      </c>
      <c r="BF169" s="166">
        <v>0</v>
      </c>
      <c r="BG169" s="166">
        <v>0</v>
      </c>
      <c r="BH169" s="166">
        <v>0</v>
      </c>
      <c r="BI169" s="166">
        <v>0</v>
      </c>
      <c r="BJ169" s="166">
        <v>0</v>
      </c>
      <c r="BK169" s="166">
        <v>0</v>
      </c>
      <c r="BL169" s="166">
        <v>0</v>
      </c>
      <c r="BM169" s="166">
        <v>0</v>
      </c>
      <c r="BN169" s="166">
        <v>0</v>
      </c>
      <c r="BO169" s="166">
        <v>0</v>
      </c>
      <c r="BP169" s="166">
        <v>0</v>
      </c>
      <c r="BQ169" s="166">
        <v>0</v>
      </c>
      <c r="BR169" s="166">
        <v>7538.61893720844</v>
      </c>
      <c r="BS169" s="166">
        <v>7538.61893720844</v>
      </c>
      <c r="BT169" s="168">
        <v>0.97403133392564201</v>
      </c>
      <c r="BU169" s="166">
        <v>751.28416210947501</v>
      </c>
      <c r="BV169" s="166">
        <v>7342.8510593662404</v>
      </c>
      <c r="BW169" s="166">
        <v>0</v>
      </c>
      <c r="BX169" s="166">
        <v>0</v>
      </c>
      <c r="BY169" s="166">
        <v>0</v>
      </c>
      <c r="BZ169" s="166">
        <v>0</v>
      </c>
      <c r="CA169" s="166">
        <v>0</v>
      </c>
      <c r="CB169" s="166">
        <v>0</v>
      </c>
      <c r="CC169" s="166">
        <v>0</v>
      </c>
      <c r="CD169" s="166">
        <v>0</v>
      </c>
      <c r="CE169" s="166">
        <v>0</v>
      </c>
      <c r="CF169" s="166">
        <v>0</v>
      </c>
      <c r="CG169" s="166">
        <v>0</v>
      </c>
      <c r="CH169" s="166">
        <v>0</v>
      </c>
      <c r="CI169" s="166">
        <v>0</v>
      </c>
      <c r="CJ169" s="166">
        <v>0</v>
      </c>
      <c r="CK169" s="166">
        <v>0</v>
      </c>
      <c r="CL169" s="166">
        <v>0</v>
      </c>
      <c r="CM169" s="166">
        <v>0</v>
      </c>
      <c r="CN169" s="166">
        <v>0</v>
      </c>
      <c r="CO169" s="166">
        <v>0</v>
      </c>
      <c r="CP169" s="166">
        <v>0</v>
      </c>
      <c r="CQ169" s="166">
        <v>0</v>
      </c>
      <c r="CR169" s="166">
        <v>0</v>
      </c>
      <c r="CS169" s="166">
        <v>0</v>
      </c>
      <c r="CT169" s="166">
        <v>0</v>
      </c>
      <c r="CU169" s="166">
        <v>0</v>
      </c>
      <c r="CV169" s="166">
        <v>0</v>
      </c>
      <c r="CW169" s="166">
        <v>0</v>
      </c>
      <c r="CX169" s="166">
        <v>0</v>
      </c>
      <c r="CY169" s="166">
        <v>7342.8510593662404</v>
      </c>
      <c r="CZ169" s="166">
        <v>7342.8510593662404</v>
      </c>
    </row>
    <row r="170" spans="1:104" hidden="1" outlineLevel="1" x14ac:dyDescent="0.2">
      <c r="A170" s="167" t="s">
        <v>262</v>
      </c>
      <c r="B170" s="166">
        <v>5915.5071955253798</v>
      </c>
      <c r="C170" s="166">
        <v>5915.5071955253798</v>
      </c>
      <c r="D170" s="166">
        <v>0</v>
      </c>
      <c r="E170" s="166">
        <v>0</v>
      </c>
      <c r="F170" s="166">
        <v>0</v>
      </c>
      <c r="G170" s="166">
        <v>0</v>
      </c>
      <c r="H170" s="166">
        <v>0</v>
      </c>
      <c r="I170" s="166">
        <v>0</v>
      </c>
      <c r="J170" s="166">
        <v>0</v>
      </c>
      <c r="K170" s="166">
        <v>0</v>
      </c>
      <c r="L170" s="166">
        <v>0</v>
      </c>
      <c r="M170" s="166">
        <v>0</v>
      </c>
      <c r="N170" s="166">
        <v>0</v>
      </c>
      <c r="O170" s="166">
        <v>0</v>
      </c>
      <c r="P170" s="166">
        <v>0</v>
      </c>
      <c r="Q170" s="166">
        <v>0</v>
      </c>
      <c r="R170" s="166">
        <v>0</v>
      </c>
      <c r="S170" s="166">
        <v>0</v>
      </c>
      <c r="T170" s="166">
        <v>0</v>
      </c>
      <c r="U170" s="166">
        <v>0</v>
      </c>
      <c r="V170" s="166">
        <v>0</v>
      </c>
      <c r="W170" s="166">
        <v>0</v>
      </c>
      <c r="X170" s="166">
        <v>0</v>
      </c>
      <c r="Y170" s="166">
        <v>0</v>
      </c>
      <c r="Z170" s="166">
        <v>0</v>
      </c>
      <c r="AA170" s="166">
        <v>0</v>
      </c>
      <c r="AB170" s="166">
        <v>0</v>
      </c>
      <c r="AC170" s="166">
        <v>0</v>
      </c>
      <c r="AD170" s="166">
        <v>0</v>
      </c>
      <c r="AE170" s="166">
        <v>0</v>
      </c>
      <c r="AF170" s="166">
        <v>0</v>
      </c>
      <c r="AG170" s="166">
        <v>0</v>
      </c>
      <c r="AH170" s="166">
        <v>0</v>
      </c>
      <c r="AI170" s="166">
        <v>0</v>
      </c>
      <c r="AJ170" s="166">
        <v>0</v>
      </c>
      <c r="AK170" s="166">
        <v>0</v>
      </c>
      <c r="AL170" s="166">
        <v>0</v>
      </c>
      <c r="AM170" s="166">
        <v>0</v>
      </c>
      <c r="AN170" s="166">
        <v>0</v>
      </c>
      <c r="AO170" s="166">
        <v>0</v>
      </c>
      <c r="AP170" s="166">
        <v>0</v>
      </c>
      <c r="AQ170" s="166">
        <v>0</v>
      </c>
      <c r="AR170" s="166">
        <v>0</v>
      </c>
      <c r="AS170" s="166">
        <v>0</v>
      </c>
      <c r="AT170" s="166">
        <v>0</v>
      </c>
      <c r="AU170" s="166">
        <v>0</v>
      </c>
      <c r="AV170" s="166">
        <v>0</v>
      </c>
      <c r="AW170" s="166">
        <v>0</v>
      </c>
      <c r="AX170" s="166">
        <v>0</v>
      </c>
      <c r="AY170" s="166">
        <v>0</v>
      </c>
      <c r="AZ170" s="166">
        <v>0</v>
      </c>
      <c r="BA170" s="166">
        <v>0</v>
      </c>
      <c r="BB170" s="166">
        <v>0</v>
      </c>
      <c r="BC170" s="166">
        <v>0</v>
      </c>
      <c r="BD170" s="166">
        <v>0</v>
      </c>
      <c r="BE170" s="166">
        <v>0</v>
      </c>
      <c r="BF170" s="166">
        <v>0</v>
      </c>
      <c r="BG170" s="166">
        <v>0</v>
      </c>
      <c r="BH170" s="166">
        <v>0</v>
      </c>
      <c r="BI170" s="166">
        <v>0</v>
      </c>
      <c r="BJ170" s="166">
        <v>0</v>
      </c>
      <c r="BK170" s="166">
        <v>0</v>
      </c>
      <c r="BL170" s="166">
        <v>0</v>
      </c>
      <c r="BM170" s="166">
        <v>0</v>
      </c>
      <c r="BN170" s="166">
        <v>0</v>
      </c>
      <c r="BO170" s="166">
        <v>0</v>
      </c>
      <c r="BP170" s="166">
        <v>0</v>
      </c>
      <c r="BQ170" s="166">
        <v>0</v>
      </c>
      <c r="BR170" s="166">
        <v>5915.5071955253798</v>
      </c>
      <c r="BS170" s="166">
        <v>5915.5071955253798</v>
      </c>
      <c r="BT170" s="166">
        <v>1000</v>
      </c>
      <c r="BU170" s="166">
        <v>605.528234077398</v>
      </c>
      <c r="BV170" s="166">
        <v>5915.5071955253798</v>
      </c>
      <c r="BW170" s="166">
        <v>0</v>
      </c>
      <c r="BX170" s="166">
        <v>0</v>
      </c>
      <c r="BY170" s="166">
        <v>0</v>
      </c>
      <c r="BZ170" s="166">
        <v>0</v>
      </c>
      <c r="CA170" s="166">
        <v>0</v>
      </c>
      <c r="CB170" s="166">
        <v>0</v>
      </c>
      <c r="CC170" s="166">
        <v>0</v>
      </c>
      <c r="CD170" s="166">
        <v>0</v>
      </c>
      <c r="CE170" s="166">
        <v>0</v>
      </c>
      <c r="CF170" s="166">
        <v>0</v>
      </c>
      <c r="CG170" s="166">
        <v>0</v>
      </c>
      <c r="CH170" s="166">
        <v>0</v>
      </c>
      <c r="CI170" s="166">
        <v>0</v>
      </c>
      <c r="CJ170" s="166">
        <v>0</v>
      </c>
      <c r="CK170" s="166">
        <v>0</v>
      </c>
      <c r="CL170" s="166">
        <v>0</v>
      </c>
      <c r="CM170" s="166">
        <v>0</v>
      </c>
      <c r="CN170" s="166">
        <v>0</v>
      </c>
      <c r="CO170" s="166">
        <v>0</v>
      </c>
      <c r="CP170" s="166">
        <v>0</v>
      </c>
      <c r="CQ170" s="166">
        <v>0</v>
      </c>
      <c r="CR170" s="166">
        <v>0</v>
      </c>
      <c r="CS170" s="166">
        <v>0</v>
      </c>
      <c r="CT170" s="166">
        <v>0</v>
      </c>
      <c r="CU170" s="166">
        <v>0</v>
      </c>
      <c r="CV170" s="166">
        <v>0</v>
      </c>
      <c r="CW170" s="166">
        <v>0</v>
      </c>
      <c r="CX170" s="166">
        <v>0</v>
      </c>
      <c r="CY170" s="166">
        <v>5915.5071955253798</v>
      </c>
      <c r="CZ170" s="166">
        <v>5915.5071955253798</v>
      </c>
    </row>
    <row r="171" spans="1:104" hidden="1" outlineLevel="1" x14ac:dyDescent="0.2">
      <c r="A171" s="167" t="s">
        <v>1102</v>
      </c>
      <c r="B171" s="166">
        <v>688321.71689958195</v>
      </c>
      <c r="C171" s="166">
        <v>688321.71689958195</v>
      </c>
      <c r="D171" s="166">
        <v>0</v>
      </c>
      <c r="E171" s="166">
        <v>0</v>
      </c>
      <c r="F171" s="166">
        <v>0</v>
      </c>
      <c r="G171" s="166">
        <v>0</v>
      </c>
      <c r="H171" s="166">
        <v>0</v>
      </c>
      <c r="I171" s="166">
        <v>0</v>
      </c>
      <c r="J171" s="166">
        <v>0</v>
      </c>
      <c r="K171" s="166">
        <v>0</v>
      </c>
      <c r="L171" s="166">
        <v>0</v>
      </c>
      <c r="M171" s="166">
        <v>0</v>
      </c>
      <c r="N171" s="166">
        <v>0</v>
      </c>
      <c r="O171" s="166">
        <v>0</v>
      </c>
      <c r="P171" s="166">
        <v>0</v>
      </c>
      <c r="Q171" s="166">
        <v>0</v>
      </c>
      <c r="R171" s="166">
        <v>0</v>
      </c>
      <c r="S171" s="166">
        <v>0</v>
      </c>
      <c r="T171" s="166">
        <v>0</v>
      </c>
      <c r="U171" s="166">
        <v>0</v>
      </c>
      <c r="V171" s="166">
        <v>0</v>
      </c>
      <c r="W171" s="166">
        <v>0</v>
      </c>
      <c r="X171" s="166">
        <v>0</v>
      </c>
      <c r="Y171" s="166">
        <v>0</v>
      </c>
      <c r="Z171" s="166">
        <v>0</v>
      </c>
      <c r="AA171" s="166">
        <v>0</v>
      </c>
      <c r="AB171" s="166">
        <v>0</v>
      </c>
      <c r="AC171" s="166">
        <v>0</v>
      </c>
      <c r="AD171" s="166">
        <v>0</v>
      </c>
      <c r="AE171" s="166">
        <v>0</v>
      </c>
      <c r="AF171" s="166">
        <v>0</v>
      </c>
      <c r="AG171" s="166">
        <v>0</v>
      </c>
      <c r="AH171" s="166">
        <v>0</v>
      </c>
      <c r="AI171" s="166">
        <v>0</v>
      </c>
      <c r="AJ171" s="166">
        <v>0</v>
      </c>
      <c r="AK171" s="166">
        <v>0</v>
      </c>
      <c r="AL171" s="166">
        <v>0</v>
      </c>
      <c r="AM171" s="166">
        <v>0</v>
      </c>
      <c r="AN171" s="166">
        <v>0</v>
      </c>
      <c r="AO171" s="166">
        <v>0</v>
      </c>
      <c r="AP171" s="166">
        <v>0</v>
      </c>
      <c r="AQ171" s="166">
        <v>0</v>
      </c>
      <c r="AR171" s="166">
        <v>0</v>
      </c>
      <c r="AS171" s="166">
        <v>0</v>
      </c>
      <c r="AT171" s="166">
        <v>0</v>
      </c>
      <c r="AU171" s="166">
        <v>0</v>
      </c>
      <c r="AV171" s="166">
        <v>0</v>
      </c>
      <c r="AW171" s="166">
        <v>0</v>
      </c>
      <c r="AX171" s="166">
        <v>0</v>
      </c>
      <c r="AY171" s="166">
        <v>0</v>
      </c>
      <c r="AZ171" s="166">
        <v>0</v>
      </c>
      <c r="BA171" s="166">
        <v>0</v>
      </c>
      <c r="BB171" s="166">
        <v>0</v>
      </c>
      <c r="BC171" s="166">
        <v>0</v>
      </c>
      <c r="BD171" s="166">
        <v>0</v>
      </c>
      <c r="BE171" s="166">
        <v>0</v>
      </c>
      <c r="BF171" s="166">
        <v>0</v>
      </c>
      <c r="BG171" s="166">
        <v>0</v>
      </c>
      <c r="BH171" s="166">
        <v>0</v>
      </c>
      <c r="BI171" s="166">
        <v>0</v>
      </c>
      <c r="BJ171" s="166">
        <v>0</v>
      </c>
      <c r="BK171" s="166">
        <v>0</v>
      </c>
      <c r="BL171" s="166">
        <v>0</v>
      </c>
      <c r="BM171" s="166">
        <v>0</v>
      </c>
      <c r="BN171" s="166">
        <v>0</v>
      </c>
      <c r="BO171" s="166">
        <v>0</v>
      </c>
      <c r="BP171" s="166">
        <v>0</v>
      </c>
      <c r="BQ171" s="166">
        <v>0</v>
      </c>
      <c r="BR171" s="166">
        <v>688321.71689958195</v>
      </c>
      <c r="BS171" s="166">
        <v>688321.71689958195</v>
      </c>
      <c r="BT171" s="168">
        <v>0.72041766170058497</v>
      </c>
      <c r="BU171" s="166">
        <v>51529.162977910397</v>
      </c>
      <c r="BV171" s="166">
        <v>495879.12178652902</v>
      </c>
      <c r="BW171" s="166">
        <v>0</v>
      </c>
      <c r="BX171" s="166">
        <v>0</v>
      </c>
      <c r="BY171" s="166">
        <v>0</v>
      </c>
      <c r="BZ171" s="166">
        <v>0</v>
      </c>
      <c r="CA171" s="166">
        <v>0</v>
      </c>
      <c r="CB171" s="166">
        <v>0</v>
      </c>
      <c r="CC171" s="166">
        <v>0</v>
      </c>
      <c r="CD171" s="166">
        <v>0</v>
      </c>
      <c r="CE171" s="166">
        <v>0</v>
      </c>
      <c r="CF171" s="166">
        <v>0</v>
      </c>
      <c r="CG171" s="166">
        <v>0</v>
      </c>
      <c r="CH171" s="166">
        <v>0</v>
      </c>
      <c r="CI171" s="166">
        <v>0</v>
      </c>
      <c r="CJ171" s="166">
        <v>0</v>
      </c>
      <c r="CK171" s="166">
        <v>0</v>
      </c>
      <c r="CL171" s="166">
        <v>0</v>
      </c>
      <c r="CM171" s="166">
        <v>0</v>
      </c>
      <c r="CN171" s="166">
        <v>0</v>
      </c>
      <c r="CO171" s="166">
        <v>0</v>
      </c>
      <c r="CP171" s="166">
        <v>0</v>
      </c>
      <c r="CQ171" s="166">
        <v>0</v>
      </c>
      <c r="CR171" s="166">
        <v>0</v>
      </c>
      <c r="CS171" s="166">
        <v>0</v>
      </c>
      <c r="CT171" s="166">
        <v>0</v>
      </c>
      <c r="CU171" s="166">
        <v>0</v>
      </c>
      <c r="CV171" s="166">
        <v>0</v>
      </c>
      <c r="CW171" s="166">
        <v>0</v>
      </c>
      <c r="CX171" s="166">
        <v>0</v>
      </c>
      <c r="CY171" s="166">
        <v>495879.12178652902</v>
      </c>
      <c r="CZ171" s="166">
        <v>495879.12178652902</v>
      </c>
    </row>
    <row r="172" spans="1:104" hidden="1" outlineLevel="1" x14ac:dyDescent="0.2">
      <c r="A172" s="167" t="s">
        <v>1103</v>
      </c>
      <c r="B172" s="166">
        <v>714783.959999996</v>
      </c>
      <c r="C172" s="166">
        <v>714783.959999996</v>
      </c>
      <c r="D172" s="166">
        <v>0</v>
      </c>
      <c r="E172" s="166">
        <v>0</v>
      </c>
      <c r="F172" s="166">
        <v>0</v>
      </c>
      <c r="G172" s="166">
        <v>0</v>
      </c>
      <c r="H172" s="166">
        <v>0</v>
      </c>
      <c r="I172" s="166">
        <v>0</v>
      </c>
      <c r="J172" s="166">
        <v>0</v>
      </c>
      <c r="K172" s="166">
        <v>0</v>
      </c>
      <c r="L172" s="166">
        <v>0</v>
      </c>
      <c r="M172" s="166">
        <v>0</v>
      </c>
      <c r="N172" s="166">
        <v>0</v>
      </c>
      <c r="O172" s="166">
        <v>0</v>
      </c>
      <c r="P172" s="166">
        <v>0</v>
      </c>
      <c r="Q172" s="166">
        <v>0</v>
      </c>
      <c r="R172" s="166">
        <v>0</v>
      </c>
      <c r="S172" s="166">
        <v>0</v>
      </c>
      <c r="T172" s="166">
        <v>0</v>
      </c>
      <c r="U172" s="166">
        <v>0</v>
      </c>
      <c r="V172" s="166">
        <v>0</v>
      </c>
      <c r="W172" s="166">
        <v>0</v>
      </c>
      <c r="X172" s="166">
        <v>0</v>
      </c>
      <c r="Y172" s="166">
        <v>0</v>
      </c>
      <c r="Z172" s="166">
        <v>0</v>
      </c>
      <c r="AA172" s="166">
        <v>0</v>
      </c>
      <c r="AB172" s="166">
        <v>0</v>
      </c>
      <c r="AC172" s="166">
        <v>0</v>
      </c>
      <c r="AD172" s="166">
        <v>0</v>
      </c>
      <c r="AE172" s="166">
        <v>0</v>
      </c>
      <c r="AF172" s="166">
        <v>0</v>
      </c>
      <c r="AG172" s="166">
        <v>0</v>
      </c>
      <c r="AH172" s="166">
        <v>0</v>
      </c>
      <c r="AI172" s="166">
        <v>0</v>
      </c>
      <c r="AJ172" s="166">
        <v>0</v>
      </c>
      <c r="AK172" s="166">
        <v>0</v>
      </c>
      <c r="AL172" s="166">
        <v>0</v>
      </c>
      <c r="AM172" s="166">
        <v>0</v>
      </c>
      <c r="AN172" s="166">
        <v>0</v>
      </c>
      <c r="AO172" s="166">
        <v>0</v>
      </c>
      <c r="AP172" s="166">
        <v>0</v>
      </c>
      <c r="AQ172" s="166">
        <v>0</v>
      </c>
      <c r="AR172" s="166">
        <v>0</v>
      </c>
      <c r="AS172" s="166">
        <v>0</v>
      </c>
      <c r="AT172" s="166">
        <v>0</v>
      </c>
      <c r="AU172" s="166">
        <v>0</v>
      </c>
      <c r="AV172" s="166">
        <v>0</v>
      </c>
      <c r="AW172" s="166">
        <v>0</v>
      </c>
      <c r="AX172" s="166">
        <v>0</v>
      </c>
      <c r="AY172" s="166">
        <v>0</v>
      </c>
      <c r="AZ172" s="166">
        <v>0</v>
      </c>
      <c r="BA172" s="166">
        <v>0</v>
      </c>
      <c r="BB172" s="166">
        <v>0</v>
      </c>
      <c r="BC172" s="166">
        <v>0</v>
      </c>
      <c r="BD172" s="166">
        <v>0</v>
      </c>
      <c r="BE172" s="166">
        <v>0</v>
      </c>
      <c r="BF172" s="166">
        <v>0</v>
      </c>
      <c r="BG172" s="166">
        <v>0</v>
      </c>
      <c r="BH172" s="166">
        <v>0</v>
      </c>
      <c r="BI172" s="166">
        <v>0</v>
      </c>
      <c r="BJ172" s="166">
        <v>0</v>
      </c>
      <c r="BK172" s="166">
        <v>0</v>
      </c>
      <c r="BL172" s="166">
        <v>0</v>
      </c>
      <c r="BM172" s="166">
        <v>0</v>
      </c>
      <c r="BN172" s="166">
        <v>0</v>
      </c>
      <c r="BO172" s="166">
        <v>0</v>
      </c>
      <c r="BP172" s="166">
        <v>0</v>
      </c>
      <c r="BQ172" s="166">
        <v>0</v>
      </c>
      <c r="BR172" s="166">
        <v>714783.959999996</v>
      </c>
      <c r="BS172" s="166">
        <v>714783.959999996</v>
      </c>
      <c r="BT172" s="168">
        <v>0</v>
      </c>
      <c r="BU172" s="166">
        <v>54175.957082046298</v>
      </c>
      <c r="BV172" s="166">
        <v>521738.20200268901</v>
      </c>
      <c r="BW172" s="166">
        <v>0</v>
      </c>
      <c r="BX172" s="166">
        <v>0</v>
      </c>
      <c r="BY172" s="166">
        <v>0</v>
      </c>
      <c r="BZ172" s="166">
        <v>0</v>
      </c>
      <c r="CA172" s="166">
        <v>0</v>
      </c>
      <c r="CB172" s="166">
        <v>0</v>
      </c>
      <c r="CC172" s="166">
        <v>0</v>
      </c>
      <c r="CD172" s="166">
        <v>0</v>
      </c>
      <c r="CE172" s="166">
        <v>0</v>
      </c>
      <c r="CF172" s="166">
        <v>0</v>
      </c>
      <c r="CG172" s="166">
        <v>0</v>
      </c>
      <c r="CH172" s="166">
        <v>0</v>
      </c>
      <c r="CI172" s="166">
        <v>0</v>
      </c>
      <c r="CJ172" s="166">
        <v>0</v>
      </c>
      <c r="CK172" s="166">
        <v>0</v>
      </c>
      <c r="CL172" s="166">
        <v>0</v>
      </c>
      <c r="CM172" s="166">
        <v>0</v>
      </c>
      <c r="CN172" s="166">
        <v>0</v>
      </c>
      <c r="CO172" s="166">
        <v>0</v>
      </c>
      <c r="CP172" s="166">
        <v>0</v>
      </c>
      <c r="CQ172" s="166">
        <v>0</v>
      </c>
      <c r="CR172" s="166">
        <v>0</v>
      </c>
      <c r="CS172" s="166">
        <v>0</v>
      </c>
      <c r="CT172" s="166">
        <v>0</v>
      </c>
      <c r="CU172" s="166">
        <v>0</v>
      </c>
      <c r="CV172" s="166">
        <v>0</v>
      </c>
      <c r="CW172" s="166">
        <v>0</v>
      </c>
      <c r="CX172" s="166">
        <v>0</v>
      </c>
      <c r="CY172" s="166">
        <v>521738.20200268901</v>
      </c>
      <c r="CZ172" s="166">
        <v>521738.20200268901</v>
      </c>
    </row>
    <row r="173" spans="1:104" hidden="1" outlineLevel="1" x14ac:dyDescent="0.2">
      <c r="A173" s="167" t="s">
        <v>265</v>
      </c>
    </row>
    <row r="174" spans="1:104" hidden="1" outlineLevel="1" x14ac:dyDescent="0.2">
      <c r="A174" s="167" t="s">
        <v>266</v>
      </c>
      <c r="B174" s="166">
        <v>1.0374660683958801E-11</v>
      </c>
      <c r="C174" s="166">
        <v>1.0374660683958801E-11</v>
      </c>
      <c r="D174" s="166">
        <v>0</v>
      </c>
      <c r="E174" s="166">
        <v>0</v>
      </c>
      <c r="F174" s="166">
        <v>0</v>
      </c>
      <c r="G174" s="166">
        <v>0</v>
      </c>
      <c r="H174" s="166">
        <v>0</v>
      </c>
      <c r="I174" s="166">
        <v>0</v>
      </c>
      <c r="J174" s="166">
        <v>0</v>
      </c>
      <c r="K174" s="166">
        <v>0</v>
      </c>
      <c r="L174" s="166">
        <v>0</v>
      </c>
      <c r="M174" s="166">
        <v>0</v>
      </c>
      <c r="N174" s="166">
        <v>0</v>
      </c>
      <c r="O174" s="166">
        <v>0</v>
      </c>
      <c r="P174" s="166">
        <v>0</v>
      </c>
      <c r="Q174" s="166">
        <v>0</v>
      </c>
      <c r="R174" s="166">
        <v>0</v>
      </c>
      <c r="S174" s="166">
        <v>0</v>
      </c>
      <c r="T174" s="166">
        <v>0</v>
      </c>
      <c r="U174" s="166">
        <v>0</v>
      </c>
      <c r="V174" s="166">
        <v>0</v>
      </c>
      <c r="W174" s="166">
        <v>0</v>
      </c>
      <c r="X174" s="166">
        <v>0</v>
      </c>
      <c r="Y174" s="166">
        <v>0</v>
      </c>
      <c r="Z174" s="166">
        <v>0</v>
      </c>
      <c r="AA174" s="166">
        <v>0</v>
      </c>
      <c r="AB174" s="166">
        <v>0</v>
      </c>
      <c r="AC174" s="166">
        <v>0</v>
      </c>
      <c r="AD174" s="166">
        <v>0</v>
      </c>
      <c r="AE174" s="166">
        <v>0</v>
      </c>
      <c r="AF174" s="166">
        <v>0</v>
      </c>
      <c r="AG174" s="166">
        <v>0</v>
      </c>
      <c r="AH174" s="166">
        <v>0</v>
      </c>
      <c r="AI174" s="166">
        <v>0</v>
      </c>
      <c r="AJ174" s="166">
        <v>0</v>
      </c>
      <c r="AK174" s="166">
        <v>0</v>
      </c>
      <c r="AL174" s="166">
        <v>0</v>
      </c>
      <c r="AM174" s="166">
        <v>0</v>
      </c>
      <c r="AN174" s="166">
        <v>0</v>
      </c>
      <c r="AO174" s="166">
        <v>0</v>
      </c>
      <c r="AP174" s="166">
        <v>0</v>
      </c>
      <c r="AQ174" s="166">
        <v>0</v>
      </c>
      <c r="AR174" s="166">
        <v>0</v>
      </c>
      <c r="AS174" s="166">
        <v>0</v>
      </c>
      <c r="AT174" s="166">
        <v>0</v>
      </c>
      <c r="AU174" s="166">
        <v>0</v>
      </c>
      <c r="AV174" s="166">
        <v>0</v>
      </c>
      <c r="AW174" s="166">
        <v>0</v>
      </c>
      <c r="AX174" s="166">
        <v>0</v>
      </c>
      <c r="AY174" s="166">
        <v>0</v>
      </c>
      <c r="AZ174" s="166">
        <v>0</v>
      </c>
      <c r="BA174" s="166">
        <v>0</v>
      </c>
      <c r="BB174" s="166">
        <v>0</v>
      </c>
      <c r="BC174" s="166">
        <v>0</v>
      </c>
      <c r="BD174" s="166">
        <v>0</v>
      </c>
      <c r="BE174" s="166">
        <v>0</v>
      </c>
      <c r="BF174" s="166">
        <v>0</v>
      </c>
      <c r="BG174" s="166">
        <v>0</v>
      </c>
      <c r="BH174" s="166">
        <v>0</v>
      </c>
      <c r="BI174" s="166">
        <v>0</v>
      </c>
      <c r="BJ174" s="166">
        <v>0</v>
      </c>
      <c r="BK174" s="166">
        <v>0</v>
      </c>
      <c r="BL174" s="166">
        <v>0</v>
      </c>
      <c r="BM174" s="166">
        <v>0</v>
      </c>
      <c r="BN174" s="166">
        <v>0</v>
      </c>
      <c r="BO174" s="166">
        <v>0</v>
      </c>
      <c r="BP174" s="166">
        <v>0</v>
      </c>
      <c r="BQ174" s="166">
        <v>0</v>
      </c>
      <c r="BR174" s="166">
        <v>1.0374660683958801E-11</v>
      </c>
      <c r="BS174" s="166">
        <v>1.0374660683958801E-11</v>
      </c>
      <c r="BT174" s="168">
        <v>0.97402999999999995</v>
      </c>
      <c r="BU174" s="166">
        <v>2.4844110772197902E-12</v>
      </c>
      <c r="BV174" s="166">
        <v>1.01052307459964E-11</v>
      </c>
      <c r="BW174" s="166">
        <v>0</v>
      </c>
      <c r="BX174" s="166">
        <v>0</v>
      </c>
      <c r="BY174" s="166">
        <v>0</v>
      </c>
      <c r="BZ174" s="166">
        <v>0</v>
      </c>
      <c r="CA174" s="166">
        <v>0</v>
      </c>
      <c r="CB174" s="166">
        <v>0</v>
      </c>
      <c r="CC174" s="166">
        <v>0</v>
      </c>
      <c r="CD174" s="166">
        <v>0</v>
      </c>
      <c r="CE174" s="166">
        <v>0</v>
      </c>
      <c r="CF174" s="166">
        <v>0</v>
      </c>
      <c r="CG174" s="166">
        <v>0</v>
      </c>
      <c r="CH174" s="166">
        <v>0</v>
      </c>
      <c r="CI174" s="166">
        <v>0</v>
      </c>
      <c r="CJ174" s="166">
        <v>0</v>
      </c>
      <c r="CK174" s="166">
        <v>0</v>
      </c>
      <c r="CL174" s="166">
        <v>0</v>
      </c>
      <c r="CM174" s="166">
        <v>0</v>
      </c>
      <c r="CN174" s="166">
        <v>0</v>
      </c>
      <c r="CO174" s="166">
        <v>0</v>
      </c>
      <c r="CP174" s="166">
        <v>0</v>
      </c>
      <c r="CQ174" s="166">
        <v>0</v>
      </c>
      <c r="CR174" s="166">
        <v>0</v>
      </c>
      <c r="CS174" s="166">
        <v>0</v>
      </c>
      <c r="CT174" s="166">
        <v>0</v>
      </c>
      <c r="CU174" s="166">
        <v>0</v>
      </c>
      <c r="CV174" s="166">
        <v>0</v>
      </c>
      <c r="CW174" s="166">
        <v>0</v>
      </c>
      <c r="CX174" s="166">
        <v>0</v>
      </c>
      <c r="CY174" s="166">
        <v>1.01052307459964E-11</v>
      </c>
      <c r="CZ174" s="166">
        <v>1.01052307459964E-11</v>
      </c>
    </row>
    <row r="175" spans="1:104" hidden="1" outlineLevel="1" x14ac:dyDescent="0.2">
      <c r="A175" s="167" t="s">
        <v>267</v>
      </c>
      <c r="B175" s="166">
        <v>8.6717924994786199E-13</v>
      </c>
      <c r="C175" s="166">
        <v>8.6717924994786199E-13</v>
      </c>
      <c r="D175" s="166">
        <v>0</v>
      </c>
      <c r="E175" s="166">
        <v>0</v>
      </c>
      <c r="F175" s="166">
        <v>0</v>
      </c>
      <c r="G175" s="166">
        <v>0</v>
      </c>
      <c r="H175" s="166">
        <v>0</v>
      </c>
      <c r="I175" s="166">
        <v>0</v>
      </c>
      <c r="J175" s="166">
        <v>0</v>
      </c>
      <c r="K175" s="166">
        <v>0</v>
      </c>
      <c r="L175" s="166">
        <v>0</v>
      </c>
      <c r="M175" s="166">
        <v>0</v>
      </c>
      <c r="N175" s="166">
        <v>0</v>
      </c>
      <c r="O175" s="166">
        <v>0</v>
      </c>
      <c r="P175" s="166">
        <v>0</v>
      </c>
      <c r="Q175" s="166">
        <v>0</v>
      </c>
      <c r="R175" s="166">
        <v>0</v>
      </c>
      <c r="S175" s="166">
        <v>0</v>
      </c>
      <c r="T175" s="166">
        <v>0</v>
      </c>
      <c r="U175" s="166">
        <v>0</v>
      </c>
      <c r="V175" s="166">
        <v>0</v>
      </c>
      <c r="W175" s="166">
        <v>0</v>
      </c>
      <c r="X175" s="166">
        <v>0</v>
      </c>
      <c r="Y175" s="166">
        <v>0</v>
      </c>
      <c r="Z175" s="166">
        <v>0</v>
      </c>
      <c r="AA175" s="166">
        <v>0</v>
      </c>
      <c r="AB175" s="166">
        <v>0</v>
      </c>
      <c r="AC175" s="166">
        <v>0</v>
      </c>
      <c r="AD175" s="166">
        <v>0</v>
      </c>
      <c r="AE175" s="166">
        <v>0</v>
      </c>
      <c r="AF175" s="166">
        <v>0</v>
      </c>
      <c r="AG175" s="166">
        <v>0</v>
      </c>
      <c r="AH175" s="166">
        <v>0</v>
      </c>
      <c r="AI175" s="166">
        <v>0</v>
      </c>
      <c r="AJ175" s="166">
        <v>0</v>
      </c>
      <c r="AK175" s="166">
        <v>0</v>
      </c>
      <c r="AL175" s="166">
        <v>0</v>
      </c>
      <c r="AM175" s="166">
        <v>0</v>
      </c>
      <c r="AN175" s="166">
        <v>0</v>
      </c>
      <c r="AO175" s="166">
        <v>0</v>
      </c>
      <c r="AP175" s="166">
        <v>0</v>
      </c>
      <c r="AQ175" s="166">
        <v>0</v>
      </c>
      <c r="AR175" s="166">
        <v>0</v>
      </c>
      <c r="AS175" s="166">
        <v>0</v>
      </c>
      <c r="AT175" s="166">
        <v>0</v>
      </c>
      <c r="AU175" s="166">
        <v>0</v>
      </c>
      <c r="AV175" s="166">
        <v>0</v>
      </c>
      <c r="AW175" s="166">
        <v>0</v>
      </c>
      <c r="AX175" s="166">
        <v>0</v>
      </c>
      <c r="AY175" s="166">
        <v>0</v>
      </c>
      <c r="AZ175" s="166">
        <v>0</v>
      </c>
      <c r="BA175" s="166">
        <v>0</v>
      </c>
      <c r="BB175" s="166">
        <v>0</v>
      </c>
      <c r="BC175" s="166">
        <v>0</v>
      </c>
      <c r="BD175" s="166">
        <v>0</v>
      </c>
      <c r="BE175" s="166">
        <v>0</v>
      </c>
      <c r="BF175" s="166">
        <v>0</v>
      </c>
      <c r="BG175" s="166">
        <v>0</v>
      </c>
      <c r="BH175" s="166">
        <v>0</v>
      </c>
      <c r="BI175" s="166">
        <v>0</v>
      </c>
      <c r="BJ175" s="166">
        <v>0</v>
      </c>
      <c r="BK175" s="166">
        <v>0</v>
      </c>
      <c r="BL175" s="166">
        <v>0</v>
      </c>
      <c r="BM175" s="166">
        <v>0</v>
      </c>
      <c r="BN175" s="166">
        <v>0</v>
      </c>
      <c r="BO175" s="166">
        <v>0</v>
      </c>
      <c r="BP175" s="166">
        <v>0</v>
      </c>
      <c r="BQ175" s="166">
        <v>0</v>
      </c>
      <c r="BR175" s="166">
        <v>8.6717924994786199E-13</v>
      </c>
      <c r="BS175" s="166">
        <v>8.6717924994786199E-13</v>
      </c>
      <c r="BT175" s="168">
        <v>0.92637230841245999</v>
      </c>
      <c r="BU175" s="166">
        <v>1.9724797663986E-13</v>
      </c>
      <c r="BV175" s="166">
        <v>8.0333084358158701E-13</v>
      </c>
      <c r="BW175" s="166">
        <v>0</v>
      </c>
      <c r="BX175" s="166">
        <v>0</v>
      </c>
      <c r="BY175" s="166">
        <v>0</v>
      </c>
      <c r="BZ175" s="166">
        <v>0</v>
      </c>
      <c r="CA175" s="166">
        <v>0</v>
      </c>
      <c r="CB175" s="166">
        <v>0</v>
      </c>
      <c r="CC175" s="166">
        <v>0</v>
      </c>
      <c r="CD175" s="166">
        <v>0</v>
      </c>
      <c r="CE175" s="166">
        <v>0</v>
      </c>
      <c r="CF175" s="166">
        <v>0</v>
      </c>
      <c r="CG175" s="166">
        <v>0</v>
      </c>
      <c r="CH175" s="166">
        <v>0</v>
      </c>
      <c r="CI175" s="166">
        <v>0</v>
      </c>
      <c r="CJ175" s="166">
        <v>0</v>
      </c>
      <c r="CK175" s="166">
        <v>0</v>
      </c>
      <c r="CL175" s="166">
        <v>0</v>
      </c>
      <c r="CM175" s="166">
        <v>0</v>
      </c>
      <c r="CN175" s="166">
        <v>0</v>
      </c>
      <c r="CO175" s="166">
        <v>0</v>
      </c>
      <c r="CP175" s="166">
        <v>0</v>
      </c>
      <c r="CQ175" s="166">
        <v>0</v>
      </c>
      <c r="CR175" s="166">
        <v>0</v>
      </c>
      <c r="CS175" s="166">
        <v>0</v>
      </c>
      <c r="CT175" s="166">
        <v>0</v>
      </c>
      <c r="CU175" s="166">
        <v>0</v>
      </c>
      <c r="CV175" s="166">
        <v>0</v>
      </c>
      <c r="CW175" s="166">
        <v>0</v>
      </c>
      <c r="CX175" s="166">
        <v>0</v>
      </c>
      <c r="CY175" s="166">
        <v>8.0333084358158701E-13</v>
      </c>
      <c r="CZ175" s="166">
        <v>8.0333084358158701E-13</v>
      </c>
    </row>
    <row r="176" spans="1:104" hidden="1" outlineLevel="1" x14ac:dyDescent="0.2">
      <c r="A176" s="167" t="s">
        <v>268</v>
      </c>
      <c r="B176" s="166">
        <v>9.4835760767058096E-13</v>
      </c>
      <c r="C176" s="166">
        <v>9.4835760767058096E-13</v>
      </c>
      <c r="D176" s="166">
        <v>0</v>
      </c>
      <c r="E176" s="166">
        <v>0</v>
      </c>
      <c r="F176" s="166">
        <v>0</v>
      </c>
      <c r="G176" s="166">
        <v>0</v>
      </c>
      <c r="H176" s="166">
        <v>0</v>
      </c>
      <c r="I176" s="166">
        <v>0</v>
      </c>
      <c r="J176" s="166">
        <v>0</v>
      </c>
      <c r="K176" s="166">
        <v>0</v>
      </c>
      <c r="L176" s="166">
        <v>0</v>
      </c>
      <c r="M176" s="166">
        <v>0</v>
      </c>
      <c r="N176" s="166">
        <v>0</v>
      </c>
      <c r="O176" s="166">
        <v>0</v>
      </c>
      <c r="P176" s="166">
        <v>0</v>
      </c>
      <c r="Q176" s="166">
        <v>0</v>
      </c>
      <c r="R176" s="166">
        <v>0</v>
      </c>
      <c r="S176" s="166">
        <v>0</v>
      </c>
      <c r="T176" s="166">
        <v>0</v>
      </c>
      <c r="U176" s="166">
        <v>0</v>
      </c>
      <c r="V176" s="166">
        <v>0</v>
      </c>
      <c r="W176" s="166">
        <v>0</v>
      </c>
      <c r="X176" s="166">
        <v>0</v>
      </c>
      <c r="Y176" s="166">
        <v>0</v>
      </c>
      <c r="Z176" s="166">
        <v>0</v>
      </c>
      <c r="AA176" s="166">
        <v>0</v>
      </c>
      <c r="AB176" s="166">
        <v>0</v>
      </c>
      <c r="AC176" s="166">
        <v>0</v>
      </c>
      <c r="AD176" s="166">
        <v>0</v>
      </c>
      <c r="AE176" s="166">
        <v>0</v>
      </c>
      <c r="AF176" s="166">
        <v>0</v>
      </c>
      <c r="AG176" s="166">
        <v>0</v>
      </c>
      <c r="AH176" s="166">
        <v>0</v>
      </c>
      <c r="AI176" s="166">
        <v>0</v>
      </c>
      <c r="AJ176" s="166">
        <v>0</v>
      </c>
      <c r="AK176" s="166">
        <v>0</v>
      </c>
      <c r="AL176" s="166">
        <v>0</v>
      </c>
      <c r="AM176" s="166">
        <v>0</v>
      </c>
      <c r="AN176" s="166">
        <v>0</v>
      </c>
      <c r="AO176" s="166">
        <v>0</v>
      </c>
      <c r="AP176" s="166">
        <v>0</v>
      </c>
      <c r="AQ176" s="166">
        <v>0</v>
      </c>
      <c r="AR176" s="166">
        <v>0</v>
      </c>
      <c r="AS176" s="166">
        <v>0</v>
      </c>
      <c r="AT176" s="166">
        <v>0</v>
      </c>
      <c r="AU176" s="166">
        <v>0</v>
      </c>
      <c r="AV176" s="166">
        <v>0</v>
      </c>
      <c r="AW176" s="166">
        <v>0</v>
      </c>
      <c r="AX176" s="166">
        <v>0</v>
      </c>
      <c r="AY176" s="166">
        <v>0</v>
      </c>
      <c r="AZ176" s="166">
        <v>0</v>
      </c>
      <c r="BA176" s="166">
        <v>0</v>
      </c>
      <c r="BB176" s="166">
        <v>0</v>
      </c>
      <c r="BC176" s="166">
        <v>0</v>
      </c>
      <c r="BD176" s="166">
        <v>0</v>
      </c>
      <c r="BE176" s="166">
        <v>0</v>
      </c>
      <c r="BF176" s="166">
        <v>0</v>
      </c>
      <c r="BG176" s="166">
        <v>0</v>
      </c>
      <c r="BH176" s="166">
        <v>0</v>
      </c>
      <c r="BI176" s="166">
        <v>0</v>
      </c>
      <c r="BJ176" s="166">
        <v>0</v>
      </c>
      <c r="BK176" s="166">
        <v>0</v>
      </c>
      <c r="BL176" s="166">
        <v>0</v>
      </c>
      <c r="BM176" s="166">
        <v>0</v>
      </c>
      <c r="BN176" s="166">
        <v>0</v>
      </c>
      <c r="BO176" s="166">
        <v>0</v>
      </c>
      <c r="BP176" s="166">
        <v>0</v>
      </c>
      <c r="BQ176" s="166">
        <v>0</v>
      </c>
      <c r="BR176" s="166">
        <v>9.4835760767058096E-13</v>
      </c>
      <c r="BS176" s="166">
        <v>9.4835760767058096E-13</v>
      </c>
      <c r="BT176" s="168">
        <v>0.95109934560116105</v>
      </c>
      <c r="BU176" s="166">
        <v>2.2289489879137399E-13</v>
      </c>
      <c r="BV176" s="166">
        <v>9.0198230005137302E-13</v>
      </c>
      <c r="BW176" s="166">
        <v>0</v>
      </c>
      <c r="BX176" s="166">
        <v>0</v>
      </c>
      <c r="BY176" s="166">
        <v>0</v>
      </c>
      <c r="BZ176" s="166">
        <v>0</v>
      </c>
      <c r="CA176" s="166">
        <v>0</v>
      </c>
      <c r="CB176" s="166">
        <v>0</v>
      </c>
      <c r="CC176" s="166">
        <v>0</v>
      </c>
      <c r="CD176" s="166">
        <v>0</v>
      </c>
      <c r="CE176" s="166">
        <v>0</v>
      </c>
      <c r="CF176" s="166">
        <v>0</v>
      </c>
      <c r="CG176" s="166">
        <v>0</v>
      </c>
      <c r="CH176" s="166">
        <v>0</v>
      </c>
      <c r="CI176" s="166">
        <v>0</v>
      </c>
      <c r="CJ176" s="166">
        <v>0</v>
      </c>
      <c r="CK176" s="166">
        <v>0</v>
      </c>
      <c r="CL176" s="166">
        <v>0</v>
      </c>
      <c r="CM176" s="166">
        <v>0</v>
      </c>
      <c r="CN176" s="166">
        <v>0</v>
      </c>
      <c r="CO176" s="166">
        <v>0</v>
      </c>
      <c r="CP176" s="166">
        <v>0</v>
      </c>
      <c r="CQ176" s="166">
        <v>0</v>
      </c>
      <c r="CR176" s="166">
        <v>0</v>
      </c>
      <c r="CS176" s="166">
        <v>0</v>
      </c>
      <c r="CT176" s="166">
        <v>0</v>
      </c>
      <c r="CU176" s="166">
        <v>0</v>
      </c>
      <c r="CV176" s="166">
        <v>0</v>
      </c>
      <c r="CW176" s="166">
        <v>0</v>
      </c>
      <c r="CX176" s="166">
        <v>0</v>
      </c>
      <c r="CY176" s="166">
        <v>9.0198230005137302E-13</v>
      </c>
      <c r="CZ176" s="166">
        <v>9.0198230005137302E-13</v>
      </c>
    </row>
    <row r="177" spans="1:104" hidden="1" outlineLevel="1" x14ac:dyDescent="0.2">
      <c r="A177" s="167" t="s">
        <v>269</v>
      </c>
      <c r="B177" s="166">
        <v>2.0206571736246801E-12</v>
      </c>
      <c r="C177" s="166">
        <v>2.0206571736246801E-12</v>
      </c>
      <c r="D177" s="166">
        <v>0</v>
      </c>
      <c r="E177" s="166">
        <v>0</v>
      </c>
      <c r="F177" s="166">
        <v>0</v>
      </c>
      <c r="G177" s="166">
        <v>0</v>
      </c>
      <c r="H177" s="166">
        <v>0</v>
      </c>
      <c r="I177" s="166">
        <v>0</v>
      </c>
      <c r="J177" s="166">
        <v>0</v>
      </c>
      <c r="K177" s="166">
        <v>0</v>
      </c>
      <c r="L177" s="166">
        <v>0</v>
      </c>
      <c r="M177" s="166">
        <v>0</v>
      </c>
      <c r="N177" s="166">
        <v>0</v>
      </c>
      <c r="O177" s="166">
        <v>0</v>
      </c>
      <c r="P177" s="166">
        <v>0</v>
      </c>
      <c r="Q177" s="166">
        <v>0</v>
      </c>
      <c r="R177" s="166">
        <v>0</v>
      </c>
      <c r="S177" s="166">
        <v>0</v>
      </c>
      <c r="T177" s="166">
        <v>0</v>
      </c>
      <c r="U177" s="166">
        <v>0</v>
      </c>
      <c r="V177" s="166">
        <v>0</v>
      </c>
      <c r="W177" s="166">
        <v>0</v>
      </c>
      <c r="X177" s="166">
        <v>0</v>
      </c>
      <c r="Y177" s="166">
        <v>0</v>
      </c>
      <c r="Z177" s="166">
        <v>0</v>
      </c>
      <c r="AA177" s="166">
        <v>0</v>
      </c>
      <c r="AB177" s="166">
        <v>0</v>
      </c>
      <c r="AC177" s="166">
        <v>0</v>
      </c>
      <c r="AD177" s="166">
        <v>0</v>
      </c>
      <c r="AE177" s="166">
        <v>0</v>
      </c>
      <c r="AF177" s="166">
        <v>0</v>
      </c>
      <c r="AG177" s="166">
        <v>0</v>
      </c>
      <c r="AH177" s="166">
        <v>0</v>
      </c>
      <c r="AI177" s="166">
        <v>0</v>
      </c>
      <c r="AJ177" s="166">
        <v>0</v>
      </c>
      <c r="AK177" s="166">
        <v>0</v>
      </c>
      <c r="AL177" s="166">
        <v>0</v>
      </c>
      <c r="AM177" s="166">
        <v>0</v>
      </c>
      <c r="AN177" s="166">
        <v>0</v>
      </c>
      <c r="AO177" s="166">
        <v>0</v>
      </c>
      <c r="AP177" s="166">
        <v>0</v>
      </c>
      <c r="AQ177" s="166">
        <v>0</v>
      </c>
      <c r="AR177" s="166">
        <v>0</v>
      </c>
      <c r="AS177" s="166">
        <v>0</v>
      </c>
      <c r="AT177" s="166">
        <v>0</v>
      </c>
      <c r="AU177" s="166">
        <v>0</v>
      </c>
      <c r="AV177" s="166">
        <v>0</v>
      </c>
      <c r="AW177" s="166">
        <v>0</v>
      </c>
      <c r="AX177" s="166">
        <v>0</v>
      </c>
      <c r="AY177" s="166">
        <v>0</v>
      </c>
      <c r="AZ177" s="166">
        <v>0</v>
      </c>
      <c r="BA177" s="166">
        <v>0</v>
      </c>
      <c r="BB177" s="166">
        <v>0</v>
      </c>
      <c r="BC177" s="166">
        <v>0</v>
      </c>
      <c r="BD177" s="166">
        <v>0</v>
      </c>
      <c r="BE177" s="166">
        <v>0</v>
      </c>
      <c r="BF177" s="166">
        <v>0</v>
      </c>
      <c r="BG177" s="166">
        <v>0</v>
      </c>
      <c r="BH177" s="166">
        <v>0</v>
      </c>
      <c r="BI177" s="166">
        <v>0</v>
      </c>
      <c r="BJ177" s="166">
        <v>0</v>
      </c>
      <c r="BK177" s="166">
        <v>0</v>
      </c>
      <c r="BL177" s="166">
        <v>0</v>
      </c>
      <c r="BM177" s="166">
        <v>0</v>
      </c>
      <c r="BN177" s="166">
        <v>0</v>
      </c>
      <c r="BO177" s="166">
        <v>0</v>
      </c>
      <c r="BP177" s="166">
        <v>0</v>
      </c>
      <c r="BQ177" s="166">
        <v>0</v>
      </c>
      <c r="BR177" s="166">
        <v>2.0206571736246801E-12</v>
      </c>
      <c r="BS177" s="166">
        <v>2.0206571736246801E-12</v>
      </c>
      <c r="BT177" s="168">
        <v>0.97403133392564201</v>
      </c>
      <c r="BU177" s="166">
        <v>5.4037505631056699E-13</v>
      </c>
      <c r="BV177" s="166">
        <v>1.9681834022320699E-12</v>
      </c>
      <c r="BW177" s="166">
        <v>0</v>
      </c>
      <c r="BX177" s="166">
        <v>0</v>
      </c>
      <c r="BY177" s="166">
        <v>0</v>
      </c>
      <c r="BZ177" s="166">
        <v>0</v>
      </c>
      <c r="CA177" s="166">
        <v>0</v>
      </c>
      <c r="CB177" s="166">
        <v>0</v>
      </c>
      <c r="CC177" s="166">
        <v>0</v>
      </c>
      <c r="CD177" s="166">
        <v>0</v>
      </c>
      <c r="CE177" s="166">
        <v>0</v>
      </c>
      <c r="CF177" s="166">
        <v>0</v>
      </c>
      <c r="CG177" s="166">
        <v>0</v>
      </c>
      <c r="CH177" s="166">
        <v>0</v>
      </c>
      <c r="CI177" s="166">
        <v>0</v>
      </c>
      <c r="CJ177" s="166">
        <v>0</v>
      </c>
      <c r="CK177" s="166">
        <v>0</v>
      </c>
      <c r="CL177" s="166">
        <v>0</v>
      </c>
      <c r="CM177" s="166">
        <v>0</v>
      </c>
      <c r="CN177" s="166">
        <v>0</v>
      </c>
      <c r="CO177" s="166">
        <v>0</v>
      </c>
      <c r="CP177" s="166">
        <v>0</v>
      </c>
      <c r="CQ177" s="166">
        <v>0</v>
      </c>
      <c r="CR177" s="166">
        <v>0</v>
      </c>
      <c r="CS177" s="166">
        <v>0</v>
      </c>
      <c r="CT177" s="166">
        <v>0</v>
      </c>
      <c r="CU177" s="166">
        <v>0</v>
      </c>
      <c r="CV177" s="166">
        <v>0</v>
      </c>
      <c r="CW177" s="166">
        <v>0</v>
      </c>
      <c r="CX177" s="166">
        <v>0</v>
      </c>
      <c r="CY177" s="166">
        <v>1.9681834022320699E-12</v>
      </c>
      <c r="CZ177" s="166">
        <v>1.9681834022320699E-12</v>
      </c>
    </row>
    <row r="178" spans="1:104" hidden="1" outlineLevel="1" x14ac:dyDescent="0.2">
      <c r="A178" s="167" t="s">
        <v>1104</v>
      </c>
      <c r="B178" s="166">
        <v>477354.68</v>
      </c>
      <c r="C178" s="166">
        <v>477354.68</v>
      </c>
      <c r="D178" s="166">
        <v>0</v>
      </c>
      <c r="E178" s="166">
        <v>0</v>
      </c>
      <c r="F178" s="166">
        <v>0</v>
      </c>
      <c r="G178" s="166">
        <v>0</v>
      </c>
      <c r="H178" s="166">
        <v>0</v>
      </c>
      <c r="I178" s="166">
        <v>0</v>
      </c>
      <c r="J178" s="166">
        <v>0</v>
      </c>
      <c r="K178" s="166">
        <v>0</v>
      </c>
      <c r="L178" s="166">
        <v>0</v>
      </c>
      <c r="M178" s="166">
        <v>0</v>
      </c>
      <c r="N178" s="166">
        <v>0</v>
      </c>
      <c r="O178" s="166">
        <v>0</v>
      </c>
      <c r="P178" s="166">
        <v>0</v>
      </c>
      <c r="Q178" s="166">
        <v>0</v>
      </c>
      <c r="R178" s="166">
        <v>0</v>
      </c>
      <c r="S178" s="166">
        <v>0</v>
      </c>
      <c r="T178" s="166">
        <v>0</v>
      </c>
      <c r="U178" s="166">
        <v>0</v>
      </c>
      <c r="V178" s="166">
        <v>0</v>
      </c>
      <c r="W178" s="166">
        <v>0</v>
      </c>
      <c r="X178" s="166">
        <v>0</v>
      </c>
      <c r="Y178" s="166">
        <v>0</v>
      </c>
      <c r="Z178" s="166">
        <v>0</v>
      </c>
      <c r="AA178" s="166">
        <v>0</v>
      </c>
      <c r="AB178" s="166">
        <v>0</v>
      </c>
      <c r="AC178" s="166">
        <v>0</v>
      </c>
      <c r="AD178" s="166">
        <v>0</v>
      </c>
      <c r="AE178" s="166">
        <v>0</v>
      </c>
      <c r="AF178" s="166">
        <v>0</v>
      </c>
      <c r="AG178" s="166">
        <v>0</v>
      </c>
      <c r="AH178" s="166">
        <v>0</v>
      </c>
      <c r="AI178" s="166">
        <v>0</v>
      </c>
      <c r="AJ178" s="166">
        <v>0</v>
      </c>
      <c r="AK178" s="166">
        <v>0</v>
      </c>
      <c r="AL178" s="166">
        <v>0</v>
      </c>
      <c r="AM178" s="166">
        <v>0</v>
      </c>
      <c r="AN178" s="166">
        <v>0</v>
      </c>
      <c r="AO178" s="166">
        <v>0</v>
      </c>
      <c r="AP178" s="166">
        <v>0</v>
      </c>
      <c r="AQ178" s="166">
        <v>0</v>
      </c>
      <c r="AR178" s="166">
        <v>0</v>
      </c>
      <c r="AS178" s="166">
        <v>0</v>
      </c>
      <c r="AT178" s="166">
        <v>0</v>
      </c>
      <c r="AU178" s="166">
        <v>0</v>
      </c>
      <c r="AV178" s="166">
        <v>0</v>
      </c>
      <c r="AW178" s="166">
        <v>0</v>
      </c>
      <c r="AX178" s="166">
        <v>0</v>
      </c>
      <c r="AY178" s="166">
        <v>0</v>
      </c>
      <c r="AZ178" s="166">
        <v>0</v>
      </c>
      <c r="BA178" s="166">
        <v>0</v>
      </c>
      <c r="BB178" s="166">
        <v>0</v>
      </c>
      <c r="BC178" s="166">
        <v>0</v>
      </c>
      <c r="BD178" s="166">
        <v>0</v>
      </c>
      <c r="BE178" s="166">
        <v>0</v>
      </c>
      <c r="BF178" s="166">
        <v>0</v>
      </c>
      <c r="BG178" s="166">
        <v>0</v>
      </c>
      <c r="BH178" s="166">
        <v>0</v>
      </c>
      <c r="BI178" s="166">
        <v>0</v>
      </c>
      <c r="BJ178" s="166">
        <v>0</v>
      </c>
      <c r="BK178" s="166">
        <v>0</v>
      </c>
      <c r="BL178" s="166">
        <v>0</v>
      </c>
      <c r="BM178" s="166">
        <v>0</v>
      </c>
      <c r="BN178" s="166">
        <v>0</v>
      </c>
      <c r="BO178" s="166">
        <v>0</v>
      </c>
      <c r="BP178" s="166">
        <v>0</v>
      </c>
      <c r="BQ178" s="166">
        <v>0</v>
      </c>
      <c r="BR178" s="166">
        <v>477354.68</v>
      </c>
      <c r="BS178" s="166">
        <v>477354.68</v>
      </c>
      <c r="BT178" s="168">
        <v>0.72041766170058497</v>
      </c>
      <c r="BU178" s="166">
        <v>20423.221150022498</v>
      </c>
      <c r="BV178" s="166">
        <v>343894.742367431</v>
      </c>
      <c r="BW178" s="166">
        <v>0</v>
      </c>
      <c r="BX178" s="166">
        <v>0</v>
      </c>
      <c r="BY178" s="166">
        <v>0</v>
      </c>
      <c r="BZ178" s="166">
        <v>0</v>
      </c>
      <c r="CA178" s="166">
        <v>0</v>
      </c>
      <c r="CB178" s="166">
        <v>0</v>
      </c>
      <c r="CC178" s="166">
        <v>0</v>
      </c>
      <c r="CD178" s="166">
        <v>0</v>
      </c>
      <c r="CE178" s="166">
        <v>0</v>
      </c>
      <c r="CF178" s="166">
        <v>0</v>
      </c>
      <c r="CG178" s="166">
        <v>0</v>
      </c>
      <c r="CH178" s="166">
        <v>0</v>
      </c>
      <c r="CI178" s="166">
        <v>0</v>
      </c>
      <c r="CJ178" s="166">
        <v>0</v>
      </c>
      <c r="CK178" s="166">
        <v>0</v>
      </c>
      <c r="CL178" s="166">
        <v>0</v>
      </c>
      <c r="CM178" s="166">
        <v>0</v>
      </c>
      <c r="CN178" s="166">
        <v>0</v>
      </c>
      <c r="CO178" s="166">
        <v>0</v>
      </c>
      <c r="CP178" s="166">
        <v>0</v>
      </c>
      <c r="CQ178" s="166">
        <v>0</v>
      </c>
      <c r="CR178" s="166">
        <v>0</v>
      </c>
      <c r="CS178" s="166">
        <v>0</v>
      </c>
      <c r="CT178" s="166">
        <v>0</v>
      </c>
      <c r="CU178" s="166">
        <v>0</v>
      </c>
      <c r="CV178" s="166">
        <v>0</v>
      </c>
      <c r="CW178" s="166">
        <v>0</v>
      </c>
      <c r="CX178" s="166">
        <v>0</v>
      </c>
      <c r="CY178" s="166">
        <v>343894.742367431</v>
      </c>
      <c r="CZ178" s="166">
        <v>343894.742367431</v>
      </c>
    </row>
    <row r="179" spans="1:104" hidden="1" outlineLevel="1" x14ac:dyDescent="0.2">
      <c r="A179" s="167" t="s">
        <v>271</v>
      </c>
      <c r="B179" s="166">
        <v>477354.68</v>
      </c>
      <c r="C179" s="166">
        <v>477354.68</v>
      </c>
      <c r="D179" s="166">
        <v>0</v>
      </c>
      <c r="E179" s="166">
        <v>0</v>
      </c>
      <c r="F179" s="166">
        <v>0</v>
      </c>
      <c r="G179" s="166">
        <v>0</v>
      </c>
      <c r="H179" s="166">
        <v>0</v>
      </c>
      <c r="I179" s="166">
        <v>0</v>
      </c>
      <c r="J179" s="166">
        <v>0</v>
      </c>
      <c r="K179" s="166">
        <v>0</v>
      </c>
      <c r="L179" s="166">
        <v>0</v>
      </c>
      <c r="M179" s="166">
        <v>0</v>
      </c>
      <c r="N179" s="166">
        <v>0</v>
      </c>
      <c r="O179" s="166">
        <v>0</v>
      </c>
      <c r="P179" s="166">
        <v>0</v>
      </c>
      <c r="Q179" s="166">
        <v>0</v>
      </c>
      <c r="R179" s="166">
        <v>0</v>
      </c>
      <c r="S179" s="166">
        <v>0</v>
      </c>
      <c r="T179" s="166">
        <v>0</v>
      </c>
      <c r="U179" s="166">
        <v>0</v>
      </c>
      <c r="V179" s="166">
        <v>0</v>
      </c>
      <c r="W179" s="166">
        <v>0</v>
      </c>
      <c r="X179" s="166">
        <v>0</v>
      </c>
      <c r="Y179" s="166">
        <v>0</v>
      </c>
      <c r="Z179" s="166">
        <v>0</v>
      </c>
      <c r="AA179" s="166">
        <v>0</v>
      </c>
      <c r="AB179" s="166">
        <v>0</v>
      </c>
      <c r="AC179" s="166">
        <v>0</v>
      </c>
      <c r="AD179" s="166">
        <v>0</v>
      </c>
      <c r="AE179" s="166">
        <v>0</v>
      </c>
      <c r="AF179" s="166">
        <v>0</v>
      </c>
      <c r="AG179" s="166">
        <v>0</v>
      </c>
      <c r="AH179" s="166">
        <v>0</v>
      </c>
      <c r="AI179" s="166">
        <v>0</v>
      </c>
      <c r="AJ179" s="166">
        <v>0</v>
      </c>
      <c r="AK179" s="166">
        <v>0</v>
      </c>
      <c r="AL179" s="166">
        <v>0</v>
      </c>
      <c r="AM179" s="166">
        <v>0</v>
      </c>
      <c r="AN179" s="166">
        <v>0</v>
      </c>
      <c r="AO179" s="166">
        <v>0</v>
      </c>
      <c r="AP179" s="166">
        <v>0</v>
      </c>
      <c r="AQ179" s="166">
        <v>0</v>
      </c>
      <c r="AR179" s="166">
        <v>0</v>
      </c>
      <c r="AS179" s="166">
        <v>0</v>
      </c>
      <c r="AT179" s="166">
        <v>0</v>
      </c>
      <c r="AU179" s="166">
        <v>0</v>
      </c>
      <c r="AV179" s="166">
        <v>0</v>
      </c>
      <c r="AW179" s="166">
        <v>0</v>
      </c>
      <c r="AX179" s="166">
        <v>0</v>
      </c>
      <c r="AY179" s="166">
        <v>0</v>
      </c>
      <c r="AZ179" s="166">
        <v>0</v>
      </c>
      <c r="BA179" s="166">
        <v>0</v>
      </c>
      <c r="BB179" s="166">
        <v>0</v>
      </c>
      <c r="BC179" s="166">
        <v>0</v>
      </c>
      <c r="BD179" s="166">
        <v>0</v>
      </c>
      <c r="BE179" s="166">
        <v>0</v>
      </c>
      <c r="BF179" s="166">
        <v>0</v>
      </c>
      <c r="BG179" s="166">
        <v>0</v>
      </c>
      <c r="BH179" s="166">
        <v>0</v>
      </c>
      <c r="BI179" s="166">
        <v>0</v>
      </c>
      <c r="BJ179" s="166">
        <v>0</v>
      </c>
      <c r="BK179" s="166">
        <v>0</v>
      </c>
      <c r="BL179" s="166">
        <v>0</v>
      </c>
      <c r="BM179" s="166">
        <v>0</v>
      </c>
      <c r="BN179" s="166">
        <v>0</v>
      </c>
      <c r="BO179" s="166">
        <v>0</v>
      </c>
      <c r="BP179" s="166">
        <v>0</v>
      </c>
      <c r="BQ179" s="166">
        <v>0</v>
      </c>
      <c r="BR179" s="166">
        <v>477354.68</v>
      </c>
      <c r="BS179" s="166">
        <v>477354.68</v>
      </c>
      <c r="BT179" s="168">
        <v>0</v>
      </c>
      <c r="BU179" s="166">
        <v>20423.221150022498</v>
      </c>
      <c r="BV179" s="166">
        <v>343894.742367431</v>
      </c>
      <c r="BW179" s="166">
        <v>0</v>
      </c>
      <c r="BX179" s="166">
        <v>0</v>
      </c>
      <c r="BY179" s="166">
        <v>0</v>
      </c>
      <c r="BZ179" s="166">
        <v>0</v>
      </c>
      <c r="CA179" s="166">
        <v>0</v>
      </c>
      <c r="CB179" s="166">
        <v>0</v>
      </c>
      <c r="CC179" s="166">
        <v>0</v>
      </c>
      <c r="CD179" s="166">
        <v>0</v>
      </c>
      <c r="CE179" s="166">
        <v>0</v>
      </c>
      <c r="CF179" s="166">
        <v>0</v>
      </c>
      <c r="CG179" s="166">
        <v>0</v>
      </c>
      <c r="CH179" s="166">
        <v>0</v>
      </c>
      <c r="CI179" s="166">
        <v>0</v>
      </c>
      <c r="CJ179" s="166">
        <v>0</v>
      </c>
      <c r="CK179" s="166">
        <v>0</v>
      </c>
      <c r="CL179" s="166">
        <v>0</v>
      </c>
      <c r="CM179" s="166">
        <v>0</v>
      </c>
      <c r="CN179" s="166">
        <v>0</v>
      </c>
      <c r="CO179" s="166">
        <v>0</v>
      </c>
      <c r="CP179" s="166">
        <v>0</v>
      </c>
      <c r="CQ179" s="166">
        <v>0</v>
      </c>
      <c r="CR179" s="166">
        <v>0</v>
      </c>
      <c r="CS179" s="166">
        <v>0</v>
      </c>
      <c r="CT179" s="166">
        <v>0</v>
      </c>
      <c r="CU179" s="166">
        <v>0</v>
      </c>
      <c r="CV179" s="166">
        <v>0</v>
      </c>
      <c r="CW179" s="166">
        <v>0</v>
      </c>
      <c r="CX179" s="166">
        <v>0</v>
      </c>
      <c r="CY179" s="166">
        <v>343894.742367431</v>
      </c>
      <c r="CZ179" s="166">
        <v>343894.742367431</v>
      </c>
    </row>
    <row r="180" spans="1:104" hidden="1" outlineLevel="1" x14ac:dyDescent="0.2">
      <c r="A180" s="167" t="s">
        <v>272</v>
      </c>
    </row>
    <row r="181" spans="1:104" hidden="1" outlineLevel="1" x14ac:dyDescent="0.2">
      <c r="A181" s="167" t="s">
        <v>1105</v>
      </c>
      <c r="B181" s="166">
        <v>-1677.7144966575499</v>
      </c>
      <c r="C181" s="166">
        <v>-1677.7144966575499</v>
      </c>
      <c r="D181" s="166">
        <v>0</v>
      </c>
      <c r="E181" s="166">
        <v>0</v>
      </c>
      <c r="F181" s="166">
        <v>0</v>
      </c>
      <c r="G181" s="166">
        <v>0</v>
      </c>
      <c r="H181" s="166">
        <v>0</v>
      </c>
      <c r="I181" s="166">
        <v>0</v>
      </c>
      <c r="J181" s="166">
        <v>0</v>
      </c>
      <c r="K181" s="166">
        <v>0</v>
      </c>
      <c r="L181" s="166">
        <v>0</v>
      </c>
      <c r="M181" s="166">
        <v>0</v>
      </c>
      <c r="N181" s="166">
        <v>0</v>
      </c>
      <c r="O181" s="166">
        <v>0</v>
      </c>
      <c r="P181" s="166">
        <v>0</v>
      </c>
      <c r="Q181" s="166">
        <v>0</v>
      </c>
      <c r="R181" s="166">
        <v>0</v>
      </c>
      <c r="S181" s="166">
        <v>0</v>
      </c>
      <c r="T181" s="166">
        <v>0</v>
      </c>
      <c r="U181" s="166">
        <v>0</v>
      </c>
      <c r="V181" s="166">
        <v>0</v>
      </c>
      <c r="W181" s="166">
        <v>0</v>
      </c>
      <c r="X181" s="166">
        <v>0</v>
      </c>
      <c r="Y181" s="166">
        <v>0</v>
      </c>
      <c r="Z181" s="166">
        <v>0</v>
      </c>
      <c r="AA181" s="166">
        <v>0</v>
      </c>
      <c r="AB181" s="166">
        <v>0</v>
      </c>
      <c r="AC181" s="166">
        <v>0</v>
      </c>
      <c r="AD181" s="166">
        <v>0</v>
      </c>
      <c r="AE181" s="166">
        <v>0</v>
      </c>
      <c r="AF181" s="166">
        <v>0</v>
      </c>
      <c r="AG181" s="166">
        <v>0</v>
      </c>
      <c r="AH181" s="166">
        <v>0</v>
      </c>
      <c r="AI181" s="166">
        <v>0</v>
      </c>
      <c r="AJ181" s="166">
        <v>0</v>
      </c>
      <c r="AK181" s="166">
        <v>0</v>
      </c>
      <c r="AL181" s="166">
        <v>0</v>
      </c>
      <c r="AM181" s="166">
        <v>0</v>
      </c>
      <c r="AN181" s="166">
        <v>0</v>
      </c>
      <c r="AO181" s="166">
        <v>0</v>
      </c>
      <c r="AP181" s="166">
        <v>0</v>
      </c>
      <c r="AQ181" s="166">
        <v>0</v>
      </c>
      <c r="AR181" s="166">
        <v>0</v>
      </c>
      <c r="AS181" s="166">
        <v>0</v>
      </c>
      <c r="AT181" s="166">
        <v>0</v>
      </c>
      <c r="AU181" s="166">
        <v>0</v>
      </c>
      <c r="AV181" s="166">
        <v>0</v>
      </c>
      <c r="AW181" s="166">
        <v>0</v>
      </c>
      <c r="AX181" s="166">
        <v>0</v>
      </c>
      <c r="AY181" s="166">
        <v>0</v>
      </c>
      <c r="AZ181" s="166">
        <v>0</v>
      </c>
      <c r="BA181" s="166">
        <v>0</v>
      </c>
      <c r="BB181" s="166">
        <v>0</v>
      </c>
      <c r="BC181" s="166">
        <v>0</v>
      </c>
      <c r="BD181" s="166">
        <v>0</v>
      </c>
      <c r="BE181" s="166">
        <v>0</v>
      </c>
      <c r="BF181" s="166">
        <v>0</v>
      </c>
      <c r="BG181" s="166">
        <v>0</v>
      </c>
      <c r="BH181" s="166">
        <v>0</v>
      </c>
      <c r="BI181" s="166">
        <v>0</v>
      </c>
      <c r="BJ181" s="166">
        <v>0</v>
      </c>
      <c r="BK181" s="166">
        <v>0</v>
      </c>
      <c r="BL181" s="166">
        <v>0</v>
      </c>
      <c r="BM181" s="166">
        <v>0</v>
      </c>
      <c r="BN181" s="166">
        <v>0</v>
      </c>
      <c r="BO181" s="166">
        <v>0</v>
      </c>
      <c r="BP181" s="166">
        <v>0</v>
      </c>
      <c r="BQ181" s="166">
        <v>0</v>
      </c>
      <c r="BR181" s="166">
        <v>-1677.7144966575499</v>
      </c>
      <c r="BS181" s="166">
        <v>-1677.7144966575499</v>
      </c>
      <c r="BT181" s="168">
        <v>0.97402999999999995</v>
      </c>
      <c r="BU181" s="166">
        <v>0</v>
      </c>
      <c r="BV181" s="166">
        <v>-1634.14425117935</v>
      </c>
      <c r="BW181" s="166">
        <v>0</v>
      </c>
      <c r="BX181" s="166">
        <v>0</v>
      </c>
      <c r="BY181" s="166">
        <v>0</v>
      </c>
      <c r="BZ181" s="166">
        <v>0</v>
      </c>
      <c r="CA181" s="166">
        <v>0</v>
      </c>
      <c r="CB181" s="166">
        <v>0</v>
      </c>
      <c r="CC181" s="166">
        <v>0</v>
      </c>
      <c r="CD181" s="166">
        <v>0</v>
      </c>
      <c r="CE181" s="166">
        <v>0</v>
      </c>
      <c r="CF181" s="166">
        <v>0</v>
      </c>
      <c r="CG181" s="166">
        <v>0</v>
      </c>
      <c r="CH181" s="166">
        <v>0</v>
      </c>
      <c r="CI181" s="166">
        <v>0</v>
      </c>
      <c r="CJ181" s="166">
        <v>0</v>
      </c>
      <c r="CK181" s="166">
        <v>0</v>
      </c>
      <c r="CL181" s="166">
        <v>0</v>
      </c>
      <c r="CM181" s="166">
        <v>0</v>
      </c>
      <c r="CN181" s="166">
        <v>0</v>
      </c>
      <c r="CO181" s="166">
        <v>0</v>
      </c>
      <c r="CP181" s="166">
        <v>0</v>
      </c>
      <c r="CQ181" s="166">
        <v>0</v>
      </c>
      <c r="CR181" s="166">
        <v>0</v>
      </c>
      <c r="CS181" s="166">
        <v>0</v>
      </c>
      <c r="CT181" s="166">
        <v>0</v>
      </c>
      <c r="CU181" s="166">
        <v>0</v>
      </c>
      <c r="CV181" s="166">
        <v>0</v>
      </c>
      <c r="CW181" s="166">
        <v>0</v>
      </c>
      <c r="CX181" s="166">
        <v>0</v>
      </c>
      <c r="CY181" s="166">
        <v>-1634.14425117935</v>
      </c>
      <c r="CZ181" s="166">
        <v>-1634.14425117935</v>
      </c>
    </row>
    <row r="182" spans="1:104" hidden="1" outlineLevel="1" x14ac:dyDescent="0.2">
      <c r="A182" s="167" t="s">
        <v>1106</v>
      </c>
      <c r="B182" s="166">
        <v>-53.043642312370601</v>
      </c>
      <c r="C182" s="166">
        <v>-53.043642312370601</v>
      </c>
      <c r="D182" s="166">
        <v>0</v>
      </c>
      <c r="E182" s="166">
        <v>0</v>
      </c>
      <c r="F182" s="166">
        <v>0</v>
      </c>
      <c r="G182" s="166">
        <v>0</v>
      </c>
      <c r="H182" s="166">
        <v>0</v>
      </c>
      <c r="I182" s="166">
        <v>0</v>
      </c>
      <c r="J182" s="166">
        <v>0</v>
      </c>
      <c r="K182" s="166">
        <v>0</v>
      </c>
      <c r="L182" s="166">
        <v>0</v>
      </c>
      <c r="M182" s="166">
        <v>0</v>
      </c>
      <c r="N182" s="166">
        <v>0</v>
      </c>
      <c r="O182" s="166">
        <v>0</v>
      </c>
      <c r="P182" s="166">
        <v>0</v>
      </c>
      <c r="Q182" s="166">
        <v>0</v>
      </c>
      <c r="R182" s="166">
        <v>0</v>
      </c>
      <c r="S182" s="166">
        <v>0</v>
      </c>
      <c r="T182" s="166">
        <v>0</v>
      </c>
      <c r="U182" s="166">
        <v>0</v>
      </c>
      <c r="V182" s="166">
        <v>0</v>
      </c>
      <c r="W182" s="166">
        <v>0</v>
      </c>
      <c r="X182" s="166">
        <v>0</v>
      </c>
      <c r="Y182" s="166">
        <v>0</v>
      </c>
      <c r="Z182" s="166">
        <v>0</v>
      </c>
      <c r="AA182" s="166">
        <v>0</v>
      </c>
      <c r="AB182" s="166">
        <v>0</v>
      </c>
      <c r="AC182" s="166">
        <v>0</v>
      </c>
      <c r="AD182" s="166">
        <v>0</v>
      </c>
      <c r="AE182" s="166">
        <v>0</v>
      </c>
      <c r="AF182" s="166">
        <v>0</v>
      </c>
      <c r="AG182" s="166">
        <v>0</v>
      </c>
      <c r="AH182" s="166">
        <v>0</v>
      </c>
      <c r="AI182" s="166">
        <v>0</v>
      </c>
      <c r="AJ182" s="166">
        <v>0</v>
      </c>
      <c r="AK182" s="166">
        <v>0</v>
      </c>
      <c r="AL182" s="166">
        <v>0</v>
      </c>
      <c r="AM182" s="166">
        <v>0</v>
      </c>
      <c r="AN182" s="166">
        <v>0</v>
      </c>
      <c r="AO182" s="166">
        <v>0</v>
      </c>
      <c r="AP182" s="166">
        <v>0</v>
      </c>
      <c r="AQ182" s="166">
        <v>0</v>
      </c>
      <c r="AR182" s="166">
        <v>0</v>
      </c>
      <c r="AS182" s="166">
        <v>0</v>
      </c>
      <c r="AT182" s="166">
        <v>0</v>
      </c>
      <c r="AU182" s="166">
        <v>0</v>
      </c>
      <c r="AV182" s="166">
        <v>0</v>
      </c>
      <c r="AW182" s="166">
        <v>0</v>
      </c>
      <c r="AX182" s="166">
        <v>0</v>
      </c>
      <c r="AY182" s="166">
        <v>0</v>
      </c>
      <c r="AZ182" s="166">
        <v>0</v>
      </c>
      <c r="BA182" s="166">
        <v>0</v>
      </c>
      <c r="BB182" s="166">
        <v>0</v>
      </c>
      <c r="BC182" s="166">
        <v>0</v>
      </c>
      <c r="BD182" s="166">
        <v>0</v>
      </c>
      <c r="BE182" s="166">
        <v>0</v>
      </c>
      <c r="BF182" s="166">
        <v>0</v>
      </c>
      <c r="BG182" s="166">
        <v>0</v>
      </c>
      <c r="BH182" s="166">
        <v>0</v>
      </c>
      <c r="BI182" s="166">
        <v>0</v>
      </c>
      <c r="BJ182" s="166">
        <v>0</v>
      </c>
      <c r="BK182" s="166">
        <v>0</v>
      </c>
      <c r="BL182" s="166">
        <v>0</v>
      </c>
      <c r="BM182" s="166">
        <v>0</v>
      </c>
      <c r="BN182" s="166">
        <v>0</v>
      </c>
      <c r="BO182" s="166">
        <v>0</v>
      </c>
      <c r="BP182" s="166">
        <v>0</v>
      </c>
      <c r="BQ182" s="166">
        <v>0</v>
      </c>
      <c r="BR182" s="166">
        <v>-53.043642312370601</v>
      </c>
      <c r="BS182" s="166">
        <v>-53.043642312370601</v>
      </c>
      <c r="BT182" s="168">
        <v>0.92637230841245999</v>
      </c>
      <c r="BU182" s="166">
        <v>0</v>
      </c>
      <c r="BV182" s="166">
        <v>-49.138161375515701</v>
      </c>
      <c r="BW182" s="166">
        <v>0</v>
      </c>
      <c r="BX182" s="166">
        <v>0</v>
      </c>
      <c r="BY182" s="166">
        <v>0</v>
      </c>
      <c r="BZ182" s="166">
        <v>0</v>
      </c>
      <c r="CA182" s="166">
        <v>0</v>
      </c>
      <c r="CB182" s="166">
        <v>0</v>
      </c>
      <c r="CC182" s="166">
        <v>0</v>
      </c>
      <c r="CD182" s="166">
        <v>0</v>
      </c>
      <c r="CE182" s="166">
        <v>0</v>
      </c>
      <c r="CF182" s="166">
        <v>0</v>
      </c>
      <c r="CG182" s="166">
        <v>0</v>
      </c>
      <c r="CH182" s="166">
        <v>0</v>
      </c>
      <c r="CI182" s="166">
        <v>0</v>
      </c>
      <c r="CJ182" s="166">
        <v>0</v>
      </c>
      <c r="CK182" s="166">
        <v>0</v>
      </c>
      <c r="CL182" s="166">
        <v>0</v>
      </c>
      <c r="CM182" s="166">
        <v>0</v>
      </c>
      <c r="CN182" s="166">
        <v>0</v>
      </c>
      <c r="CO182" s="166">
        <v>0</v>
      </c>
      <c r="CP182" s="166">
        <v>0</v>
      </c>
      <c r="CQ182" s="166">
        <v>0</v>
      </c>
      <c r="CR182" s="166">
        <v>0</v>
      </c>
      <c r="CS182" s="166">
        <v>0</v>
      </c>
      <c r="CT182" s="166">
        <v>0</v>
      </c>
      <c r="CU182" s="166">
        <v>0</v>
      </c>
      <c r="CV182" s="166">
        <v>0</v>
      </c>
      <c r="CW182" s="166">
        <v>0</v>
      </c>
      <c r="CX182" s="166">
        <v>0</v>
      </c>
      <c r="CY182" s="166">
        <v>-49.138161375515701</v>
      </c>
      <c r="CZ182" s="166">
        <v>-49.138161375515701</v>
      </c>
    </row>
    <row r="183" spans="1:104" hidden="1" outlineLevel="1" x14ac:dyDescent="0.2">
      <c r="A183" s="167" t="s">
        <v>275</v>
      </c>
      <c r="B183" s="166">
        <v>-382.64768227820701</v>
      </c>
      <c r="C183" s="166">
        <v>-382.64768227820701</v>
      </c>
      <c r="D183" s="166">
        <v>0</v>
      </c>
      <c r="E183" s="166">
        <v>0</v>
      </c>
      <c r="F183" s="166">
        <v>0</v>
      </c>
      <c r="G183" s="166">
        <v>0</v>
      </c>
      <c r="H183" s="166">
        <v>0</v>
      </c>
      <c r="I183" s="166">
        <v>0</v>
      </c>
      <c r="J183" s="166">
        <v>0</v>
      </c>
      <c r="K183" s="166">
        <v>0</v>
      </c>
      <c r="L183" s="166">
        <v>0</v>
      </c>
      <c r="M183" s="166">
        <v>0</v>
      </c>
      <c r="N183" s="166">
        <v>0</v>
      </c>
      <c r="O183" s="166">
        <v>0</v>
      </c>
      <c r="P183" s="166">
        <v>0</v>
      </c>
      <c r="Q183" s="166">
        <v>0</v>
      </c>
      <c r="R183" s="166">
        <v>0</v>
      </c>
      <c r="S183" s="166">
        <v>0</v>
      </c>
      <c r="T183" s="166">
        <v>0</v>
      </c>
      <c r="U183" s="166">
        <v>0</v>
      </c>
      <c r="V183" s="166">
        <v>0</v>
      </c>
      <c r="W183" s="166">
        <v>0</v>
      </c>
      <c r="X183" s="166">
        <v>0</v>
      </c>
      <c r="Y183" s="166">
        <v>0</v>
      </c>
      <c r="Z183" s="166">
        <v>0</v>
      </c>
      <c r="AA183" s="166">
        <v>0</v>
      </c>
      <c r="AB183" s="166">
        <v>0</v>
      </c>
      <c r="AC183" s="166">
        <v>0</v>
      </c>
      <c r="AD183" s="166">
        <v>0</v>
      </c>
      <c r="AE183" s="166">
        <v>0</v>
      </c>
      <c r="AF183" s="166">
        <v>0</v>
      </c>
      <c r="AG183" s="166">
        <v>0</v>
      </c>
      <c r="AH183" s="166">
        <v>0</v>
      </c>
      <c r="AI183" s="166">
        <v>0</v>
      </c>
      <c r="AJ183" s="166">
        <v>0</v>
      </c>
      <c r="AK183" s="166">
        <v>0</v>
      </c>
      <c r="AL183" s="166">
        <v>0</v>
      </c>
      <c r="AM183" s="166">
        <v>0</v>
      </c>
      <c r="AN183" s="166">
        <v>0</v>
      </c>
      <c r="AO183" s="166">
        <v>0</v>
      </c>
      <c r="AP183" s="166">
        <v>0</v>
      </c>
      <c r="AQ183" s="166">
        <v>0</v>
      </c>
      <c r="AR183" s="166">
        <v>0</v>
      </c>
      <c r="AS183" s="166">
        <v>0</v>
      </c>
      <c r="AT183" s="166">
        <v>0</v>
      </c>
      <c r="AU183" s="166">
        <v>0</v>
      </c>
      <c r="AV183" s="166">
        <v>0</v>
      </c>
      <c r="AW183" s="166">
        <v>0</v>
      </c>
      <c r="AX183" s="166">
        <v>0</v>
      </c>
      <c r="AY183" s="166">
        <v>0</v>
      </c>
      <c r="AZ183" s="166">
        <v>0</v>
      </c>
      <c r="BA183" s="166">
        <v>0</v>
      </c>
      <c r="BB183" s="166">
        <v>0</v>
      </c>
      <c r="BC183" s="166">
        <v>0</v>
      </c>
      <c r="BD183" s="166">
        <v>0</v>
      </c>
      <c r="BE183" s="166">
        <v>0</v>
      </c>
      <c r="BF183" s="166">
        <v>0</v>
      </c>
      <c r="BG183" s="166">
        <v>0</v>
      </c>
      <c r="BH183" s="166">
        <v>0</v>
      </c>
      <c r="BI183" s="166">
        <v>0</v>
      </c>
      <c r="BJ183" s="166">
        <v>0</v>
      </c>
      <c r="BK183" s="166">
        <v>0</v>
      </c>
      <c r="BL183" s="166">
        <v>0</v>
      </c>
      <c r="BM183" s="166">
        <v>0</v>
      </c>
      <c r="BN183" s="166">
        <v>0</v>
      </c>
      <c r="BO183" s="166">
        <v>0</v>
      </c>
      <c r="BP183" s="166">
        <v>0</v>
      </c>
      <c r="BQ183" s="166">
        <v>0</v>
      </c>
      <c r="BR183" s="166">
        <v>-382.64768227820701</v>
      </c>
      <c r="BS183" s="166">
        <v>-382.64768227820701</v>
      </c>
      <c r="BT183" s="168">
        <v>0.95109934560116105</v>
      </c>
      <c r="BU183" s="166">
        <v>0</v>
      </c>
      <c r="BV183" s="166">
        <v>-363.93596021060398</v>
      </c>
      <c r="BW183" s="166">
        <v>0</v>
      </c>
      <c r="BX183" s="166">
        <v>0</v>
      </c>
      <c r="BY183" s="166">
        <v>0</v>
      </c>
      <c r="BZ183" s="166">
        <v>0</v>
      </c>
      <c r="CA183" s="166">
        <v>0</v>
      </c>
      <c r="CB183" s="166">
        <v>0</v>
      </c>
      <c r="CC183" s="166">
        <v>0</v>
      </c>
      <c r="CD183" s="166">
        <v>0</v>
      </c>
      <c r="CE183" s="166">
        <v>0</v>
      </c>
      <c r="CF183" s="166">
        <v>0</v>
      </c>
      <c r="CG183" s="166">
        <v>0</v>
      </c>
      <c r="CH183" s="166">
        <v>0</v>
      </c>
      <c r="CI183" s="166">
        <v>0</v>
      </c>
      <c r="CJ183" s="166">
        <v>0</v>
      </c>
      <c r="CK183" s="166">
        <v>0</v>
      </c>
      <c r="CL183" s="166">
        <v>0</v>
      </c>
      <c r="CM183" s="166">
        <v>0</v>
      </c>
      <c r="CN183" s="166">
        <v>0</v>
      </c>
      <c r="CO183" s="166">
        <v>0</v>
      </c>
      <c r="CP183" s="166">
        <v>0</v>
      </c>
      <c r="CQ183" s="166">
        <v>0</v>
      </c>
      <c r="CR183" s="166">
        <v>0</v>
      </c>
      <c r="CS183" s="166">
        <v>0</v>
      </c>
      <c r="CT183" s="166">
        <v>0</v>
      </c>
      <c r="CU183" s="166">
        <v>0</v>
      </c>
      <c r="CV183" s="166">
        <v>0</v>
      </c>
      <c r="CW183" s="166">
        <v>0</v>
      </c>
      <c r="CX183" s="166">
        <v>0</v>
      </c>
      <c r="CY183" s="166">
        <v>-363.93596021060398</v>
      </c>
      <c r="CZ183" s="166">
        <v>-363.93596021060398</v>
      </c>
    </row>
    <row r="184" spans="1:104" hidden="1" outlineLevel="1" x14ac:dyDescent="0.2">
      <c r="A184" s="167" t="s">
        <v>276</v>
      </c>
      <c r="B184" s="166">
        <v>-1224.0685206790899</v>
      </c>
      <c r="C184" s="166">
        <v>-1224.0685206790899</v>
      </c>
      <c r="D184" s="166">
        <v>0</v>
      </c>
      <c r="E184" s="166">
        <v>0</v>
      </c>
      <c r="F184" s="166">
        <v>0</v>
      </c>
      <c r="G184" s="166">
        <v>0</v>
      </c>
      <c r="H184" s="166">
        <v>0</v>
      </c>
      <c r="I184" s="166">
        <v>0</v>
      </c>
      <c r="J184" s="166">
        <v>0</v>
      </c>
      <c r="K184" s="166">
        <v>0</v>
      </c>
      <c r="L184" s="166">
        <v>0</v>
      </c>
      <c r="M184" s="166">
        <v>0</v>
      </c>
      <c r="N184" s="166">
        <v>0</v>
      </c>
      <c r="O184" s="166">
        <v>0</v>
      </c>
      <c r="P184" s="166">
        <v>0</v>
      </c>
      <c r="Q184" s="166">
        <v>0</v>
      </c>
      <c r="R184" s="166">
        <v>0</v>
      </c>
      <c r="S184" s="166">
        <v>0</v>
      </c>
      <c r="T184" s="166">
        <v>0</v>
      </c>
      <c r="U184" s="166">
        <v>0</v>
      </c>
      <c r="V184" s="166">
        <v>0</v>
      </c>
      <c r="W184" s="166">
        <v>0</v>
      </c>
      <c r="X184" s="166">
        <v>0</v>
      </c>
      <c r="Y184" s="166">
        <v>0</v>
      </c>
      <c r="Z184" s="166">
        <v>0</v>
      </c>
      <c r="AA184" s="166">
        <v>0</v>
      </c>
      <c r="AB184" s="166">
        <v>0</v>
      </c>
      <c r="AC184" s="166">
        <v>0</v>
      </c>
      <c r="AD184" s="166">
        <v>0</v>
      </c>
      <c r="AE184" s="166">
        <v>0</v>
      </c>
      <c r="AF184" s="166">
        <v>0</v>
      </c>
      <c r="AG184" s="166">
        <v>0</v>
      </c>
      <c r="AH184" s="166">
        <v>0</v>
      </c>
      <c r="AI184" s="166">
        <v>0</v>
      </c>
      <c r="AJ184" s="166">
        <v>0</v>
      </c>
      <c r="AK184" s="166">
        <v>0</v>
      </c>
      <c r="AL184" s="166">
        <v>0</v>
      </c>
      <c r="AM184" s="166">
        <v>0</v>
      </c>
      <c r="AN184" s="166">
        <v>0</v>
      </c>
      <c r="AO184" s="166">
        <v>0</v>
      </c>
      <c r="AP184" s="166">
        <v>0</v>
      </c>
      <c r="AQ184" s="166">
        <v>0</v>
      </c>
      <c r="AR184" s="166">
        <v>0</v>
      </c>
      <c r="AS184" s="166">
        <v>0</v>
      </c>
      <c r="AT184" s="166">
        <v>0</v>
      </c>
      <c r="AU184" s="166">
        <v>0</v>
      </c>
      <c r="AV184" s="166">
        <v>0</v>
      </c>
      <c r="AW184" s="166">
        <v>0</v>
      </c>
      <c r="AX184" s="166">
        <v>0</v>
      </c>
      <c r="AY184" s="166">
        <v>0</v>
      </c>
      <c r="AZ184" s="166">
        <v>0</v>
      </c>
      <c r="BA184" s="166">
        <v>0</v>
      </c>
      <c r="BB184" s="166">
        <v>0</v>
      </c>
      <c r="BC184" s="166">
        <v>0</v>
      </c>
      <c r="BD184" s="166">
        <v>0</v>
      </c>
      <c r="BE184" s="166">
        <v>0</v>
      </c>
      <c r="BF184" s="166">
        <v>0</v>
      </c>
      <c r="BG184" s="166">
        <v>0</v>
      </c>
      <c r="BH184" s="166">
        <v>0</v>
      </c>
      <c r="BI184" s="166">
        <v>0</v>
      </c>
      <c r="BJ184" s="166">
        <v>0</v>
      </c>
      <c r="BK184" s="166">
        <v>0</v>
      </c>
      <c r="BL184" s="166">
        <v>0</v>
      </c>
      <c r="BM184" s="166">
        <v>0</v>
      </c>
      <c r="BN184" s="166">
        <v>0</v>
      </c>
      <c r="BO184" s="166">
        <v>0</v>
      </c>
      <c r="BP184" s="166">
        <v>0</v>
      </c>
      <c r="BQ184" s="166">
        <v>0</v>
      </c>
      <c r="BR184" s="166">
        <v>-1224.0685206790899</v>
      </c>
      <c r="BS184" s="166">
        <v>-1224.0685206790899</v>
      </c>
      <c r="BT184" s="168">
        <v>0.97403133392564201</v>
      </c>
      <c r="BU184" s="166">
        <v>0</v>
      </c>
      <c r="BV184" s="166">
        <v>-1192.28109401344</v>
      </c>
      <c r="BW184" s="166">
        <v>0</v>
      </c>
      <c r="BX184" s="166">
        <v>0</v>
      </c>
      <c r="BY184" s="166">
        <v>0</v>
      </c>
      <c r="BZ184" s="166">
        <v>0</v>
      </c>
      <c r="CA184" s="166">
        <v>0</v>
      </c>
      <c r="CB184" s="166">
        <v>0</v>
      </c>
      <c r="CC184" s="166">
        <v>0</v>
      </c>
      <c r="CD184" s="166">
        <v>0</v>
      </c>
      <c r="CE184" s="166">
        <v>0</v>
      </c>
      <c r="CF184" s="166">
        <v>0</v>
      </c>
      <c r="CG184" s="166">
        <v>0</v>
      </c>
      <c r="CH184" s="166">
        <v>0</v>
      </c>
      <c r="CI184" s="166">
        <v>0</v>
      </c>
      <c r="CJ184" s="166">
        <v>0</v>
      </c>
      <c r="CK184" s="166">
        <v>0</v>
      </c>
      <c r="CL184" s="166">
        <v>0</v>
      </c>
      <c r="CM184" s="166">
        <v>0</v>
      </c>
      <c r="CN184" s="166">
        <v>0</v>
      </c>
      <c r="CO184" s="166">
        <v>0</v>
      </c>
      <c r="CP184" s="166">
        <v>0</v>
      </c>
      <c r="CQ184" s="166">
        <v>0</v>
      </c>
      <c r="CR184" s="166">
        <v>0</v>
      </c>
      <c r="CS184" s="166">
        <v>0</v>
      </c>
      <c r="CT184" s="166">
        <v>0</v>
      </c>
      <c r="CU184" s="166">
        <v>0</v>
      </c>
      <c r="CV184" s="166">
        <v>0</v>
      </c>
      <c r="CW184" s="166">
        <v>0</v>
      </c>
      <c r="CX184" s="166">
        <v>0</v>
      </c>
      <c r="CY184" s="166">
        <v>-1192.28109401344</v>
      </c>
      <c r="CZ184" s="166">
        <v>-1192.28109401344</v>
      </c>
    </row>
    <row r="185" spans="1:104" hidden="1" outlineLevel="1" x14ac:dyDescent="0.2">
      <c r="A185" s="167" t="s">
        <v>1107</v>
      </c>
      <c r="B185" s="166">
        <v>-109864.861996741</v>
      </c>
      <c r="C185" s="166">
        <v>-109864.861996741</v>
      </c>
      <c r="D185" s="166">
        <v>0</v>
      </c>
      <c r="E185" s="166">
        <v>0</v>
      </c>
      <c r="F185" s="166">
        <v>0</v>
      </c>
      <c r="G185" s="166">
        <v>0</v>
      </c>
      <c r="H185" s="166">
        <v>0</v>
      </c>
      <c r="I185" s="166">
        <v>0</v>
      </c>
      <c r="J185" s="166">
        <v>0</v>
      </c>
      <c r="K185" s="166">
        <v>0</v>
      </c>
      <c r="L185" s="166">
        <v>0</v>
      </c>
      <c r="M185" s="166">
        <v>0</v>
      </c>
      <c r="N185" s="166">
        <v>0</v>
      </c>
      <c r="O185" s="166">
        <v>0</v>
      </c>
      <c r="P185" s="166">
        <v>0</v>
      </c>
      <c r="Q185" s="166">
        <v>0</v>
      </c>
      <c r="R185" s="166">
        <v>0</v>
      </c>
      <c r="S185" s="166">
        <v>0</v>
      </c>
      <c r="T185" s="166">
        <v>0</v>
      </c>
      <c r="U185" s="166">
        <v>0</v>
      </c>
      <c r="V185" s="166">
        <v>0</v>
      </c>
      <c r="W185" s="166">
        <v>0</v>
      </c>
      <c r="X185" s="166">
        <v>0</v>
      </c>
      <c r="Y185" s="166">
        <v>0</v>
      </c>
      <c r="Z185" s="166">
        <v>0</v>
      </c>
      <c r="AA185" s="166">
        <v>0</v>
      </c>
      <c r="AB185" s="166">
        <v>0</v>
      </c>
      <c r="AC185" s="166">
        <v>0</v>
      </c>
      <c r="AD185" s="166">
        <v>0</v>
      </c>
      <c r="AE185" s="166">
        <v>0</v>
      </c>
      <c r="AF185" s="166">
        <v>0</v>
      </c>
      <c r="AG185" s="166">
        <v>0</v>
      </c>
      <c r="AH185" s="166">
        <v>0</v>
      </c>
      <c r="AI185" s="166">
        <v>0</v>
      </c>
      <c r="AJ185" s="166">
        <v>0</v>
      </c>
      <c r="AK185" s="166">
        <v>0</v>
      </c>
      <c r="AL185" s="166">
        <v>0</v>
      </c>
      <c r="AM185" s="166">
        <v>0</v>
      </c>
      <c r="AN185" s="166">
        <v>0</v>
      </c>
      <c r="AO185" s="166">
        <v>0</v>
      </c>
      <c r="AP185" s="166">
        <v>0</v>
      </c>
      <c r="AQ185" s="166">
        <v>0</v>
      </c>
      <c r="AR185" s="166">
        <v>0</v>
      </c>
      <c r="AS185" s="166">
        <v>0</v>
      </c>
      <c r="AT185" s="166">
        <v>0</v>
      </c>
      <c r="AU185" s="166">
        <v>0</v>
      </c>
      <c r="AV185" s="166">
        <v>0</v>
      </c>
      <c r="AW185" s="166">
        <v>0</v>
      </c>
      <c r="AX185" s="166">
        <v>0</v>
      </c>
      <c r="AY185" s="166">
        <v>0</v>
      </c>
      <c r="AZ185" s="166">
        <v>0</v>
      </c>
      <c r="BA185" s="166">
        <v>0</v>
      </c>
      <c r="BB185" s="166">
        <v>0</v>
      </c>
      <c r="BC185" s="166">
        <v>0</v>
      </c>
      <c r="BD185" s="166">
        <v>0</v>
      </c>
      <c r="BE185" s="166">
        <v>0</v>
      </c>
      <c r="BF185" s="166">
        <v>0</v>
      </c>
      <c r="BG185" s="166">
        <v>0</v>
      </c>
      <c r="BH185" s="166">
        <v>0</v>
      </c>
      <c r="BI185" s="166">
        <v>0</v>
      </c>
      <c r="BJ185" s="166">
        <v>0</v>
      </c>
      <c r="BK185" s="166">
        <v>0</v>
      </c>
      <c r="BL185" s="166">
        <v>0</v>
      </c>
      <c r="BM185" s="166">
        <v>0</v>
      </c>
      <c r="BN185" s="166">
        <v>0</v>
      </c>
      <c r="BO185" s="166">
        <v>0</v>
      </c>
      <c r="BP185" s="166">
        <v>0</v>
      </c>
      <c r="BQ185" s="166">
        <v>0</v>
      </c>
      <c r="BR185" s="166">
        <v>-109864.861996741</v>
      </c>
      <c r="BS185" s="166">
        <v>-109864.861996741</v>
      </c>
      <c r="BT185" s="168">
        <v>0.72041766170058497</v>
      </c>
      <c r="BU185" s="166">
        <v>0</v>
      </c>
      <c r="BV185" s="166">
        <v>-79148.586982749999</v>
      </c>
      <c r="BW185" s="166">
        <v>0</v>
      </c>
      <c r="BX185" s="166">
        <v>0</v>
      </c>
      <c r="BY185" s="166">
        <v>0</v>
      </c>
      <c r="BZ185" s="166">
        <v>0</v>
      </c>
      <c r="CA185" s="166">
        <v>0</v>
      </c>
      <c r="CB185" s="166">
        <v>0</v>
      </c>
      <c r="CC185" s="166">
        <v>0</v>
      </c>
      <c r="CD185" s="166">
        <v>0</v>
      </c>
      <c r="CE185" s="166">
        <v>0</v>
      </c>
      <c r="CF185" s="166">
        <v>0</v>
      </c>
      <c r="CG185" s="166">
        <v>0</v>
      </c>
      <c r="CH185" s="166">
        <v>0</v>
      </c>
      <c r="CI185" s="166">
        <v>0</v>
      </c>
      <c r="CJ185" s="166">
        <v>0</v>
      </c>
      <c r="CK185" s="166">
        <v>0</v>
      </c>
      <c r="CL185" s="166">
        <v>0</v>
      </c>
      <c r="CM185" s="166">
        <v>0</v>
      </c>
      <c r="CN185" s="166">
        <v>0</v>
      </c>
      <c r="CO185" s="166">
        <v>0</v>
      </c>
      <c r="CP185" s="166">
        <v>0</v>
      </c>
      <c r="CQ185" s="166">
        <v>0</v>
      </c>
      <c r="CR185" s="166">
        <v>0</v>
      </c>
      <c r="CS185" s="166">
        <v>0</v>
      </c>
      <c r="CT185" s="166">
        <v>0</v>
      </c>
      <c r="CU185" s="166">
        <v>0</v>
      </c>
      <c r="CV185" s="166">
        <v>0</v>
      </c>
      <c r="CW185" s="166">
        <v>0</v>
      </c>
      <c r="CX185" s="166">
        <v>0</v>
      </c>
      <c r="CY185" s="166">
        <v>-79148.586982749999</v>
      </c>
      <c r="CZ185" s="166">
        <v>-79148.586982749999</v>
      </c>
    </row>
    <row r="186" spans="1:104" hidden="1" outlineLevel="1" x14ac:dyDescent="0.2">
      <c r="A186" s="167" t="s">
        <v>1108</v>
      </c>
      <c r="B186" s="166">
        <v>-113202.336338668</v>
      </c>
      <c r="C186" s="166">
        <v>-113202.336338668</v>
      </c>
      <c r="D186" s="166">
        <v>0</v>
      </c>
      <c r="E186" s="166">
        <v>0</v>
      </c>
      <c r="F186" s="166">
        <v>0</v>
      </c>
      <c r="G186" s="166">
        <v>0</v>
      </c>
      <c r="H186" s="166">
        <v>0</v>
      </c>
      <c r="I186" s="166">
        <v>0</v>
      </c>
      <c r="J186" s="166">
        <v>0</v>
      </c>
      <c r="K186" s="166">
        <v>0</v>
      </c>
      <c r="L186" s="166">
        <v>0</v>
      </c>
      <c r="M186" s="166">
        <v>0</v>
      </c>
      <c r="N186" s="166">
        <v>0</v>
      </c>
      <c r="O186" s="166">
        <v>0</v>
      </c>
      <c r="P186" s="166">
        <v>0</v>
      </c>
      <c r="Q186" s="166">
        <v>0</v>
      </c>
      <c r="R186" s="166">
        <v>0</v>
      </c>
      <c r="S186" s="166">
        <v>0</v>
      </c>
      <c r="T186" s="166">
        <v>0</v>
      </c>
      <c r="U186" s="166">
        <v>0</v>
      </c>
      <c r="V186" s="166">
        <v>0</v>
      </c>
      <c r="W186" s="166">
        <v>0</v>
      </c>
      <c r="X186" s="166">
        <v>0</v>
      </c>
      <c r="Y186" s="166">
        <v>0</v>
      </c>
      <c r="Z186" s="166">
        <v>0</v>
      </c>
      <c r="AA186" s="166">
        <v>0</v>
      </c>
      <c r="AB186" s="166">
        <v>0</v>
      </c>
      <c r="AC186" s="166">
        <v>0</v>
      </c>
      <c r="AD186" s="166">
        <v>0</v>
      </c>
      <c r="AE186" s="166">
        <v>0</v>
      </c>
      <c r="AF186" s="166">
        <v>0</v>
      </c>
      <c r="AG186" s="166">
        <v>0</v>
      </c>
      <c r="AH186" s="166">
        <v>0</v>
      </c>
      <c r="AI186" s="166">
        <v>0</v>
      </c>
      <c r="AJ186" s="166">
        <v>0</v>
      </c>
      <c r="AK186" s="166">
        <v>0</v>
      </c>
      <c r="AL186" s="166">
        <v>0</v>
      </c>
      <c r="AM186" s="166">
        <v>0</v>
      </c>
      <c r="AN186" s="166">
        <v>0</v>
      </c>
      <c r="AO186" s="166">
        <v>0</v>
      </c>
      <c r="AP186" s="166">
        <v>0</v>
      </c>
      <c r="AQ186" s="166">
        <v>0</v>
      </c>
      <c r="AR186" s="166">
        <v>0</v>
      </c>
      <c r="AS186" s="166">
        <v>0</v>
      </c>
      <c r="AT186" s="166">
        <v>0</v>
      </c>
      <c r="AU186" s="166">
        <v>0</v>
      </c>
      <c r="AV186" s="166">
        <v>0</v>
      </c>
      <c r="AW186" s="166">
        <v>0</v>
      </c>
      <c r="AX186" s="166">
        <v>0</v>
      </c>
      <c r="AY186" s="166">
        <v>0</v>
      </c>
      <c r="AZ186" s="166">
        <v>0</v>
      </c>
      <c r="BA186" s="166">
        <v>0</v>
      </c>
      <c r="BB186" s="166">
        <v>0</v>
      </c>
      <c r="BC186" s="166">
        <v>0</v>
      </c>
      <c r="BD186" s="166">
        <v>0</v>
      </c>
      <c r="BE186" s="166">
        <v>0</v>
      </c>
      <c r="BF186" s="166">
        <v>0</v>
      </c>
      <c r="BG186" s="166">
        <v>0</v>
      </c>
      <c r="BH186" s="166">
        <v>0</v>
      </c>
      <c r="BI186" s="166">
        <v>0</v>
      </c>
      <c r="BJ186" s="166">
        <v>0</v>
      </c>
      <c r="BK186" s="166">
        <v>0</v>
      </c>
      <c r="BL186" s="166">
        <v>0</v>
      </c>
      <c r="BM186" s="166">
        <v>0</v>
      </c>
      <c r="BN186" s="166">
        <v>0</v>
      </c>
      <c r="BO186" s="166">
        <v>0</v>
      </c>
      <c r="BP186" s="166">
        <v>0</v>
      </c>
      <c r="BQ186" s="166">
        <v>0</v>
      </c>
      <c r="BR186" s="166">
        <v>-113202.336338668</v>
      </c>
      <c r="BS186" s="166">
        <v>-113202.336338668</v>
      </c>
      <c r="BT186" s="168">
        <v>0</v>
      </c>
      <c r="BU186" s="166">
        <v>0</v>
      </c>
      <c r="BV186" s="166">
        <v>-82388.086449528899</v>
      </c>
      <c r="BW186" s="166">
        <v>0</v>
      </c>
      <c r="BX186" s="166">
        <v>0</v>
      </c>
      <c r="BY186" s="166">
        <v>0</v>
      </c>
      <c r="BZ186" s="166">
        <v>0</v>
      </c>
      <c r="CA186" s="166">
        <v>0</v>
      </c>
      <c r="CB186" s="166">
        <v>0</v>
      </c>
      <c r="CC186" s="166">
        <v>0</v>
      </c>
      <c r="CD186" s="166">
        <v>0</v>
      </c>
      <c r="CE186" s="166">
        <v>0</v>
      </c>
      <c r="CF186" s="166">
        <v>0</v>
      </c>
      <c r="CG186" s="166">
        <v>0</v>
      </c>
      <c r="CH186" s="166">
        <v>0</v>
      </c>
      <c r="CI186" s="166">
        <v>0</v>
      </c>
      <c r="CJ186" s="166">
        <v>0</v>
      </c>
      <c r="CK186" s="166">
        <v>0</v>
      </c>
      <c r="CL186" s="166">
        <v>0</v>
      </c>
      <c r="CM186" s="166">
        <v>0</v>
      </c>
      <c r="CN186" s="166">
        <v>0</v>
      </c>
      <c r="CO186" s="166">
        <v>0</v>
      </c>
      <c r="CP186" s="166">
        <v>0</v>
      </c>
      <c r="CQ186" s="166">
        <v>0</v>
      </c>
      <c r="CR186" s="166">
        <v>0</v>
      </c>
      <c r="CS186" s="166">
        <v>0</v>
      </c>
      <c r="CT186" s="166">
        <v>0</v>
      </c>
      <c r="CU186" s="166">
        <v>0</v>
      </c>
      <c r="CV186" s="166">
        <v>0</v>
      </c>
      <c r="CW186" s="166">
        <v>0</v>
      </c>
      <c r="CX186" s="166">
        <v>0</v>
      </c>
      <c r="CY186" s="166">
        <v>-82388.086449528899</v>
      </c>
      <c r="CZ186" s="166">
        <v>-82388.086449528899</v>
      </c>
    </row>
    <row r="187" spans="1:104" hidden="1" outlineLevel="1" x14ac:dyDescent="0.2">
      <c r="A187" s="170" t="s">
        <v>279</v>
      </c>
      <c r="B187" s="166">
        <v>5790135.0836613197</v>
      </c>
      <c r="C187" s="166">
        <v>5790135.0836613197</v>
      </c>
      <c r="D187" s="166">
        <v>0</v>
      </c>
      <c r="E187" s="166">
        <v>0</v>
      </c>
      <c r="F187" s="166">
        <v>0</v>
      </c>
      <c r="G187" s="166">
        <v>0</v>
      </c>
      <c r="H187" s="166">
        <v>0</v>
      </c>
      <c r="I187" s="166">
        <v>0</v>
      </c>
      <c r="J187" s="166">
        <v>0</v>
      </c>
      <c r="K187" s="166">
        <v>0</v>
      </c>
      <c r="L187" s="166">
        <v>0</v>
      </c>
      <c r="M187" s="166">
        <v>0</v>
      </c>
      <c r="N187" s="166">
        <v>0</v>
      </c>
      <c r="O187" s="166">
        <v>0</v>
      </c>
      <c r="P187" s="166">
        <v>0</v>
      </c>
      <c r="Q187" s="166">
        <v>0</v>
      </c>
      <c r="R187" s="166">
        <v>0</v>
      </c>
      <c r="S187" s="166">
        <v>0</v>
      </c>
      <c r="T187" s="166">
        <v>0</v>
      </c>
      <c r="U187" s="166">
        <v>0</v>
      </c>
      <c r="V187" s="166">
        <v>0</v>
      </c>
      <c r="W187" s="166">
        <v>0</v>
      </c>
      <c r="X187" s="166">
        <v>0</v>
      </c>
      <c r="Y187" s="166">
        <v>0</v>
      </c>
      <c r="Z187" s="166">
        <v>0</v>
      </c>
      <c r="AA187" s="166">
        <v>0</v>
      </c>
      <c r="AB187" s="166">
        <v>0</v>
      </c>
      <c r="AC187" s="166">
        <v>0</v>
      </c>
      <c r="AD187" s="166">
        <v>0</v>
      </c>
      <c r="AE187" s="166">
        <v>0</v>
      </c>
      <c r="AF187" s="166">
        <v>0</v>
      </c>
      <c r="AG187" s="166">
        <v>0</v>
      </c>
      <c r="AH187" s="166">
        <v>0</v>
      </c>
      <c r="AI187" s="166">
        <v>0</v>
      </c>
      <c r="AJ187" s="166">
        <v>0</v>
      </c>
      <c r="AK187" s="166">
        <v>0</v>
      </c>
      <c r="AL187" s="166">
        <v>0</v>
      </c>
      <c r="AM187" s="166">
        <v>0</v>
      </c>
      <c r="AN187" s="166">
        <v>0</v>
      </c>
      <c r="AO187" s="166">
        <v>0</v>
      </c>
      <c r="AP187" s="166">
        <v>0</v>
      </c>
      <c r="AQ187" s="166">
        <v>0</v>
      </c>
      <c r="AR187" s="166">
        <v>0</v>
      </c>
      <c r="AS187" s="166">
        <v>0</v>
      </c>
      <c r="AT187" s="166">
        <v>0</v>
      </c>
      <c r="AU187" s="166">
        <v>0</v>
      </c>
      <c r="AV187" s="166">
        <v>0</v>
      </c>
      <c r="AW187" s="166">
        <v>0</v>
      </c>
      <c r="AX187" s="166">
        <v>0</v>
      </c>
      <c r="AY187" s="166">
        <v>0</v>
      </c>
      <c r="AZ187" s="166">
        <v>0</v>
      </c>
      <c r="BA187" s="166">
        <v>0</v>
      </c>
      <c r="BB187" s="166">
        <v>0</v>
      </c>
      <c r="BC187" s="166">
        <v>0</v>
      </c>
      <c r="BD187" s="166">
        <v>0</v>
      </c>
      <c r="BE187" s="166">
        <v>0</v>
      </c>
      <c r="BF187" s="166">
        <v>0</v>
      </c>
      <c r="BG187" s="166">
        <v>0</v>
      </c>
      <c r="BH187" s="166">
        <v>0</v>
      </c>
      <c r="BI187" s="166">
        <v>0</v>
      </c>
      <c r="BJ187" s="166">
        <v>0</v>
      </c>
      <c r="BK187" s="166">
        <v>0</v>
      </c>
      <c r="BL187" s="166">
        <v>0</v>
      </c>
      <c r="BM187" s="166">
        <v>0</v>
      </c>
      <c r="BN187" s="166">
        <v>0</v>
      </c>
      <c r="BO187" s="166">
        <v>0</v>
      </c>
      <c r="BP187" s="166">
        <v>0</v>
      </c>
      <c r="BQ187" s="166">
        <v>0</v>
      </c>
      <c r="BR187" s="166">
        <v>5790135.0836613197</v>
      </c>
      <c r="BS187" s="166">
        <v>5790135.0836613197</v>
      </c>
      <c r="BT187" s="168">
        <v>0</v>
      </c>
      <c r="BU187" s="166">
        <v>245023.36461373101</v>
      </c>
      <c r="BV187" s="166">
        <v>4223258.29817924</v>
      </c>
      <c r="BW187" s="166">
        <v>0</v>
      </c>
      <c r="BX187" s="166">
        <v>0</v>
      </c>
      <c r="BY187" s="166">
        <v>0</v>
      </c>
      <c r="BZ187" s="166">
        <v>0</v>
      </c>
      <c r="CA187" s="166">
        <v>0</v>
      </c>
      <c r="CB187" s="166">
        <v>0</v>
      </c>
      <c r="CC187" s="166">
        <v>0</v>
      </c>
      <c r="CD187" s="166">
        <v>0</v>
      </c>
      <c r="CE187" s="166">
        <v>0</v>
      </c>
      <c r="CF187" s="166">
        <v>0</v>
      </c>
      <c r="CG187" s="166">
        <v>0</v>
      </c>
      <c r="CH187" s="166">
        <v>0</v>
      </c>
      <c r="CI187" s="166">
        <v>0</v>
      </c>
      <c r="CJ187" s="166">
        <v>0</v>
      </c>
      <c r="CK187" s="166">
        <v>0</v>
      </c>
      <c r="CL187" s="166">
        <v>0</v>
      </c>
      <c r="CM187" s="166">
        <v>0</v>
      </c>
      <c r="CN187" s="166">
        <v>0</v>
      </c>
      <c r="CO187" s="166">
        <v>0</v>
      </c>
      <c r="CP187" s="166">
        <v>0</v>
      </c>
      <c r="CQ187" s="166">
        <v>0</v>
      </c>
      <c r="CR187" s="166">
        <v>0</v>
      </c>
      <c r="CS187" s="166">
        <v>0</v>
      </c>
      <c r="CT187" s="166">
        <v>0</v>
      </c>
      <c r="CU187" s="166">
        <v>0</v>
      </c>
      <c r="CV187" s="166">
        <v>0</v>
      </c>
      <c r="CW187" s="166">
        <v>0</v>
      </c>
      <c r="CX187" s="166">
        <v>0</v>
      </c>
      <c r="CY187" s="166">
        <v>4223258.29817924</v>
      </c>
      <c r="CZ187" s="166">
        <v>4223258.29817924</v>
      </c>
    </row>
    <row r="188" spans="1:104" hidden="1" outlineLevel="1" x14ac:dyDescent="0.2">
      <c r="A188" s="167" t="s">
        <v>280</v>
      </c>
    </row>
    <row r="189" spans="1:104" hidden="1" outlineLevel="1" x14ac:dyDescent="0.2">
      <c r="A189" s="170" t="s">
        <v>281</v>
      </c>
      <c r="B189" s="166">
        <v>29622225.483661301</v>
      </c>
      <c r="C189" s="166">
        <v>29622225.483661301</v>
      </c>
      <c r="D189" s="166">
        <v>0</v>
      </c>
      <c r="E189" s="166">
        <v>0</v>
      </c>
      <c r="F189" s="166">
        <v>0</v>
      </c>
      <c r="G189" s="166">
        <v>0</v>
      </c>
      <c r="H189" s="166">
        <v>0</v>
      </c>
      <c r="I189" s="166">
        <v>0</v>
      </c>
      <c r="J189" s="166">
        <v>0</v>
      </c>
      <c r="K189" s="166">
        <v>0</v>
      </c>
      <c r="L189" s="166">
        <v>0</v>
      </c>
      <c r="M189" s="166">
        <v>0</v>
      </c>
      <c r="N189" s="166">
        <v>0</v>
      </c>
      <c r="O189" s="166">
        <v>0</v>
      </c>
      <c r="P189" s="166">
        <v>0</v>
      </c>
      <c r="Q189" s="166">
        <v>0</v>
      </c>
      <c r="R189" s="166">
        <v>0</v>
      </c>
      <c r="S189" s="166">
        <v>0</v>
      </c>
      <c r="T189" s="166">
        <v>0</v>
      </c>
      <c r="U189" s="166">
        <v>0</v>
      </c>
      <c r="V189" s="166">
        <v>0</v>
      </c>
      <c r="W189" s="166">
        <v>0</v>
      </c>
      <c r="X189" s="166">
        <v>0</v>
      </c>
      <c r="Y189" s="166">
        <v>0</v>
      </c>
      <c r="Z189" s="166">
        <v>0</v>
      </c>
      <c r="AA189" s="166">
        <v>0</v>
      </c>
      <c r="AB189" s="166">
        <v>0</v>
      </c>
      <c r="AC189" s="166">
        <v>0</v>
      </c>
      <c r="AD189" s="166">
        <v>0</v>
      </c>
      <c r="AE189" s="166">
        <v>0</v>
      </c>
      <c r="AF189" s="166">
        <v>0</v>
      </c>
      <c r="AG189" s="166">
        <v>0</v>
      </c>
      <c r="AH189" s="166">
        <v>0</v>
      </c>
      <c r="AI189" s="166">
        <v>0</v>
      </c>
      <c r="AJ189" s="166">
        <v>0</v>
      </c>
      <c r="AK189" s="166">
        <v>0</v>
      </c>
      <c r="AL189" s="166">
        <v>0</v>
      </c>
      <c r="AM189" s="166">
        <v>0</v>
      </c>
      <c r="AN189" s="166">
        <v>0</v>
      </c>
      <c r="AO189" s="166">
        <v>0</v>
      </c>
      <c r="AP189" s="166">
        <v>0</v>
      </c>
      <c r="AQ189" s="166">
        <v>0</v>
      </c>
      <c r="AR189" s="166">
        <v>0</v>
      </c>
      <c r="AS189" s="166">
        <v>0</v>
      </c>
      <c r="AT189" s="166">
        <v>0</v>
      </c>
      <c r="AU189" s="166">
        <v>0</v>
      </c>
      <c r="AV189" s="166">
        <v>0</v>
      </c>
      <c r="AW189" s="166">
        <v>0</v>
      </c>
      <c r="AX189" s="166">
        <v>0</v>
      </c>
      <c r="AY189" s="166">
        <v>0</v>
      </c>
      <c r="AZ189" s="166">
        <v>0</v>
      </c>
      <c r="BA189" s="166">
        <v>0</v>
      </c>
      <c r="BB189" s="166">
        <v>0</v>
      </c>
      <c r="BC189" s="166">
        <v>0</v>
      </c>
      <c r="BD189" s="166">
        <v>0</v>
      </c>
      <c r="BE189" s="166">
        <v>0</v>
      </c>
      <c r="BF189" s="166">
        <v>0</v>
      </c>
      <c r="BG189" s="166">
        <v>0</v>
      </c>
      <c r="BH189" s="166">
        <v>0</v>
      </c>
      <c r="BI189" s="166">
        <v>0</v>
      </c>
      <c r="BJ189" s="166">
        <v>0</v>
      </c>
      <c r="BK189" s="166">
        <v>0</v>
      </c>
      <c r="BL189" s="166">
        <v>0</v>
      </c>
      <c r="BM189" s="166">
        <v>0</v>
      </c>
      <c r="BN189" s="166">
        <v>0</v>
      </c>
      <c r="BO189" s="166">
        <v>0</v>
      </c>
      <c r="BP189" s="166">
        <v>0</v>
      </c>
      <c r="BQ189" s="166">
        <v>0</v>
      </c>
      <c r="BR189" s="166">
        <v>29622225.483661301</v>
      </c>
      <c r="BS189" s="166">
        <v>29622225.483661301</v>
      </c>
      <c r="BT189" s="168">
        <v>0</v>
      </c>
      <c r="BU189" s="166">
        <v>-1243284.7043367701</v>
      </c>
      <c r="BV189" s="166">
        <v>23237387.608057301</v>
      </c>
      <c r="BW189" s="166">
        <v>0</v>
      </c>
      <c r="BX189" s="166">
        <v>0</v>
      </c>
      <c r="BY189" s="166">
        <v>0</v>
      </c>
      <c r="BZ189" s="166">
        <v>0</v>
      </c>
      <c r="CA189" s="166">
        <v>0</v>
      </c>
      <c r="CB189" s="166">
        <v>0</v>
      </c>
      <c r="CC189" s="166">
        <v>0</v>
      </c>
      <c r="CD189" s="166">
        <v>0</v>
      </c>
      <c r="CE189" s="166">
        <v>0</v>
      </c>
      <c r="CF189" s="166">
        <v>0</v>
      </c>
      <c r="CG189" s="166">
        <v>0</v>
      </c>
      <c r="CH189" s="166">
        <v>0</v>
      </c>
      <c r="CI189" s="166">
        <v>0</v>
      </c>
      <c r="CJ189" s="166">
        <v>0</v>
      </c>
      <c r="CK189" s="166">
        <v>0</v>
      </c>
      <c r="CL189" s="166">
        <v>0</v>
      </c>
      <c r="CM189" s="166">
        <v>0</v>
      </c>
      <c r="CN189" s="166">
        <v>0</v>
      </c>
      <c r="CO189" s="166">
        <v>0</v>
      </c>
      <c r="CP189" s="166">
        <v>0</v>
      </c>
      <c r="CQ189" s="166">
        <v>0</v>
      </c>
      <c r="CR189" s="166">
        <v>0</v>
      </c>
      <c r="CS189" s="166">
        <v>0</v>
      </c>
      <c r="CT189" s="166">
        <v>0</v>
      </c>
      <c r="CU189" s="166">
        <v>0</v>
      </c>
      <c r="CV189" s="166">
        <v>0</v>
      </c>
      <c r="CW189" s="166">
        <v>0</v>
      </c>
      <c r="CX189" s="166">
        <v>0</v>
      </c>
      <c r="CY189" s="166">
        <v>23237387.608057301</v>
      </c>
      <c r="CZ189" s="166">
        <v>23237387.608057301</v>
      </c>
    </row>
    <row r="190" spans="1:104" hidden="1" outlineLevel="1" x14ac:dyDescent="0.2">
      <c r="A190" s="167" t="s">
        <v>282</v>
      </c>
    </row>
    <row r="191" spans="1:104" ht="10.8" hidden="1" outlineLevel="1" thickBot="1" x14ac:dyDescent="0.25">
      <c r="A191" s="169" t="s">
        <v>283</v>
      </c>
    </row>
    <row r="192" spans="1:104" hidden="1" outlineLevel="1" x14ac:dyDescent="0.2">
      <c r="A192" s="170" t="s">
        <v>284</v>
      </c>
    </row>
    <row r="193" spans="1:104" hidden="1" outlineLevel="1" x14ac:dyDescent="0.2">
      <c r="A193" s="167" t="s">
        <v>1109</v>
      </c>
      <c r="B193" s="166">
        <v>564417.02109299996</v>
      </c>
      <c r="C193" s="166">
        <v>564417.02109299996</v>
      </c>
      <c r="D193" s="166">
        <v>0</v>
      </c>
      <c r="E193" s="166">
        <v>0</v>
      </c>
      <c r="F193" s="166">
        <v>0</v>
      </c>
      <c r="G193" s="166">
        <v>0</v>
      </c>
      <c r="H193" s="166">
        <v>0</v>
      </c>
      <c r="I193" s="166">
        <v>0</v>
      </c>
      <c r="J193" s="166">
        <v>0</v>
      </c>
      <c r="K193" s="166">
        <v>0</v>
      </c>
      <c r="L193" s="166">
        <v>0</v>
      </c>
      <c r="M193" s="166">
        <v>0</v>
      </c>
      <c r="N193" s="166">
        <v>0</v>
      </c>
      <c r="O193" s="166">
        <v>0</v>
      </c>
      <c r="P193" s="166">
        <v>0</v>
      </c>
      <c r="Q193" s="166">
        <v>0</v>
      </c>
      <c r="R193" s="166">
        <v>0</v>
      </c>
      <c r="S193" s="166">
        <v>0</v>
      </c>
      <c r="T193" s="166">
        <v>0</v>
      </c>
      <c r="U193" s="166">
        <v>0</v>
      </c>
      <c r="V193" s="166">
        <v>0</v>
      </c>
      <c r="W193" s="166">
        <v>0</v>
      </c>
      <c r="X193" s="166">
        <v>0</v>
      </c>
      <c r="Y193" s="166">
        <v>0</v>
      </c>
      <c r="Z193" s="166">
        <v>0</v>
      </c>
      <c r="AA193" s="166">
        <v>0</v>
      </c>
      <c r="AB193" s="166">
        <v>0</v>
      </c>
      <c r="AC193" s="166">
        <v>0</v>
      </c>
      <c r="AD193" s="166">
        <v>0</v>
      </c>
      <c r="AE193" s="166">
        <v>0</v>
      </c>
      <c r="AF193" s="166">
        <v>0</v>
      </c>
      <c r="AG193" s="166">
        <v>0</v>
      </c>
      <c r="AH193" s="166">
        <v>0</v>
      </c>
      <c r="AI193" s="166">
        <v>0</v>
      </c>
      <c r="AJ193" s="166">
        <v>0</v>
      </c>
      <c r="AK193" s="166">
        <v>0</v>
      </c>
      <c r="AL193" s="166">
        <v>0</v>
      </c>
      <c r="AM193" s="166">
        <v>0</v>
      </c>
      <c r="AN193" s="166">
        <v>0</v>
      </c>
      <c r="AO193" s="166">
        <v>0</v>
      </c>
      <c r="AP193" s="166">
        <v>0</v>
      </c>
      <c r="AQ193" s="166">
        <v>0</v>
      </c>
      <c r="AR193" s="166">
        <v>0</v>
      </c>
      <c r="AS193" s="166">
        <v>0</v>
      </c>
      <c r="AT193" s="166">
        <v>0</v>
      </c>
      <c r="AU193" s="166">
        <v>0</v>
      </c>
      <c r="AV193" s="166">
        <v>0</v>
      </c>
      <c r="AW193" s="166">
        <v>0</v>
      </c>
      <c r="AX193" s="166">
        <v>0</v>
      </c>
      <c r="AY193" s="166">
        <v>0</v>
      </c>
      <c r="AZ193" s="166">
        <v>0</v>
      </c>
      <c r="BA193" s="166">
        <v>0</v>
      </c>
      <c r="BB193" s="166">
        <v>0</v>
      </c>
      <c r="BC193" s="166">
        <v>0</v>
      </c>
      <c r="BD193" s="166">
        <v>0</v>
      </c>
      <c r="BE193" s="166">
        <v>0</v>
      </c>
      <c r="BF193" s="166">
        <v>0</v>
      </c>
      <c r="BG193" s="166">
        <v>0</v>
      </c>
      <c r="BH193" s="166">
        <v>0</v>
      </c>
      <c r="BI193" s="166">
        <v>0</v>
      </c>
      <c r="BJ193" s="166">
        <v>0</v>
      </c>
      <c r="BK193" s="166">
        <v>0</v>
      </c>
      <c r="BL193" s="166">
        <v>0</v>
      </c>
      <c r="BM193" s="166">
        <v>0</v>
      </c>
      <c r="BN193" s="166">
        <v>0</v>
      </c>
      <c r="BO193" s="166">
        <v>0</v>
      </c>
      <c r="BP193" s="166">
        <v>0</v>
      </c>
      <c r="BQ193" s="166">
        <v>0</v>
      </c>
      <c r="BR193" s="166">
        <v>564417.02109299996</v>
      </c>
      <c r="BS193" s="166">
        <v>564417.02109299996</v>
      </c>
      <c r="BT193" s="168">
        <v>1</v>
      </c>
      <c r="BU193" s="166">
        <v>154368.54351600001</v>
      </c>
      <c r="BV193" s="166">
        <v>564417.02109299996</v>
      </c>
      <c r="BW193" s="166">
        <v>0</v>
      </c>
      <c r="BX193" s="166">
        <v>0</v>
      </c>
      <c r="BY193" s="166">
        <v>0</v>
      </c>
      <c r="BZ193" s="166">
        <v>0</v>
      </c>
      <c r="CA193" s="166">
        <v>0</v>
      </c>
      <c r="CB193" s="166">
        <v>0</v>
      </c>
      <c r="CC193" s="166">
        <v>0</v>
      </c>
      <c r="CD193" s="166">
        <v>0</v>
      </c>
      <c r="CE193" s="166">
        <v>0</v>
      </c>
      <c r="CF193" s="166">
        <v>0</v>
      </c>
      <c r="CG193" s="166">
        <v>0</v>
      </c>
      <c r="CH193" s="166">
        <v>0</v>
      </c>
      <c r="CI193" s="166">
        <v>0</v>
      </c>
      <c r="CJ193" s="166">
        <v>0</v>
      </c>
      <c r="CK193" s="166">
        <v>0</v>
      </c>
      <c r="CL193" s="166">
        <v>0</v>
      </c>
      <c r="CM193" s="166">
        <v>0</v>
      </c>
      <c r="CN193" s="166">
        <v>0</v>
      </c>
      <c r="CO193" s="166">
        <v>0</v>
      </c>
      <c r="CP193" s="166">
        <v>0</v>
      </c>
      <c r="CQ193" s="166">
        <v>0</v>
      </c>
      <c r="CR193" s="166">
        <v>0</v>
      </c>
      <c r="CS193" s="166">
        <v>0</v>
      </c>
      <c r="CT193" s="166">
        <v>0</v>
      </c>
      <c r="CU193" s="166">
        <v>0</v>
      </c>
      <c r="CV193" s="166">
        <v>0</v>
      </c>
      <c r="CW193" s="166">
        <v>0</v>
      </c>
      <c r="CX193" s="166">
        <v>0</v>
      </c>
      <c r="CY193" s="166">
        <v>564417.02109299996</v>
      </c>
      <c r="CZ193" s="166">
        <v>564417.02109299996</v>
      </c>
    </row>
    <row r="194" spans="1:104" hidden="1" outlineLevel="1" x14ac:dyDescent="0.2">
      <c r="A194" s="167" t="s">
        <v>1110</v>
      </c>
      <c r="B194" s="166">
        <v>268956.77379100001</v>
      </c>
      <c r="C194" s="166">
        <v>268956.77379100001</v>
      </c>
      <c r="D194" s="166">
        <v>0</v>
      </c>
      <c r="E194" s="166">
        <v>0</v>
      </c>
      <c r="F194" s="166">
        <v>0</v>
      </c>
      <c r="G194" s="166">
        <v>0</v>
      </c>
      <c r="H194" s="166">
        <v>0</v>
      </c>
      <c r="I194" s="166">
        <v>0</v>
      </c>
      <c r="J194" s="166">
        <v>0</v>
      </c>
      <c r="K194" s="166">
        <v>0</v>
      </c>
      <c r="L194" s="166">
        <v>0</v>
      </c>
      <c r="M194" s="166">
        <v>0</v>
      </c>
      <c r="N194" s="166">
        <v>0</v>
      </c>
      <c r="O194" s="166">
        <v>0</v>
      </c>
      <c r="P194" s="166">
        <v>0</v>
      </c>
      <c r="Q194" s="166">
        <v>0</v>
      </c>
      <c r="R194" s="166">
        <v>0</v>
      </c>
      <c r="S194" s="166">
        <v>0</v>
      </c>
      <c r="T194" s="166">
        <v>0</v>
      </c>
      <c r="U194" s="166">
        <v>0</v>
      </c>
      <c r="V194" s="166">
        <v>0</v>
      </c>
      <c r="W194" s="166">
        <v>0</v>
      </c>
      <c r="X194" s="166">
        <v>0</v>
      </c>
      <c r="Y194" s="166">
        <v>0</v>
      </c>
      <c r="Z194" s="166">
        <v>0</v>
      </c>
      <c r="AA194" s="166">
        <v>0</v>
      </c>
      <c r="AB194" s="166">
        <v>0</v>
      </c>
      <c r="AC194" s="166">
        <v>0</v>
      </c>
      <c r="AD194" s="166">
        <v>0</v>
      </c>
      <c r="AE194" s="166">
        <v>0</v>
      </c>
      <c r="AF194" s="166">
        <v>0</v>
      </c>
      <c r="AG194" s="166">
        <v>0</v>
      </c>
      <c r="AH194" s="166">
        <v>0</v>
      </c>
      <c r="AI194" s="166">
        <v>0</v>
      </c>
      <c r="AJ194" s="166">
        <v>0</v>
      </c>
      <c r="AK194" s="166">
        <v>0</v>
      </c>
      <c r="AL194" s="166">
        <v>0</v>
      </c>
      <c r="AM194" s="166">
        <v>0</v>
      </c>
      <c r="AN194" s="166">
        <v>0</v>
      </c>
      <c r="AO194" s="166">
        <v>0</v>
      </c>
      <c r="AP194" s="166">
        <v>0</v>
      </c>
      <c r="AQ194" s="166">
        <v>0</v>
      </c>
      <c r="AR194" s="166">
        <v>0</v>
      </c>
      <c r="AS194" s="166">
        <v>0</v>
      </c>
      <c r="AT194" s="166">
        <v>0</v>
      </c>
      <c r="AU194" s="166">
        <v>0</v>
      </c>
      <c r="AV194" s="166">
        <v>0</v>
      </c>
      <c r="AW194" s="166">
        <v>0</v>
      </c>
      <c r="AX194" s="166">
        <v>0</v>
      </c>
      <c r="AY194" s="166">
        <v>0</v>
      </c>
      <c r="AZ194" s="166">
        <v>0</v>
      </c>
      <c r="BA194" s="166">
        <v>0</v>
      </c>
      <c r="BB194" s="166">
        <v>0</v>
      </c>
      <c r="BC194" s="166">
        <v>0</v>
      </c>
      <c r="BD194" s="166">
        <v>0</v>
      </c>
      <c r="BE194" s="166">
        <v>0</v>
      </c>
      <c r="BF194" s="166">
        <v>0</v>
      </c>
      <c r="BG194" s="166">
        <v>0</v>
      </c>
      <c r="BH194" s="166">
        <v>0</v>
      </c>
      <c r="BI194" s="166">
        <v>0</v>
      </c>
      <c r="BJ194" s="166">
        <v>0</v>
      </c>
      <c r="BK194" s="166">
        <v>0</v>
      </c>
      <c r="BL194" s="166">
        <v>0</v>
      </c>
      <c r="BM194" s="166">
        <v>0</v>
      </c>
      <c r="BN194" s="166">
        <v>0</v>
      </c>
      <c r="BO194" s="166">
        <v>0</v>
      </c>
      <c r="BP194" s="166">
        <v>0</v>
      </c>
      <c r="BQ194" s="166">
        <v>0</v>
      </c>
      <c r="BR194" s="166">
        <v>268956.77379100001</v>
      </c>
      <c r="BS194" s="166">
        <v>268956.77379100001</v>
      </c>
      <c r="BT194" s="168">
        <v>1</v>
      </c>
      <c r="BU194" s="166">
        <v>73559.910292</v>
      </c>
      <c r="BV194" s="166">
        <v>268956.77379100001</v>
      </c>
      <c r="BW194" s="166">
        <v>0</v>
      </c>
      <c r="BX194" s="166">
        <v>0</v>
      </c>
      <c r="BY194" s="166">
        <v>0</v>
      </c>
      <c r="BZ194" s="166">
        <v>0</v>
      </c>
      <c r="CA194" s="166">
        <v>0</v>
      </c>
      <c r="CB194" s="166">
        <v>0</v>
      </c>
      <c r="CC194" s="166">
        <v>0</v>
      </c>
      <c r="CD194" s="166">
        <v>0</v>
      </c>
      <c r="CE194" s="166">
        <v>0</v>
      </c>
      <c r="CF194" s="166">
        <v>0</v>
      </c>
      <c r="CG194" s="166">
        <v>0</v>
      </c>
      <c r="CH194" s="166">
        <v>0</v>
      </c>
      <c r="CI194" s="166">
        <v>0</v>
      </c>
      <c r="CJ194" s="166">
        <v>0</v>
      </c>
      <c r="CK194" s="166">
        <v>0</v>
      </c>
      <c r="CL194" s="166">
        <v>0</v>
      </c>
      <c r="CM194" s="166">
        <v>0</v>
      </c>
      <c r="CN194" s="166">
        <v>0</v>
      </c>
      <c r="CO194" s="166">
        <v>0</v>
      </c>
      <c r="CP194" s="166">
        <v>0</v>
      </c>
      <c r="CQ194" s="166">
        <v>0</v>
      </c>
      <c r="CR194" s="166">
        <v>0</v>
      </c>
      <c r="CS194" s="166">
        <v>0</v>
      </c>
      <c r="CT194" s="166">
        <v>0</v>
      </c>
      <c r="CU194" s="166">
        <v>0</v>
      </c>
      <c r="CV194" s="166">
        <v>0</v>
      </c>
      <c r="CW194" s="166">
        <v>0</v>
      </c>
      <c r="CX194" s="166">
        <v>0</v>
      </c>
      <c r="CY194" s="166">
        <v>268956.77379100001</v>
      </c>
      <c r="CZ194" s="166">
        <v>268956.77379100001</v>
      </c>
    </row>
    <row r="195" spans="1:104" hidden="1" outlineLevel="1" x14ac:dyDescent="0.2">
      <c r="A195" s="167" t="s">
        <v>1111</v>
      </c>
      <c r="B195" s="166">
        <v>190159.45119999899</v>
      </c>
      <c r="C195" s="166">
        <v>190159.45119999899</v>
      </c>
      <c r="D195" s="166">
        <v>0</v>
      </c>
      <c r="E195" s="166">
        <v>0</v>
      </c>
      <c r="F195" s="166">
        <v>0</v>
      </c>
      <c r="G195" s="166">
        <v>0</v>
      </c>
      <c r="H195" s="166">
        <v>0</v>
      </c>
      <c r="I195" s="166">
        <v>0</v>
      </c>
      <c r="J195" s="166">
        <v>0</v>
      </c>
      <c r="K195" s="166">
        <v>0</v>
      </c>
      <c r="L195" s="166">
        <v>0</v>
      </c>
      <c r="M195" s="166">
        <v>0</v>
      </c>
      <c r="N195" s="166">
        <v>0</v>
      </c>
      <c r="O195" s="166">
        <v>0</v>
      </c>
      <c r="P195" s="166">
        <v>0</v>
      </c>
      <c r="Q195" s="166">
        <v>0</v>
      </c>
      <c r="R195" s="166">
        <v>0</v>
      </c>
      <c r="S195" s="166">
        <v>0</v>
      </c>
      <c r="T195" s="166">
        <v>0</v>
      </c>
      <c r="U195" s="166">
        <v>0</v>
      </c>
      <c r="V195" s="166">
        <v>0</v>
      </c>
      <c r="W195" s="166">
        <v>0</v>
      </c>
      <c r="X195" s="166">
        <v>0</v>
      </c>
      <c r="Y195" s="166">
        <v>0</v>
      </c>
      <c r="Z195" s="166">
        <v>0</v>
      </c>
      <c r="AA195" s="166">
        <v>0</v>
      </c>
      <c r="AB195" s="166">
        <v>0</v>
      </c>
      <c r="AC195" s="166">
        <v>0</v>
      </c>
      <c r="AD195" s="166">
        <v>0</v>
      </c>
      <c r="AE195" s="166">
        <v>0</v>
      </c>
      <c r="AF195" s="166">
        <v>0</v>
      </c>
      <c r="AG195" s="166">
        <v>0</v>
      </c>
      <c r="AH195" s="166">
        <v>0</v>
      </c>
      <c r="AI195" s="166">
        <v>0</v>
      </c>
      <c r="AJ195" s="166">
        <v>0</v>
      </c>
      <c r="AK195" s="166">
        <v>0</v>
      </c>
      <c r="AL195" s="166">
        <v>0</v>
      </c>
      <c r="AM195" s="166">
        <v>0</v>
      </c>
      <c r="AN195" s="166">
        <v>0</v>
      </c>
      <c r="AO195" s="166">
        <v>0</v>
      </c>
      <c r="AP195" s="166">
        <v>0</v>
      </c>
      <c r="AQ195" s="166">
        <v>0</v>
      </c>
      <c r="AR195" s="166">
        <v>0</v>
      </c>
      <c r="AS195" s="166">
        <v>0</v>
      </c>
      <c r="AT195" s="166">
        <v>0</v>
      </c>
      <c r="AU195" s="166">
        <v>0</v>
      </c>
      <c r="AV195" s="166">
        <v>0</v>
      </c>
      <c r="AW195" s="166">
        <v>0</v>
      </c>
      <c r="AX195" s="166">
        <v>0</v>
      </c>
      <c r="AY195" s="166">
        <v>0</v>
      </c>
      <c r="AZ195" s="166">
        <v>0</v>
      </c>
      <c r="BA195" s="166">
        <v>0</v>
      </c>
      <c r="BB195" s="166">
        <v>0</v>
      </c>
      <c r="BC195" s="166">
        <v>0</v>
      </c>
      <c r="BD195" s="166">
        <v>0</v>
      </c>
      <c r="BE195" s="166">
        <v>0</v>
      </c>
      <c r="BF195" s="166">
        <v>0</v>
      </c>
      <c r="BG195" s="166">
        <v>0</v>
      </c>
      <c r="BH195" s="166">
        <v>0</v>
      </c>
      <c r="BI195" s="166">
        <v>0</v>
      </c>
      <c r="BJ195" s="166">
        <v>0</v>
      </c>
      <c r="BK195" s="166">
        <v>0</v>
      </c>
      <c r="BL195" s="166">
        <v>0</v>
      </c>
      <c r="BM195" s="166">
        <v>0</v>
      </c>
      <c r="BN195" s="166">
        <v>0</v>
      </c>
      <c r="BO195" s="166">
        <v>0</v>
      </c>
      <c r="BP195" s="166">
        <v>0</v>
      </c>
      <c r="BQ195" s="166">
        <v>0</v>
      </c>
      <c r="BR195" s="166">
        <v>190159.45119999899</v>
      </c>
      <c r="BS195" s="166">
        <v>190159.45119999899</v>
      </c>
      <c r="BT195" s="168">
        <v>1</v>
      </c>
      <c r="BU195" s="166">
        <v>52008.774400000002</v>
      </c>
      <c r="BV195" s="166">
        <v>190159.45119999899</v>
      </c>
      <c r="BW195" s="166">
        <v>0</v>
      </c>
      <c r="BX195" s="166">
        <v>0</v>
      </c>
      <c r="BY195" s="166">
        <v>0</v>
      </c>
      <c r="BZ195" s="166">
        <v>0</v>
      </c>
      <c r="CA195" s="166">
        <v>0</v>
      </c>
      <c r="CB195" s="166">
        <v>0</v>
      </c>
      <c r="CC195" s="166">
        <v>0</v>
      </c>
      <c r="CD195" s="166">
        <v>0</v>
      </c>
      <c r="CE195" s="166">
        <v>0</v>
      </c>
      <c r="CF195" s="166">
        <v>0</v>
      </c>
      <c r="CG195" s="166">
        <v>0</v>
      </c>
      <c r="CH195" s="166">
        <v>0</v>
      </c>
      <c r="CI195" s="166">
        <v>0</v>
      </c>
      <c r="CJ195" s="166">
        <v>0</v>
      </c>
      <c r="CK195" s="166">
        <v>0</v>
      </c>
      <c r="CL195" s="166">
        <v>0</v>
      </c>
      <c r="CM195" s="166">
        <v>0</v>
      </c>
      <c r="CN195" s="166">
        <v>0</v>
      </c>
      <c r="CO195" s="166">
        <v>0</v>
      </c>
      <c r="CP195" s="166">
        <v>0</v>
      </c>
      <c r="CQ195" s="166">
        <v>0</v>
      </c>
      <c r="CR195" s="166">
        <v>0</v>
      </c>
      <c r="CS195" s="166">
        <v>0</v>
      </c>
      <c r="CT195" s="166">
        <v>0</v>
      </c>
      <c r="CU195" s="166">
        <v>0</v>
      </c>
      <c r="CV195" s="166">
        <v>0</v>
      </c>
      <c r="CW195" s="166">
        <v>0</v>
      </c>
      <c r="CX195" s="166">
        <v>0</v>
      </c>
      <c r="CY195" s="166">
        <v>190159.45119999899</v>
      </c>
      <c r="CZ195" s="166">
        <v>190159.45119999899</v>
      </c>
    </row>
    <row r="196" spans="1:104" hidden="1" outlineLevel="1" x14ac:dyDescent="0.2">
      <c r="A196" s="167" t="s">
        <v>1112</v>
      </c>
      <c r="B196" s="166">
        <v>40646.582693999997</v>
      </c>
      <c r="C196" s="166">
        <v>40646.582693999997</v>
      </c>
      <c r="D196" s="166">
        <v>0</v>
      </c>
      <c r="E196" s="166">
        <v>0</v>
      </c>
      <c r="F196" s="166">
        <v>0</v>
      </c>
      <c r="G196" s="166">
        <v>0</v>
      </c>
      <c r="H196" s="166">
        <v>0</v>
      </c>
      <c r="I196" s="166">
        <v>0</v>
      </c>
      <c r="J196" s="166">
        <v>0</v>
      </c>
      <c r="K196" s="166">
        <v>0</v>
      </c>
      <c r="L196" s="166">
        <v>0</v>
      </c>
      <c r="M196" s="166">
        <v>0</v>
      </c>
      <c r="N196" s="166">
        <v>0</v>
      </c>
      <c r="O196" s="166">
        <v>0</v>
      </c>
      <c r="P196" s="166">
        <v>0</v>
      </c>
      <c r="Q196" s="166">
        <v>0</v>
      </c>
      <c r="R196" s="166">
        <v>0</v>
      </c>
      <c r="S196" s="166">
        <v>0</v>
      </c>
      <c r="T196" s="166">
        <v>0</v>
      </c>
      <c r="U196" s="166">
        <v>0</v>
      </c>
      <c r="V196" s="166">
        <v>0</v>
      </c>
      <c r="W196" s="166">
        <v>0</v>
      </c>
      <c r="X196" s="166">
        <v>0</v>
      </c>
      <c r="Y196" s="166">
        <v>0</v>
      </c>
      <c r="Z196" s="166">
        <v>0</v>
      </c>
      <c r="AA196" s="166">
        <v>0</v>
      </c>
      <c r="AB196" s="166">
        <v>0</v>
      </c>
      <c r="AC196" s="166">
        <v>0</v>
      </c>
      <c r="AD196" s="166">
        <v>0</v>
      </c>
      <c r="AE196" s="166">
        <v>0</v>
      </c>
      <c r="AF196" s="166">
        <v>0</v>
      </c>
      <c r="AG196" s="166">
        <v>0</v>
      </c>
      <c r="AH196" s="166">
        <v>0</v>
      </c>
      <c r="AI196" s="166">
        <v>0</v>
      </c>
      <c r="AJ196" s="166">
        <v>0</v>
      </c>
      <c r="AK196" s="166">
        <v>0</v>
      </c>
      <c r="AL196" s="166">
        <v>0</v>
      </c>
      <c r="AM196" s="166">
        <v>0</v>
      </c>
      <c r="AN196" s="166">
        <v>0</v>
      </c>
      <c r="AO196" s="166">
        <v>0</v>
      </c>
      <c r="AP196" s="166">
        <v>0</v>
      </c>
      <c r="AQ196" s="166">
        <v>0</v>
      </c>
      <c r="AR196" s="166">
        <v>0</v>
      </c>
      <c r="AS196" s="166">
        <v>0</v>
      </c>
      <c r="AT196" s="166">
        <v>0</v>
      </c>
      <c r="AU196" s="166">
        <v>0</v>
      </c>
      <c r="AV196" s="166">
        <v>0</v>
      </c>
      <c r="AW196" s="166">
        <v>0</v>
      </c>
      <c r="AX196" s="166">
        <v>0</v>
      </c>
      <c r="AY196" s="166">
        <v>0</v>
      </c>
      <c r="AZ196" s="166">
        <v>0</v>
      </c>
      <c r="BA196" s="166">
        <v>0</v>
      </c>
      <c r="BB196" s="166">
        <v>0</v>
      </c>
      <c r="BC196" s="166">
        <v>0</v>
      </c>
      <c r="BD196" s="166">
        <v>0</v>
      </c>
      <c r="BE196" s="166">
        <v>0</v>
      </c>
      <c r="BF196" s="166">
        <v>0</v>
      </c>
      <c r="BG196" s="166">
        <v>0</v>
      </c>
      <c r="BH196" s="166">
        <v>0</v>
      </c>
      <c r="BI196" s="166">
        <v>0</v>
      </c>
      <c r="BJ196" s="166">
        <v>0</v>
      </c>
      <c r="BK196" s="166">
        <v>0</v>
      </c>
      <c r="BL196" s="166">
        <v>0</v>
      </c>
      <c r="BM196" s="166">
        <v>0</v>
      </c>
      <c r="BN196" s="166">
        <v>0</v>
      </c>
      <c r="BO196" s="166">
        <v>0</v>
      </c>
      <c r="BP196" s="166">
        <v>0</v>
      </c>
      <c r="BQ196" s="166">
        <v>0</v>
      </c>
      <c r="BR196" s="166">
        <v>40646.582693999997</v>
      </c>
      <c r="BS196" s="166">
        <v>40646.582693999997</v>
      </c>
      <c r="BT196" s="168">
        <v>0.98770000000000002</v>
      </c>
      <c r="BU196" s="166">
        <v>10980.1379590056</v>
      </c>
      <c r="BV196" s="166">
        <v>40146.629726863801</v>
      </c>
      <c r="BW196" s="166">
        <v>0</v>
      </c>
      <c r="BX196" s="166">
        <v>0</v>
      </c>
      <c r="BY196" s="166">
        <v>0</v>
      </c>
      <c r="BZ196" s="166">
        <v>0</v>
      </c>
      <c r="CA196" s="166">
        <v>0</v>
      </c>
      <c r="CB196" s="166">
        <v>0</v>
      </c>
      <c r="CC196" s="166">
        <v>0</v>
      </c>
      <c r="CD196" s="166">
        <v>0</v>
      </c>
      <c r="CE196" s="166">
        <v>0</v>
      </c>
      <c r="CF196" s="166">
        <v>0</v>
      </c>
      <c r="CG196" s="166">
        <v>0</v>
      </c>
      <c r="CH196" s="166">
        <v>0</v>
      </c>
      <c r="CI196" s="166">
        <v>0</v>
      </c>
      <c r="CJ196" s="166">
        <v>0</v>
      </c>
      <c r="CK196" s="166">
        <v>0</v>
      </c>
      <c r="CL196" s="166">
        <v>0</v>
      </c>
      <c r="CM196" s="166">
        <v>0</v>
      </c>
      <c r="CN196" s="166">
        <v>0</v>
      </c>
      <c r="CO196" s="166">
        <v>0</v>
      </c>
      <c r="CP196" s="166">
        <v>0</v>
      </c>
      <c r="CQ196" s="166">
        <v>0</v>
      </c>
      <c r="CR196" s="166">
        <v>0</v>
      </c>
      <c r="CS196" s="166">
        <v>0</v>
      </c>
      <c r="CT196" s="166">
        <v>0</v>
      </c>
      <c r="CU196" s="166">
        <v>0</v>
      </c>
      <c r="CV196" s="166">
        <v>0</v>
      </c>
      <c r="CW196" s="166">
        <v>0</v>
      </c>
      <c r="CX196" s="166">
        <v>0</v>
      </c>
      <c r="CY196" s="166">
        <v>40146.629726863801</v>
      </c>
      <c r="CZ196" s="166">
        <v>40146.629726863801</v>
      </c>
    </row>
    <row r="197" spans="1:104" hidden="1" outlineLevel="1" x14ac:dyDescent="0.2">
      <c r="A197" s="167" t="s">
        <v>1113</v>
      </c>
      <c r="B197" s="166">
        <v>123603.64328</v>
      </c>
      <c r="C197" s="166">
        <v>123603.64328</v>
      </c>
      <c r="D197" s="166">
        <v>0</v>
      </c>
      <c r="E197" s="166">
        <v>0</v>
      </c>
      <c r="F197" s="166">
        <v>0</v>
      </c>
      <c r="G197" s="166">
        <v>0</v>
      </c>
      <c r="H197" s="166">
        <v>0</v>
      </c>
      <c r="I197" s="166">
        <v>0</v>
      </c>
      <c r="J197" s="166">
        <v>0</v>
      </c>
      <c r="K197" s="166">
        <v>0</v>
      </c>
      <c r="L197" s="166">
        <v>0</v>
      </c>
      <c r="M197" s="166">
        <v>0</v>
      </c>
      <c r="N197" s="166">
        <v>0</v>
      </c>
      <c r="O197" s="166">
        <v>0</v>
      </c>
      <c r="P197" s="166">
        <v>0</v>
      </c>
      <c r="Q197" s="166">
        <v>0</v>
      </c>
      <c r="R197" s="166">
        <v>0</v>
      </c>
      <c r="S197" s="166">
        <v>0</v>
      </c>
      <c r="T197" s="166">
        <v>0</v>
      </c>
      <c r="U197" s="166">
        <v>0</v>
      </c>
      <c r="V197" s="166">
        <v>0</v>
      </c>
      <c r="W197" s="166">
        <v>0</v>
      </c>
      <c r="X197" s="166">
        <v>0</v>
      </c>
      <c r="Y197" s="166">
        <v>0</v>
      </c>
      <c r="Z197" s="166">
        <v>0</v>
      </c>
      <c r="AA197" s="166">
        <v>0</v>
      </c>
      <c r="AB197" s="166">
        <v>0</v>
      </c>
      <c r="AC197" s="166">
        <v>0</v>
      </c>
      <c r="AD197" s="166">
        <v>0</v>
      </c>
      <c r="AE197" s="166">
        <v>0</v>
      </c>
      <c r="AF197" s="166">
        <v>0</v>
      </c>
      <c r="AG197" s="166">
        <v>0</v>
      </c>
      <c r="AH197" s="166">
        <v>0</v>
      </c>
      <c r="AI197" s="166">
        <v>0</v>
      </c>
      <c r="AJ197" s="166">
        <v>0</v>
      </c>
      <c r="AK197" s="166">
        <v>0</v>
      </c>
      <c r="AL197" s="166">
        <v>0</v>
      </c>
      <c r="AM197" s="166">
        <v>0</v>
      </c>
      <c r="AN197" s="166">
        <v>0</v>
      </c>
      <c r="AO197" s="166">
        <v>0</v>
      </c>
      <c r="AP197" s="166">
        <v>0</v>
      </c>
      <c r="AQ197" s="166">
        <v>0</v>
      </c>
      <c r="AR197" s="166">
        <v>0</v>
      </c>
      <c r="AS197" s="166">
        <v>0</v>
      </c>
      <c r="AT197" s="166">
        <v>0</v>
      </c>
      <c r="AU197" s="166">
        <v>0</v>
      </c>
      <c r="AV197" s="166">
        <v>0</v>
      </c>
      <c r="AW197" s="166">
        <v>0</v>
      </c>
      <c r="AX197" s="166">
        <v>0</v>
      </c>
      <c r="AY197" s="166">
        <v>0</v>
      </c>
      <c r="AZ197" s="166">
        <v>0</v>
      </c>
      <c r="BA197" s="166">
        <v>0</v>
      </c>
      <c r="BB197" s="166">
        <v>0</v>
      </c>
      <c r="BC197" s="166">
        <v>0</v>
      </c>
      <c r="BD197" s="166">
        <v>0</v>
      </c>
      <c r="BE197" s="166">
        <v>0</v>
      </c>
      <c r="BF197" s="166">
        <v>0</v>
      </c>
      <c r="BG197" s="166">
        <v>0</v>
      </c>
      <c r="BH197" s="166">
        <v>0</v>
      </c>
      <c r="BI197" s="166">
        <v>0</v>
      </c>
      <c r="BJ197" s="166">
        <v>0</v>
      </c>
      <c r="BK197" s="166">
        <v>0</v>
      </c>
      <c r="BL197" s="166">
        <v>0</v>
      </c>
      <c r="BM197" s="166">
        <v>0</v>
      </c>
      <c r="BN197" s="166">
        <v>0</v>
      </c>
      <c r="BO197" s="166">
        <v>0</v>
      </c>
      <c r="BP197" s="166">
        <v>0</v>
      </c>
      <c r="BQ197" s="166">
        <v>0</v>
      </c>
      <c r="BR197" s="166">
        <v>123603.64328</v>
      </c>
      <c r="BS197" s="166">
        <v>123603.64328</v>
      </c>
      <c r="BT197" s="168">
        <v>1</v>
      </c>
      <c r="BU197" s="166">
        <v>33805.70336</v>
      </c>
      <c r="BV197" s="166">
        <v>123603.64328</v>
      </c>
      <c r="BW197" s="166">
        <v>0</v>
      </c>
      <c r="BX197" s="166">
        <v>0</v>
      </c>
      <c r="BY197" s="166">
        <v>0</v>
      </c>
      <c r="BZ197" s="166">
        <v>0</v>
      </c>
      <c r="CA197" s="166">
        <v>0</v>
      </c>
      <c r="CB197" s="166">
        <v>0</v>
      </c>
      <c r="CC197" s="166">
        <v>0</v>
      </c>
      <c r="CD197" s="166">
        <v>0</v>
      </c>
      <c r="CE197" s="166">
        <v>0</v>
      </c>
      <c r="CF197" s="166">
        <v>0</v>
      </c>
      <c r="CG197" s="166">
        <v>0</v>
      </c>
      <c r="CH197" s="166">
        <v>0</v>
      </c>
      <c r="CI197" s="166">
        <v>0</v>
      </c>
      <c r="CJ197" s="166">
        <v>0</v>
      </c>
      <c r="CK197" s="166">
        <v>0</v>
      </c>
      <c r="CL197" s="166">
        <v>0</v>
      </c>
      <c r="CM197" s="166">
        <v>0</v>
      </c>
      <c r="CN197" s="166">
        <v>0</v>
      </c>
      <c r="CO197" s="166">
        <v>0</v>
      </c>
      <c r="CP197" s="166">
        <v>0</v>
      </c>
      <c r="CQ197" s="166">
        <v>0</v>
      </c>
      <c r="CR197" s="166">
        <v>0</v>
      </c>
      <c r="CS197" s="166">
        <v>0</v>
      </c>
      <c r="CT197" s="166">
        <v>0</v>
      </c>
      <c r="CU197" s="166">
        <v>0</v>
      </c>
      <c r="CV197" s="166">
        <v>0</v>
      </c>
      <c r="CW197" s="166">
        <v>0</v>
      </c>
      <c r="CX197" s="166">
        <v>0</v>
      </c>
      <c r="CY197" s="166">
        <v>123603.64328</v>
      </c>
      <c r="CZ197" s="166">
        <v>123603.64328</v>
      </c>
    </row>
    <row r="198" spans="1:104" hidden="1" outlineLevel="1" x14ac:dyDescent="0.2">
      <c r="A198" s="167" t="s">
        <v>1114</v>
      </c>
      <c r="B198" s="166">
        <v>713.09794199999999</v>
      </c>
      <c r="C198" s="166">
        <v>713.09794199999999</v>
      </c>
      <c r="D198" s="166">
        <v>0</v>
      </c>
      <c r="E198" s="166">
        <v>0</v>
      </c>
      <c r="F198" s="166">
        <v>0</v>
      </c>
      <c r="G198" s="166">
        <v>0</v>
      </c>
      <c r="H198" s="166">
        <v>0</v>
      </c>
      <c r="I198" s="166">
        <v>0</v>
      </c>
      <c r="J198" s="166">
        <v>0</v>
      </c>
      <c r="K198" s="166">
        <v>0</v>
      </c>
      <c r="L198" s="166">
        <v>0</v>
      </c>
      <c r="M198" s="166">
        <v>0</v>
      </c>
      <c r="N198" s="166">
        <v>0</v>
      </c>
      <c r="O198" s="166">
        <v>0</v>
      </c>
      <c r="P198" s="166">
        <v>0</v>
      </c>
      <c r="Q198" s="166">
        <v>0</v>
      </c>
      <c r="R198" s="166">
        <v>0</v>
      </c>
      <c r="S198" s="166">
        <v>0</v>
      </c>
      <c r="T198" s="166">
        <v>0</v>
      </c>
      <c r="U198" s="166">
        <v>0</v>
      </c>
      <c r="V198" s="166">
        <v>0</v>
      </c>
      <c r="W198" s="166">
        <v>0</v>
      </c>
      <c r="X198" s="166">
        <v>0</v>
      </c>
      <c r="Y198" s="166">
        <v>0</v>
      </c>
      <c r="Z198" s="166">
        <v>0</v>
      </c>
      <c r="AA198" s="166">
        <v>0</v>
      </c>
      <c r="AB198" s="166">
        <v>0</v>
      </c>
      <c r="AC198" s="166">
        <v>0</v>
      </c>
      <c r="AD198" s="166">
        <v>0</v>
      </c>
      <c r="AE198" s="166">
        <v>0</v>
      </c>
      <c r="AF198" s="166">
        <v>0</v>
      </c>
      <c r="AG198" s="166">
        <v>0</v>
      </c>
      <c r="AH198" s="166">
        <v>0</v>
      </c>
      <c r="AI198" s="166">
        <v>0</v>
      </c>
      <c r="AJ198" s="166">
        <v>0</v>
      </c>
      <c r="AK198" s="166">
        <v>0</v>
      </c>
      <c r="AL198" s="166">
        <v>0</v>
      </c>
      <c r="AM198" s="166">
        <v>0</v>
      </c>
      <c r="AN198" s="166">
        <v>0</v>
      </c>
      <c r="AO198" s="166">
        <v>0</v>
      </c>
      <c r="AP198" s="166">
        <v>0</v>
      </c>
      <c r="AQ198" s="166">
        <v>0</v>
      </c>
      <c r="AR198" s="166">
        <v>0</v>
      </c>
      <c r="AS198" s="166">
        <v>0</v>
      </c>
      <c r="AT198" s="166">
        <v>0</v>
      </c>
      <c r="AU198" s="166">
        <v>0</v>
      </c>
      <c r="AV198" s="166">
        <v>0</v>
      </c>
      <c r="AW198" s="166">
        <v>0</v>
      </c>
      <c r="AX198" s="166">
        <v>0</v>
      </c>
      <c r="AY198" s="166">
        <v>0</v>
      </c>
      <c r="AZ198" s="166">
        <v>0</v>
      </c>
      <c r="BA198" s="166">
        <v>0</v>
      </c>
      <c r="BB198" s="166">
        <v>0</v>
      </c>
      <c r="BC198" s="166">
        <v>0</v>
      </c>
      <c r="BD198" s="166">
        <v>0</v>
      </c>
      <c r="BE198" s="166">
        <v>0</v>
      </c>
      <c r="BF198" s="166">
        <v>0</v>
      </c>
      <c r="BG198" s="166">
        <v>0</v>
      </c>
      <c r="BH198" s="166">
        <v>0</v>
      </c>
      <c r="BI198" s="166">
        <v>0</v>
      </c>
      <c r="BJ198" s="166">
        <v>0</v>
      </c>
      <c r="BK198" s="166">
        <v>0</v>
      </c>
      <c r="BL198" s="166">
        <v>0</v>
      </c>
      <c r="BM198" s="166">
        <v>0</v>
      </c>
      <c r="BN198" s="166">
        <v>0</v>
      </c>
      <c r="BO198" s="166">
        <v>0</v>
      </c>
      <c r="BP198" s="166">
        <v>0</v>
      </c>
      <c r="BQ198" s="166">
        <v>0</v>
      </c>
      <c r="BR198" s="166">
        <v>713.09794199999999</v>
      </c>
      <c r="BS198" s="166">
        <v>713.09794199999999</v>
      </c>
      <c r="BT198" s="168">
        <v>1</v>
      </c>
      <c r="BU198" s="166">
        <v>195.03290399999901</v>
      </c>
      <c r="BV198" s="166">
        <v>713.09794199999999</v>
      </c>
      <c r="BW198" s="166">
        <v>0</v>
      </c>
      <c r="BX198" s="166">
        <v>0</v>
      </c>
      <c r="BY198" s="166">
        <v>0</v>
      </c>
      <c r="BZ198" s="166">
        <v>0</v>
      </c>
      <c r="CA198" s="166">
        <v>0</v>
      </c>
      <c r="CB198" s="166">
        <v>0</v>
      </c>
      <c r="CC198" s="166">
        <v>0</v>
      </c>
      <c r="CD198" s="166">
        <v>0</v>
      </c>
      <c r="CE198" s="166">
        <v>0</v>
      </c>
      <c r="CF198" s="166">
        <v>0</v>
      </c>
      <c r="CG198" s="166">
        <v>0</v>
      </c>
      <c r="CH198" s="166">
        <v>0</v>
      </c>
      <c r="CI198" s="166">
        <v>0</v>
      </c>
      <c r="CJ198" s="166">
        <v>0</v>
      </c>
      <c r="CK198" s="166">
        <v>0</v>
      </c>
      <c r="CL198" s="166">
        <v>0</v>
      </c>
      <c r="CM198" s="166">
        <v>0</v>
      </c>
      <c r="CN198" s="166">
        <v>0</v>
      </c>
      <c r="CO198" s="166">
        <v>0</v>
      </c>
      <c r="CP198" s="166">
        <v>0</v>
      </c>
      <c r="CQ198" s="166">
        <v>0</v>
      </c>
      <c r="CR198" s="166">
        <v>0</v>
      </c>
      <c r="CS198" s="166">
        <v>0</v>
      </c>
      <c r="CT198" s="166">
        <v>0</v>
      </c>
      <c r="CU198" s="166">
        <v>0</v>
      </c>
      <c r="CV198" s="166">
        <v>0</v>
      </c>
      <c r="CW198" s="166">
        <v>0</v>
      </c>
      <c r="CX198" s="166">
        <v>0</v>
      </c>
      <c r="CY198" s="166">
        <v>713.09794199999999</v>
      </c>
      <c r="CZ198" s="166">
        <v>713.09794199999999</v>
      </c>
    </row>
    <row r="199" spans="1:104" hidden="1" outlineLevel="1" x14ac:dyDescent="0.2">
      <c r="A199" s="167" t="s">
        <v>1115</v>
      </c>
      <c r="B199" s="166">
        <v>1188496.57</v>
      </c>
      <c r="C199" s="166">
        <v>1188496.57</v>
      </c>
      <c r="D199" s="166">
        <v>0</v>
      </c>
      <c r="E199" s="166">
        <v>0</v>
      </c>
      <c r="F199" s="166">
        <v>0</v>
      </c>
      <c r="G199" s="166">
        <v>0</v>
      </c>
      <c r="H199" s="166">
        <v>0</v>
      </c>
      <c r="I199" s="166">
        <v>0</v>
      </c>
      <c r="J199" s="166">
        <v>0</v>
      </c>
      <c r="K199" s="166">
        <v>0</v>
      </c>
      <c r="L199" s="166">
        <v>0</v>
      </c>
      <c r="M199" s="166">
        <v>0</v>
      </c>
      <c r="N199" s="166">
        <v>0</v>
      </c>
      <c r="O199" s="166">
        <v>0</v>
      </c>
      <c r="P199" s="166">
        <v>0</v>
      </c>
      <c r="Q199" s="166">
        <v>0</v>
      </c>
      <c r="R199" s="166">
        <v>0</v>
      </c>
      <c r="S199" s="166">
        <v>0</v>
      </c>
      <c r="T199" s="166">
        <v>0</v>
      </c>
      <c r="U199" s="166">
        <v>0</v>
      </c>
      <c r="V199" s="166">
        <v>0</v>
      </c>
      <c r="W199" s="166">
        <v>0</v>
      </c>
      <c r="X199" s="166">
        <v>0</v>
      </c>
      <c r="Y199" s="166">
        <v>0</v>
      </c>
      <c r="Z199" s="166">
        <v>0</v>
      </c>
      <c r="AA199" s="166">
        <v>0</v>
      </c>
      <c r="AB199" s="166">
        <v>0</v>
      </c>
      <c r="AC199" s="166">
        <v>0</v>
      </c>
      <c r="AD199" s="166">
        <v>0</v>
      </c>
      <c r="AE199" s="166">
        <v>0</v>
      </c>
      <c r="AF199" s="166">
        <v>0</v>
      </c>
      <c r="AG199" s="166">
        <v>0</v>
      </c>
      <c r="AH199" s="166">
        <v>0</v>
      </c>
      <c r="AI199" s="166">
        <v>0</v>
      </c>
      <c r="AJ199" s="166">
        <v>0</v>
      </c>
      <c r="AK199" s="166">
        <v>0</v>
      </c>
      <c r="AL199" s="166">
        <v>0</v>
      </c>
      <c r="AM199" s="166">
        <v>0</v>
      </c>
      <c r="AN199" s="166">
        <v>0</v>
      </c>
      <c r="AO199" s="166">
        <v>0</v>
      </c>
      <c r="AP199" s="166">
        <v>0</v>
      </c>
      <c r="AQ199" s="166">
        <v>0</v>
      </c>
      <c r="AR199" s="166">
        <v>0</v>
      </c>
      <c r="AS199" s="166">
        <v>0</v>
      </c>
      <c r="AT199" s="166">
        <v>0</v>
      </c>
      <c r="AU199" s="166">
        <v>0</v>
      </c>
      <c r="AV199" s="166">
        <v>0</v>
      </c>
      <c r="AW199" s="166">
        <v>0</v>
      </c>
      <c r="AX199" s="166">
        <v>0</v>
      </c>
      <c r="AY199" s="166">
        <v>0</v>
      </c>
      <c r="AZ199" s="166">
        <v>0</v>
      </c>
      <c r="BA199" s="166">
        <v>0</v>
      </c>
      <c r="BB199" s="166">
        <v>0</v>
      </c>
      <c r="BC199" s="166">
        <v>0</v>
      </c>
      <c r="BD199" s="166">
        <v>0</v>
      </c>
      <c r="BE199" s="166">
        <v>0</v>
      </c>
      <c r="BF199" s="166">
        <v>0</v>
      </c>
      <c r="BG199" s="166">
        <v>0</v>
      </c>
      <c r="BH199" s="166">
        <v>0</v>
      </c>
      <c r="BI199" s="166">
        <v>0</v>
      </c>
      <c r="BJ199" s="166">
        <v>0</v>
      </c>
      <c r="BK199" s="166">
        <v>0</v>
      </c>
      <c r="BL199" s="166">
        <v>0</v>
      </c>
      <c r="BM199" s="166">
        <v>0</v>
      </c>
      <c r="BN199" s="166">
        <v>0</v>
      </c>
      <c r="BO199" s="166">
        <v>0</v>
      </c>
      <c r="BP199" s="166">
        <v>0</v>
      </c>
      <c r="BQ199" s="166">
        <v>0</v>
      </c>
      <c r="BR199" s="166">
        <v>1188496.57</v>
      </c>
      <c r="BS199" s="166">
        <v>1188496.57</v>
      </c>
      <c r="BT199" s="168">
        <v>0</v>
      </c>
      <c r="BU199" s="166">
        <v>324918.10243100498</v>
      </c>
      <c r="BV199" s="166">
        <v>1187996.6170328599</v>
      </c>
      <c r="BW199" s="166">
        <v>0</v>
      </c>
      <c r="BX199" s="166">
        <v>0</v>
      </c>
      <c r="BY199" s="166">
        <v>0</v>
      </c>
      <c r="BZ199" s="166">
        <v>0</v>
      </c>
      <c r="CA199" s="166">
        <v>0</v>
      </c>
      <c r="CB199" s="166">
        <v>0</v>
      </c>
      <c r="CC199" s="166">
        <v>0</v>
      </c>
      <c r="CD199" s="166">
        <v>0</v>
      </c>
      <c r="CE199" s="166">
        <v>0</v>
      </c>
      <c r="CF199" s="166">
        <v>0</v>
      </c>
      <c r="CG199" s="166">
        <v>0</v>
      </c>
      <c r="CH199" s="166">
        <v>0</v>
      </c>
      <c r="CI199" s="166">
        <v>0</v>
      </c>
      <c r="CJ199" s="166">
        <v>0</v>
      </c>
      <c r="CK199" s="166">
        <v>0</v>
      </c>
      <c r="CL199" s="166">
        <v>0</v>
      </c>
      <c r="CM199" s="166">
        <v>0</v>
      </c>
      <c r="CN199" s="166">
        <v>0</v>
      </c>
      <c r="CO199" s="166">
        <v>0</v>
      </c>
      <c r="CP199" s="166">
        <v>0</v>
      </c>
      <c r="CQ199" s="166">
        <v>0</v>
      </c>
      <c r="CR199" s="166">
        <v>0</v>
      </c>
      <c r="CS199" s="166">
        <v>0</v>
      </c>
      <c r="CT199" s="166">
        <v>0</v>
      </c>
      <c r="CU199" s="166">
        <v>0</v>
      </c>
      <c r="CV199" s="166">
        <v>0</v>
      </c>
      <c r="CW199" s="166">
        <v>0</v>
      </c>
      <c r="CX199" s="166">
        <v>0</v>
      </c>
      <c r="CY199" s="166">
        <v>1187996.6170328599</v>
      </c>
      <c r="CZ199" s="166">
        <v>1187996.6170328599</v>
      </c>
    </row>
    <row r="200" spans="1:104" hidden="1" outlineLevel="1" x14ac:dyDescent="0.2">
      <c r="A200" s="167" t="s">
        <v>292</v>
      </c>
    </row>
    <row r="201" spans="1:104" hidden="1" outlineLevel="1" x14ac:dyDescent="0.2">
      <c r="A201" s="167" t="s">
        <v>293</v>
      </c>
      <c r="B201" s="166">
        <v>3307861.83</v>
      </c>
      <c r="C201" s="166">
        <v>3307861.83</v>
      </c>
      <c r="D201" s="166">
        <v>0</v>
      </c>
      <c r="E201" s="166">
        <v>0</v>
      </c>
      <c r="F201" s="166">
        <v>0</v>
      </c>
      <c r="G201" s="166">
        <v>0</v>
      </c>
      <c r="H201" s="166">
        <v>0</v>
      </c>
      <c r="I201" s="166">
        <v>0</v>
      </c>
      <c r="J201" s="166">
        <v>0</v>
      </c>
      <c r="K201" s="166">
        <v>0</v>
      </c>
      <c r="L201" s="166">
        <v>0</v>
      </c>
      <c r="M201" s="166">
        <v>0</v>
      </c>
      <c r="N201" s="166">
        <v>0</v>
      </c>
      <c r="O201" s="166">
        <v>0</v>
      </c>
      <c r="P201" s="166">
        <v>0</v>
      </c>
      <c r="Q201" s="166">
        <v>0</v>
      </c>
      <c r="R201" s="166">
        <v>0</v>
      </c>
      <c r="S201" s="166">
        <v>0</v>
      </c>
      <c r="T201" s="166">
        <v>0</v>
      </c>
      <c r="U201" s="166">
        <v>0</v>
      </c>
      <c r="V201" s="166">
        <v>0</v>
      </c>
      <c r="W201" s="166">
        <v>0</v>
      </c>
      <c r="X201" s="166">
        <v>0</v>
      </c>
      <c r="Y201" s="166">
        <v>0</v>
      </c>
      <c r="Z201" s="166">
        <v>0</v>
      </c>
      <c r="AA201" s="166">
        <v>0</v>
      </c>
      <c r="AB201" s="166">
        <v>0</v>
      </c>
      <c r="AC201" s="166">
        <v>0</v>
      </c>
      <c r="AD201" s="166">
        <v>0</v>
      </c>
      <c r="AE201" s="166">
        <v>0</v>
      </c>
      <c r="AF201" s="166">
        <v>0</v>
      </c>
      <c r="AG201" s="166">
        <v>0</v>
      </c>
      <c r="AH201" s="166">
        <v>0</v>
      </c>
      <c r="AI201" s="166">
        <v>0</v>
      </c>
      <c r="AJ201" s="166">
        <v>0</v>
      </c>
      <c r="AK201" s="166">
        <v>0</v>
      </c>
      <c r="AL201" s="166">
        <v>0</v>
      </c>
      <c r="AM201" s="166">
        <v>0</v>
      </c>
      <c r="AN201" s="166">
        <v>0</v>
      </c>
      <c r="AO201" s="166">
        <v>0</v>
      </c>
      <c r="AP201" s="166">
        <v>0</v>
      </c>
      <c r="AQ201" s="166">
        <v>0</v>
      </c>
      <c r="AR201" s="166">
        <v>0</v>
      </c>
      <c r="AS201" s="166">
        <v>0</v>
      </c>
      <c r="AT201" s="166">
        <v>0</v>
      </c>
      <c r="AU201" s="166">
        <v>0</v>
      </c>
      <c r="AV201" s="166">
        <v>0</v>
      </c>
      <c r="AW201" s="166">
        <v>0</v>
      </c>
      <c r="AX201" s="166">
        <v>0</v>
      </c>
      <c r="AY201" s="166">
        <v>0</v>
      </c>
      <c r="AZ201" s="166">
        <v>0</v>
      </c>
      <c r="BA201" s="166">
        <v>0</v>
      </c>
      <c r="BB201" s="166">
        <v>0</v>
      </c>
      <c r="BC201" s="166">
        <v>0</v>
      </c>
      <c r="BD201" s="166">
        <v>0</v>
      </c>
      <c r="BE201" s="166">
        <v>0</v>
      </c>
      <c r="BF201" s="166">
        <v>0</v>
      </c>
      <c r="BG201" s="166">
        <v>0</v>
      </c>
      <c r="BH201" s="166">
        <v>0</v>
      </c>
      <c r="BI201" s="166">
        <v>0</v>
      </c>
      <c r="BJ201" s="166">
        <v>0</v>
      </c>
      <c r="BK201" s="166">
        <v>0</v>
      </c>
      <c r="BL201" s="166">
        <v>0</v>
      </c>
      <c r="BM201" s="166">
        <v>0</v>
      </c>
      <c r="BN201" s="166">
        <v>0</v>
      </c>
      <c r="BO201" s="166">
        <v>0</v>
      </c>
      <c r="BP201" s="166">
        <v>0</v>
      </c>
      <c r="BQ201" s="166">
        <v>0</v>
      </c>
      <c r="BR201" s="166">
        <v>3307861.83</v>
      </c>
      <c r="BS201" s="166">
        <v>3307861.83</v>
      </c>
      <c r="BT201" s="168">
        <v>1</v>
      </c>
      <c r="BU201" s="166">
        <v>227267.239999999</v>
      </c>
      <c r="BV201" s="166">
        <v>3307861.83</v>
      </c>
      <c r="BW201" s="166">
        <v>0</v>
      </c>
      <c r="BX201" s="166">
        <v>0</v>
      </c>
      <c r="BY201" s="166">
        <v>0</v>
      </c>
      <c r="BZ201" s="166">
        <v>0</v>
      </c>
      <c r="CA201" s="166">
        <v>0</v>
      </c>
      <c r="CB201" s="166">
        <v>0</v>
      </c>
      <c r="CC201" s="166">
        <v>0</v>
      </c>
      <c r="CD201" s="166">
        <v>0</v>
      </c>
      <c r="CE201" s="166">
        <v>0</v>
      </c>
      <c r="CF201" s="166">
        <v>0</v>
      </c>
      <c r="CG201" s="166">
        <v>0</v>
      </c>
      <c r="CH201" s="166">
        <v>0</v>
      </c>
      <c r="CI201" s="166">
        <v>0</v>
      </c>
      <c r="CJ201" s="166">
        <v>0</v>
      </c>
      <c r="CK201" s="166">
        <v>0</v>
      </c>
      <c r="CL201" s="166">
        <v>0</v>
      </c>
      <c r="CM201" s="166">
        <v>0</v>
      </c>
      <c r="CN201" s="166">
        <v>0</v>
      </c>
      <c r="CO201" s="166">
        <v>0</v>
      </c>
      <c r="CP201" s="166">
        <v>0</v>
      </c>
      <c r="CQ201" s="166">
        <v>0</v>
      </c>
      <c r="CR201" s="166">
        <v>0</v>
      </c>
      <c r="CS201" s="166">
        <v>0</v>
      </c>
      <c r="CT201" s="166">
        <v>0</v>
      </c>
      <c r="CU201" s="166">
        <v>0</v>
      </c>
      <c r="CV201" s="166">
        <v>0</v>
      </c>
      <c r="CW201" s="166">
        <v>0</v>
      </c>
      <c r="CX201" s="166">
        <v>0</v>
      </c>
      <c r="CY201" s="166">
        <v>3307861.83</v>
      </c>
      <c r="CZ201" s="166">
        <v>3307861.83</v>
      </c>
    </row>
    <row r="202" spans="1:104" hidden="1" outlineLevel="1" x14ac:dyDescent="0.2">
      <c r="A202" s="167" t="s">
        <v>294</v>
      </c>
    </row>
    <row r="203" spans="1:104" hidden="1" outlineLevel="1" x14ac:dyDescent="0.2">
      <c r="A203" s="167" t="s">
        <v>1116</v>
      </c>
      <c r="B203" s="166">
        <v>187702.59</v>
      </c>
      <c r="C203" s="166">
        <v>187702.59</v>
      </c>
      <c r="D203" s="166">
        <v>0</v>
      </c>
      <c r="E203" s="166">
        <v>0</v>
      </c>
      <c r="F203" s="166">
        <v>0</v>
      </c>
      <c r="G203" s="166">
        <v>0</v>
      </c>
      <c r="H203" s="166">
        <v>0</v>
      </c>
      <c r="I203" s="166">
        <v>0</v>
      </c>
      <c r="J203" s="166">
        <v>0</v>
      </c>
      <c r="K203" s="166">
        <v>0</v>
      </c>
      <c r="L203" s="166">
        <v>0</v>
      </c>
      <c r="M203" s="166">
        <v>0</v>
      </c>
      <c r="N203" s="166">
        <v>0</v>
      </c>
      <c r="O203" s="166">
        <v>0</v>
      </c>
      <c r="P203" s="166">
        <v>0</v>
      </c>
      <c r="Q203" s="166">
        <v>0</v>
      </c>
      <c r="R203" s="166">
        <v>0</v>
      </c>
      <c r="S203" s="166">
        <v>0</v>
      </c>
      <c r="T203" s="166">
        <v>0</v>
      </c>
      <c r="U203" s="166">
        <v>0</v>
      </c>
      <c r="V203" s="166">
        <v>0</v>
      </c>
      <c r="W203" s="166">
        <v>0</v>
      </c>
      <c r="X203" s="166">
        <v>0</v>
      </c>
      <c r="Y203" s="166">
        <v>0</v>
      </c>
      <c r="Z203" s="166">
        <v>0</v>
      </c>
      <c r="AA203" s="166">
        <v>0</v>
      </c>
      <c r="AB203" s="166">
        <v>0</v>
      </c>
      <c r="AC203" s="166">
        <v>0</v>
      </c>
      <c r="AD203" s="166">
        <v>0</v>
      </c>
      <c r="AE203" s="166">
        <v>0</v>
      </c>
      <c r="AF203" s="166">
        <v>0</v>
      </c>
      <c r="AG203" s="166">
        <v>0</v>
      </c>
      <c r="AH203" s="166">
        <v>0</v>
      </c>
      <c r="AI203" s="166">
        <v>0</v>
      </c>
      <c r="AJ203" s="166">
        <v>0</v>
      </c>
      <c r="AK203" s="166">
        <v>0</v>
      </c>
      <c r="AL203" s="166">
        <v>0</v>
      </c>
      <c r="AM203" s="166">
        <v>0</v>
      </c>
      <c r="AN203" s="166">
        <v>0</v>
      </c>
      <c r="AO203" s="166">
        <v>0</v>
      </c>
      <c r="AP203" s="166">
        <v>0</v>
      </c>
      <c r="AQ203" s="166">
        <v>0</v>
      </c>
      <c r="AR203" s="166">
        <v>0</v>
      </c>
      <c r="AS203" s="166">
        <v>0</v>
      </c>
      <c r="AT203" s="166">
        <v>0</v>
      </c>
      <c r="AU203" s="166">
        <v>0</v>
      </c>
      <c r="AV203" s="166">
        <v>0</v>
      </c>
      <c r="AW203" s="166">
        <v>0</v>
      </c>
      <c r="AX203" s="166">
        <v>0</v>
      </c>
      <c r="AY203" s="166">
        <v>0</v>
      </c>
      <c r="AZ203" s="166">
        <v>0</v>
      </c>
      <c r="BA203" s="166">
        <v>0</v>
      </c>
      <c r="BB203" s="166">
        <v>0</v>
      </c>
      <c r="BC203" s="166">
        <v>0</v>
      </c>
      <c r="BD203" s="166">
        <v>0</v>
      </c>
      <c r="BE203" s="166">
        <v>0</v>
      </c>
      <c r="BF203" s="166">
        <v>0</v>
      </c>
      <c r="BG203" s="166">
        <v>0</v>
      </c>
      <c r="BH203" s="166">
        <v>0</v>
      </c>
      <c r="BI203" s="166">
        <v>0</v>
      </c>
      <c r="BJ203" s="166">
        <v>0</v>
      </c>
      <c r="BK203" s="166">
        <v>0</v>
      </c>
      <c r="BL203" s="166">
        <v>0</v>
      </c>
      <c r="BM203" s="166">
        <v>0</v>
      </c>
      <c r="BN203" s="166">
        <v>0</v>
      </c>
      <c r="BO203" s="166">
        <v>0</v>
      </c>
      <c r="BP203" s="166">
        <v>0</v>
      </c>
      <c r="BQ203" s="166">
        <v>0</v>
      </c>
      <c r="BR203" s="166">
        <v>187702.59</v>
      </c>
      <c r="BS203" s="166">
        <v>187702.59</v>
      </c>
      <c r="BT203" s="168">
        <v>1</v>
      </c>
      <c r="BU203" s="166">
        <v>7138.92</v>
      </c>
      <c r="BV203" s="166">
        <v>187702.59</v>
      </c>
      <c r="BW203" s="166">
        <v>0</v>
      </c>
      <c r="BX203" s="166">
        <v>0</v>
      </c>
      <c r="BY203" s="166">
        <v>0</v>
      </c>
      <c r="BZ203" s="166">
        <v>0</v>
      </c>
      <c r="CA203" s="166">
        <v>0</v>
      </c>
      <c r="CB203" s="166">
        <v>0</v>
      </c>
      <c r="CC203" s="166">
        <v>0</v>
      </c>
      <c r="CD203" s="166">
        <v>0</v>
      </c>
      <c r="CE203" s="166">
        <v>0</v>
      </c>
      <c r="CF203" s="166">
        <v>0</v>
      </c>
      <c r="CG203" s="166">
        <v>0</v>
      </c>
      <c r="CH203" s="166">
        <v>0</v>
      </c>
      <c r="CI203" s="166">
        <v>0</v>
      </c>
      <c r="CJ203" s="166">
        <v>0</v>
      </c>
      <c r="CK203" s="166">
        <v>0</v>
      </c>
      <c r="CL203" s="166">
        <v>0</v>
      </c>
      <c r="CM203" s="166">
        <v>0</v>
      </c>
      <c r="CN203" s="166">
        <v>0</v>
      </c>
      <c r="CO203" s="166">
        <v>0</v>
      </c>
      <c r="CP203" s="166">
        <v>0</v>
      </c>
      <c r="CQ203" s="166">
        <v>0</v>
      </c>
      <c r="CR203" s="166">
        <v>0</v>
      </c>
      <c r="CS203" s="166">
        <v>0</v>
      </c>
      <c r="CT203" s="166">
        <v>0</v>
      </c>
      <c r="CU203" s="166">
        <v>0</v>
      </c>
      <c r="CV203" s="166">
        <v>0</v>
      </c>
      <c r="CW203" s="166">
        <v>0</v>
      </c>
      <c r="CX203" s="166">
        <v>0</v>
      </c>
      <c r="CY203" s="166">
        <v>187702.59</v>
      </c>
      <c r="CZ203" s="166">
        <v>187702.59</v>
      </c>
    </row>
    <row r="204" spans="1:104" hidden="1" outlineLevel="1" x14ac:dyDescent="0.2">
      <c r="A204" s="167" t="s">
        <v>296</v>
      </c>
    </row>
    <row r="205" spans="1:104" hidden="1" outlineLevel="1" x14ac:dyDescent="0.2">
      <c r="A205" s="167" t="s">
        <v>1117</v>
      </c>
      <c r="B205" s="166">
        <v>571466.04233399895</v>
      </c>
      <c r="C205" s="166">
        <v>571466.04233399895</v>
      </c>
      <c r="D205" s="166">
        <v>0</v>
      </c>
      <c r="E205" s="166">
        <v>0</v>
      </c>
      <c r="F205" s="166">
        <v>0</v>
      </c>
      <c r="G205" s="166">
        <v>0</v>
      </c>
      <c r="H205" s="166">
        <v>0</v>
      </c>
      <c r="I205" s="166">
        <v>0</v>
      </c>
      <c r="J205" s="166">
        <v>0</v>
      </c>
      <c r="K205" s="166">
        <v>0</v>
      </c>
      <c r="L205" s="166">
        <v>0</v>
      </c>
      <c r="M205" s="166">
        <v>0</v>
      </c>
      <c r="N205" s="166">
        <v>0</v>
      </c>
      <c r="O205" s="166">
        <v>0</v>
      </c>
      <c r="P205" s="166">
        <v>0</v>
      </c>
      <c r="Q205" s="166">
        <v>0</v>
      </c>
      <c r="R205" s="166">
        <v>0</v>
      </c>
      <c r="S205" s="166">
        <v>0</v>
      </c>
      <c r="T205" s="166">
        <v>0</v>
      </c>
      <c r="U205" s="166">
        <v>0</v>
      </c>
      <c r="V205" s="166">
        <v>0</v>
      </c>
      <c r="W205" s="166">
        <v>0</v>
      </c>
      <c r="X205" s="166">
        <v>0</v>
      </c>
      <c r="Y205" s="166">
        <v>0</v>
      </c>
      <c r="Z205" s="166">
        <v>0</v>
      </c>
      <c r="AA205" s="166">
        <v>0</v>
      </c>
      <c r="AB205" s="166">
        <v>0</v>
      </c>
      <c r="AC205" s="166">
        <v>0</v>
      </c>
      <c r="AD205" s="166">
        <v>0</v>
      </c>
      <c r="AE205" s="166">
        <v>0</v>
      </c>
      <c r="AF205" s="166">
        <v>0</v>
      </c>
      <c r="AG205" s="166">
        <v>0</v>
      </c>
      <c r="AH205" s="166">
        <v>0</v>
      </c>
      <c r="AI205" s="166">
        <v>0</v>
      </c>
      <c r="AJ205" s="166">
        <v>0</v>
      </c>
      <c r="AK205" s="166">
        <v>0</v>
      </c>
      <c r="AL205" s="166">
        <v>0</v>
      </c>
      <c r="AM205" s="166">
        <v>0</v>
      </c>
      <c r="AN205" s="166">
        <v>0</v>
      </c>
      <c r="AO205" s="166">
        <v>0</v>
      </c>
      <c r="AP205" s="166">
        <v>0</v>
      </c>
      <c r="AQ205" s="166">
        <v>0</v>
      </c>
      <c r="AR205" s="166">
        <v>0</v>
      </c>
      <c r="AS205" s="166">
        <v>0</v>
      </c>
      <c r="AT205" s="166">
        <v>0</v>
      </c>
      <c r="AU205" s="166">
        <v>0</v>
      </c>
      <c r="AV205" s="166">
        <v>0</v>
      </c>
      <c r="AW205" s="166">
        <v>0</v>
      </c>
      <c r="AX205" s="166">
        <v>0</v>
      </c>
      <c r="AY205" s="166">
        <v>0</v>
      </c>
      <c r="AZ205" s="166">
        <v>0</v>
      </c>
      <c r="BA205" s="166">
        <v>0</v>
      </c>
      <c r="BB205" s="166">
        <v>0</v>
      </c>
      <c r="BC205" s="166">
        <v>0</v>
      </c>
      <c r="BD205" s="166">
        <v>0</v>
      </c>
      <c r="BE205" s="166">
        <v>0</v>
      </c>
      <c r="BF205" s="166">
        <v>0</v>
      </c>
      <c r="BG205" s="166">
        <v>0</v>
      </c>
      <c r="BH205" s="166">
        <v>0</v>
      </c>
      <c r="BI205" s="166">
        <v>0</v>
      </c>
      <c r="BJ205" s="166">
        <v>0</v>
      </c>
      <c r="BK205" s="166">
        <v>0</v>
      </c>
      <c r="BL205" s="166">
        <v>0</v>
      </c>
      <c r="BM205" s="166">
        <v>0</v>
      </c>
      <c r="BN205" s="166">
        <v>0</v>
      </c>
      <c r="BO205" s="166">
        <v>0</v>
      </c>
      <c r="BP205" s="166">
        <v>0</v>
      </c>
      <c r="BQ205" s="166">
        <v>0</v>
      </c>
      <c r="BR205" s="166">
        <v>571466.04233399895</v>
      </c>
      <c r="BS205" s="166">
        <v>571466.04233399895</v>
      </c>
      <c r="BT205" s="168">
        <v>1</v>
      </c>
      <c r="BU205" s="166">
        <v>24965.207024999901</v>
      </c>
      <c r="BV205" s="166">
        <v>571466.04233399895</v>
      </c>
      <c r="BW205" s="166">
        <v>0</v>
      </c>
      <c r="BX205" s="166">
        <v>0</v>
      </c>
      <c r="BY205" s="166">
        <v>0</v>
      </c>
      <c r="BZ205" s="166">
        <v>0</v>
      </c>
      <c r="CA205" s="166">
        <v>0</v>
      </c>
      <c r="CB205" s="166">
        <v>0</v>
      </c>
      <c r="CC205" s="166">
        <v>0</v>
      </c>
      <c r="CD205" s="166">
        <v>0</v>
      </c>
      <c r="CE205" s="166">
        <v>0</v>
      </c>
      <c r="CF205" s="166">
        <v>0</v>
      </c>
      <c r="CG205" s="166">
        <v>0</v>
      </c>
      <c r="CH205" s="166">
        <v>0</v>
      </c>
      <c r="CI205" s="166">
        <v>0</v>
      </c>
      <c r="CJ205" s="166">
        <v>0</v>
      </c>
      <c r="CK205" s="166">
        <v>0</v>
      </c>
      <c r="CL205" s="166">
        <v>0</v>
      </c>
      <c r="CM205" s="166">
        <v>0</v>
      </c>
      <c r="CN205" s="166">
        <v>0</v>
      </c>
      <c r="CO205" s="166">
        <v>0</v>
      </c>
      <c r="CP205" s="166">
        <v>0</v>
      </c>
      <c r="CQ205" s="166">
        <v>0</v>
      </c>
      <c r="CR205" s="166">
        <v>0</v>
      </c>
      <c r="CS205" s="166">
        <v>0</v>
      </c>
      <c r="CT205" s="166">
        <v>0</v>
      </c>
      <c r="CU205" s="166">
        <v>0</v>
      </c>
      <c r="CV205" s="166">
        <v>0</v>
      </c>
      <c r="CW205" s="166">
        <v>0</v>
      </c>
      <c r="CX205" s="166">
        <v>0</v>
      </c>
      <c r="CY205" s="166">
        <v>571466.04233399895</v>
      </c>
      <c r="CZ205" s="166">
        <v>571466.04233399895</v>
      </c>
    </row>
    <row r="206" spans="1:104" hidden="1" outlineLevel="1" x14ac:dyDescent="0.2">
      <c r="A206" s="167" t="s">
        <v>1118</v>
      </c>
      <c r="B206" s="166">
        <v>272309.32218599902</v>
      </c>
      <c r="C206" s="166">
        <v>272309.32218599902</v>
      </c>
      <c r="D206" s="166">
        <v>0</v>
      </c>
      <c r="E206" s="166">
        <v>0</v>
      </c>
      <c r="F206" s="166">
        <v>0</v>
      </c>
      <c r="G206" s="166">
        <v>0</v>
      </c>
      <c r="H206" s="166">
        <v>0</v>
      </c>
      <c r="I206" s="166">
        <v>0</v>
      </c>
      <c r="J206" s="166">
        <v>0</v>
      </c>
      <c r="K206" s="166">
        <v>0</v>
      </c>
      <c r="L206" s="166">
        <v>0</v>
      </c>
      <c r="M206" s="166">
        <v>0</v>
      </c>
      <c r="N206" s="166">
        <v>0</v>
      </c>
      <c r="O206" s="166">
        <v>0</v>
      </c>
      <c r="P206" s="166">
        <v>0</v>
      </c>
      <c r="Q206" s="166">
        <v>0</v>
      </c>
      <c r="R206" s="166">
        <v>0</v>
      </c>
      <c r="S206" s="166">
        <v>0</v>
      </c>
      <c r="T206" s="166">
        <v>0</v>
      </c>
      <c r="U206" s="166">
        <v>0</v>
      </c>
      <c r="V206" s="166">
        <v>0</v>
      </c>
      <c r="W206" s="166">
        <v>0</v>
      </c>
      <c r="X206" s="166">
        <v>0</v>
      </c>
      <c r="Y206" s="166">
        <v>0</v>
      </c>
      <c r="Z206" s="166">
        <v>0</v>
      </c>
      <c r="AA206" s="166">
        <v>0</v>
      </c>
      <c r="AB206" s="166">
        <v>0</v>
      </c>
      <c r="AC206" s="166">
        <v>0</v>
      </c>
      <c r="AD206" s="166">
        <v>0</v>
      </c>
      <c r="AE206" s="166">
        <v>0</v>
      </c>
      <c r="AF206" s="166">
        <v>0</v>
      </c>
      <c r="AG206" s="166">
        <v>0</v>
      </c>
      <c r="AH206" s="166">
        <v>0</v>
      </c>
      <c r="AI206" s="166">
        <v>0</v>
      </c>
      <c r="AJ206" s="166">
        <v>0</v>
      </c>
      <c r="AK206" s="166">
        <v>0</v>
      </c>
      <c r="AL206" s="166">
        <v>0</v>
      </c>
      <c r="AM206" s="166">
        <v>0</v>
      </c>
      <c r="AN206" s="166">
        <v>0</v>
      </c>
      <c r="AO206" s="166">
        <v>0</v>
      </c>
      <c r="AP206" s="166">
        <v>0</v>
      </c>
      <c r="AQ206" s="166">
        <v>0</v>
      </c>
      <c r="AR206" s="166">
        <v>0</v>
      </c>
      <c r="AS206" s="166">
        <v>0</v>
      </c>
      <c r="AT206" s="166">
        <v>0</v>
      </c>
      <c r="AU206" s="166">
        <v>0</v>
      </c>
      <c r="AV206" s="166">
        <v>0</v>
      </c>
      <c r="AW206" s="166">
        <v>0</v>
      </c>
      <c r="AX206" s="166">
        <v>0</v>
      </c>
      <c r="AY206" s="166">
        <v>0</v>
      </c>
      <c r="AZ206" s="166">
        <v>0</v>
      </c>
      <c r="BA206" s="166">
        <v>0</v>
      </c>
      <c r="BB206" s="166">
        <v>0</v>
      </c>
      <c r="BC206" s="166">
        <v>0</v>
      </c>
      <c r="BD206" s="166">
        <v>0</v>
      </c>
      <c r="BE206" s="166">
        <v>0</v>
      </c>
      <c r="BF206" s="166">
        <v>0</v>
      </c>
      <c r="BG206" s="166">
        <v>0</v>
      </c>
      <c r="BH206" s="166">
        <v>0</v>
      </c>
      <c r="BI206" s="166">
        <v>0</v>
      </c>
      <c r="BJ206" s="166">
        <v>0</v>
      </c>
      <c r="BK206" s="166">
        <v>0</v>
      </c>
      <c r="BL206" s="166">
        <v>0</v>
      </c>
      <c r="BM206" s="166">
        <v>0</v>
      </c>
      <c r="BN206" s="166">
        <v>0</v>
      </c>
      <c r="BO206" s="166">
        <v>0</v>
      </c>
      <c r="BP206" s="166">
        <v>0</v>
      </c>
      <c r="BQ206" s="166">
        <v>0</v>
      </c>
      <c r="BR206" s="166">
        <v>272309.32218599902</v>
      </c>
      <c r="BS206" s="166">
        <v>272309.32218599902</v>
      </c>
      <c r="BT206" s="168">
        <v>1</v>
      </c>
      <c r="BU206" s="166">
        <v>11896.172474999899</v>
      </c>
      <c r="BV206" s="166">
        <v>272309.32218599902</v>
      </c>
      <c r="BW206" s="166">
        <v>0</v>
      </c>
      <c r="BX206" s="166">
        <v>0</v>
      </c>
      <c r="BY206" s="166">
        <v>0</v>
      </c>
      <c r="BZ206" s="166">
        <v>0</v>
      </c>
      <c r="CA206" s="166">
        <v>0</v>
      </c>
      <c r="CB206" s="166">
        <v>0</v>
      </c>
      <c r="CC206" s="166">
        <v>0</v>
      </c>
      <c r="CD206" s="166">
        <v>0</v>
      </c>
      <c r="CE206" s="166">
        <v>0</v>
      </c>
      <c r="CF206" s="166">
        <v>0</v>
      </c>
      <c r="CG206" s="166">
        <v>0</v>
      </c>
      <c r="CH206" s="166">
        <v>0</v>
      </c>
      <c r="CI206" s="166">
        <v>0</v>
      </c>
      <c r="CJ206" s="166">
        <v>0</v>
      </c>
      <c r="CK206" s="166">
        <v>0</v>
      </c>
      <c r="CL206" s="166">
        <v>0</v>
      </c>
      <c r="CM206" s="166">
        <v>0</v>
      </c>
      <c r="CN206" s="166">
        <v>0</v>
      </c>
      <c r="CO206" s="166">
        <v>0</v>
      </c>
      <c r="CP206" s="166">
        <v>0</v>
      </c>
      <c r="CQ206" s="166">
        <v>0</v>
      </c>
      <c r="CR206" s="166">
        <v>0</v>
      </c>
      <c r="CS206" s="166">
        <v>0</v>
      </c>
      <c r="CT206" s="166">
        <v>0</v>
      </c>
      <c r="CU206" s="166">
        <v>0</v>
      </c>
      <c r="CV206" s="166">
        <v>0</v>
      </c>
      <c r="CW206" s="166">
        <v>0</v>
      </c>
      <c r="CX206" s="166">
        <v>0</v>
      </c>
      <c r="CY206" s="166">
        <v>272309.32218599902</v>
      </c>
      <c r="CZ206" s="166">
        <v>272309.32218599902</v>
      </c>
    </row>
    <row r="207" spans="1:104" hidden="1" outlineLevel="1" x14ac:dyDescent="0.2">
      <c r="A207" s="167" t="s">
        <v>1119</v>
      </c>
      <c r="B207" s="166">
        <v>192580.685814</v>
      </c>
      <c r="C207" s="166">
        <v>192580.685814</v>
      </c>
      <c r="D207" s="166">
        <v>0</v>
      </c>
      <c r="E207" s="166">
        <v>0</v>
      </c>
      <c r="F207" s="166">
        <v>0</v>
      </c>
      <c r="G207" s="166">
        <v>0</v>
      </c>
      <c r="H207" s="166">
        <v>0</v>
      </c>
      <c r="I207" s="166">
        <v>0</v>
      </c>
      <c r="J207" s="166">
        <v>0</v>
      </c>
      <c r="K207" s="166">
        <v>0</v>
      </c>
      <c r="L207" s="166">
        <v>0</v>
      </c>
      <c r="M207" s="166">
        <v>0</v>
      </c>
      <c r="N207" s="166">
        <v>0</v>
      </c>
      <c r="O207" s="166">
        <v>0</v>
      </c>
      <c r="P207" s="166">
        <v>0</v>
      </c>
      <c r="Q207" s="166">
        <v>0</v>
      </c>
      <c r="R207" s="166">
        <v>0</v>
      </c>
      <c r="S207" s="166">
        <v>0</v>
      </c>
      <c r="T207" s="166">
        <v>0</v>
      </c>
      <c r="U207" s="166">
        <v>0</v>
      </c>
      <c r="V207" s="166">
        <v>0</v>
      </c>
      <c r="W207" s="166">
        <v>0</v>
      </c>
      <c r="X207" s="166">
        <v>0</v>
      </c>
      <c r="Y207" s="166">
        <v>0</v>
      </c>
      <c r="Z207" s="166">
        <v>0</v>
      </c>
      <c r="AA207" s="166">
        <v>0</v>
      </c>
      <c r="AB207" s="166">
        <v>0</v>
      </c>
      <c r="AC207" s="166">
        <v>0</v>
      </c>
      <c r="AD207" s="166">
        <v>0</v>
      </c>
      <c r="AE207" s="166">
        <v>0</v>
      </c>
      <c r="AF207" s="166">
        <v>0</v>
      </c>
      <c r="AG207" s="166">
        <v>0</v>
      </c>
      <c r="AH207" s="166">
        <v>0</v>
      </c>
      <c r="AI207" s="166">
        <v>0</v>
      </c>
      <c r="AJ207" s="166">
        <v>0</v>
      </c>
      <c r="AK207" s="166">
        <v>0</v>
      </c>
      <c r="AL207" s="166">
        <v>0</v>
      </c>
      <c r="AM207" s="166">
        <v>0</v>
      </c>
      <c r="AN207" s="166">
        <v>0</v>
      </c>
      <c r="AO207" s="166">
        <v>0</v>
      </c>
      <c r="AP207" s="166">
        <v>0</v>
      </c>
      <c r="AQ207" s="166">
        <v>0</v>
      </c>
      <c r="AR207" s="166">
        <v>0</v>
      </c>
      <c r="AS207" s="166">
        <v>0</v>
      </c>
      <c r="AT207" s="166">
        <v>0</v>
      </c>
      <c r="AU207" s="166">
        <v>0</v>
      </c>
      <c r="AV207" s="166">
        <v>0</v>
      </c>
      <c r="AW207" s="166">
        <v>0</v>
      </c>
      <c r="AX207" s="166">
        <v>0</v>
      </c>
      <c r="AY207" s="166">
        <v>0</v>
      </c>
      <c r="AZ207" s="166">
        <v>0</v>
      </c>
      <c r="BA207" s="166">
        <v>0</v>
      </c>
      <c r="BB207" s="166">
        <v>0</v>
      </c>
      <c r="BC207" s="166">
        <v>0</v>
      </c>
      <c r="BD207" s="166">
        <v>0</v>
      </c>
      <c r="BE207" s="166">
        <v>0</v>
      </c>
      <c r="BF207" s="166">
        <v>0</v>
      </c>
      <c r="BG207" s="166">
        <v>0</v>
      </c>
      <c r="BH207" s="166">
        <v>0</v>
      </c>
      <c r="BI207" s="166">
        <v>0</v>
      </c>
      <c r="BJ207" s="166">
        <v>0</v>
      </c>
      <c r="BK207" s="166">
        <v>0</v>
      </c>
      <c r="BL207" s="166">
        <v>0</v>
      </c>
      <c r="BM207" s="166">
        <v>0</v>
      </c>
      <c r="BN207" s="166">
        <v>0</v>
      </c>
      <c r="BO207" s="166">
        <v>0</v>
      </c>
      <c r="BP207" s="166">
        <v>0</v>
      </c>
      <c r="BQ207" s="166">
        <v>0</v>
      </c>
      <c r="BR207" s="166">
        <v>192580.685814</v>
      </c>
      <c r="BS207" s="166">
        <v>192580.685814</v>
      </c>
      <c r="BT207" s="168">
        <v>1</v>
      </c>
      <c r="BU207" s="166">
        <v>8413.1275249999908</v>
      </c>
      <c r="BV207" s="166">
        <v>192580.685814</v>
      </c>
      <c r="BW207" s="166">
        <v>0</v>
      </c>
      <c r="BX207" s="166">
        <v>0</v>
      </c>
      <c r="BY207" s="166">
        <v>0</v>
      </c>
      <c r="BZ207" s="166">
        <v>0</v>
      </c>
      <c r="CA207" s="166">
        <v>0</v>
      </c>
      <c r="CB207" s="166">
        <v>0</v>
      </c>
      <c r="CC207" s="166">
        <v>0</v>
      </c>
      <c r="CD207" s="166">
        <v>0</v>
      </c>
      <c r="CE207" s="166">
        <v>0</v>
      </c>
      <c r="CF207" s="166">
        <v>0</v>
      </c>
      <c r="CG207" s="166">
        <v>0</v>
      </c>
      <c r="CH207" s="166">
        <v>0</v>
      </c>
      <c r="CI207" s="166">
        <v>0</v>
      </c>
      <c r="CJ207" s="166">
        <v>0</v>
      </c>
      <c r="CK207" s="166">
        <v>0</v>
      </c>
      <c r="CL207" s="166">
        <v>0</v>
      </c>
      <c r="CM207" s="166">
        <v>0</v>
      </c>
      <c r="CN207" s="166">
        <v>0</v>
      </c>
      <c r="CO207" s="166">
        <v>0</v>
      </c>
      <c r="CP207" s="166">
        <v>0</v>
      </c>
      <c r="CQ207" s="166">
        <v>0</v>
      </c>
      <c r="CR207" s="166">
        <v>0</v>
      </c>
      <c r="CS207" s="166">
        <v>0</v>
      </c>
      <c r="CT207" s="166">
        <v>0</v>
      </c>
      <c r="CU207" s="166">
        <v>0</v>
      </c>
      <c r="CV207" s="166">
        <v>0</v>
      </c>
      <c r="CW207" s="166">
        <v>0</v>
      </c>
      <c r="CX207" s="166">
        <v>0</v>
      </c>
      <c r="CY207" s="166">
        <v>192580.685814</v>
      </c>
      <c r="CZ207" s="166">
        <v>192580.685814</v>
      </c>
    </row>
    <row r="208" spans="1:104" hidden="1" outlineLevel="1" x14ac:dyDescent="0.2">
      <c r="A208" s="167" t="s">
        <v>1120</v>
      </c>
      <c r="B208" s="166">
        <v>125171.63465399999</v>
      </c>
      <c r="C208" s="166">
        <v>125171.63465399999</v>
      </c>
      <c r="D208" s="166">
        <v>0</v>
      </c>
      <c r="E208" s="166">
        <v>0</v>
      </c>
      <c r="F208" s="166">
        <v>0</v>
      </c>
      <c r="G208" s="166">
        <v>0</v>
      </c>
      <c r="H208" s="166">
        <v>0</v>
      </c>
      <c r="I208" s="166">
        <v>0</v>
      </c>
      <c r="J208" s="166">
        <v>0</v>
      </c>
      <c r="K208" s="166">
        <v>0</v>
      </c>
      <c r="L208" s="166">
        <v>0</v>
      </c>
      <c r="M208" s="166">
        <v>0</v>
      </c>
      <c r="N208" s="166">
        <v>0</v>
      </c>
      <c r="O208" s="166">
        <v>0</v>
      </c>
      <c r="P208" s="166">
        <v>0</v>
      </c>
      <c r="Q208" s="166">
        <v>0</v>
      </c>
      <c r="R208" s="166">
        <v>0</v>
      </c>
      <c r="S208" s="166">
        <v>0</v>
      </c>
      <c r="T208" s="166">
        <v>0</v>
      </c>
      <c r="U208" s="166">
        <v>0</v>
      </c>
      <c r="V208" s="166">
        <v>0</v>
      </c>
      <c r="W208" s="166">
        <v>0</v>
      </c>
      <c r="X208" s="166">
        <v>0</v>
      </c>
      <c r="Y208" s="166">
        <v>0</v>
      </c>
      <c r="Z208" s="166">
        <v>0</v>
      </c>
      <c r="AA208" s="166">
        <v>0</v>
      </c>
      <c r="AB208" s="166">
        <v>0</v>
      </c>
      <c r="AC208" s="166">
        <v>0</v>
      </c>
      <c r="AD208" s="166">
        <v>0</v>
      </c>
      <c r="AE208" s="166">
        <v>0</v>
      </c>
      <c r="AF208" s="166">
        <v>0</v>
      </c>
      <c r="AG208" s="166">
        <v>0</v>
      </c>
      <c r="AH208" s="166">
        <v>0</v>
      </c>
      <c r="AI208" s="166">
        <v>0</v>
      </c>
      <c r="AJ208" s="166">
        <v>0</v>
      </c>
      <c r="AK208" s="166">
        <v>0</v>
      </c>
      <c r="AL208" s="166">
        <v>0</v>
      </c>
      <c r="AM208" s="166">
        <v>0</v>
      </c>
      <c r="AN208" s="166">
        <v>0</v>
      </c>
      <c r="AO208" s="166">
        <v>0</v>
      </c>
      <c r="AP208" s="166">
        <v>0</v>
      </c>
      <c r="AQ208" s="166">
        <v>0</v>
      </c>
      <c r="AR208" s="166">
        <v>0</v>
      </c>
      <c r="AS208" s="166">
        <v>0</v>
      </c>
      <c r="AT208" s="166">
        <v>0</v>
      </c>
      <c r="AU208" s="166">
        <v>0</v>
      </c>
      <c r="AV208" s="166">
        <v>0</v>
      </c>
      <c r="AW208" s="166">
        <v>0</v>
      </c>
      <c r="AX208" s="166">
        <v>0</v>
      </c>
      <c r="AY208" s="166">
        <v>0</v>
      </c>
      <c r="AZ208" s="166">
        <v>0</v>
      </c>
      <c r="BA208" s="166">
        <v>0</v>
      </c>
      <c r="BB208" s="166">
        <v>0</v>
      </c>
      <c r="BC208" s="166">
        <v>0</v>
      </c>
      <c r="BD208" s="166">
        <v>0</v>
      </c>
      <c r="BE208" s="166">
        <v>0</v>
      </c>
      <c r="BF208" s="166">
        <v>0</v>
      </c>
      <c r="BG208" s="166">
        <v>0</v>
      </c>
      <c r="BH208" s="166">
        <v>0</v>
      </c>
      <c r="BI208" s="166">
        <v>0</v>
      </c>
      <c r="BJ208" s="166">
        <v>0</v>
      </c>
      <c r="BK208" s="166">
        <v>0</v>
      </c>
      <c r="BL208" s="166">
        <v>0</v>
      </c>
      <c r="BM208" s="166">
        <v>0</v>
      </c>
      <c r="BN208" s="166">
        <v>0</v>
      </c>
      <c r="BO208" s="166">
        <v>0</v>
      </c>
      <c r="BP208" s="166">
        <v>0</v>
      </c>
      <c r="BQ208" s="166">
        <v>0</v>
      </c>
      <c r="BR208" s="166">
        <v>125171.63465399999</v>
      </c>
      <c r="BS208" s="166">
        <v>125171.63465399999</v>
      </c>
      <c r="BT208" s="168">
        <v>1</v>
      </c>
      <c r="BU208" s="166">
        <v>5468.2790249999898</v>
      </c>
      <c r="BV208" s="166">
        <v>125171.63465399999</v>
      </c>
      <c r="BW208" s="166">
        <v>0</v>
      </c>
      <c r="BX208" s="166">
        <v>0</v>
      </c>
      <c r="BY208" s="166">
        <v>0</v>
      </c>
      <c r="BZ208" s="166">
        <v>0</v>
      </c>
      <c r="CA208" s="166">
        <v>0</v>
      </c>
      <c r="CB208" s="166">
        <v>0</v>
      </c>
      <c r="CC208" s="166">
        <v>0</v>
      </c>
      <c r="CD208" s="166">
        <v>0</v>
      </c>
      <c r="CE208" s="166">
        <v>0</v>
      </c>
      <c r="CF208" s="166">
        <v>0</v>
      </c>
      <c r="CG208" s="166">
        <v>0</v>
      </c>
      <c r="CH208" s="166">
        <v>0</v>
      </c>
      <c r="CI208" s="166">
        <v>0</v>
      </c>
      <c r="CJ208" s="166">
        <v>0</v>
      </c>
      <c r="CK208" s="166">
        <v>0</v>
      </c>
      <c r="CL208" s="166">
        <v>0</v>
      </c>
      <c r="CM208" s="166">
        <v>0</v>
      </c>
      <c r="CN208" s="166">
        <v>0</v>
      </c>
      <c r="CO208" s="166">
        <v>0</v>
      </c>
      <c r="CP208" s="166">
        <v>0</v>
      </c>
      <c r="CQ208" s="166">
        <v>0</v>
      </c>
      <c r="CR208" s="166">
        <v>0</v>
      </c>
      <c r="CS208" s="166">
        <v>0</v>
      </c>
      <c r="CT208" s="166">
        <v>0</v>
      </c>
      <c r="CU208" s="166">
        <v>0</v>
      </c>
      <c r="CV208" s="166">
        <v>0</v>
      </c>
      <c r="CW208" s="166">
        <v>0</v>
      </c>
      <c r="CX208" s="166">
        <v>0</v>
      </c>
      <c r="CY208" s="166">
        <v>125171.63465399999</v>
      </c>
      <c r="CZ208" s="166">
        <v>125171.63465399999</v>
      </c>
    </row>
    <row r="209" spans="1:104" hidden="1" outlineLevel="1" x14ac:dyDescent="0.2">
      <c r="A209" s="167" t="s">
        <v>1121</v>
      </c>
      <c r="B209" s="166">
        <v>697.33501199999898</v>
      </c>
      <c r="C209" s="166">
        <v>697.33501199999898</v>
      </c>
      <c r="D209" s="166">
        <v>0</v>
      </c>
      <c r="E209" s="166">
        <v>0</v>
      </c>
      <c r="F209" s="166">
        <v>0</v>
      </c>
      <c r="G209" s="166">
        <v>0</v>
      </c>
      <c r="H209" s="166">
        <v>0</v>
      </c>
      <c r="I209" s="166">
        <v>0</v>
      </c>
      <c r="J209" s="166">
        <v>0</v>
      </c>
      <c r="K209" s="166">
        <v>0</v>
      </c>
      <c r="L209" s="166">
        <v>0</v>
      </c>
      <c r="M209" s="166">
        <v>0</v>
      </c>
      <c r="N209" s="166">
        <v>0</v>
      </c>
      <c r="O209" s="166">
        <v>0</v>
      </c>
      <c r="P209" s="166">
        <v>0</v>
      </c>
      <c r="Q209" s="166">
        <v>0</v>
      </c>
      <c r="R209" s="166">
        <v>0</v>
      </c>
      <c r="S209" s="166">
        <v>0</v>
      </c>
      <c r="T209" s="166">
        <v>0</v>
      </c>
      <c r="U209" s="166">
        <v>0</v>
      </c>
      <c r="V209" s="166">
        <v>0</v>
      </c>
      <c r="W209" s="166">
        <v>0</v>
      </c>
      <c r="X209" s="166">
        <v>0</v>
      </c>
      <c r="Y209" s="166">
        <v>0</v>
      </c>
      <c r="Z209" s="166">
        <v>0</v>
      </c>
      <c r="AA209" s="166">
        <v>0</v>
      </c>
      <c r="AB209" s="166">
        <v>0</v>
      </c>
      <c r="AC209" s="166">
        <v>0</v>
      </c>
      <c r="AD209" s="166">
        <v>0</v>
      </c>
      <c r="AE209" s="166">
        <v>0</v>
      </c>
      <c r="AF209" s="166">
        <v>0</v>
      </c>
      <c r="AG209" s="166">
        <v>0</v>
      </c>
      <c r="AH209" s="166">
        <v>0</v>
      </c>
      <c r="AI209" s="166">
        <v>0</v>
      </c>
      <c r="AJ209" s="166">
        <v>0</v>
      </c>
      <c r="AK209" s="166">
        <v>0</v>
      </c>
      <c r="AL209" s="166">
        <v>0</v>
      </c>
      <c r="AM209" s="166">
        <v>0</v>
      </c>
      <c r="AN209" s="166">
        <v>0</v>
      </c>
      <c r="AO209" s="166">
        <v>0</v>
      </c>
      <c r="AP209" s="166">
        <v>0</v>
      </c>
      <c r="AQ209" s="166">
        <v>0</v>
      </c>
      <c r="AR209" s="166">
        <v>0</v>
      </c>
      <c r="AS209" s="166">
        <v>0</v>
      </c>
      <c r="AT209" s="166">
        <v>0</v>
      </c>
      <c r="AU209" s="166">
        <v>0</v>
      </c>
      <c r="AV209" s="166">
        <v>0</v>
      </c>
      <c r="AW209" s="166">
        <v>0</v>
      </c>
      <c r="AX209" s="166">
        <v>0</v>
      </c>
      <c r="AY209" s="166">
        <v>0</v>
      </c>
      <c r="AZ209" s="166">
        <v>0</v>
      </c>
      <c r="BA209" s="166">
        <v>0</v>
      </c>
      <c r="BB209" s="166">
        <v>0</v>
      </c>
      <c r="BC209" s="166">
        <v>0</v>
      </c>
      <c r="BD209" s="166">
        <v>0</v>
      </c>
      <c r="BE209" s="166">
        <v>0</v>
      </c>
      <c r="BF209" s="166">
        <v>0</v>
      </c>
      <c r="BG209" s="166">
        <v>0</v>
      </c>
      <c r="BH209" s="166">
        <v>0</v>
      </c>
      <c r="BI209" s="166">
        <v>0</v>
      </c>
      <c r="BJ209" s="166">
        <v>0</v>
      </c>
      <c r="BK209" s="166">
        <v>0</v>
      </c>
      <c r="BL209" s="166">
        <v>0</v>
      </c>
      <c r="BM209" s="166">
        <v>0</v>
      </c>
      <c r="BN209" s="166">
        <v>0</v>
      </c>
      <c r="BO209" s="166">
        <v>0</v>
      </c>
      <c r="BP209" s="166">
        <v>0</v>
      </c>
      <c r="BQ209" s="166">
        <v>0</v>
      </c>
      <c r="BR209" s="166">
        <v>697.33501199999898</v>
      </c>
      <c r="BS209" s="166">
        <v>697.33501199999898</v>
      </c>
      <c r="BT209" s="168">
        <v>1</v>
      </c>
      <c r="BU209" s="166">
        <v>30.463949999999901</v>
      </c>
      <c r="BV209" s="166">
        <v>697.33501199999898</v>
      </c>
      <c r="BW209" s="166">
        <v>0</v>
      </c>
      <c r="BX209" s="166">
        <v>0</v>
      </c>
      <c r="BY209" s="166">
        <v>0</v>
      </c>
      <c r="BZ209" s="166">
        <v>0</v>
      </c>
      <c r="CA209" s="166">
        <v>0</v>
      </c>
      <c r="CB209" s="166">
        <v>0</v>
      </c>
      <c r="CC209" s="166">
        <v>0</v>
      </c>
      <c r="CD209" s="166">
        <v>0</v>
      </c>
      <c r="CE209" s="166">
        <v>0</v>
      </c>
      <c r="CF209" s="166">
        <v>0</v>
      </c>
      <c r="CG209" s="166">
        <v>0</v>
      </c>
      <c r="CH209" s="166">
        <v>0</v>
      </c>
      <c r="CI209" s="166">
        <v>0</v>
      </c>
      <c r="CJ209" s="166">
        <v>0</v>
      </c>
      <c r="CK209" s="166">
        <v>0</v>
      </c>
      <c r="CL209" s="166">
        <v>0</v>
      </c>
      <c r="CM209" s="166">
        <v>0</v>
      </c>
      <c r="CN209" s="166">
        <v>0</v>
      </c>
      <c r="CO209" s="166">
        <v>0</v>
      </c>
      <c r="CP209" s="166">
        <v>0</v>
      </c>
      <c r="CQ209" s="166">
        <v>0</v>
      </c>
      <c r="CR209" s="166">
        <v>0</v>
      </c>
      <c r="CS209" s="166">
        <v>0</v>
      </c>
      <c r="CT209" s="166">
        <v>0</v>
      </c>
      <c r="CU209" s="166">
        <v>0</v>
      </c>
      <c r="CV209" s="166">
        <v>0</v>
      </c>
      <c r="CW209" s="166">
        <v>0</v>
      </c>
      <c r="CX209" s="166">
        <v>0</v>
      </c>
      <c r="CY209" s="166">
        <v>697.33501199999898</v>
      </c>
      <c r="CZ209" s="166">
        <v>697.33501199999898</v>
      </c>
    </row>
    <row r="210" spans="1:104" hidden="1" outlineLevel="1" x14ac:dyDescent="0.2">
      <c r="A210" s="167" t="s">
        <v>1122</v>
      </c>
      <c r="B210" s="166">
        <v>1162225.01999999</v>
      </c>
      <c r="C210" s="166">
        <v>1162225.01999999</v>
      </c>
      <c r="D210" s="166">
        <v>0</v>
      </c>
      <c r="E210" s="166">
        <v>0</v>
      </c>
      <c r="F210" s="166">
        <v>0</v>
      </c>
      <c r="G210" s="166">
        <v>0</v>
      </c>
      <c r="H210" s="166">
        <v>0</v>
      </c>
      <c r="I210" s="166">
        <v>0</v>
      </c>
      <c r="J210" s="166">
        <v>0</v>
      </c>
      <c r="K210" s="166">
        <v>0</v>
      </c>
      <c r="L210" s="166">
        <v>0</v>
      </c>
      <c r="M210" s="166">
        <v>0</v>
      </c>
      <c r="N210" s="166">
        <v>0</v>
      </c>
      <c r="O210" s="166">
        <v>0</v>
      </c>
      <c r="P210" s="166">
        <v>0</v>
      </c>
      <c r="Q210" s="166">
        <v>0</v>
      </c>
      <c r="R210" s="166">
        <v>0</v>
      </c>
      <c r="S210" s="166">
        <v>0</v>
      </c>
      <c r="T210" s="166">
        <v>0</v>
      </c>
      <c r="U210" s="166">
        <v>0</v>
      </c>
      <c r="V210" s="166">
        <v>0</v>
      </c>
      <c r="W210" s="166">
        <v>0</v>
      </c>
      <c r="X210" s="166">
        <v>0</v>
      </c>
      <c r="Y210" s="166">
        <v>0</v>
      </c>
      <c r="Z210" s="166">
        <v>0</v>
      </c>
      <c r="AA210" s="166">
        <v>0</v>
      </c>
      <c r="AB210" s="166">
        <v>0</v>
      </c>
      <c r="AC210" s="166">
        <v>0</v>
      </c>
      <c r="AD210" s="166">
        <v>0</v>
      </c>
      <c r="AE210" s="166">
        <v>0</v>
      </c>
      <c r="AF210" s="166">
        <v>0</v>
      </c>
      <c r="AG210" s="166">
        <v>0</v>
      </c>
      <c r="AH210" s="166">
        <v>0</v>
      </c>
      <c r="AI210" s="166">
        <v>0</v>
      </c>
      <c r="AJ210" s="166">
        <v>0</v>
      </c>
      <c r="AK210" s="166">
        <v>0</v>
      </c>
      <c r="AL210" s="166">
        <v>0</v>
      </c>
      <c r="AM210" s="166">
        <v>0</v>
      </c>
      <c r="AN210" s="166">
        <v>0</v>
      </c>
      <c r="AO210" s="166">
        <v>0</v>
      </c>
      <c r="AP210" s="166">
        <v>0</v>
      </c>
      <c r="AQ210" s="166">
        <v>0</v>
      </c>
      <c r="AR210" s="166">
        <v>0</v>
      </c>
      <c r="AS210" s="166">
        <v>0</v>
      </c>
      <c r="AT210" s="166">
        <v>0</v>
      </c>
      <c r="AU210" s="166">
        <v>0</v>
      </c>
      <c r="AV210" s="166">
        <v>0</v>
      </c>
      <c r="AW210" s="166">
        <v>0</v>
      </c>
      <c r="AX210" s="166">
        <v>0</v>
      </c>
      <c r="AY210" s="166">
        <v>0</v>
      </c>
      <c r="AZ210" s="166">
        <v>0</v>
      </c>
      <c r="BA210" s="166">
        <v>0</v>
      </c>
      <c r="BB210" s="166">
        <v>0</v>
      </c>
      <c r="BC210" s="166">
        <v>0</v>
      </c>
      <c r="BD210" s="166">
        <v>0</v>
      </c>
      <c r="BE210" s="166">
        <v>0</v>
      </c>
      <c r="BF210" s="166">
        <v>0</v>
      </c>
      <c r="BG210" s="166">
        <v>0</v>
      </c>
      <c r="BH210" s="166">
        <v>0</v>
      </c>
      <c r="BI210" s="166">
        <v>0</v>
      </c>
      <c r="BJ210" s="166">
        <v>0</v>
      </c>
      <c r="BK210" s="166">
        <v>0</v>
      </c>
      <c r="BL210" s="166">
        <v>0</v>
      </c>
      <c r="BM210" s="166">
        <v>0</v>
      </c>
      <c r="BN210" s="166">
        <v>0</v>
      </c>
      <c r="BO210" s="166">
        <v>0</v>
      </c>
      <c r="BP210" s="166">
        <v>0</v>
      </c>
      <c r="BQ210" s="166">
        <v>0</v>
      </c>
      <c r="BR210" s="166">
        <v>1162225.01999999</v>
      </c>
      <c r="BS210" s="166">
        <v>1162225.01999999</v>
      </c>
      <c r="BT210" s="171">
        <v>0</v>
      </c>
      <c r="BU210" s="166">
        <v>50773.249999999898</v>
      </c>
      <c r="BV210" s="166">
        <v>1162225.01999999</v>
      </c>
      <c r="BW210" s="166">
        <v>0</v>
      </c>
      <c r="BX210" s="166">
        <v>0</v>
      </c>
      <c r="BY210" s="166">
        <v>0</v>
      </c>
      <c r="BZ210" s="166">
        <v>0</v>
      </c>
      <c r="CA210" s="166">
        <v>0</v>
      </c>
      <c r="CB210" s="166">
        <v>0</v>
      </c>
      <c r="CC210" s="166">
        <v>0</v>
      </c>
      <c r="CD210" s="166">
        <v>0</v>
      </c>
      <c r="CE210" s="166">
        <v>0</v>
      </c>
      <c r="CF210" s="166">
        <v>0</v>
      </c>
      <c r="CG210" s="166">
        <v>0</v>
      </c>
      <c r="CH210" s="166">
        <v>0</v>
      </c>
      <c r="CI210" s="166">
        <v>0</v>
      </c>
      <c r="CJ210" s="166">
        <v>0</v>
      </c>
      <c r="CK210" s="166">
        <v>0</v>
      </c>
      <c r="CL210" s="166">
        <v>0</v>
      </c>
      <c r="CM210" s="166">
        <v>0</v>
      </c>
      <c r="CN210" s="166">
        <v>0</v>
      </c>
      <c r="CO210" s="166">
        <v>0</v>
      </c>
      <c r="CP210" s="166">
        <v>0</v>
      </c>
      <c r="CQ210" s="166">
        <v>0</v>
      </c>
      <c r="CR210" s="166">
        <v>0</v>
      </c>
      <c r="CS210" s="166">
        <v>0</v>
      </c>
      <c r="CT210" s="166">
        <v>0</v>
      </c>
      <c r="CU210" s="166">
        <v>0</v>
      </c>
      <c r="CV210" s="166">
        <v>0</v>
      </c>
      <c r="CW210" s="166">
        <v>0</v>
      </c>
      <c r="CX210" s="166">
        <v>0</v>
      </c>
      <c r="CY210" s="166">
        <v>1162225.01999999</v>
      </c>
      <c r="CZ210" s="166">
        <v>1162225.01999999</v>
      </c>
    </row>
    <row r="211" spans="1:104" hidden="1" outlineLevel="1" x14ac:dyDescent="0.2">
      <c r="A211" s="167" t="s">
        <v>303</v>
      </c>
    </row>
    <row r="212" spans="1:104" hidden="1" outlineLevel="1" x14ac:dyDescent="0.2">
      <c r="A212" s="167" t="s">
        <v>1123</v>
      </c>
      <c r="B212" s="166">
        <v>2594814.418662</v>
      </c>
      <c r="C212" s="166">
        <v>2594814.418662</v>
      </c>
      <c r="D212" s="166">
        <v>0</v>
      </c>
      <c r="E212" s="166">
        <v>0</v>
      </c>
      <c r="F212" s="166">
        <v>0</v>
      </c>
      <c r="G212" s="166">
        <v>0</v>
      </c>
      <c r="H212" s="166">
        <v>0</v>
      </c>
      <c r="I212" s="166">
        <v>0</v>
      </c>
      <c r="J212" s="166">
        <v>0</v>
      </c>
      <c r="K212" s="166">
        <v>0</v>
      </c>
      <c r="L212" s="166">
        <v>0</v>
      </c>
      <c r="M212" s="166">
        <v>0</v>
      </c>
      <c r="N212" s="166">
        <v>0</v>
      </c>
      <c r="O212" s="166">
        <v>0</v>
      </c>
      <c r="P212" s="166">
        <v>0</v>
      </c>
      <c r="Q212" s="166">
        <v>0</v>
      </c>
      <c r="R212" s="166">
        <v>0</v>
      </c>
      <c r="S212" s="166">
        <v>0</v>
      </c>
      <c r="T212" s="166">
        <v>0</v>
      </c>
      <c r="U212" s="166">
        <v>0</v>
      </c>
      <c r="V212" s="166">
        <v>0</v>
      </c>
      <c r="W212" s="166">
        <v>0</v>
      </c>
      <c r="X212" s="166">
        <v>0</v>
      </c>
      <c r="Y212" s="166">
        <v>0</v>
      </c>
      <c r="Z212" s="166">
        <v>0</v>
      </c>
      <c r="AA212" s="166">
        <v>0</v>
      </c>
      <c r="AB212" s="166">
        <v>0</v>
      </c>
      <c r="AC212" s="166">
        <v>0</v>
      </c>
      <c r="AD212" s="166">
        <v>0</v>
      </c>
      <c r="AE212" s="166">
        <v>0</v>
      </c>
      <c r="AF212" s="166">
        <v>0</v>
      </c>
      <c r="AG212" s="166">
        <v>0</v>
      </c>
      <c r="AH212" s="166">
        <v>0</v>
      </c>
      <c r="AI212" s="166">
        <v>0</v>
      </c>
      <c r="AJ212" s="166">
        <v>0</v>
      </c>
      <c r="AK212" s="166">
        <v>0</v>
      </c>
      <c r="AL212" s="166">
        <v>0</v>
      </c>
      <c r="AM212" s="166">
        <v>0</v>
      </c>
      <c r="AN212" s="166">
        <v>0</v>
      </c>
      <c r="AO212" s="166">
        <v>0</v>
      </c>
      <c r="AP212" s="166">
        <v>0</v>
      </c>
      <c r="AQ212" s="166">
        <v>0</v>
      </c>
      <c r="AR212" s="166">
        <v>0</v>
      </c>
      <c r="AS212" s="166">
        <v>0</v>
      </c>
      <c r="AT212" s="166">
        <v>0</v>
      </c>
      <c r="AU212" s="166">
        <v>0</v>
      </c>
      <c r="AV212" s="166">
        <v>0</v>
      </c>
      <c r="AW212" s="166">
        <v>0</v>
      </c>
      <c r="AX212" s="166">
        <v>0</v>
      </c>
      <c r="AY212" s="166">
        <v>0</v>
      </c>
      <c r="AZ212" s="166">
        <v>0</v>
      </c>
      <c r="BA212" s="166">
        <v>0</v>
      </c>
      <c r="BB212" s="166">
        <v>0</v>
      </c>
      <c r="BC212" s="166">
        <v>0</v>
      </c>
      <c r="BD212" s="166">
        <v>0</v>
      </c>
      <c r="BE212" s="166">
        <v>0</v>
      </c>
      <c r="BF212" s="166">
        <v>0</v>
      </c>
      <c r="BG212" s="166">
        <v>0</v>
      </c>
      <c r="BH212" s="166">
        <v>0</v>
      </c>
      <c r="BI212" s="166">
        <v>0</v>
      </c>
      <c r="BJ212" s="166">
        <v>0</v>
      </c>
      <c r="BK212" s="166">
        <v>0</v>
      </c>
      <c r="BL212" s="166">
        <v>0</v>
      </c>
      <c r="BM212" s="166">
        <v>0</v>
      </c>
      <c r="BN212" s="166">
        <v>0</v>
      </c>
      <c r="BO212" s="166">
        <v>0</v>
      </c>
      <c r="BP212" s="166">
        <v>0</v>
      </c>
      <c r="BQ212" s="166">
        <v>0</v>
      </c>
      <c r="BR212" s="166">
        <v>2594814.418662</v>
      </c>
      <c r="BS212" s="166">
        <v>2594814.418662</v>
      </c>
      <c r="BT212" s="168">
        <v>1</v>
      </c>
      <c r="BU212" s="166">
        <v>175548.82650600001</v>
      </c>
      <c r="BV212" s="166">
        <v>2594814.418662</v>
      </c>
      <c r="BW212" s="166">
        <v>0</v>
      </c>
      <c r="BX212" s="166">
        <v>0</v>
      </c>
      <c r="BY212" s="166">
        <v>0</v>
      </c>
      <c r="BZ212" s="166">
        <v>0</v>
      </c>
      <c r="CA212" s="166">
        <v>0</v>
      </c>
      <c r="CB212" s="166">
        <v>0</v>
      </c>
      <c r="CC212" s="166">
        <v>0</v>
      </c>
      <c r="CD212" s="166">
        <v>0</v>
      </c>
      <c r="CE212" s="166">
        <v>0</v>
      </c>
      <c r="CF212" s="166">
        <v>0</v>
      </c>
      <c r="CG212" s="166">
        <v>0</v>
      </c>
      <c r="CH212" s="166">
        <v>0</v>
      </c>
      <c r="CI212" s="166">
        <v>0</v>
      </c>
      <c r="CJ212" s="166">
        <v>0</v>
      </c>
      <c r="CK212" s="166">
        <v>0</v>
      </c>
      <c r="CL212" s="166">
        <v>0</v>
      </c>
      <c r="CM212" s="166">
        <v>0</v>
      </c>
      <c r="CN212" s="166">
        <v>0</v>
      </c>
      <c r="CO212" s="166">
        <v>0</v>
      </c>
      <c r="CP212" s="166">
        <v>0</v>
      </c>
      <c r="CQ212" s="166">
        <v>0</v>
      </c>
      <c r="CR212" s="166">
        <v>0</v>
      </c>
      <c r="CS212" s="166">
        <v>0</v>
      </c>
      <c r="CT212" s="166">
        <v>0</v>
      </c>
      <c r="CU212" s="166">
        <v>0</v>
      </c>
      <c r="CV212" s="166">
        <v>0</v>
      </c>
      <c r="CW212" s="166">
        <v>0</v>
      </c>
      <c r="CX212" s="166">
        <v>0</v>
      </c>
      <c r="CY212" s="166">
        <v>2594814.418662</v>
      </c>
      <c r="CZ212" s="166">
        <v>2594814.418662</v>
      </c>
    </row>
    <row r="213" spans="1:104" hidden="1" outlineLevel="1" x14ac:dyDescent="0.2">
      <c r="A213" s="167" t="s">
        <v>1124</v>
      </c>
      <c r="B213" s="166">
        <v>1236701.5401240001</v>
      </c>
      <c r="C213" s="166">
        <v>1236701.5401240001</v>
      </c>
      <c r="D213" s="166">
        <v>0</v>
      </c>
      <c r="E213" s="166">
        <v>0</v>
      </c>
      <c r="F213" s="166">
        <v>0</v>
      </c>
      <c r="G213" s="166">
        <v>0</v>
      </c>
      <c r="H213" s="166">
        <v>0</v>
      </c>
      <c r="I213" s="166">
        <v>0</v>
      </c>
      <c r="J213" s="166">
        <v>0</v>
      </c>
      <c r="K213" s="166">
        <v>0</v>
      </c>
      <c r="L213" s="166">
        <v>0</v>
      </c>
      <c r="M213" s="166">
        <v>0</v>
      </c>
      <c r="N213" s="166">
        <v>0</v>
      </c>
      <c r="O213" s="166">
        <v>0</v>
      </c>
      <c r="P213" s="166">
        <v>0</v>
      </c>
      <c r="Q213" s="166">
        <v>0</v>
      </c>
      <c r="R213" s="166">
        <v>0</v>
      </c>
      <c r="S213" s="166">
        <v>0</v>
      </c>
      <c r="T213" s="166">
        <v>0</v>
      </c>
      <c r="U213" s="166">
        <v>0</v>
      </c>
      <c r="V213" s="166">
        <v>0</v>
      </c>
      <c r="W213" s="166">
        <v>0</v>
      </c>
      <c r="X213" s="166">
        <v>0</v>
      </c>
      <c r="Y213" s="166">
        <v>0</v>
      </c>
      <c r="Z213" s="166">
        <v>0</v>
      </c>
      <c r="AA213" s="166">
        <v>0</v>
      </c>
      <c r="AB213" s="166">
        <v>0</v>
      </c>
      <c r="AC213" s="166">
        <v>0</v>
      </c>
      <c r="AD213" s="166">
        <v>0</v>
      </c>
      <c r="AE213" s="166">
        <v>0</v>
      </c>
      <c r="AF213" s="166">
        <v>0</v>
      </c>
      <c r="AG213" s="166">
        <v>0</v>
      </c>
      <c r="AH213" s="166">
        <v>0</v>
      </c>
      <c r="AI213" s="166">
        <v>0</v>
      </c>
      <c r="AJ213" s="166">
        <v>0</v>
      </c>
      <c r="AK213" s="166">
        <v>0</v>
      </c>
      <c r="AL213" s="166">
        <v>0</v>
      </c>
      <c r="AM213" s="166">
        <v>0</v>
      </c>
      <c r="AN213" s="166">
        <v>0</v>
      </c>
      <c r="AO213" s="166">
        <v>0</v>
      </c>
      <c r="AP213" s="166">
        <v>0</v>
      </c>
      <c r="AQ213" s="166">
        <v>0</v>
      </c>
      <c r="AR213" s="166">
        <v>0</v>
      </c>
      <c r="AS213" s="166">
        <v>0</v>
      </c>
      <c r="AT213" s="166">
        <v>0</v>
      </c>
      <c r="AU213" s="166">
        <v>0</v>
      </c>
      <c r="AV213" s="166">
        <v>0</v>
      </c>
      <c r="AW213" s="166">
        <v>0</v>
      </c>
      <c r="AX213" s="166">
        <v>0</v>
      </c>
      <c r="AY213" s="166">
        <v>0</v>
      </c>
      <c r="AZ213" s="166">
        <v>0</v>
      </c>
      <c r="BA213" s="166">
        <v>0</v>
      </c>
      <c r="BB213" s="166">
        <v>0</v>
      </c>
      <c r="BC213" s="166">
        <v>0</v>
      </c>
      <c r="BD213" s="166">
        <v>0</v>
      </c>
      <c r="BE213" s="166">
        <v>0</v>
      </c>
      <c r="BF213" s="166">
        <v>0</v>
      </c>
      <c r="BG213" s="166">
        <v>0</v>
      </c>
      <c r="BH213" s="166">
        <v>0</v>
      </c>
      <c r="BI213" s="166">
        <v>0</v>
      </c>
      <c r="BJ213" s="166">
        <v>0</v>
      </c>
      <c r="BK213" s="166">
        <v>0</v>
      </c>
      <c r="BL213" s="166">
        <v>0</v>
      </c>
      <c r="BM213" s="166">
        <v>0</v>
      </c>
      <c r="BN213" s="166">
        <v>0</v>
      </c>
      <c r="BO213" s="166">
        <v>0</v>
      </c>
      <c r="BP213" s="166">
        <v>0</v>
      </c>
      <c r="BQ213" s="166">
        <v>0</v>
      </c>
      <c r="BR213" s="166">
        <v>1236701.5401240001</v>
      </c>
      <c r="BS213" s="166">
        <v>1236701.5401240001</v>
      </c>
      <c r="BT213" s="168">
        <v>1</v>
      </c>
      <c r="BU213" s="166">
        <v>83667.449412000002</v>
      </c>
      <c r="BV213" s="166">
        <v>1236701.5401240001</v>
      </c>
      <c r="BW213" s="166">
        <v>0</v>
      </c>
      <c r="BX213" s="166">
        <v>0</v>
      </c>
      <c r="BY213" s="166">
        <v>0</v>
      </c>
      <c r="BZ213" s="166">
        <v>0</v>
      </c>
      <c r="CA213" s="166">
        <v>0</v>
      </c>
      <c r="CB213" s="166">
        <v>0</v>
      </c>
      <c r="CC213" s="166">
        <v>0</v>
      </c>
      <c r="CD213" s="166">
        <v>0</v>
      </c>
      <c r="CE213" s="166">
        <v>0</v>
      </c>
      <c r="CF213" s="166">
        <v>0</v>
      </c>
      <c r="CG213" s="166">
        <v>0</v>
      </c>
      <c r="CH213" s="166">
        <v>0</v>
      </c>
      <c r="CI213" s="166">
        <v>0</v>
      </c>
      <c r="CJ213" s="166">
        <v>0</v>
      </c>
      <c r="CK213" s="166">
        <v>0</v>
      </c>
      <c r="CL213" s="166">
        <v>0</v>
      </c>
      <c r="CM213" s="166">
        <v>0</v>
      </c>
      <c r="CN213" s="166">
        <v>0</v>
      </c>
      <c r="CO213" s="166">
        <v>0</v>
      </c>
      <c r="CP213" s="166">
        <v>0</v>
      </c>
      <c r="CQ213" s="166">
        <v>0</v>
      </c>
      <c r="CR213" s="166">
        <v>0</v>
      </c>
      <c r="CS213" s="166">
        <v>0</v>
      </c>
      <c r="CT213" s="166">
        <v>0</v>
      </c>
      <c r="CU213" s="166">
        <v>0</v>
      </c>
      <c r="CV213" s="166">
        <v>0</v>
      </c>
      <c r="CW213" s="166">
        <v>0</v>
      </c>
      <c r="CX213" s="166">
        <v>0</v>
      </c>
      <c r="CY213" s="166">
        <v>1236701.5401240001</v>
      </c>
      <c r="CZ213" s="166">
        <v>1236701.5401240001</v>
      </c>
    </row>
    <row r="214" spans="1:104" hidden="1" outlineLevel="1" x14ac:dyDescent="0.2">
      <c r="A214" s="167" t="s">
        <v>1125</v>
      </c>
      <c r="B214" s="166">
        <v>874349.87121400004</v>
      </c>
      <c r="C214" s="166">
        <v>874349.87121400004</v>
      </c>
      <c r="D214" s="166">
        <v>0</v>
      </c>
      <c r="E214" s="166">
        <v>0</v>
      </c>
      <c r="F214" s="166">
        <v>0</v>
      </c>
      <c r="G214" s="166">
        <v>0</v>
      </c>
      <c r="H214" s="166">
        <v>0</v>
      </c>
      <c r="I214" s="166">
        <v>0</v>
      </c>
      <c r="J214" s="166">
        <v>0</v>
      </c>
      <c r="K214" s="166">
        <v>0</v>
      </c>
      <c r="L214" s="166">
        <v>0</v>
      </c>
      <c r="M214" s="166">
        <v>0</v>
      </c>
      <c r="N214" s="166">
        <v>0</v>
      </c>
      <c r="O214" s="166">
        <v>0</v>
      </c>
      <c r="P214" s="166">
        <v>0</v>
      </c>
      <c r="Q214" s="166">
        <v>0</v>
      </c>
      <c r="R214" s="166">
        <v>0</v>
      </c>
      <c r="S214" s="166">
        <v>0</v>
      </c>
      <c r="T214" s="166">
        <v>0</v>
      </c>
      <c r="U214" s="166">
        <v>0</v>
      </c>
      <c r="V214" s="166">
        <v>0</v>
      </c>
      <c r="W214" s="166">
        <v>0</v>
      </c>
      <c r="X214" s="166">
        <v>0</v>
      </c>
      <c r="Y214" s="166">
        <v>0</v>
      </c>
      <c r="Z214" s="166">
        <v>0</v>
      </c>
      <c r="AA214" s="166">
        <v>0</v>
      </c>
      <c r="AB214" s="166">
        <v>0</v>
      </c>
      <c r="AC214" s="166">
        <v>0</v>
      </c>
      <c r="AD214" s="166">
        <v>0</v>
      </c>
      <c r="AE214" s="166">
        <v>0</v>
      </c>
      <c r="AF214" s="166">
        <v>0</v>
      </c>
      <c r="AG214" s="166">
        <v>0</v>
      </c>
      <c r="AH214" s="166">
        <v>0</v>
      </c>
      <c r="AI214" s="166">
        <v>0</v>
      </c>
      <c r="AJ214" s="166">
        <v>0</v>
      </c>
      <c r="AK214" s="166">
        <v>0</v>
      </c>
      <c r="AL214" s="166">
        <v>0</v>
      </c>
      <c r="AM214" s="166">
        <v>0</v>
      </c>
      <c r="AN214" s="166">
        <v>0</v>
      </c>
      <c r="AO214" s="166">
        <v>0</v>
      </c>
      <c r="AP214" s="166">
        <v>0</v>
      </c>
      <c r="AQ214" s="166">
        <v>0</v>
      </c>
      <c r="AR214" s="166">
        <v>0</v>
      </c>
      <c r="AS214" s="166">
        <v>0</v>
      </c>
      <c r="AT214" s="166">
        <v>0</v>
      </c>
      <c r="AU214" s="166">
        <v>0</v>
      </c>
      <c r="AV214" s="166">
        <v>0</v>
      </c>
      <c r="AW214" s="166">
        <v>0</v>
      </c>
      <c r="AX214" s="166">
        <v>0</v>
      </c>
      <c r="AY214" s="166">
        <v>0</v>
      </c>
      <c r="AZ214" s="166">
        <v>0</v>
      </c>
      <c r="BA214" s="166">
        <v>0</v>
      </c>
      <c r="BB214" s="166">
        <v>0</v>
      </c>
      <c r="BC214" s="166">
        <v>0</v>
      </c>
      <c r="BD214" s="166">
        <v>0</v>
      </c>
      <c r="BE214" s="166">
        <v>0</v>
      </c>
      <c r="BF214" s="166">
        <v>0</v>
      </c>
      <c r="BG214" s="166">
        <v>0</v>
      </c>
      <c r="BH214" s="166">
        <v>0</v>
      </c>
      <c r="BI214" s="166">
        <v>0</v>
      </c>
      <c r="BJ214" s="166">
        <v>0</v>
      </c>
      <c r="BK214" s="166">
        <v>0</v>
      </c>
      <c r="BL214" s="166">
        <v>0</v>
      </c>
      <c r="BM214" s="166">
        <v>0</v>
      </c>
      <c r="BN214" s="166">
        <v>0</v>
      </c>
      <c r="BO214" s="166">
        <v>0</v>
      </c>
      <c r="BP214" s="166">
        <v>0</v>
      </c>
      <c r="BQ214" s="166">
        <v>0</v>
      </c>
      <c r="BR214" s="166">
        <v>874349.87121400004</v>
      </c>
      <c r="BS214" s="166">
        <v>874349.87121400004</v>
      </c>
      <c r="BT214" s="168">
        <v>1</v>
      </c>
      <c r="BU214" s="166">
        <v>59153.014082000002</v>
      </c>
      <c r="BV214" s="166">
        <v>874349.87121400004</v>
      </c>
      <c r="BW214" s="166">
        <v>0</v>
      </c>
      <c r="BX214" s="166">
        <v>0</v>
      </c>
      <c r="BY214" s="166">
        <v>0</v>
      </c>
      <c r="BZ214" s="166">
        <v>0</v>
      </c>
      <c r="CA214" s="166">
        <v>0</v>
      </c>
      <c r="CB214" s="166">
        <v>0</v>
      </c>
      <c r="CC214" s="166">
        <v>0</v>
      </c>
      <c r="CD214" s="166">
        <v>0</v>
      </c>
      <c r="CE214" s="166">
        <v>0</v>
      </c>
      <c r="CF214" s="166">
        <v>0</v>
      </c>
      <c r="CG214" s="166">
        <v>0</v>
      </c>
      <c r="CH214" s="166">
        <v>0</v>
      </c>
      <c r="CI214" s="166">
        <v>0</v>
      </c>
      <c r="CJ214" s="166">
        <v>0</v>
      </c>
      <c r="CK214" s="166">
        <v>0</v>
      </c>
      <c r="CL214" s="166">
        <v>0</v>
      </c>
      <c r="CM214" s="166">
        <v>0</v>
      </c>
      <c r="CN214" s="166">
        <v>0</v>
      </c>
      <c r="CO214" s="166">
        <v>0</v>
      </c>
      <c r="CP214" s="166">
        <v>0</v>
      </c>
      <c r="CQ214" s="166">
        <v>0</v>
      </c>
      <c r="CR214" s="166">
        <v>0</v>
      </c>
      <c r="CS214" s="166">
        <v>0</v>
      </c>
      <c r="CT214" s="166">
        <v>0</v>
      </c>
      <c r="CU214" s="166">
        <v>0</v>
      </c>
      <c r="CV214" s="166">
        <v>0</v>
      </c>
      <c r="CW214" s="166">
        <v>0</v>
      </c>
      <c r="CX214" s="166">
        <v>0</v>
      </c>
      <c r="CY214" s="166">
        <v>874349.87121400004</v>
      </c>
      <c r="CZ214" s="166">
        <v>874349.87121400004</v>
      </c>
    </row>
    <row r="215" spans="1:104" hidden="1" outlineLevel="1" x14ac:dyDescent="0.2">
      <c r="A215" s="167" t="s">
        <v>1126</v>
      </c>
      <c r="B215" s="166">
        <v>4705865.83</v>
      </c>
      <c r="C215" s="166">
        <v>4705865.83</v>
      </c>
      <c r="D215" s="166">
        <v>0</v>
      </c>
      <c r="E215" s="166">
        <v>0</v>
      </c>
      <c r="F215" s="166">
        <v>0</v>
      </c>
      <c r="G215" s="166">
        <v>0</v>
      </c>
      <c r="H215" s="166">
        <v>0</v>
      </c>
      <c r="I215" s="166">
        <v>0</v>
      </c>
      <c r="J215" s="166">
        <v>0</v>
      </c>
      <c r="K215" s="166">
        <v>0</v>
      </c>
      <c r="L215" s="166">
        <v>0</v>
      </c>
      <c r="M215" s="166">
        <v>0</v>
      </c>
      <c r="N215" s="166">
        <v>0</v>
      </c>
      <c r="O215" s="166">
        <v>0</v>
      </c>
      <c r="P215" s="166">
        <v>0</v>
      </c>
      <c r="Q215" s="166">
        <v>0</v>
      </c>
      <c r="R215" s="166">
        <v>0</v>
      </c>
      <c r="S215" s="166">
        <v>0</v>
      </c>
      <c r="T215" s="166">
        <v>0</v>
      </c>
      <c r="U215" s="166">
        <v>0</v>
      </c>
      <c r="V215" s="166">
        <v>0</v>
      </c>
      <c r="W215" s="166">
        <v>0</v>
      </c>
      <c r="X215" s="166">
        <v>0</v>
      </c>
      <c r="Y215" s="166">
        <v>0</v>
      </c>
      <c r="Z215" s="166">
        <v>0</v>
      </c>
      <c r="AA215" s="166">
        <v>0</v>
      </c>
      <c r="AB215" s="166">
        <v>0</v>
      </c>
      <c r="AC215" s="166">
        <v>0</v>
      </c>
      <c r="AD215" s="166">
        <v>0</v>
      </c>
      <c r="AE215" s="166">
        <v>0</v>
      </c>
      <c r="AF215" s="166">
        <v>0</v>
      </c>
      <c r="AG215" s="166">
        <v>0</v>
      </c>
      <c r="AH215" s="166">
        <v>0</v>
      </c>
      <c r="AI215" s="166">
        <v>0</v>
      </c>
      <c r="AJ215" s="166">
        <v>0</v>
      </c>
      <c r="AK215" s="166">
        <v>0</v>
      </c>
      <c r="AL215" s="166">
        <v>0</v>
      </c>
      <c r="AM215" s="166">
        <v>0</v>
      </c>
      <c r="AN215" s="166">
        <v>0</v>
      </c>
      <c r="AO215" s="166">
        <v>0</v>
      </c>
      <c r="AP215" s="166">
        <v>0</v>
      </c>
      <c r="AQ215" s="166">
        <v>0</v>
      </c>
      <c r="AR215" s="166">
        <v>0</v>
      </c>
      <c r="AS215" s="166">
        <v>0</v>
      </c>
      <c r="AT215" s="166">
        <v>0</v>
      </c>
      <c r="AU215" s="166">
        <v>0</v>
      </c>
      <c r="AV215" s="166">
        <v>0</v>
      </c>
      <c r="AW215" s="166">
        <v>0</v>
      </c>
      <c r="AX215" s="166">
        <v>0</v>
      </c>
      <c r="AY215" s="166">
        <v>0</v>
      </c>
      <c r="AZ215" s="166">
        <v>0</v>
      </c>
      <c r="BA215" s="166">
        <v>0</v>
      </c>
      <c r="BB215" s="166">
        <v>0</v>
      </c>
      <c r="BC215" s="166">
        <v>0</v>
      </c>
      <c r="BD215" s="166">
        <v>0</v>
      </c>
      <c r="BE215" s="166">
        <v>0</v>
      </c>
      <c r="BF215" s="166">
        <v>0</v>
      </c>
      <c r="BG215" s="166">
        <v>0</v>
      </c>
      <c r="BH215" s="166">
        <v>0</v>
      </c>
      <c r="BI215" s="166">
        <v>0</v>
      </c>
      <c r="BJ215" s="166">
        <v>0</v>
      </c>
      <c r="BK215" s="166">
        <v>0</v>
      </c>
      <c r="BL215" s="166">
        <v>0</v>
      </c>
      <c r="BM215" s="166">
        <v>0</v>
      </c>
      <c r="BN215" s="166">
        <v>0</v>
      </c>
      <c r="BO215" s="166">
        <v>0</v>
      </c>
      <c r="BP215" s="166">
        <v>0</v>
      </c>
      <c r="BQ215" s="166">
        <v>0</v>
      </c>
      <c r="BR215" s="166">
        <v>4705865.83</v>
      </c>
      <c r="BS215" s="166">
        <v>4705865.83</v>
      </c>
      <c r="BT215" s="168">
        <v>0</v>
      </c>
      <c r="BU215" s="166">
        <v>318369.28999999998</v>
      </c>
      <c r="BV215" s="166">
        <v>4705865.83</v>
      </c>
      <c r="BW215" s="166">
        <v>0</v>
      </c>
      <c r="BX215" s="166">
        <v>0</v>
      </c>
      <c r="BY215" s="166">
        <v>0</v>
      </c>
      <c r="BZ215" s="166">
        <v>0</v>
      </c>
      <c r="CA215" s="166">
        <v>0</v>
      </c>
      <c r="CB215" s="166">
        <v>0</v>
      </c>
      <c r="CC215" s="166">
        <v>0</v>
      </c>
      <c r="CD215" s="166">
        <v>0</v>
      </c>
      <c r="CE215" s="166">
        <v>0</v>
      </c>
      <c r="CF215" s="166">
        <v>0</v>
      </c>
      <c r="CG215" s="166">
        <v>0</v>
      </c>
      <c r="CH215" s="166">
        <v>0</v>
      </c>
      <c r="CI215" s="166">
        <v>0</v>
      </c>
      <c r="CJ215" s="166">
        <v>0</v>
      </c>
      <c r="CK215" s="166">
        <v>0</v>
      </c>
      <c r="CL215" s="166">
        <v>0</v>
      </c>
      <c r="CM215" s="166">
        <v>0</v>
      </c>
      <c r="CN215" s="166">
        <v>0</v>
      </c>
      <c r="CO215" s="166">
        <v>0</v>
      </c>
      <c r="CP215" s="166">
        <v>0</v>
      </c>
      <c r="CQ215" s="166">
        <v>0</v>
      </c>
      <c r="CR215" s="166">
        <v>0</v>
      </c>
      <c r="CS215" s="166">
        <v>0</v>
      </c>
      <c r="CT215" s="166">
        <v>0</v>
      </c>
      <c r="CU215" s="166">
        <v>0</v>
      </c>
      <c r="CV215" s="166">
        <v>0</v>
      </c>
      <c r="CW215" s="166">
        <v>0</v>
      </c>
      <c r="CX215" s="166">
        <v>0</v>
      </c>
      <c r="CY215" s="166">
        <v>4705865.83</v>
      </c>
      <c r="CZ215" s="166">
        <v>4705865.83</v>
      </c>
    </row>
    <row r="216" spans="1:104" hidden="1" outlineLevel="1" x14ac:dyDescent="0.2">
      <c r="A216" s="167" t="s">
        <v>308</v>
      </c>
    </row>
    <row r="217" spans="1:104" hidden="1" outlineLevel="1" x14ac:dyDescent="0.2">
      <c r="A217" s="167" t="s">
        <v>309</v>
      </c>
      <c r="B217" s="166">
        <v>0</v>
      </c>
      <c r="C217" s="166">
        <v>0</v>
      </c>
      <c r="D217" s="166">
        <v>0</v>
      </c>
      <c r="E217" s="166">
        <v>0</v>
      </c>
      <c r="F217" s="166">
        <v>0</v>
      </c>
      <c r="G217" s="166">
        <v>0</v>
      </c>
      <c r="H217" s="166">
        <v>0</v>
      </c>
      <c r="I217" s="166">
        <v>0</v>
      </c>
      <c r="J217" s="166">
        <v>0</v>
      </c>
      <c r="K217" s="166">
        <v>0</v>
      </c>
      <c r="L217" s="166">
        <v>0</v>
      </c>
      <c r="M217" s="166">
        <v>0</v>
      </c>
      <c r="N217" s="166">
        <v>0</v>
      </c>
      <c r="O217" s="166">
        <v>0</v>
      </c>
      <c r="P217" s="166">
        <v>0</v>
      </c>
      <c r="Q217" s="166">
        <v>0</v>
      </c>
      <c r="R217" s="166">
        <v>0</v>
      </c>
      <c r="S217" s="166">
        <v>0</v>
      </c>
      <c r="T217" s="166">
        <v>0</v>
      </c>
      <c r="U217" s="166">
        <v>0</v>
      </c>
      <c r="V217" s="166">
        <v>0</v>
      </c>
      <c r="W217" s="166">
        <v>0</v>
      </c>
      <c r="X217" s="166">
        <v>0</v>
      </c>
      <c r="Y217" s="166">
        <v>0</v>
      </c>
      <c r="Z217" s="166">
        <v>0</v>
      </c>
      <c r="AA217" s="166">
        <v>0</v>
      </c>
      <c r="AB217" s="166">
        <v>0</v>
      </c>
      <c r="AC217" s="166">
        <v>0</v>
      </c>
      <c r="AD217" s="166">
        <v>0</v>
      </c>
      <c r="AE217" s="166">
        <v>0</v>
      </c>
      <c r="AF217" s="166">
        <v>0</v>
      </c>
      <c r="AG217" s="166">
        <v>0</v>
      </c>
      <c r="AH217" s="166">
        <v>0</v>
      </c>
      <c r="AI217" s="166">
        <v>0</v>
      </c>
      <c r="AJ217" s="166">
        <v>0</v>
      </c>
      <c r="AK217" s="166">
        <v>0</v>
      </c>
      <c r="AL217" s="166">
        <v>0</v>
      </c>
      <c r="AM217" s="166">
        <v>0</v>
      </c>
      <c r="AN217" s="166">
        <v>0</v>
      </c>
      <c r="AO217" s="166">
        <v>0</v>
      </c>
      <c r="AP217" s="166">
        <v>0</v>
      </c>
      <c r="AQ217" s="166">
        <v>0</v>
      </c>
      <c r="AR217" s="166">
        <v>0</v>
      </c>
      <c r="AS217" s="166">
        <v>0</v>
      </c>
      <c r="AT217" s="166">
        <v>0</v>
      </c>
      <c r="AU217" s="166">
        <v>0</v>
      </c>
      <c r="AV217" s="166">
        <v>0</v>
      </c>
      <c r="AW217" s="166">
        <v>0</v>
      </c>
      <c r="AX217" s="166">
        <v>0</v>
      </c>
      <c r="AY217" s="166">
        <v>0</v>
      </c>
      <c r="AZ217" s="166">
        <v>0</v>
      </c>
      <c r="BA217" s="166">
        <v>0</v>
      </c>
      <c r="BB217" s="166">
        <v>0</v>
      </c>
      <c r="BC217" s="166">
        <v>0</v>
      </c>
      <c r="BD217" s="166">
        <v>0</v>
      </c>
      <c r="BE217" s="166">
        <v>0</v>
      </c>
      <c r="BF217" s="166">
        <v>0</v>
      </c>
      <c r="BG217" s="166">
        <v>0</v>
      </c>
      <c r="BH217" s="166">
        <v>0</v>
      </c>
      <c r="BI217" s="166">
        <v>0</v>
      </c>
      <c r="BJ217" s="166">
        <v>0</v>
      </c>
      <c r="BK217" s="166">
        <v>0</v>
      </c>
      <c r="BL217" s="166">
        <v>0</v>
      </c>
      <c r="BM217" s="166">
        <v>0</v>
      </c>
      <c r="BN217" s="166">
        <v>0</v>
      </c>
      <c r="BO217" s="166">
        <v>0</v>
      </c>
      <c r="BP217" s="166">
        <v>0</v>
      </c>
      <c r="BQ217" s="166">
        <v>0</v>
      </c>
      <c r="BR217" s="166">
        <v>0</v>
      </c>
      <c r="BS217" s="166">
        <v>0</v>
      </c>
      <c r="BT217" s="168">
        <v>1</v>
      </c>
      <c r="BU217" s="166">
        <v>0</v>
      </c>
      <c r="BV217" s="166">
        <v>0</v>
      </c>
      <c r="BW217" s="166">
        <v>0</v>
      </c>
      <c r="BX217" s="166">
        <v>0</v>
      </c>
      <c r="BY217" s="166">
        <v>0</v>
      </c>
      <c r="BZ217" s="166">
        <v>0</v>
      </c>
      <c r="CA217" s="166">
        <v>0</v>
      </c>
      <c r="CB217" s="166">
        <v>0</v>
      </c>
      <c r="CC217" s="166">
        <v>0</v>
      </c>
      <c r="CD217" s="166">
        <v>0</v>
      </c>
      <c r="CE217" s="166">
        <v>0</v>
      </c>
      <c r="CF217" s="166">
        <v>0</v>
      </c>
      <c r="CG217" s="166">
        <v>0</v>
      </c>
      <c r="CH217" s="166">
        <v>0</v>
      </c>
      <c r="CI217" s="166">
        <v>0</v>
      </c>
      <c r="CJ217" s="166">
        <v>0</v>
      </c>
      <c r="CK217" s="166">
        <v>0</v>
      </c>
      <c r="CL217" s="166">
        <v>0</v>
      </c>
      <c r="CM217" s="166">
        <v>0</v>
      </c>
      <c r="CN217" s="166">
        <v>0</v>
      </c>
      <c r="CO217" s="166">
        <v>0</v>
      </c>
      <c r="CP217" s="166">
        <v>0</v>
      </c>
      <c r="CQ217" s="166">
        <v>0</v>
      </c>
      <c r="CR217" s="166">
        <v>0</v>
      </c>
      <c r="CS217" s="166">
        <v>0</v>
      </c>
      <c r="CT217" s="166">
        <v>0</v>
      </c>
      <c r="CU217" s="166">
        <v>0</v>
      </c>
      <c r="CV217" s="166">
        <v>0</v>
      </c>
      <c r="CW217" s="166">
        <v>0</v>
      </c>
      <c r="CX217" s="166">
        <v>0</v>
      </c>
      <c r="CY217" s="166">
        <v>0</v>
      </c>
      <c r="CZ217" s="166">
        <v>0</v>
      </c>
    </row>
    <row r="218" spans="1:104" hidden="1" outlineLevel="1" x14ac:dyDescent="0.2">
      <c r="A218" s="167" t="s">
        <v>310</v>
      </c>
    </row>
    <row r="219" spans="1:104" hidden="1" outlineLevel="1" x14ac:dyDescent="0.2">
      <c r="A219" s="167" t="s">
        <v>311</v>
      </c>
      <c r="B219" s="166">
        <v>6037500.0199999902</v>
      </c>
      <c r="C219" s="166">
        <v>6037500.0199999902</v>
      </c>
      <c r="D219" s="166">
        <v>0</v>
      </c>
      <c r="E219" s="166">
        <v>0</v>
      </c>
      <c r="F219" s="166">
        <v>0</v>
      </c>
      <c r="G219" s="166">
        <v>0</v>
      </c>
      <c r="H219" s="166">
        <v>0</v>
      </c>
      <c r="I219" s="166">
        <v>0</v>
      </c>
      <c r="J219" s="166">
        <v>0</v>
      </c>
      <c r="K219" s="166">
        <v>0</v>
      </c>
      <c r="L219" s="166">
        <v>0</v>
      </c>
      <c r="M219" s="166">
        <v>0</v>
      </c>
      <c r="N219" s="166">
        <v>0</v>
      </c>
      <c r="O219" s="166">
        <v>0</v>
      </c>
      <c r="P219" s="166">
        <v>0</v>
      </c>
      <c r="Q219" s="166">
        <v>0</v>
      </c>
      <c r="R219" s="166">
        <v>0</v>
      </c>
      <c r="S219" s="166">
        <v>0</v>
      </c>
      <c r="T219" s="166">
        <v>0</v>
      </c>
      <c r="U219" s="166">
        <v>0</v>
      </c>
      <c r="V219" s="166">
        <v>0</v>
      </c>
      <c r="W219" s="166">
        <v>0</v>
      </c>
      <c r="X219" s="166">
        <v>0</v>
      </c>
      <c r="Y219" s="166">
        <v>0</v>
      </c>
      <c r="Z219" s="166">
        <v>0</v>
      </c>
      <c r="AA219" s="166">
        <v>0</v>
      </c>
      <c r="AB219" s="166">
        <v>0</v>
      </c>
      <c r="AC219" s="166">
        <v>0</v>
      </c>
      <c r="AD219" s="166">
        <v>0</v>
      </c>
      <c r="AE219" s="166">
        <v>0</v>
      </c>
      <c r="AF219" s="166">
        <v>0</v>
      </c>
      <c r="AG219" s="166">
        <v>0</v>
      </c>
      <c r="AH219" s="166">
        <v>0</v>
      </c>
      <c r="AI219" s="166">
        <v>0</v>
      </c>
      <c r="AJ219" s="166">
        <v>0</v>
      </c>
      <c r="AK219" s="166">
        <v>0</v>
      </c>
      <c r="AL219" s="166">
        <v>0</v>
      </c>
      <c r="AM219" s="166">
        <v>0</v>
      </c>
      <c r="AN219" s="166">
        <v>0</v>
      </c>
      <c r="AO219" s="166">
        <v>0</v>
      </c>
      <c r="AP219" s="166">
        <v>0</v>
      </c>
      <c r="AQ219" s="166">
        <v>0</v>
      </c>
      <c r="AR219" s="166">
        <v>0</v>
      </c>
      <c r="AS219" s="166">
        <v>0</v>
      </c>
      <c r="AT219" s="166">
        <v>0</v>
      </c>
      <c r="AU219" s="166">
        <v>0</v>
      </c>
      <c r="AV219" s="166">
        <v>0</v>
      </c>
      <c r="AW219" s="166">
        <v>0</v>
      </c>
      <c r="AX219" s="166">
        <v>0</v>
      </c>
      <c r="AY219" s="166">
        <v>0</v>
      </c>
      <c r="AZ219" s="166">
        <v>0</v>
      </c>
      <c r="BA219" s="166">
        <v>0</v>
      </c>
      <c r="BB219" s="166">
        <v>0</v>
      </c>
      <c r="BC219" s="166">
        <v>0</v>
      </c>
      <c r="BD219" s="166">
        <v>0</v>
      </c>
      <c r="BE219" s="166">
        <v>0</v>
      </c>
      <c r="BF219" s="166">
        <v>0</v>
      </c>
      <c r="BG219" s="166">
        <v>0</v>
      </c>
      <c r="BH219" s="166">
        <v>0</v>
      </c>
      <c r="BI219" s="166">
        <v>0</v>
      </c>
      <c r="BJ219" s="166">
        <v>0</v>
      </c>
      <c r="BK219" s="166">
        <v>0</v>
      </c>
      <c r="BL219" s="166">
        <v>0</v>
      </c>
      <c r="BM219" s="166">
        <v>0</v>
      </c>
      <c r="BN219" s="166">
        <v>0</v>
      </c>
      <c r="BO219" s="166">
        <v>0</v>
      </c>
      <c r="BP219" s="166">
        <v>0</v>
      </c>
      <c r="BQ219" s="166">
        <v>0</v>
      </c>
      <c r="BR219" s="166">
        <v>6037500.0199999902</v>
      </c>
      <c r="BS219" s="166">
        <v>6037500.0199999902</v>
      </c>
      <c r="BT219" s="168">
        <v>0.98770000000000002</v>
      </c>
      <c r="BU219" s="166">
        <v>528949.42080399999</v>
      </c>
      <c r="BV219" s="166">
        <v>5963238.7697539898</v>
      </c>
      <c r="BW219" s="166">
        <v>0</v>
      </c>
      <c r="BX219" s="166">
        <v>0</v>
      </c>
      <c r="BY219" s="166">
        <v>0</v>
      </c>
      <c r="BZ219" s="166">
        <v>0</v>
      </c>
      <c r="CA219" s="166">
        <v>0</v>
      </c>
      <c r="CB219" s="166">
        <v>0</v>
      </c>
      <c r="CC219" s="166">
        <v>0</v>
      </c>
      <c r="CD219" s="166">
        <v>0</v>
      </c>
      <c r="CE219" s="166">
        <v>0</v>
      </c>
      <c r="CF219" s="166">
        <v>0</v>
      </c>
      <c r="CG219" s="166">
        <v>0</v>
      </c>
      <c r="CH219" s="166">
        <v>0</v>
      </c>
      <c r="CI219" s="166">
        <v>0</v>
      </c>
      <c r="CJ219" s="166">
        <v>0</v>
      </c>
      <c r="CK219" s="166">
        <v>0</v>
      </c>
      <c r="CL219" s="166">
        <v>0</v>
      </c>
      <c r="CM219" s="166">
        <v>0</v>
      </c>
      <c r="CN219" s="166">
        <v>0</v>
      </c>
      <c r="CO219" s="166">
        <v>0</v>
      </c>
      <c r="CP219" s="166">
        <v>0</v>
      </c>
      <c r="CQ219" s="166">
        <v>0</v>
      </c>
      <c r="CR219" s="166">
        <v>0</v>
      </c>
      <c r="CS219" s="166">
        <v>0</v>
      </c>
      <c r="CT219" s="166">
        <v>0</v>
      </c>
      <c r="CU219" s="166">
        <v>0</v>
      </c>
      <c r="CV219" s="166">
        <v>0</v>
      </c>
      <c r="CW219" s="166">
        <v>0</v>
      </c>
      <c r="CX219" s="166">
        <v>0</v>
      </c>
      <c r="CY219" s="166">
        <v>5963238.7697539898</v>
      </c>
      <c r="CZ219" s="166">
        <v>5963238.7697539898</v>
      </c>
    </row>
    <row r="220" spans="1:104" hidden="1" outlineLevel="1" x14ac:dyDescent="0.2">
      <c r="A220" s="167" t="s">
        <v>312</v>
      </c>
    </row>
    <row r="221" spans="1:104" hidden="1" outlineLevel="1" x14ac:dyDescent="0.2">
      <c r="A221" s="167" t="s">
        <v>1127</v>
      </c>
      <c r="B221" s="166">
        <v>4700754.3600000003</v>
      </c>
      <c r="C221" s="166">
        <v>4700754.3600000003</v>
      </c>
      <c r="D221" s="166">
        <v>0</v>
      </c>
      <c r="E221" s="166">
        <v>0</v>
      </c>
      <c r="F221" s="166">
        <v>0</v>
      </c>
      <c r="G221" s="166">
        <v>0</v>
      </c>
      <c r="H221" s="166">
        <v>0</v>
      </c>
      <c r="I221" s="166">
        <v>0</v>
      </c>
      <c r="J221" s="166">
        <v>0</v>
      </c>
      <c r="K221" s="166">
        <v>0</v>
      </c>
      <c r="L221" s="166">
        <v>0</v>
      </c>
      <c r="M221" s="166">
        <v>0</v>
      </c>
      <c r="N221" s="166">
        <v>0</v>
      </c>
      <c r="O221" s="166">
        <v>0</v>
      </c>
      <c r="P221" s="166">
        <v>0</v>
      </c>
      <c r="Q221" s="166">
        <v>0</v>
      </c>
      <c r="R221" s="166">
        <v>0</v>
      </c>
      <c r="S221" s="166">
        <v>0</v>
      </c>
      <c r="T221" s="166">
        <v>0</v>
      </c>
      <c r="U221" s="166">
        <v>0</v>
      </c>
      <c r="V221" s="166">
        <v>0</v>
      </c>
      <c r="W221" s="166">
        <v>0</v>
      </c>
      <c r="X221" s="166">
        <v>0</v>
      </c>
      <c r="Y221" s="166">
        <v>0</v>
      </c>
      <c r="Z221" s="166">
        <v>0</v>
      </c>
      <c r="AA221" s="166">
        <v>0</v>
      </c>
      <c r="AB221" s="166">
        <v>0</v>
      </c>
      <c r="AC221" s="166">
        <v>0</v>
      </c>
      <c r="AD221" s="166">
        <v>0</v>
      </c>
      <c r="AE221" s="166">
        <v>0</v>
      </c>
      <c r="AF221" s="166">
        <v>0</v>
      </c>
      <c r="AG221" s="166">
        <v>0</v>
      </c>
      <c r="AH221" s="166">
        <v>0</v>
      </c>
      <c r="AI221" s="166">
        <v>0</v>
      </c>
      <c r="AJ221" s="166">
        <v>0</v>
      </c>
      <c r="AK221" s="166">
        <v>0</v>
      </c>
      <c r="AL221" s="166">
        <v>0</v>
      </c>
      <c r="AM221" s="166">
        <v>0</v>
      </c>
      <c r="AN221" s="166">
        <v>0</v>
      </c>
      <c r="AO221" s="166">
        <v>0</v>
      </c>
      <c r="AP221" s="166">
        <v>0</v>
      </c>
      <c r="AQ221" s="166">
        <v>0</v>
      </c>
      <c r="AR221" s="166">
        <v>0</v>
      </c>
      <c r="AS221" s="166">
        <v>0</v>
      </c>
      <c r="AT221" s="166">
        <v>0</v>
      </c>
      <c r="AU221" s="166">
        <v>0</v>
      </c>
      <c r="AV221" s="166">
        <v>0</v>
      </c>
      <c r="AW221" s="166">
        <v>0</v>
      </c>
      <c r="AX221" s="166">
        <v>0</v>
      </c>
      <c r="AY221" s="166">
        <v>0</v>
      </c>
      <c r="AZ221" s="166">
        <v>0</v>
      </c>
      <c r="BA221" s="166">
        <v>0</v>
      </c>
      <c r="BB221" s="166">
        <v>0</v>
      </c>
      <c r="BC221" s="166">
        <v>0</v>
      </c>
      <c r="BD221" s="166">
        <v>0</v>
      </c>
      <c r="BE221" s="166">
        <v>0</v>
      </c>
      <c r="BF221" s="166">
        <v>0</v>
      </c>
      <c r="BG221" s="166">
        <v>0</v>
      </c>
      <c r="BH221" s="166">
        <v>0</v>
      </c>
      <c r="BI221" s="166">
        <v>0</v>
      </c>
      <c r="BJ221" s="166">
        <v>0</v>
      </c>
      <c r="BK221" s="166">
        <v>0</v>
      </c>
      <c r="BL221" s="166">
        <v>0</v>
      </c>
      <c r="BM221" s="166">
        <v>0</v>
      </c>
      <c r="BN221" s="166">
        <v>0</v>
      </c>
      <c r="BO221" s="166">
        <v>0</v>
      </c>
      <c r="BP221" s="166">
        <v>0</v>
      </c>
      <c r="BQ221" s="166">
        <v>0</v>
      </c>
      <c r="BR221" s="166">
        <v>4700754.3600000003</v>
      </c>
      <c r="BS221" s="166">
        <v>4700754.3600000003</v>
      </c>
      <c r="BT221" s="168">
        <v>1</v>
      </c>
      <c r="BU221" s="166">
        <v>460174.74</v>
      </c>
      <c r="BV221" s="166">
        <v>4700754.3600000003</v>
      </c>
      <c r="BW221" s="166">
        <v>0</v>
      </c>
      <c r="BX221" s="166">
        <v>0</v>
      </c>
      <c r="BY221" s="166">
        <v>0</v>
      </c>
      <c r="BZ221" s="166">
        <v>0</v>
      </c>
      <c r="CA221" s="166">
        <v>0</v>
      </c>
      <c r="CB221" s="166">
        <v>0</v>
      </c>
      <c r="CC221" s="166">
        <v>0</v>
      </c>
      <c r="CD221" s="166">
        <v>0</v>
      </c>
      <c r="CE221" s="166">
        <v>0</v>
      </c>
      <c r="CF221" s="166">
        <v>0</v>
      </c>
      <c r="CG221" s="166">
        <v>0</v>
      </c>
      <c r="CH221" s="166">
        <v>0</v>
      </c>
      <c r="CI221" s="166">
        <v>0</v>
      </c>
      <c r="CJ221" s="166">
        <v>0</v>
      </c>
      <c r="CK221" s="166">
        <v>0</v>
      </c>
      <c r="CL221" s="166">
        <v>0</v>
      </c>
      <c r="CM221" s="166">
        <v>0</v>
      </c>
      <c r="CN221" s="166">
        <v>0</v>
      </c>
      <c r="CO221" s="166">
        <v>0</v>
      </c>
      <c r="CP221" s="166">
        <v>0</v>
      </c>
      <c r="CQ221" s="166">
        <v>0</v>
      </c>
      <c r="CR221" s="166">
        <v>0</v>
      </c>
      <c r="CS221" s="166">
        <v>0</v>
      </c>
      <c r="CT221" s="166">
        <v>0</v>
      </c>
      <c r="CU221" s="166">
        <v>0</v>
      </c>
      <c r="CV221" s="166">
        <v>0</v>
      </c>
      <c r="CW221" s="166">
        <v>0</v>
      </c>
      <c r="CX221" s="166">
        <v>0</v>
      </c>
      <c r="CY221" s="166">
        <v>4700754.3600000003</v>
      </c>
      <c r="CZ221" s="166">
        <v>4700754.3600000003</v>
      </c>
    </row>
    <row r="222" spans="1:104" hidden="1" outlineLevel="1" x14ac:dyDescent="0.2">
      <c r="A222" s="167" t="s">
        <v>314</v>
      </c>
    </row>
    <row r="223" spans="1:104" hidden="1" outlineLevel="1" x14ac:dyDescent="0.2">
      <c r="A223" s="167" t="s">
        <v>1128</v>
      </c>
      <c r="B223" s="166">
        <v>12079793.052168</v>
      </c>
      <c r="C223" s="166">
        <v>12079793.052168</v>
      </c>
      <c r="D223" s="166">
        <v>0</v>
      </c>
      <c r="E223" s="166">
        <v>0</v>
      </c>
      <c r="F223" s="166">
        <v>0</v>
      </c>
      <c r="G223" s="166">
        <v>0</v>
      </c>
      <c r="H223" s="166">
        <v>0</v>
      </c>
      <c r="I223" s="166">
        <v>0</v>
      </c>
      <c r="J223" s="166">
        <v>0</v>
      </c>
      <c r="K223" s="166">
        <v>0</v>
      </c>
      <c r="L223" s="166">
        <v>0</v>
      </c>
      <c r="M223" s="166">
        <v>0</v>
      </c>
      <c r="N223" s="166">
        <v>0</v>
      </c>
      <c r="O223" s="166">
        <v>0</v>
      </c>
      <c r="P223" s="166">
        <v>0</v>
      </c>
      <c r="Q223" s="166">
        <v>0</v>
      </c>
      <c r="R223" s="166">
        <v>0</v>
      </c>
      <c r="S223" s="166">
        <v>0</v>
      </c>
      <c r="T223" s="166">
        <v>0</v>
      </c>
      <c r="U223" s="166">
        <v>0</v>
      </c>
      <c r="V223" s="166">
        <v>0</v>
      </c>
      <c r="W223" s="166">
        <v>0</v>
      </c>
      <c r="X223" s="166">
        <v>0</v>
      </c>
      <c r="Y223" s="166">
        <v>0</v>
      </c>
      <c r="Z223" s="166">
        <v>0</v>
      </c>
      <c r="AA223" s="166">
        <v>0</v>
      </c>
      <c r="AB223" s="166">
        <v>0</v>
      </c>
      <c r="AC223" s="166">
        <v>0</v>
      </c>
      <c r="AD223" s="166">
        <v>0</v>
      </c>
      <c r="AE223" s="166">
        <v>0</v>
      </c>
      <c r="AF223" s="166">
        <v>0</v>
      </c>
      <c r="AG223" s="166">
        <v>0</v>
      </c>
      <c r="AH223" s="166">
        <v>0</v>
      </c>
      <c r="AI223" s="166">
        <v>0</v>
      </c>
      <c r="AJ223" s="166">
        <v>0</v>
      </c>
      <c r="AK223" s="166">
        <v>0</v>
      </c>
      <c r="AL223" s="166">
        <v>0</v>
      </c>
      <c r="AM223" s="166">
        <v>0</v>
      </c>
      <c r="AN223" s="166">
        <v>0</v>
      </c>
      <c r="AO223" s="166">
        <v>0</v>
      </c>
      <c r="AP223" s="166">
        <v>0</v>
      </c>
      <c r="AQ223" s="166">
        <v>0</v>
      </c>
      <c r="AR223" s="166">
        <v>0</v>
      </c>
      <c r="AS223" s="166">
        <v>0</v>
      </c>
      <c r="AT223" s="166">
        <v>0</v>
      </c>
      <c r="AU223" s="166">
        <v>0</v>
      </c>
      <c r="AV223" s="166">
        <v>0</v>
      </c>
      <c r="AW223" s="166">
        <v>0</v>
      </c>
      <c r="AX223" s="166">
        <v>0</v>
      </c>
      <c r="AY223" s="166">
        <v>0</v>
      </c>
      <c r="AZ223" s="166">
        <v>0</v>
      </c>
      <c r="BA223" s="166">
        <v>0</v>
      </c>
      <c r="BB223" s="166">
        <v>0</v>
      </c>
      <c r="BC223" s="166">
        <v>0</v>
      </c>
      <c r="BD223" s="166">
        <v>0</v>
      </c>
      <c r="BE223" s="166">
        <v>0</v>
      </c>
      <c r="BF223" s="166">
        <v>0</v>
      </c>
      <c r="BG223" s="166">
        <v>0</v>
      </c>
      <c r="BH223" s="166">
        <v>0</v>
      </c>
      <c r="BI223" s="166">
        <v>0</v>
      </c>
      <c r="BJ223" s="166">
        <v>0</v>
      </c>
      <c r="BK223" s="166">
        <v>0</v>
      </c>
      <c r="BL223" s="166">
        <v>0</v>
      </c>
      <c r="BM223" s="166">
        <v>0</v>
      </c>
      <c r="BN223" s="166">
        <v>0</v>
      </c>
      <c r="BO223" s="166">
        <v>0</v>
      </c>
      <c r="BP223" s="166">
        <v>0</v>
      </c>
      <c r="BQ223" s="166">
        <v>0</v>
      </c>
      <c r="BR223" s="166">
        <v>12079793.052168</v>
      </c>
      <c r="BS223" s="166">
        <v>12079793.052168</v>
      </c>
      <c r="BT223" s="168">
        <v>1</v>
      </c>
      <c r="BU223" s="166">
        <v>-239564.32128599999</v>
      </c>
      <c r="BV223" s="166">
        <v>12079793.052168</v>
      </c>
      <c r="BW223" s="166">
        <v>0</v>
      </c>
      <c r="BX223" s="166">
        <v>0</v>
      </c>
      <c r="BY223" s="166">
        <v>0</v>
      </c>
      <c r="BZ223" s="166">
        <v>0</v>
      </c>
      <c r="CA223" s="166">
        <v>0</v>
      </c>
      <c r="CB223" s="166">
        <v>0</v>
      </c>
      <c r="CC223" s="166">
        <v>0</v>
      </c>
      <c r="CD223" s="166">
        <v>0</v>
      </c>
      <c r="CE223" s="166">
        <v>0</v>
      </c>
      <c r="CF223" s="166">
        <v>0</v>
      </c>
      <c r="CG223" s="166">
        <v>0</v>
      </c>
      <c r="CH223" s="166">
        <v>0</v>
      </c>
      <c r="CI223" s="166">
        <v>0</v>
      </c>
      <c r="CJ223" s="166">
        <v>0</v>
      </c>
      <c r="CK223" s="166">
        <v>0</v>
      </c>
      <c r="CL223" s="166">
        <v>0</v>
      </c>
      <c r="CM223" s="166">
        <v>0</v>
      </c>
      <c r="CN223" s="166">
        <v>0</v>
      </c>
      <c r="CO223" s="166">
        <v>0</v>
      </c>
      <c r="CP223" s="166">
        <v>0</v>
      </c>
      <c r="CQ223" s="166">
        <v>0</v>
      </c>
      <c r="CR223" s="166">
        <v>0</v>
      </c>
      <c r="CS223" s="166">
        <v>0</v>
      </c>
      <c r="CT223" s="166">
        <v>0</v>
      </c>
      <c r="CU223" s="166">
        <v>0</v>
      </c>
      <c r="CV223" s="166">
        <v>0</v>
      </c>
      <c r="CW223" s="166">
        <v>0</v>
      </c>
      <c r="CX223" s="166">
        <v>0</v>
      </c>
      <c r="CY223" s="166">
        <v>12079793.052168</v>
      </c>
      <c r="CZ223" s="166">
        <v>12079793.052168</v>
      </c>
    </row>
    <row r="224" spans="1:104" hidden="1" outlineLevel="1" x14ac:dyDescent="0.2">
      <c r="A224" s="167" t="s">
        <v>1129</v>
      </c>
      <c r="B224" s="166">
        <v>5756279.5698159998</v>
      </c>
      <c r="C224" s="166">
        <v>5756279.5698159998</v>
      </c>
      <c r="D224" s="166">
        <v>0</v>
      </c>
      <c r="E224" s="166">
        <v>0</v>
      </c>
      <c r="F224" s="166">
        <v>0</v>
      </c>
      <c r="G224" s="166">
        <v>0</v>
      </c>
      <c r="H224" s="166">
        <v>0</v>
      </c>
      <c r="I224" s="166">
        <v>0</v>
      </c>
      <c r="J224" s="166">
        <v>0</v>
      </c>
      <c r="K224" s="166">
        <v>0</v>
      </c>
      <c r="L224" s="166">
        <v>0</v>
      </c>
      <c r="M224" s="166">
        <v>0</v>
      </c>
      <c r="N224" s="166">
        <v>0</v>
      </c>
      <c r="O224" s="166">
        <v>0</v>
      </c>
      <c r="P224" s="166">
        <v>0</v>
      </c>
      <c r="Q224" s="166">
        <v>0</v>
      </c>
      <c r="R224" s="166">
        <v>0</v>
      </c>
      <c r="S224" s="166">
        <v>0</v>
      </c>
      <c r="T224" s="166">
        <v>0</v>
      </c>
      <c r="U224" s="166">
        <v>0</v>
      </c>
      <c r="V224" s="166">
        <v>0</v>
      </c>
      <c r="W224" s="166">
        <v>0</v>
      </c>
      <c r="X224" s="166">
        <v>0</v>
      </c>
      <c r="Y224" s="166">
        <v>0</v>
      </c>
      <c r="Z224" s="166">
        <v>0</v>
      </c>
      <c r="AA224" s="166">
        <v>0</v>
      </c>
      <c r="AB224" s="166">
        <v>0</v>
      </c>
      <c r="AC224" s="166">
        <v>0</v>
      </c>
      <c r="AD224" s="166">
        <v>0</v>
      </c>
      <c r="AE224" s="166">
        <v>0</v>
      </c>
      <c r="AF224" s="166">
        <v>0</v>
      </c>
      <c r="AG224" s="166">
        <v>0</v>
      </c>
      <c r="AH224" s="166">
        <v>0</v>
      </c>
      <c r="AI224" s="166">
        <v>0</v>
      </c>
      <c r="AJ224" s="166">
        <v>0</v>
      </c>
      <c r="AK224" s="166">
        <v>0</v>
      </c>
      <c r="AL224" s="166">
        <v>0</v>
      </c>
      <c r="AM224" s="166">
        <v>0</v>
      </c>
      <c r="AN224" s="166">
        <v>0</v>
      </c>
      <c r="AO224" s="166">
        <v>0</v>
      </c>
      <c r="AP224" s="166">
        <v>0</v>
      </c>
      <c r="AQ224" s="166">
        <v>0</v>
      </c>
      <c r="AR224" s="166">
        <v>0</v>
      </c>
      <c r="AS224" s="166">
        <v>0</v>
      </c>
      <c r="AT224" s="166">
        <v>0</v>
      </c>
      <c r="AU224" s="166">
        <v>0</v>
      </c>
      <c r="AV224" s="166">
        <v>0</v>
      </c>
      <c r="AW224" s="166">
        <v>0</v>
      </c>
      <c r="AX224" s="166">
        <v>0</v>
      </c>
      <c r="AY224" s="166">
        <v>0</v>
      </c>
      <c r="AZ224" s="166">
        <v>0</v>
      </c>
      <c r="BA224" s="166">
        <v>0</v>
      </c>
      <c r="BB224" s="166">
        <v>0</v>
      </c>
      <c r="BC224" s="166">
        <v>0</v>
      </c>
      <c r="BD224" s="166">
        <v>0</v>
      </c>
      <c r="BE224" s="166">
        <v>0</v>
      </c>
      <c r="BF224" s="166">
        <v>0</v>
      </c>
      <c r="BG224" s="166">
        <v>0</v>
      </c>
      <c r="BH224" s="166">
        <v>0</v>
      </c>
      <c r="BI224" s="166">
        <v>0</v>
      </c>
      <c r="BJ224" s="166">
        <v>0</v>
      </c>
      <c r="BK224" s="166">
        <v>0</v>
      </c>
      <c r="BL224" s="166">
        <v>0</v>
      </c>
      <c r="BM224" s="166">
        <v>0</v>
      </c>
      <c r="BN224" s="166">
        <v>0</v>
      </c>
      <c r="BO224" s="166">
        <v>0</v>
      </c>
      <c r="BP224" s="166">
        <v>0</v>
      </c>
      <c r="BQ224" s="166">
        <v>0</v>
      </c>
      <c r="BR224" s="166">
        <v>5756279.5698159998</v>
      </c>
      <c r="BS224" s="166">
        <v>5756279.5698159998</v>
      </c>
      <c r="BT224" s="168">
        <v>1</v>
      </c>
      <c r="BU224" s="166">
        <v>-114157.51928199999</v>
      </c>
      <c r="BV224" s="166">
        <v>5756279.5698159998</v>
      </c>
      <c r="BW224" s="166">
        <v>0</v>
      </c>
      <c r="BX224" s="166">
        <v>0</v>
      </c>
      <c r="BY224" s="166">
        <v>0</v>
      </c>
      <c r="BZ224" s="166">
        <v>0</v>
      </c>
      <c r="CA224" s="166">
        <v>0</v>
      </c>
      <c r="CB224" s="166">
        <v>0</v>
      </c>
      <c r="CC224" s="166">
        <v>0</v>
      </c>
      <c r="CD224" s="166">
        <v>0</v>
      </c>
      <c r="CE224" s="166">
        <v>0</v>
      </c>
      <c r="CF224" s="166">
        <v>0</v>
      </c>
      <c r="CG224" s="166">
        <v>0</v>
      </c>
      <c r="CH224" s="166">
        <v>0</v>
      </c>
      <c r="CI224" s="166">
        <v>0</v>
      </c>
      <c r="CJ224" s="166">
        <v>0</v>
      </c>
      <c r="CK224" s="166">
        <v>0</v>
      </c>
      <c r="CL224" s="166">
        <v>0</v>
      </c>
      <c r="CM224" s="166">
        <v>0</v>
      </c>
      <c r="CN224" s="166">
        <v>0</v>
      </c>
      <c r="CO224" s="166">
        <v>0</v>
      </c>
      <c r="CP224" s="166">
        <v>0</v>
      </c>
      <c r="CQ224" s="166">
        <v>0</v>
      </c>
      <c r="CR224" s="166">
        <v>0</v>
      </c>
      <c r="CS224" s="166">
        <v>0</v>
      </c>
      <c r="CT224" s="166">
        <v>0</v>
      </c>
      <c r="CU224" s="166">
        <v>0</v>
      </c>
      <c r="CV224" s="166">
        <v>0</v>
      </c>
      <c r="CW224" s="166">
        <v>0</v>
      </c>
      <c r="CX224" s="166">
        <v>0</v>
      </c>
      <c r="CY224" s="166">
        <v>5756279.5698159998</v>
      </c>
      <c r="CZ224" s="166">
        <v>5756279.5698159998</v>
      </c>
    </row>
    <row r="225" spans="1:104" hidden="1" outlineLevel="1" x14ac:dyDescent="0.2">
      <c r="A225" s="167" t="s">
        <v>1130</v>
      </c>
      <c r="B225" s="166">
        <v>4069839.7311999998</v>
      </c>
      <c r="C225" s="166">
        <v>4069839.7311999998</v>
      </c>
      <c r="D225" s="166">
        <v>0</v>
      </c>
      <c r="E225" s="166">
        <v>0</v>
      </c>
      <c r="F225" s="166">
        <v>0</v>
      </c>
      <c r="G225" s="166">
        <v>0</v>
      </c>
      <c r="H225" s="166">
        <v>0</v>
      </c>
      <c r="I225" s="166">
        <v>0</v>
      </c>
      <c r="J225" s="166">
        <v>0</v>
      </c>
      <c r="K225" s="166">
        <v>0</v>
      </c>
      <c r="L225" s="166">
        <v>0</v>
      </c>
      <c r="M225" s="166">
        <v>0</v>
      </c>
      <c r="N225" s="166">
        <v>0</v>
      </c>
      <c r="O225" s="166">
        <v>0</v>
      </c>
      <c r="P225" s="166">
        <v>0</v>
      </c>
      <c r="Q225" s="166">
        <v>0</v>
      </c>
      <c r="R225" s="166">
        <v>0</v>
      </c>
      <c r="S225" s="166">
        <v>0</v>
      </c>
      <c r="T225" s="166">
        <v>0</v>
      </c>
      <c r="U225" s="166">
        <v>0</v>
      </c>
      <c r="V225" s="166">
        <v>0</v>
      </c>
      <c r="W225" s="166">
        <v>0</v>
      </c>
      <c r="X225" s="166">
        <v>0</v>
      </c>
      <c r="Y225" s="166">
        <v>0</v>
      </c>
      <c r="Z225" s="166">
        <v>0</v>
      </c>
      <c r="AA225" s="166">
        <v>0</v>
      </c>
      <c r="AB225" s="166">
        <v>0</v>
      </c>
      <c r="AC225" s="166">
        <v>0</v>
      </c>
      <c r="AD225" s="166">
        <v>0</v>
      </c>
      <c r="AE225" s="166">
        <v>0</v>
      </c>
      <c r="AF225" s="166">
        <v>0</v>
      </c>
      <c r="AG225" s="166">
        <v>0</v>
      </c>
      <c r="AH225" s="166">
        <v>0</v>
      </c>
      <c r="AI225" s="166">
        <v>0</v>
      </c>
      <c r="AJ225" s="166">
        <v>0</v>
      </c>
      <c r="AK225" s="166">
        <v>0</v>
      </c>
      <c r="AL225" s="166">
        <v>0</v>
      </c>
      <c r="AM225" s="166">
        <v>0</v>
      </c>
      <c r="AN225" s="166">
        <v>0</v>
      </c>
      <c r="AO225" s="166">
        <v>0</v>
      </c>
      <c r="AP225" s="166">
        <v>0</v>
      </c>
      <c r="AQ225" s="166">
        <v>0</v>
      </c>
      <c r="AR225" s="166">
        <v>0</v>
      </c>
      <c r="AS225" s="166">
        <v>0</v>
      </c>
      <c r="AT225" s="166">
        <v>0</v>
      </c>
      <c r="AU225" s="166">
        <v>0</v>
      </c>
      <c r="AV225" s="166">
        <v>0</v>
      </c>
      <c r="AW225" s="166">
        <v>0</v>
      </c>
      <c r="AX225" s="166">
        <v>0</v>
      </c>
      <c r="AY225" s="166">
        <v>0</v>
      </c>
      <c r="AZ225" s="166">
        <v>0</v>
      </c>
      <c r="BA225" s="166">
        <v>0</v>
      </c>
      <c r="BB225" s="166">
        <v>0</v>
      </c>
      <c r="BC225" s="166">
        <v>0</v>
      </c>
      <c r="BD225" s="166">
        <v>0</v>
      </c>
      <c r="BE225" s="166">
        <v>0</v>
      </c>
      <c r="BF225" s="166">
        <v>0</v>
      </c>
      <c r="BG225" s="166">
        <v>0</v>
      </c>
      <c r="BH225" s="166">
        <v>0</v>
      </c>
      <c r="BI225" s="166">
        <v>0</v>
      </c>
      <c r="BJ225" s="166">
        <v>0</v>
      </c>
      <c r="BK225" s="166">
        <v>0</v>
      </c>
      <c r="BL225" s="166">
        <v>0</v>
      </c>
      <c r="BM225" s="166">
        <v>0</v>
      </c>
      <c r="BN225" s="166">
        <v>0</v>
      </c>
      <c r="BO225" s="166">
        <v>0</v>
      </c>
      <c r="BP225" s="166">
        <v>0</v>
      </c>
      <c r="BQ225" s="166">
        <v>0</v>
      </c>
      <c r="BR225" s="166">
        <v>4069839.7311999998</v>
      </c>
      <c r="BS225" s="166">
        <v>4069839.7311999998</v>
      </c>
      <c r="BT225" s="168">
        <v>1</v>
      </c>
      <c r="BU225" s="166">
        <v>-80712.342400000096</v>
      </c>
      <c r="BV225" s="166">
        <v>4069839.7311999998</v>
      </c>
      <c r="BW225" s="166">
        <v>0</v>
      </c>
      <c r="BX225" s="166">
        <v>0</v>
      </c>
      <c r="BY225" s="166">
        <v>0</v>
      </c>
      <c r="BZ225" s="166">
        <v>0</v>
      </c>
      <c r="CA225" s="166">
        <v>0</v>
      </c>
      <c r="CB225" s="166">
        <v>0</v>
      </c>
      <c r="CC225" s="166">
        <v>0</v>
      </c>
      <c r="CD225" s="166">
        <v>0</v>
      </c>
      <c r="CE225" s="166">
        <v>0</v>
      </c>
      <c r="CF225" s="166">
        <v>0</v>
      </c>
      <c r="CG225" s="166">
        <v>0</v>
      </c>
      <c r="CH225" s="166">
        <v>0</v>
      </c>
      <c r="CI225" s="166">
        <v>0</v>
      </c>
      <c r="CJ225" s="166">
        <v>0</v>
      </c>
      <c r="CK225" s="166">
        <v>0</v>
      </c>
      <c r="CL225" s="166">
        <v>0</v>
      </c>
      <c r="CM225" s="166">
        <v>0</v>
      </c>
      <c r="CN225" s="166">
        <v>0</v>
      </c>
      <c r="CO225" s="166">
        <v>0</v>
      </c>
      <c r="CP225" s="166">
        <v>0</v>
      </c>
      <c r="CQ225" s="166">
        <v>0</v>
      </c>
      <c r="CR225" s="166">
        <v>0</v>
      </c>
      <c r="CS225" s="166">
        <v>0</v>
      </c>
      <c r="CT225" s="166">
        <v>0</v>
      </c>
      <c r="CU225" s="166">
        <v>0</v>
      </c>
      <c r="CV225" s="166">
        <v>0</v>
      </c>
      <c r="CW225" s="166">
        <v>0</v>
      </c>
      <c r="CX225" s="166">
        <v>0</v>
      </c>
      <c r="CY225" s="166">
        <v>4069839.7311999998</v>
      </c>
      <c r="CZ225" s="166">
        <v>4069839.7311999998</v>
      </c>
    </row>
    <row r="226" spans="1:104" hidden="1" outlineLevel="1" x14ac:dyDescent="0.2">
      <c r="A226" s="167" t="s">
        <v>1131</v>
      </c>
      <c r="B226" s="166">
        <v>869928.24254399899</v>
      </c>
      <c r="C226" s="166">
        <v>869928.24254399899</v>
      </c>
      <c r="D226" s="166">
        <v>0</v>
      </c>
      <c r="E226" s="166">
        <v>0</v>
      </c>
      <c r="F226" s="166">
        <v>0</v>
      </c>
      <c r="G226" s="166">
        <v>0</v>
      </c>
      <c r="H226" s="166">
        <v>0</v>
      </c>
      <c r="I226" s="166">
        <v>0</v>
      </c>
      <c r="J226" s="166">
        <v>0</v>
      </c>
      <c r="K226" s="166">
        <v>0</v>
      </c>
      <c r="L226" s="166">
        <v>0</v>
      </c>
      <c r="M226" s="166">
        <v>0</v>
      </c>
      <c r="N226" s="166">
        <v>0</v>
      </c>
      <c r="O226" s="166">
        <v>0</v>
      </c>
      <c r="P226" s="166">
        <v>0</v>
      </c>
      <c r="Q226" s="166">
        <v>0</v>
      </c>
      <c r="R226" s="166">
        <v>0</v>
      </c>
      <c r="S226" s="166">
        <v>0</v>
      </c>
      <c r="T226" s="166">
        <v>0</v>
      </c>
      <c r="U226" s="166">
        <v>0</v>
      </c>
      <c r="V226" s="166">
        <v>0</v>
      </c>
      <c r="W226" s="166">
        <v>0</v>
      </c>
      <c r="X226" s="166">
        <v>0</v>
      </c>
      <c r="Y226" s="166">
        <v>0</v>
      </c>
      <c r="Z226" s="166">
        <v>0</v>
      </c>
      <c r="AA226" s="166">
        <v>0</v>
      </c>
      <c r="AB226" s="166">
        <v>0</v>
      </c>
      <c r="AC226" s="166">
        <v>0</v>
      </c>
      <c r="AD226" s="166">
        <v>0</v>
      </c>
      <c r="AE226" s="166">
        <v>0</v>
      </c>
      <c r="AF226" s="166">
        <v>0</v>
      </c>
      <c r="AG226" s="166">
        <v>0</v>
      </c>
      <c r="AH226" s="166">
        <v>0</v>
      </c>
      <c r="AI226" s="166">
        <v>0</v>
      </c>
      <c r="AJ226" s="166">
        <v>0</v>
      </c>
      <c r="AK226" s="166">
        <v>0</v>
      </c>
      <c r="AL226" s="166">
        <v>0</v>
      </c>
      <c r="AM226" s="166">
        <v>0</v>
      </c>
      <c r="AN226" s="166">
        <v>0</v>
      </c>
      <c r="AO226" s="166">
        <v>0</v>
      </c>
      <c r="AP226" s="166">
        <v>0</v>
      </c>
      <c r="AQ226" s="166">
        <v>0</v>
      </c>
      <c r="AR226" s="166">
        <v>0</v>
      </c>
      <c r="AS226" s="166">
        <v>0</v>
      </c>
      <c r="AT226" s="166">
        <v>0</v>
      </c>
      <c r="AU226" s="166">
        <v>0</v>
      </c>
      <c r="AV226" s="166">
        <v>0</v>
      </c>
      <c r="AW226" s="166">
        <v>0</v>
      </c>
      <c r="AX226" s="166">
        <v>0</v>
      </c>
      <c r="AY226" s="166">
        <v>0</v>
      </c>
      <c r="AZ226" s="166">
        <v>0</v>
      </c>
      <c r="BA226" s="166">
        <v>0</v>
      </c>
      <c r="BB226" s="166">
        <v>0</v>
      </c>
      <c r="BC226" s="166">
        <v>0</v>
      </c>
      <c r="BD226" s="166">
        <v>0</v>
      </c>
      <c r="BE226" s="166">
        <v>0</v>
      </c>
      <c r="BF226" s="166">
        <v>0</v>
      </c>
      <c r="BG226" s="166">
        <v>0</v>
      </c>
      <c r="BH226" s="166">
        <v>0</v>
      </c>
      <c r="BI226" s="166">
        <v>0</v>
      </c>
      <c r="BJ226" s="166">
        <v>0</v>
      </c>
      <c r="BK226" s="166">
        <v>0</v>
      </c>
      <c r="BL226" s="166">
        <v>0</v>
      </c>
      <c r="BM226" s="166">
        <v>0</v>
      </c>
      <c r="BN226" s="166">
        <v>0</v>
      </c>
      <c r="BO226" s="166">
        <v>0</v>
      </c>
      <c r="BP226" s="166">
        <v>0</v>
      </c>
      <c r="BQ226" s="166">
        <v>0</v>
      </c>
      <c r="BR226" s="166">
        <v>869928.24254399899</v>
      </c>
      <c r="BS226" s="166">
        <v>869928.24254399899</v>
      </c>
      <c r="BT226" s="168">
        <v>0.98770000000000002</v>
      </c>
      <c r="BU226" s="166">
        <v>-17040.0603507876</v>
      </c>
      <c r="BV226" s="166">
        <v>859228.12516070798</v>
      </c>
      <c r="BW226" s="166">
        <v>0</v>
      </c>
      <c r="BX226" s="166">
        <v>0</v>
      </c>
      <c r="BY226" s="166">
        <v>0</v>
      </c>
      <c r="BZ226" s="166">
        <v>0</v>
      </c>
      <c r="CA226" s="166">
        <v>0</v>
      </c>
      <c r="CB226" s="166">
        <v>0</v>
      </c>
      <c r="CC226" s="166">
        <v>0</v>
      </c>
      <c r="CD226" s="166">
        <v>0</v>
      </c>
      <c r="CE226" s="166">
        <v>0</v>
      </c>
      <c r="CF226" s="166">
        <v>0</v>
      </c>
      <c r="CG226" s="166">
        <v>0</v>
      </c>
      <c r="CH226" s="166">
        <v>0</v>
      </c>
      <c r="CI226" s="166">
        <v>0</v>
      </c>
      <c r="CJ226" s="166">
        <v>0</v>
      </c>
      <c r="CK226" s="166">
        <v>0</v>
      </c>
      <c r="CL226" s="166">
        <v>0</v>
      </c>
      <c r="CM226" s="166">
        <v>0</v>
      </c>
      <c r="CN226" s="166">
        <v>0</v>
      </c>
      <c r="CO226" s="166">
        <v>0</v>
      </c>
      <c r="CP226" s="166">
        <v>0</v>
      </c>
      <c r="CQ226" s="166">
        <v>0</v>
      </c>
      <c r="CR226" s="166">
        <v>0</v>
      </c>
      <c r="CS226" s="166">
        <v>0</v>
      </c>
      <c r="CT226" s="166">
        <v>0</v>
      </c>
      <c r="CU226" s="166">
        <v>0</v>
      </c>
      <c r="CV226" s="166">
        <v>0</v>
      </c>
      <c r="CW226" s="166">
        <v>0</v>
      </c>
      <c r="CX226" s="166">
        <v>0</v>
      </c>
      <c r="CY226" s="166">
        <v>859228.12516070798</v>
      </c>
      <c r="CZ226" s="166">
        <v>859228.12516070798</v>
      </c>
    </row>
    <row r="227" spans="1:104" hidden="1" outlineLevel="1" x14ac:dyDescent="0.2">
      <c r="A227" s="167" t="s">
        <v>1132</v>
      </c>
      <c r="B227" s="166">
        <v>2645395.82528</v>
      </c>
      <c r="C227" s="166">
        <v>2645395.82528</v>
      </c>
      <c r="D227" s="166">
        <v>0</v>
      </c>
      <c r="E227" s="166">
        <v>0</v>
      </c>
      <c r="F227" s="166">
        <v>0</v>
      </c>
      <c r="G227" s="166">
        <v>0</v>
      </c>
      <c r="H227" s="166">
        <v>0</v>
      </c>
      <c r="I227" s="166">
        <v>0</v>
      </c>
      <c r="J227" s="166">
        <v>0</v>
      </c>
      <c r="K227" s="166">
        <v>0</v>
      </c>
      <c r="L227" s="166">
        <v>0</v>
      </c>
      <c r="M227" s="166">
        <v>0</v>
      </c>
      <c r="N227" s="166">
        <v>0</v>
      </c>
      <c r="O227" s="166">
        <v>0</v>
      </c>
      <c r="P227" s="166">
        <v>0</v>
      </c>
      <c r="Q227" s="166">
        <v>0</v>
      </c>
      <c r="R227" s="166">
        <v>0</v>
      </c>
      <c r="S227" s="166">
        <v>0</v>
      </c>
      <c r="T227" s="166">
        <v>0</v>
      </c>
      <c r="U227" s="166">
        <v>0</v>
      </c>
      <c r="V227" s="166">
        <v>0</v>
      </c>
      <c r="W227" s="166">
        <v>0</v>
      </c>
      <c r="X227" s="166">
        <v>0</v>
      </c>
      <c r="Y227" s="166">
        <v>0</v>
      </c>
      <c r="Z227" s="166">
        <v>0</v>
      </c>
      <c r="AA227" s="166">
        <v>0</v>
      </c>
      <c r="AB227" s="166">
        <v>0</v>
      </c>
      <c r="AC227" s="166">
        <v>0</v>
      </c>
      <c r="AD227" s="166">
        <v>0</v>
      </c>
      <c r="AE227" s="166">
        <v>0</v>
      </c>
      <c r="AF227" s="166">
        <v>0</v>
      </c>
      <c r="AG227" s="166">
        <v>0</v>
      </c>
      <c r="AH227" s="166">
        <v>0</v>
      </c>
      <c r="AI227" s="166">
        <v>0</v>
      </c>
      <c r="AJ227" s="166">
        <v>0</v>
      </c>
      <c r="AK227" s="166">
        <v>0</v>
      </c>
      <c r="AL227" s="166">
        <v>0</v>
      </c>
      <c r="AM227" s="166">
        <v>0</v>
      </c>
      <c r="AN227" s="166">
        <v>0</v>
      </c>
      <c r="AO227" s="166">
        <v>0</v>
      </c>
      <c r="AP227" s="166">
        <v>0</v>
      </c>
      <c r="AQ227" s="166">
        <v>0</v>
      </c>
      <c r="AR227" s="166">
        <v>0</v>
      </c>
      <c r="AS227" s="166">
        <v>0</v>
      </c>
      <c r="AT227" s="166">
        <v>0</v>
      </c>
      <c r="AU227" s="166">
        <v>0</v>
      </c>
      <c r="AV227" s="166">
        <v>0</v>
      </c>
      <c r="AW227" s="166">
        <v>0</v>
      </c>
      <c r="AX227" s="166">
        <v>0</v>
      </c>
      <c r="AY227" s="166">
        <v>0</v>
      </c>
      <c r="AZ227" s="166">
        <v>0</v>
      </c>
      <c r="BA227" s="166">
        <v>0</v>
      </c>
      <c r="BB227" s="166">
        <v>0</v>
      </c>
      <c r="BC227" s="166">
        <v>0</v>
      </c>
      <c r="BD227" s="166">
        <v>0</v>
      </c>
      <c r="BE227" s="166">
        <v>0</v>
      </c>
      <c r="BF227" s="166">
        <v>0</v>
      </c>
      <c r="BG227" s="166">
        <v>0</v>
      </c>
      <c r="BH227" s="166">
        <v>0</v>
      </c>
      <c r="BI227" s="166">
        <v>0</v>
      </c>
      <c r="BJ227" s="166">
        <v>0</v>
      </c>
      <c r="BK227" s="166">
        <v>0</v>
      </c>
      <c r="BL227" s="166">
        <v>0</v>
      </c>
      <c r="BM227" s="166">
        <v>0</v>
      </c>
      <c r="BN227" s="166">
        <v>0</v>
      </c>
      <c r="BO227" s="166">
        <v>0</v>
      </c>
      <c r="BP227" s="166">
        <v>0</v>
      </c>
      <c r="BQ227" s="166">
        <v>0</v>
      </c>
      <c r="BR227" s="166">
        <v>2645395.82528</v>
      </c>
      <c r="BS227" s="166">
        <v>2645395.82528</v>
      </c>
      <c r="BT227" s="168">
        <v>1</v>
      </c>
      <c r="BU227" s="166">
        <v>-52463.022559999998</v>
      </c>
      <c r="BV227" s="166">
        <v>2645395.82528</v>
      </c>
      <c r="BW227" s="166">
        <v>0</v>
      </c>
      <c r="BX227" s="166">
        <v>0</v>
      </c>
      <c r="BY227" s="166">
        <v>0</v>
      </c>
      <c r="BZ227" s="166">
        <v>0</v>
      </c>
      <c r="CA227" s="166">
        <v>0</v>
      </c>
      <c r="CB227" s="166">
        <v>0</v>
      </c>
      <c r="CC227" s="166">
        <v>0</v>
      </c>
      <c r="CD227" s="166">
        <v>0</v>
      </c>
      <c r="CE227" s="166">
        <v>0</v>
      </c>
      <c r="CF227" s="166">
        <v>0</v>
      </c>
      <c r="CG227" s="166">
        <v>0</v>
      </c>
      <c r="CH227" s="166">
        <v>0</v>
      </c>
      <c r="CI227" s="166">
        <v>0</v>
      </c>
      <c r="CJ227" s="166">
        <v>0</v>
      </c>
      <c r="CK227" s="166">
        <v>0</v>
      </c>
      <c r="CL227" s="166">
        <v>0</v>
      </c>
      <c r="CM227" s="166">
        <v>0</v>
      </c>
      <c r="CN227" s="166">
        <v>0</v>
      </c>
      <c r="CO227" s="166">
        <v>0</v>
      </c>
      <c r="CP227" s="166">
        <v>0</v>
      </c>
      <c r="CQ227" s="166">
        <v>0</v>
      </c>
      <c r="CR227" s="166">
        <v>0</v>
      </c>
      <c r="CS227" s="166">
        <v>0</v>
      </c>
      <c r="CT227" s="166">
        <v>0</v>
      </c>
      <c r="CU227" s="166">
        <v>0</v>
      </c>
      <c r="CV227" s="166">
        <v>0</v>
      </c>
      <c r="CW227" s="166">
        <v>0</v>
      </c>
      <c r="CX227" s="166">
        <v>0</v>
      </c>
      <c r="CY227" s="166">
        <v>2645395.82528</v>
      </c>
      <c r="CZ227" s="166">
        <v>2645395.82528</v>
      </c>
    </row>
    <row r="228" spans="1:104" hidden="1" outlineLevel="1" x14ac:dyDescent="0.2">
      <c r="A228" s="167" t="s">
        <v>1133</v>
      </c>
      <c r="B228" s="166">
        <v>15261.8989919999</v>
      </c>
      <c r="C228" s="166">
        <v>15261.8989919999</v>
      </c>
      <c r="D228" s="166">
        <v>0</v>
      </c>
      <c r="E228" s="166">
        <v>0</v>
      </c>
      <c r="F228" s="166">
        <v>0</v>
      </c>
      <c r="G228" s="166">
        <v>0</v>
      </c>
      <c r="H228" s="166">
        <v>0</v>
      </c>
      <c r="I228" s="166">
        <v>0</v>
      </c>
      <c r="J228" s="166">
        <v>0</v>
      </c>
      <c r="K228" s="166">
        <v>0</v>
      </c>
      <c r="L228" s="166">
        <v>0</v>
      </c>
      <c r="M228" s="166">
        <v>0</v>
      </c>
      <c r="N228" s="166">
        <v>0</v>
      </c>
      <c r="O228" s="166">
        <v>0</v>
      </c>
      <c r="P228" s="166">
        <v>0</v>
      </c>
      <c r="Q228" s="166">
        <v>0</v>
      </c>
      <c r="R228" s="166">
        <v>0</v>
      </c>
      <c r="S228" s="166">
        <v>0</v>
      </c>
      <c r="T228" s="166">
        <v>0</v>
      </c>
      <c r="U228" s="166">
        <v>0</v>
      </c>
      <c r="V228" s="166">
        <v>0</v>
      </c>
      <c r="W228" s="166">
        <v>0</v>
      </c>
      <c r="X228" s="166">
        <v>0</v>
      </c>
      <c r="Y228" s="166">
        <v>0</v>
      </c>
      <c r="Z228" s="166">
        <v>0</v>
      </c>
      <c r="AA228" s="166">
        <v>0</v>
      </c>
      <c r="AB228" s="166">
        <v>0</v>
      </c>
      <c r="AC228" s="166">
        <v>0</v>
      </c>
      <c r="AD228" s="166">
        <v>0</v>
      </c>
      <c r="AE228" s="166">
        <v>0</v>
      </c>
      <c r="AF228" s="166">
        <v>0</v>
      </c>
      <c r="AG228" s="166">
        <v>0</v>
      </c>
      <c r="AH228" s="166">
        <v>0</v>
      </c>
      <c r="AI228" s="166">
        <v>0</v>
      </c>
      <c r="AJ228" s="166">
        <v>0</v>
      </c>
      <c r="AK228" s="166">
        <v>0</v>
      </c>
      <c r="AL228" s="166">
        <v>0</v>
      </c>
      <c r="AM228" s="166">
        <v>0</v>
      </c>
      <c r="AN228" s="166">
        <v>0</v>
      </c>
      <c r="AO228" s="166">
        <v>0</v>
      </c>
      <c r="AP228" s="166">
        <v>0</v>
      </c>
      <c r="AQ228" s="166">
        <v>0</v>
      </c>
      <c r="AR228" s="166">
        <v>0</v>
      </c>
      <c r="AS228" s="166">
        <v>0</v>
      </c>
      <c r="AT228" s="166">
        <v>0</v>
      </c>
      <c r="AU228" s="166">
        <v>0</v>
      </c>
      <c r="AV228" s="166">
        <v>0</v>
      </c>
      <c r="AW228" s="166">
        <v>0</v>
      </c>
      <c r="AX228" s="166">
        <v>0</v>
      </c>
      <c r="AY228" s="166">
        <v>0</v>
      </c>
      <c r="AZ228" s="166">
        <v>0</v>
      </c>
      <c r="BA228" s="166">
        <v>0</v>
      </c>
      <c r="BB228" s="166">
        <v>0</v>
      </c>
      <c r="BC228" s="166">
        <v>0</v>
      </c>
      <c r="BD228" s="166">
        <v>0</v>
      </c>
      <c r="BE228" s="166">
        <v>0</v>
      </c>
      <c r="BF228" s="166">
        <v>0</v>
      </c>
      <c r="BG228" s="166">
        <v>0</v>
      </c>
      <c r="BH228" s="166">
        <v>0</v>
      </c>
      <c r="BI228" s="166">
        <v>0</v>
      </c>
      <c r="BJ228" s="166">
        <v>0</v>
      </c>
      <c r="BK228" s="166">
        <v>0</v>
      </c>
      <c r="BL228" s="166">
        <v>0</v>
      </c>
      <c r="BM228" s="166">
        <v>0</v>
      </c>
      <c r="BN228" s="166">
        <v>0</v>
      </c>
      <c r="BO228" s="166">
        <v>0</v>
      </c>
      <c r="BP228" s="166">
        <v>0</v>
      </c>
      <c r="BQ228" s="166">
        <v>0</v>
      </c>
      <c r="BR228" s="166">
        <v>15261.8989919999</v>
      </c>
      <c r="BS228" s="166">
        <v>15261.8989919999</v>
      </c>
      <c r="BT228" s="168">
        <v>1</v>
      </c>
      <c r="BU228" s="166">
        <v>-302.67128400000001</v>
      </c>
      <c r="BV228" s="166">
        <v>15261.8989919999</v>
      </c>
      <c r="BW228" s="166">
        <v>0</v>
      </c>
      <c r="BX228" s="166">
        <v>0</v>
      </c>
      <c r="BY228" s="166">
        <v>0</v>
      </c>
      <c r="BZ228" s="166">
        <v>0</v>
      </c>
      <c r="CA228" s="166">
        <v>0</v>
      </c>
      <c r="CB228" s="166">
        <v>0</v>
      </c>
      <c r="CC228" s="166">
        <v>0</v>
      </c>
      <c r="CD228" s="166">
        <v>0</v>
      </c>
      <c r="CE228" s="166">
        <v>0</v>
      </c>
      <c r="CF228" s="166">
        <v>0</v>
      </c>
      <c r="CG228" s="166">
        <v>0</v>
      </c>
      <c r="CH228" s="166">
        <v>0</v>
      </c>
      <c r="CI228" s="166">
        <v>0</v>
      </c>
      <c r="CJ228" s="166">
        <v>0</v>
      </c>
      <c r="CK228" s="166">
        <v>0</v>
      </c>
      <c r="CL228" s="166">
        <v>0</v>
      </c>
      <c r="CM228" s="166">
        <v>0</v>
      </c>
      <c r="CN228" s="166">
        <v>0</v>
      </c>
      <c r="CO228" s="166">
        <v>0</v>
      </c>
      <c r="CP228" s="166">
        <v>0</v>
      </c>
      <c r="CQ228" s="166">
        <v>0</v>
      </c>
      <c r="CR228" s="166">
        <v>0</v>
      </c>
      <c r="CS228" s="166">
        <v>0</v>
      </c>
      <c r="CT228" s="166">
        <v>0</v>
      </c>
      <c r="CU228" s="166">
        <v>0</v>
      </c>
      <c r="CV228" s="166">
        <v>0</v>
      </c>
      <c r="CW228" s="166">
        <v>0</v>
      </c>
      <c r="CX228" s="166">
        <v>0</v>
      </c>
      <c r="CY228" s="166">
        <v>15261.8989919999</v>
      </c>
      <c r="CZ228" s="166">
        <v>15261.8989919999</v>
      </c>
    </row>
    <row r="229" spans="1:104" hidden="1" outlineLevel="1" x14ac:dyDescent="0.2">
      <c r="A229" s="167" t="s">
        <v>1134</v>
      </c>
      <c r="B229" s="166">
        <v>25436498.32</v>
      </c>
      <c r="C229" s="166">
        <v>25436498.32</v>
      </c>
      <c r="D229" s="166">
        <v>0</v>
      </c>
      <c r="E229" s="166">
        <v>0</v>
      </c>
      <c r="F229" s="166">
        <v>0</v>
      </c>
      <c r="G229" s="166">
        <v>0</v>
      </c>
      <c r="H229" s="166">
        <v>0</v>
      </c>
      <c r="I229" s="166">
        <v>0</v>
      </c>
      <c r="J229" s="166">
        <v>0</v>
      </c>
      <c r="K229" s="166">
        <v>0</v>
      </c>
      <c r="L229" s="166">
        <v>0</v>
      </c>
      <c r="M229" s="166">
        <v>0</v>
      </c>
      <c r="N229" s="166">
        <v>0</v>
      </c>
      <c r="O229" s="166">
        <v>0</v>
      </c>
      <c r="P229" s="166">
        <v>0</v>
      </c>
      <c r="Q229" s="166">
        <v>0</v>
      </c>
      <c r="R229" s="166">
        <v>0</v>
      </c>
      <c r="S229" s="166">
        <v>0</v>
      </c>
      <c r="T229" s="166">
        <v>0</v>
      </c>
      <c r="U229" s="166">
        <v>0</v>
      </c>
      <c r="V229" s="166">
        <v>0</v>
      </c>
      <c r="W229" s="166">
        <v>0</v>
      </c>
      <c r="X229" s="166">
        <v>0</v>
      </c>
      <c r="Y229" s="166">
        <v>0</v>
      </c>
      <c r="Z229" s="166">
        <v>0</v>
      </c>
      <c r="AA229" s="166">
        <v>0</v>
      </c>
      <c r="AB229" s="166">
        <v>0</v>
      </c>
      <c r="AC229" s="166">
        <v>0</v>
      </c>
      <c r="AD229" s="166">
        <v>0</v>
      </c>
      <c r="AE229" s="166">
        <v>0</v>
      </c>
      <c r="AF229" s="166">
        <v>0</v>
      </c>
      <c r="AG229" s="166">
        <v>0</v>
      </c>
      <c r="AH229" s="166">
        <v>0</v>
      </c>
      <c r="AI229" s="166">
        <v>0</v>
      </c>
      <c r="AJ229" s="166">
        <v>0</v>
      </c>
      <c r="AK229" s="166">
        <v>0</v>
      </c>
      <c r="AL229" s="166">
        <v>0</v>
      </c>
      <c r="AM229" s="166">
        <v>0</v>
      </c>
      <c r="AN229" s="166">
        <v>0</v>
      </c>
      <c r="AO229" s="166">
        <v>0</v>
      </c>
      <c r="AP229" s="166">
        <v>0</v>
      </c>
      <c r="AQ229" s="166">
        <v>0</v>
      </c>
      <c r="AR229" s="166">
        <v>0</v>
      </c>
      <c r="AS229" s="166">
        <v>0</v>
      </c>
      <c r="AT229" s="166">
        <v>0</v>
      </c>
      <c r="AU229" s="166">
        <v>0</v>
      </c>
      <c r="AV229" s="166">
        <v>0</v>
      </c>
      <c r="AW229" s="166">
        <v>0</v>
      </c>
      <c r="AX229" s="166">
        <v>0</v>
      </c>
      <c r="AY229" s="166">
        <v>0</v>
      </c>
      <c r="AZ229" s="166">
        <v>0</v>
      </c>
      <c r="BA229" s="166">
        <v>0</v>
      </c>
      <c r="BB229" s="166">
        <v>0</v>
      </c>
      <c r="BC229" s="166">
        <v>0</v>
      </c>
      <c r="BD229" s="166">
        <v>0</v>
      </c>
      <c r="BE229" s="166">
        <v>0</v>
      </c>
      <c r="BF229" s="166">
        <v>0</v>
      </c>
      <c r="BG229" s="166">
        <v>0</v>
      </c>
      <c r="BH229" s="166">
        <v>0</v>
      </c>
      <c r="BI229" s="166">
        <v>0</v>
      </c>
      <c r="BJ229" s="166">
        <v>0</v>
      </c>
      <c r="BK229" s="166">
        <v>0</v>
      </c>
      <c r="BL229" s="166">
        <v>0</v>
      </c>
      <c r="BM229" s="166">
        <v>0</v>
      </c>
      <c r="BN229" s="166">
        <v>0</v>
      </c>
      <c r="BO229" s="166">
        <v>0</v>
      </c>
      <c r="BP229" s="166">
        <v>0</v>
      </c>
      <c r="BQ229" s="166">
        <v>0</v>
      </c>
      <c r="BR229" s="166">
        <v>25436498.32</v>
      </c>
      <c r="BS229" s="166">
        <v>25436498.32</v>
      </c>
      <c r="BT229" s="168">
        <v>0</v>
      </c>
      <c r="BU229" s="166">
        <v>-504239.937162788</v>
      </c>
      <c r="BV229" s="166">
        <v>25425798.202616699</v>
      </c>
      <c r="BW229" s="166">
        <v>0</v>
      </c>
      <c r="BX229" s="166">
        <v>0</v>
      </c>
      <c r="BY229" s="166">
        <v>0</v>
      </c>
      <c r="BZ229" s="166">
        <v>0</v>
      </c>
      <c r="CA229" s="166">
        <v>0</v>
      </c>
      <c r="CB229" s="166">
        <v>0</v>
      </c>
      <c r="CC229" s="166">
        <v>0</v>
      </c>
      <c r="CD229" s="166">
        <v>0</v>
      </c>
      <c r="CE229" s="166">
        <v>0</v>
      </c>
      <c r="CF229" s="166">
        <v>0</v>
      </c>
      <c r="CG229" s="166">
        <v>0</v>
      </c>
      <c r="CH229" s="166">
        <v>0</v>
      </c>
      <c r="CI229" s="166">
        <v>0</v>
      </c>
      <c r="CJ229" s="166">
        <v>0</v>
      </c>
      <c r="CK229" s="166">
        <v>0</v>
      </c>
      <c r="CL229" s="166">
        <v>0</v>
      </c>
      <c r="CM229" s="166">
        <v>0</v>
      </c>
      <c r="CN229" s="166">
        <v>0</v>
      </c>
      <c r="CO229" s="166">
        <v>0</v>
      </c>
      <c r="CP229" s="166">
        <v>0</v>
      </c>
      <c r="CQ229" s="166">
        <v>0</v>
      </c>
      <c r="CR229" s="166">
        <v>0</v>
      </c>
      <c r="CS229" s="166">
        <v>0</v>
      </c>
      <c r="CT229" s="166">
        <v>0</v>
      </c>
      <c r="CU229" s="166">
        <v>0</v>
      </c>
      <c r="CV229" s="166">
        <v>0</v>
      </c>
      <c r="CW229" s="166">
        <v>0</v>
      </c>
      <c r="CX229" s="166">
        <v>0</v>
      </c>
      <c r="CY229" s="166">
        <v>25425798.202616699</v>
      </c>
      <c r="CZ229" s="166">
        <v>25425798.202616699</v>
      </c>
    </row>
    <row r="230" spans="1:104" hidden="1" outlineLevel="1" x14ac:dyDescent="0.2">
      <c r="A230" s="167" t="s">
        <v>322</v>
      </c>
    </row>
    <row r="231" spans="1:104" hidden="1" outlineLevel="1" x14ac:dyDescent="0.2">
      <c r="A231" s="167" t="s">
        <v>1135</v>
      </c>
      <c r="B231" s="166">
        <v>535070.46161700005</v>
      </c>
      <c r="C231" s="166">
        <v>535070.46161700005</v>
      </c>
      <c r="D231" s="166">
        <v>0</v>
      </c>
      <c r="E231" s="166">
        <v>0</v>
      </c>
      <c r="F231" s="166">
        <v>0</v>
      </c>
      <c r="G231" s="166">
        <v>0</v>
      </c>
      <c r="H231" s="166">
        <v>0</v>
      </c>
      <c r="I231" s="166">
        <v>0</v>
      </c>
      <c r="J231" s="166">
        <v>0</v>
      </c>
      <c r="K231" s="166">
        <v>0</v>
      </c>
      <c r="L231" s="166">
        <v>0</v>
      </c>
      <c r="M231" s="166">
        <v>0</v>
      </c>
      <c r="N231" s="166">
        <v>0</v>
      </c>
      <c r="O231" s="166">
        <v>0</v>
      </c>
      <c r="P231" s="166">
        <v>0</v>
      </c>
      <c r="Q231" s="166">
        <v>0</v>
      </c>
      <c r="R231" s="166">
        <v>0</v>
      </c>
      <c r="S231" s="166">
        <v>0</v>
      </c>
      <c r="T231" s="166">
        <v>0</v>
      </c>
      <c r="U231" s="166">
        <v>0</v>
      </c>
      <c r="V231" s="166">
        <v>0</v>
      </c>
      <c r="W231" s="166">
        <v>0</v>
      </c>
      <c r="X231" s="166">
        <v>0</v>
      </c>
      <c r="Y231" s="166">
        <v>0</v>
      </c>
      <c r="Z231" s="166">
        <v>0</v>
      </c>
      <c r="AA231" s="166">
        <v>0</v>
      </c>
      <c r="AB231" s="166">
        <v>0</v>
      </c>
      <c r="AC231" s="166">
        <v>0</v>
      </c>
      <c r="AD231" s="166">
        <v>0</v>
      </c>
      <c r="AE231" s="166">
        <v>0</v>
      </c>
      <c r="AF231" s="166">
        <v>0</v>
      </c>
      <c r="AG231" s="166">
        <v>0</v>
      </c>
      <c r="AH231" s="166">
        <v>0</v>
      </c>
      <c r="AI231" s="166">
        <v>0</v>
      </c>
      <c r="AJ231" s="166">
        <v>0</v>
      </c>
      <c r="AK231" s="166">
        <v>0</v>
      </c>
      <c r="AL231" s="166">
        <v>0</v>
      </c>
      <c r="AM231" s="166">
        <v>0</v>
      </c>
      <c r="AN231" s="166">
        <v>0</v>
      </c>
      <c r="AO231" s="166">
        <v>0</v>
      </c>
      <c r="AP231" s="166">
        <v>0</v>
      </c>
      <c r="AQ231" s="166">
        <v>0</v>
      </c>
      <c r="AR231" s="166">
        <v>0</v>
      </c>
      <c r="AS231" s="166">
        <v>0</v>
      </c>
      <c r="AT231" s="166">
        <v>0</v>
      </c>
      <c r="AU231" s="166">
        <v>0</v>
      </c>
      <c r="AV231" s="166">
        <v>0</v>
      </c>
      <c r="AW231" s="166">
        <v>0</v>
      </c>
      <c r="AX231" s="166">
        <v>0</v>
      </c>
      <c r="AY231" s="166">
        <v>0</v>
      </c>
      <c r="AZ231" s="166">
        <v>0</v>
      </c>
      <c r="BA231" s="166">
        <v>0</v>
      </c>
      <c r="BB231" s="166">
        <v>0</v>
      </c>
      <c r="BC231" s="166">
        <v>0</v>
      </c>
      <c r="BD231" s="166">
        <v>0</v>
      </c>
      <c r="BE231" s="166">
        <v>0</v>
      </c>
      <c r="BF231" s="166">
        <v>0</v>
      </c>
      <c r="BG231" s="166">
        <v>0</v>
      </c>
      <c r="BH231" s="166">
        <v>0</v>
      </c>
      <c r="BI231" s="166">
        <v>0</v>
      </c>
      <c r="BJ231" s="166">
        <v>0</v>
      </c>
      <c r="BK231" s="166">
        <v>0</v>
      </c>
      <c r="BL231" s="166">
        <v>0</v>
      </c>
      <c r="BM231" s="166">
        <v>0</v>
      </c>
      <c r="BN231" s="166">
        <v>0</v>
      </c>
      <c r="BO231" s="166">
        <v>0</v>
      </c>
      <c r="BP231" s="166">
        <v>0</v>
      </c>
      <c r="BQ231" s="166">
        <v>0</v>
      </c>
      <c r="BR231" s="166">
        <v>535070.46161700005</v>
      </c>
      <c r="BS231" s="166">
        <v>535070.46161700005</v>
      </c>
      <c r="BT231" s="168">
        <v>1</v>
      </c>
      <c r="BU231" s="166">
        <v>-148319.02036799901</v>
      </c>
      <c r="BV231" s="166">
        <v>535070.46161700005</v>
      </c>
      <c r="BW231" s="166">
        <v>0</v>
      </c>
      <c r="BX231" s="166">
        <v>0</v>
      </c>
      <c r="BY231" s="166">
        <v>0</v>
      </c>
      <c r="BZ231" s="166">
        <v>0</v>
      </c>
      <c r="CA231" s="166">
        <v>0</v>
      </c>
      <c r="CB231" s="166">
        <v>0</v>
      </c>
      <c r="CC231" s="166">
        <v>0</v>
      </c>
      <c r="CD231" s="166">
        <v>0</v>
      </c>
      <c r="CE231" s="166">
        <v>0</v>
      </c>
      <c r="CF231" s="166">
        <v>0</v>
      </c>
      <c r="CG231" s="166">
        <v>0</v>
      </c>
      <c r="CH231" s="166">
        <v>0</v>
      </c>
      <c r="CI231" s="166">
        <v>0</v>
      </c>
      <c r="CJ231" s="166">
        <v>0</v>
      </c>
      <c r="CK231" s="166">
        <v>0</v>
      </c>
      <c r="CL231" s="166">
        <v>0</v>
      </c>
      <c r="CM231" s="166">
        <v>0</v>
      </c>
      <c r="CN231" s="166">
        <v>0</v>
      </c>
      <c r="CO231" s="166">
        <v>0</v>
      </c>
      <c r="CP231" s="166">
        <v>0</v>
      </c>
      <c r="CQ231" s="166">
        <v>0</v>
      </c>
      <c r="CR231" s="166">
        <v>0</v>
      </c>
      <c r="CS231" s="166">
        <v>0</v>
      </c>
      <c r="CT231" s="166">
        <v>0</v>
      </c>
      <c r="CU231" s="166">
        <v>0</v>
      </c>
      <c r="CV231" s="166">
        <v>0</v>
      </c>
      <c r="CW231" s="166">
        <v>0</v>
      </c>
      <c r="CX231" s="166">
        <v>0</v>
      </c>
      <c r="CY231" s="166">
        <v>535070.46161700005</v>
      </c>
      <c r="CZ231" s="166">
        <v>535070.46161700005</v>
      </c>
    </row>
    <row r="232" spans="1:104" hidden="1" outlineLevel="1" x14ac:dyDescent="0.2">
      <c r="A232" s="167" t="s">
        <v>324</v>
      </c>
      <c r="B232" s="166">
        <v>254972.51097900001</v>
      </c>
      <c r="C232" s="166">
        <v>254972.51097900001</v>
      </c>
      <c r="D232" s="166">
        <v>0</v>
      </c>
      <c r="E232" s="166">
        <v>0</v>
      </c>
      <c r="F232" s="166">
        <v>0</v>
      </c>
      <c r="G232" s="166">
        <v>0</v>
      </c>
      <c r="H232" s="166">
        <v>0</v>
      </c>
      <c r="I232" s="166">
        <v>0</v>
      </c>
      <c r="J232" s="166">
        <v>0</v>
      </c>
      <c r="K232" s="166">
        <v>0</v>
      </c>
      <c r="L232" s="166">
        <v>0</v>
      </c>
      <c r="M232" s="166">
        <v>0</v>
      </c>
      <c r="N232" s="166">
        <v>0</v>
      </c>
      <c r="O232" s="166">
        <v>0</v>
      </c>
      <c r="P232" s="166">
        <v>0</v>
      </c>
      <c r="Q232" s="166">
        <v>0</v>
      </c>
      <c r="R232" s="166">
        <v>0</v>
      </c>
      <c r="S232" s="166">
        <v>0</v>
      </c>
      <c r="T232" s="166">
        <v>0</v>
      </c>
      <c r="U232" s="166">
        <v>0</v>
      </c>
      <c r="V232" s="166">
        <v>0</v>
      </c>
      <c r="W232" s="166">
        <v>0</v>
      </c>
      <c r="X232" s="166">
        <v>0</v>
      </c>
      <c r="Y232" s="166">
        <v>0</v>
      </c>
      <c r="Z232" s="166">
        <v>0</v>
      </c>
      <c r="AA232" s="166">
        <v>0</v>
      </c>
      <c r="AB232" s="166">
        <v>0</v>
      </c>
      <c r="AC232" s="166">
        <v>0</v>
      </c>
      <c r="AD232" s="166">
        <v>0</v>
      </c>
      <c r="AE232" s="166">
        <v>0</v>
      </c>
      <c r="AF232" s="166">
        <v>0</v>
      </c>
      <c r="AG232" s="166">
        <v>0</v>
      </c>
      <c r="AH232" s="166">
        <v>0</v>
      </c>
      <c r="AI232" s="166">
        <v>0</v>
      </c>
      <c r="AJ232" s="166">
        <v>0</v>
      </c>
      <c r="AK232" s="166">
        <v>0</v>
      </c>
      <c r="AL232" s="166">
        <v>0</v>
      </c>
      <c r="AM232" s="166">
        <v>0</v>
      </c>
      <c r="AN232" s="166">
        <v>0</v>
      </c>
      <c r="AO232" s="166">
        <v>0</v>
      </c>
      <c r="AP232" s="166">
        <v>0</v>
      </c>
      <c r="AQ232" s="166">
        <v>0</v>
      </c>
      <c r="AR232" s="166">
        <v>0</v>
      </c>
      <c r="AS232" s="166">
        <v>0</v>
      </c>
      <c r="AT232" s="166">
        <v>0</v>
      </c>
      <c r="AU232" s="166">
        <v>0</v>
      </c>
      <c r="AV232" s="166">
        <v>0</v>
      </c>
      <c r="AW232" s="166">
        <v>0</v>
      </c>
      <c r="AX232" s="166">
        <v>0</v>
      </c>
      <c r="AY232" s="166">
        <v>0</v>
      </c>
      <c r="AZ232" s="166">
        <v>0</v>
      </c>
      <c r="BA232" s="166">
        <v>0</v>
      </c>
      <c r="BB232" s="166">
        <v>0</v>
      </c>
      <c r="BC232" s="166">
        <v>0</v>
      </c>
      <c r="BD232" s="166">
        <v>0</v>
      </c>
      <c r="BE232" s="166">
        <v>0</v>
      </c>
      <c r="BF232" s="166">
        <v>0</v>
      </c>
      <c r="BG232" s="166">
        <v>0</v>
      </c>
      <c r="BH232" s="166">
        <v>0</v>
      </c>
      <c r="BI232" s="166">
        <v>0</v>
      </c>
      <c r="BJ232" s="166">
        <v>0</v>
      </c>
      <c r="BK232" s="166">
        <v>0</v>
      </c>
      <c r="BL232" s="166">
        <v>0</v>
      </c>
      <c r="BM232" s="166">
        <v>0</v>
      </c>
      <c r="BN232" s="166">
        <v>0</v>
      </c>
      <c r="BO232" s="166">
        <v>0</v>
      </c>
      <c r="BP232" s="166">
        <v>0</v>
      </c>
      <c r="BQ232" s="166">
        <v>0</v>
      </c>
      <c r="BR232" s="166">
        <v>254972.51097900001</v>
      </c>
      <c r="BS232" s="166">
        <v>254972.51097900001</v>
      </c>
      <c r="BT232" s="168">
        <v>1</v>
      </c>
      <c r="BU232" s="166">
        <v>-70677.183215999903</v>
      </c>
      <c r="BV232" s="166">
        <v>254972.51097900001</v>
      </c>
      <c r="BW232" s="166">
        <v>0</v>
      </c>
      <c r="BX232" s="166">
        <v>0</v>
      </c>
      <c r="BY232" s="166">
        <v>0</v>
      </c>
      <c r="BZ232" s="166">
        <v>0</v>
      </c>
      <c r="CA232" s="166">
        <v>0</v>
      </c>
      <c r="CB232" s="166">
        <v>0</v>
      </c>
      <c r="CC232" s="166">
        <v>0</v>
      </c>
      <c r="CD232" s="166">
        <v>0</v>
      </c>
      <c r="CE232" s="166">
        <v>0</v>
      </c>
      <c r="CF232" s="166">
        <v>0</v>
      </c>
      <c r="CG232" s="166">
        <v>0</v>
      </c>
      <c r="CH232" s="166">
        <v>0</v>
      </c>
      <c r="CI232" s="166">
        <v>0</v>
      </c>
      <c r="CJ232" s="166">
        <v>0</v>
      </c>
      <c r="CK232" s="166">
        <v>0</v>
      </c>
      <c r="CL232" s="166">
        <v>0</v>
      </c>
      <c r="CM232" s="166">
        <v>0</v>
      </c>
      <c r="CN232" s="166">
        <v>0</v>
      </c>
      <c r="CO232" s="166">
        <v>0</v>
      </c>
      <c r="CP232" s="166">
        <v>0</v>
      </c>
      <c r="CQ232" s="166">
        <v>0</v>
      </c>
      <c r="CR232" s="166">
        <v>0</v>
      </c>
      <c r="CS232" s="166">
        <v>0</v>
      </c>
      <c r="CT232" s="166">
        <v>0</v>
      </c>
      <c r="CU232" s="166">
        <v>0</v>
      </c>
      <c r="CV232" s="166">
        <v>0</v>
      </c>
      <c r="CW232" s="166">
        <v>0</v>
      </c>
      <c r="CX232" s="166">
        <v>0</v>
      </c>
      <c r="CY232" s="166">
        <v>254972.51097900001</v>
      </c>
      <c r="CZ232" s="166">
        <v>254972.51097900001</v>
      </c>
    </row>
    <row r="233" spans="1:104" hidden="1" outlineLevel="1" x14ac:dyDescent="0.2">
      <c r="A233" s="167" t="s">
        <v>325</v>
      </c>
      <c r="B233" s="166">
        <v>180272.21279999899</v>
      </c>
      <c r="C233" s="166">
        <v>180272.21279999899</v>
      </c>
      <c r="D233" s="166">
        <v>0</v>
      </c>
      <c r="E233" s="166">
        <v>0</v>
      </c>
      <c r="F233" s="166">
        <v>0</v>
      </c>
      <c r="G233" s="166">
        <v>0</v>
      </c>
      <c r="H233" s="166">
        <v>0</v>
      </c>
      <c r="I233" s="166">
        <v>0</v>
      </c>
      <c r="J233" s="166">
        <v>0</v>
      </c>
      <c r="K233" s="166">
        <v>0</v>
      </c>
      <c r="L233" s="166">
        <v>0</v>
      </c>
      <c r="M233" s="166">
        <v>0</v>
      </c>
      <c r="N233" s="166">
        <v>0</v>
      </c>
      <c r="O233" s="166">
        <v>0</v>
      </c>
      <c r="P233" s="166">
        <v>0</v>
      </c>
      <c r="Q233" s="166">
        <v>0</v>
      </c>
      <c r="R233" s="166">
        <v>0</v>
      </c>
      <c r="S233" s="166">
        <v>0</v>
      </c>
      <c r="T233" s="166">
        <v>0</v>
      </c>
      <c r="U233" s="166">
        <v>0</v>
      </c>
      <c r="V233" s="166">
        <v>0</v>
      </c>
      <c r="W233" s="166">
        <v>0</v>
      </c>
      <c r="X233" s="166">
        <v>0</v>
      </c>
      <c r="Y233" s="166">
        <v>0</v>
      </c>
      <c r="Z233" s="166">
        <v>0</v>
      </c>
      <c r="AA233" s="166">
        <v>0</v>
      </c>
      <c r="AB233" s="166">
        <v>0</v>
      </c>
      <c r="AC233" s="166">
        <v>0</v>
      </c>
      <c r="AD233" s="166">
        <v>0</v>
      </c>
      <c r="AE233" s="166">
        <v>0</v>
      </c>
      <c r="AF233" s="166">
        <v>0</v>
      </c>
      <c r="AG233" s="166">
        <v>0</v>
      </c>
      <c r="AH233" s="166">
        <v>0</v>
      </c>
      <c r="AI233" s="166">
        <v>0</v>
      </c>
      <c r="AJ233" s="166">
        <v>0</v>
      </c>
      <c r="AK233" s="166">
        <v>0</v>
      </c>
      <c r="AL233" s="166">
        <v>0</v>
      </c>
      <c r="AM233" s="166">
        <v>0</v>
      </c>
      <c r="AN233" s="166">
        <v>0</v>
      </c>
      <c r="AO233" s="166">
        <v>0</v>
      </c>
      <c r="AP233" s="166">
        <v>0</v>
      </c>
      <c r="AQ233" s="166">
        <v>0</v>
      </c>
      <c r="AR233" s="166">
        <v>0</v>
      </c>
      <c r="AS233" s="166">
        <v>0</v>
      </c>
      <c r="AT233" s="166">
        <v>0</v>
      </c>
      <c r="AU233" s="166">
        <v>0</v>
      </c>
      <c r="AV233" s="166">
        <v>0</v>
      </c>
      <c r="AW233" s="166">
        <v>0</v>
      </c>
      <c r="AX233" s="166">
        <v>0</v>
      </c>
      <c r="AY233" s="166">
        <v>0</v>
      </c>
      <c r="AZ233" s="166">
        <v>0</v>
      </c>
      <c r="BA233" s="166">
        <v>0</v>
      </c>
      <c r="BB233" s="166">
        <v>0</v>
      </c>
      <c r="BC233" s="166">
        <v>0</v>
      </c>
      <c r="BD233" s="166">
        <v>0</v>
      </c>
      <c r="BE233" s="166">
        <v>0</v>
      </c>
      <c r="BF233" s="166">
        <v>0</v>
      </c>
      <c r="BG233" s="166">
        <v>0</v>
      </c>
      <c r="BH233" s="166">
        <v>0</v>
      </c>
      <c r="BI233" s="166">
        <v>0</v>
      </c>
      <c r="BJ233" s="166">
        <v>0</v>
      </c>
      <c r="BK233" s="166">
        <v>0</v>
      </c>
      <c r="BL233" s="166">
        <v>0</v>
      </c>
      <c r="BM233" s="166">
        <v>0</v>
      </c>
      <c r="BN233" s="166">
        <v>0</v>
      </c>
      <c r="BO233" s="166">
        <v>0</v>
      </c>
      <c r="BP233" s="166">
        <v>0</v>
      </c>
      <c r="BQ233" s="166">
        <v>0</v>
      </c>
      <c r="BR233" s="166">
        <v>180272.21279999899</v>
      </c>
      <c r="BS233" s="166">
        <v>180272.21279999899</v>
      </c>
      <c r="BT233" s="168">
        <v>1</v>
      </c>
      <c r="BU233" s="166">
        <v>-49970.611199999898</v>
      </c>
      <c r="BV233" s="166">
        <v>180272.21279999899</v>
      </c>
      <c r="BW233" s="166">
        <v>0</v>
      </c>
      <c r="BX233" s="166">
        <v>0</v>
      </c>
      <c r="BY233" s="166">
        <v>0</v>
      </c>
      <c r="BZ233" s="166">
        <v>0</v>
      </c>
      <c r="CA233" s="166">
        <v>0</v>
      </c>
      <c r="CB233" s="166">
        <v>0</v>
      </c>
      <c r="CC233" s="166">
        <v>0</v>
      </c>
      <c r="CD233" s="166">
        <v>0</v>
      </c>
      <c r="CE233" s="166">
        <v>0</v>
      </c>
      <c r="CF233" s="166">
        <v>0</v>
      </c>
      <c r="CG233" s="166">
        <v>0</v>
      </c>
      <c r="CH233" s="166">
        <v>0</v>
      </c>
      <c r="CI233" s="166">
        <v>0</v>
      </c>
      <c r="CJ233" s="166">
        <v>0</v>
      </c>
      <c r="CK233" s="166">
        <v>0</v>
      </c>
      <c r="CL233" s="166">
        <v>0</v>
      </c>
      <c r="CM233" s="166">
        <v>0</v>
      </c>
      <c r="CN233" s="166">
        <v>0</v>
      </c>
      <c r="CO233" s="166">
        <v>0</v>
      </c>
      <c r="CP233" s="166">
        <v>0</v>
      </c>
      <c r="CQ233" s="166">
        <v>0</v>
      </c>
      <c r="CR233" s="166">
        <v>0</v>
      </c>
      <c r="CS233" s="166">
        <v>0</v>
      </c>
      <c r="CT233" s="166">
        <v>0</v>
      </c>
      <c r="CU233" s="166">
        <v>0</v>
      </c>
      <c r="CV233" s="166">
        <v>0</v>
      </c>
      <c r="CW233" s="166">
        <v>0</v>
      </c>
      <c r="CX233" s="166">
        <v>0</v>
      </c>
      <c r="CY233" s="166">
        <v>180272.21279999899</v>
      </c>
      <c r="CZ233" s="166">
        <v>180272.21279999899</v>
      </c>
    </row>
    <row r="234" spans="1:104" hidden="1" outlineLevel="1" x14ac:dyDescent="0.2">
      <c r="A234" s="167" t="s">
        <v>326</v>
      </c>
      <c r="B234" s="166">
        <v>38533.1854859999</v>
      </c>
      <c r="C234" s="166">
        <v>38533.1854859999</v>
      </c>
      <c r="D234" s="166">
        <v>0</v>
      </c>
      <c r="E234" s="166">
        <v>0</v>
      </c>
      <c r="F234" s="166">
        <v>0</v>
      </c>
      <c r="G234" s="166">
        <v>0</v>
      </c>
      <c r="H234" s="166">
        <v>0</v>
      </c>
      <c r="I234" s="166">
        <v>0</v>
      </c>
      <c r="J234" s="166">
        <v>0</v>
      </c>
      <c r="K234" s="166">
        <v>0</v>
      </c>
      <c r="L234" s="166">
        <v>0</v>
      </c>
      <c r="M234" s="166">
        <v>0</v>
      </c>
      <c r="N234" s="166">
        <v>0</v>
      </c>
      <c r="O234" s="166">
        <v>0</v>
      </c>
      <c r="P234" s="166">
        <v>0</v>
      </c>
      <c r="Q234" s="166">
        <v>0</v>
      </c>
      <c r="R234" s="166">
        <v>0</v>
      </c>
      <c r="S234" s="166">
        <v>0</v>
      </c>
      <c r="T234" s="166">
        <v>0</v>
      </c>
      <c r="U234" s="166">
        <v>0</v>
      </c>
      <c r="V234" s="166">
        <v>0</v>
      </c>
      <c r="W234" s="166">
        <v>0</v>
      </c>
      <c r="X234" s="166">
        <v>0</v>
      </c>
      <c r="Y234" s="166">
        <v>0</v>
      </c>
      <c r="Z234" s="166">
        <v>0</v>
      </c>
      <c r="AA234" s="166">
        <v>0</v>
      </c>
      <c r="AB234" s="166">
        <v>0</v>
      </c>
      <c r="AC234" s="166">
        <v>0</v>
      </c>
      <c r="AD234" s="166">
        <v>0</v>
      </c>
      <c r="AE234" s="166">
        <v>0</v>
      </c>
      <c r="AF234" s="166">
        <v>0</v>
      </c>
      <c r="AG234" s="166">
        <v>0</v>
      </c>
      <c r="AH234" s="166">
        <v>0</v>
      </c>
      <c r="AI234" s="166">
        <v>0</v>
      </c>
      <c r="AJ234" s="166">
        <v>0</v>
      </c>
      <c r="AK234" s="166">
        <v>0</v>
      </c>
      <c r="AL234" s="166">
        <v>0</v>
      </c>
      <c r="AM234" s="166">
        <v>0</v>
      </c>
      <c r="AN234" s="166">
        <v>0</v>
      </c>
      <c r="AO234" s="166">
        <v>0</v>
      </c>
      <c r="AP234" s="166">
        <v>0</v>
      </c>
      <c r="AQ234" s="166">
        <v>0</v>
      </c>
      <c r="AR234" s="166">
        <v>0</v>
      </c>
      <c r="AS234" s="166">
        <v>0</v>
      </c>
      <c r="AT234" s="166">
        <v>0</v>
      </c>
      <c r="AU234" s="166">
        <v>0</v>
      </c>
      <c r="AV234" s="166">
        <v>0</v>
      </c>
      <c r="AW234" s="166">
        <v>0</v>
      </c>
      <c r="AX234" s="166">
        <v>0</v>
      </c>
      <c r="AY234" s="166">
        <v>0</v>
      </c>
      <c r="AZ234" s="166">
        <v>0</v>
      </c>
      <c r="BA234" s="166">
        <v>0</v>
      </c>
      <c r="BB234" s="166">
        <v>0</v>
      </c>
      <c r="BC234" s="166">
        <v>0</v>
      </c>
      <c r="BD234" s="166">
        <v>0</v>
      </c>
      <c r="BE234" s="166">
        <v>0</v>
      </c>
      <c r="BF234" s="166">
        <v>0</v>
      </c>
      <c r="BG234" s="166">
        <v>0</v>
      </c>
      <c r="BH234" s="166">
        <v>0</v>
      </c>
      <c r="BI234" s="166">
        <v>0</v>
      </c>
      <c r="BJ234" s="166">
        <v>0</v>
      </c>
      <c r="BK234" s="166">
        <v>0</v>
      </c>
      <c r="BL234" s="166">
        <v>0</v>
      </c>
      <c r="BM234" s="166">
        <v>0</v>
      </c>
      <c r="BN234" s="166">
        <v>0</v>
      </c>
      <c r="BO234" s="166">
        <v>0</v>
      </c>
      <c r="BP234" s="166">
        <v>0</v>
      </c>
      <c r="BQ234" s="166">
        <v>0</v>
      </c>
      <c r="BR234" s="166">
        <v>38533.1854859999</v>
      </c>
      <c r="BS234" s="166">
        <v>38533.1854859999</v>
      </c>
      <c r="BT234" s="168">
        <v>0.98770000000000002</v>
      </c>
      <c r="BU234" s="166">
        <v>-10549.8391608287</v>
      </c>
      <c r="BV234" s="166">
        <v>38059.227304522203</v>
      </c>
      <c r="BW234" s="166">
        <v>0</v>
      </c>
      <c r="BX234" s="166">
        <v>0</v>
      </c>
      <c r="BY234" s="166">
        <v>0</v>
      </c>
      <c r="BZ234" s="166">
        <v>0</v>
      </c>
      <c r="CA234" s="166">
        <v>0</v>
      </c>
      <c r="CB234" s="166">
        <v>0</v>
      </c>
      <c r="CC234" s="166">
        <v>0</v>
      </c>
      <c r="CD234" s="166">
        <v>0</v>
      </c>
      <c r="CE234" s="166">
        <v>0</v>
      </c>
      <c r="CF234" s="166">
        <v>0</v>
      </c>
      <c r="CG234" s="166">
        <v>0</v>
      </c>
      <c r="CH234" s="166">
        <v>0</v>
      </c>
      <c r="CI234" s="166">
        <v>0</v>
      </c>
      <c r="CJ234" s="166">
        <v>0</v>
      </c>
      <c r="CK234" s="166">
        <v>0</v>
      </c>
      <c r="CL234" s="166">
        <v>0</v>
      </c>
      <c r="CM234" s="166">
        <v>0</v>
      </c>
      <c r="CN234" s="166">
        <v>0</v>
      </c>
      <c r="CO234" s="166">
        <v>0</v>
      </c>
      <c r="CP234" s="166">
        <v>0</v>
      </c>
      <c r="CQ234" s="166">
        <v>0</v>
      </c>
      <c r="CR234" s="166">
        <v>0</v>
      </c>
      <c r="CS234" s="166">
        <v>0</v>
      </c>
      <c r="CT234" s="166">
        <v>0</v>
      </c>
      <c r="CU234" s="166">
        <v>0</v>
      </c>
      <c r="CV234" s="166">
        <v>0</v>
      </c>
      <c r="CW234" s="166">
        <v>0</v>
      </c>
      <c r="CX234" s="166">
        <v>0</v>
      </c>
      <c r="CY234" s="166">
        <v>38059.227304522203</v>
      </c>
      <c r="CZ234" s="166">
        <v>38059.227304522203</v>
      </c>
    </row>
    <row r="235" spans="1:104" hidden="1" outlineLevel="1" x14ac:dyDescent="0.2">
      <c r="A235" s="167" t="s">
        <v>327</v>
      </c>
      <c r="B235" s="166">
        <v>117176.93832</v>
      </c>
      <c r="C235" s="166">
        <v>117176.93832</v>
      </c>
      <c r="D235" s="166">
        <v>0</v>
      </c>
      <c r="E235" s="166">
        <v>0</v>
      </c>
      <c r="F235" s="166">
        <v>0</v>
      </c>
      <c r="G235" s="166">
        <v>0</v>
      </c>
      <c r="H235" s="166">
        <v>0</v>
      </c>
      <c r="I235" s="166">
        <v>0</v>
      </c>
      <c r="J235" s="166">
        <v>0</v>
      </c>
      <c r="K235" s="166">
        <v>0</v>
      </c>
      <c r="L235" s="166">
        <v>0</v>
      </c>
      <c r="M235" s="166">
        <v>0</v>
      </c>
      <c r="N235" s="166">
        <v>0</v>
      </c>
      <c r="O235" s="166">
        <v>0</v>
      </c>
      <c r="P235" s="166">
        <v>0</v>
      </c>
      <c r="Q235" s="166">
        <v>0</v>
      </c>
      <c r="R235" s="166">
        <v>0</v>
      </c>
      <c r="S235" s="166">
        <v>0</v>
      </c>
      <c r="T235" s="166">
        <v>0</v>
      </c>
      <c r="U235" s="166">
        <v>0</v>
      </c>
      <c r="V235" s="166">
        <v>0</v>
      </c>
      <c r="W235" s="166">
        <v>0</v>
      </c>
      <c r="X235" s="166">
        <v>0</v>
      </c>
      <c r="Y235" s="166">
        <v>0</v>
      </c>
      <c r="Z235" s="166">
        <v>0</v>
      </c>
      <c r="AA235" s="166">
        <v>0</v>
      </c>
      <c r="AB235" s="166">
        <v>0</v>
      </c>
      <c r="AC235" s="166">
        <v>0</v>
      </c>
      <c r="AD235" s="166">
        <v>0</v>
      </c>
      <c r="AE235" s="166">
        <v>0</v>
      </c>
      <c r="AF235" s="166">
        <v>0</v>
      </c>
      <c r="AG235" s="166">
        <v>0</v>
      </c>
      <c r="AH235" s="166">
        <v>0</v>
      </c>
      <c r="AI235" s="166">
        <v>0</v>
      </c>
      <c r="AJ235" s="166">
        <v>0</v>
      </c>
      <c r="AK235" s="166">
        <v>0</v>
      </c>
      <c r="AL235" s="166">
        <v>0</v>
      </c>
      <c r="AM235" s="166">
        <v>0</v>
      </c>
      <c r="AN235" s="166">
        <v>0</v>
      </c>
      <c r="AO235" s="166">
        <v>0</v>
      </c>
      <c r="AP235" s="166">
        <v>0</v>
      </c>
      <c r="AQ235" s="166">
        <v>0</v>
      </c>
      <c r="AR235" s="166">
        <v>0</v>
      </c>
      <c r="AS235" s="166">
        <v>0</v>
      </c>
      <c r="AT235" s="166">
        <v>0</v>
      </c>
      <c r="AU235" s="166">
        <v>0</v>
      </c>
      <c r="AV235" s="166">
        <v>0</v>
      </c>
      <c r="AW235" s="166">
        <v>0</v>
      </c>
      <c r="AX235" s="166">
        <v>0</v>
      </c>
      <c r="AY235" s="166">
        <v>0</v>
      </c>
      <c r="AZ235" s="166">
        <v>0</v>
      </c>
      <c r="BA235" s="166">
        <v>0</v>
      </c>
      <c r="BB235" s="166">
        <v>0</v>
      </c>
      <c r="BC235" s="166">
        <v>0</v>
      </c>
      <c r="BD235" s="166">
        <v>0</v>
      </c>
      <c r="BE235" s="166">
        <v>0</v>
      </c>
      <c r="BF235" s="166">
        <v>0</v>
      </c>
      <c r="BG235" s="166">
        <v>0</v>
      </c>
      <c r="BH235" s="166">
        <v>0</v>
      </c>
      <c r="BI235" s="166">
        <v>0</v>
      </c>
      <c r="BJ235" s="166">
        <v>0</v>
      </c>
      <c r="BK235" s="166">
        <v>0</v>
      </c>
      <c r="BL235" s="166">
        <v>0</v>
      </c>
      <c r="BM235" s="166">
        <v>0</v>
      </c>
      <c r="BN235" s="166">
        <v>0</v>
      </c>
      <c r="BO235" s="166">
        <v>0</v>
      </c>
      <c r="BP235" s="166">
        <v>0</v>
      </c>
      <c r="BQ235" s="166">
        <v>0</v>
      </c>
      <c r="BR235" s="166">
        <v>117176.93832</v>
      </c>
      <c r="BS235" s="166">
        <v>117176.93832</v>
      </c>
      <c r="BT235" s="168">
        <v>1</v>
      </c>
      <c r="BU235" s="166">
        <v>-32480.897279999899</v>
      </c>
      <c r="BV235" s="166">
        <v>117176.93832</v>
      </c>
      <c r="BW235" s="166">
        <v>0</v>
      </c>
      <c r="BX235" s="166">
        <v>0</v>
      </c>
      <c r="BY235" s="166">
        <v>0</v>
      </c>
      <c r="BZ235" s="166">
        <v>0</v>
      </c>
      <c r="CA235" s="166">
        <v>0</v>
      </c>
      <c r="CB235" s="166">
        <v>0</v>
      </c>
      <c r="CC235" s="166">
        <v>0</v>
      </c>
      <c r="CD235" s="166">
        <v>0</v>
      </c>
      <c r="CE235" s="166">
        <v>0</v>
      </c>
      <c r="CF235" s="166">
        <v>0</v>
      </c>
      <c r="CG235" s="166">
        <v>0</v>
      </c>
      <c r="CH235" s="166">
        <v>0</v>
      </c>
      <c r="CI235" s="166">
        <v>0</v>
      </c>
      <c r="CJ235" s="166">
        <v>0</v>
      </c>
      <c r="CK235" s="166">
        <v>0</v>
      </c>
      <c r="CL235" s="166">
        <v>0</v>
      </c>
      <c r="CM235" s="166">
        <v>0</v>
      </c>
      <c r="CN235" s="166">
        <v>0</v>
      </c>
      <c r="CO235" s="166">
        <v>0</v>
      </c>
      <c r="CP235" s="166">
        <v>0</v>
      </c>
      <c r="CQ235" s="166">
        <v>0</v>
      </c>
      <c r="CR235" s="166">
        <v>0</v>
      </c>
      <c r="CS235" s="166">
        <v>0</v>
      </c>
      <c r="CT235" s="166">
        <v>0</v>
      </c>
      <c r="CU235" s="166">
        <v>0</v>
      </c>
      <c r="CV235" s="166">
        <v>0</v>
      </c>
      <c r="CW235" s="166">
        <v>0</v>
      </c>
      <c r="CX235" s="166">
        <v>0</v>
      </c>
      <c r="CY235" s="166">
        <v>117176.93832</v>
      </c>
      <c r="CZ235" s="166">
        <v>117176.93832</v>
      </c>
    </row>
    <row r="236" spans="1:104" hidden="1" outlineLevel="1" x14ac:dyDescent="0.2">
      <c r="A236" s="167" t="s">
        <v>328</v>
      </c>
      <c r="B236" s="166">
        <v>676.02079800000001</v>
      </c>
      <c r="C236" s="166">
        <v>676.02079800000001</v>
      </c>
      <c r="D236" s="166">
        <v>0</v>
      </c>
      <c r="E236" s="166">
        <v>0</v>
      </c>
      <c r="F236" s="166">
        <v>0</v>
      </c>
      <c r="G236" s="166">
        <v>0</v>
      </c>
      <c r="H236" s="166">
        <v>0</v>
      </c>
      <c r="I236" s="166">
        <v>0</v>
      </c>
      <c r="J236" s="166">
        <v>0</v>
      </c>
      <c r="K236" s="166">
        <v>0</v>
      </c>
      <c r="L236" s="166">
        <v>0</v>
      </c>
      <c r="M236" s="166">
        <v>0</v>
      </c>
      <c r="N236" s="166">
        <v>0</v>
      </c>
      <c r="O236" s="166">
        <v>0</v>
      </c>
      <c r="P236" s="166">
        <v>0</v>
      </c>
      <c r="Q236" s="166">
        <v>0</v>
      </c>
      <c r="R236" s="166">
        <v>0</v>
      </c>
      <c r="S236" s="166">
        <v>0</v>
      </c>
      <c r="T236" s="166">
        <v>0</v>
      </c>
      <c r="U236" s="166">
        <v>0</v>
      </c>
      <c r="V236" s="166">
        <v>0</v>
      </c>
      <c r="W236" s="166">
        <v>0</v>
      </c>
      <c r="X236" s="166">
        <v>0</v>
      </c>
      <c r="Y236" s="166">
        <v>0</v>
      </c>
      <c r="Z236" s="166">
        <v>0</v>
      </c>
      <c r="AA236" s="166">
        <v>0</v>
      </c>
      <c r="AB236" s="166">
        <v>0</v>
      </c>
      <c r="AC236" s="166">
        <v>0</v>
      </c>
      <c r="AD236" s="166">
        <v>0</v>
      </c>
      <c r="AE236" s="166">
        <v>0</v>
      </c>
      <c r="AF236" s="166">
        <v>0</v>
      </c>
      <c r="AG236" s="166">
        <v>0</v>
      </c>
      <c r="AH236" s="166">
        <v>0</v>
      </c>
      <c r="AI236" s="166">
        <v>0</v>
      </c>
      <c r="AJ236" s="166">
        <v>0</v>
      </c>
      <c r="AK236" s="166">
        <v>0</v>
      </c>
      <c r="AL236" s="166">
        <v>0</v>
      </c>
      <c r="AM236" s="166">
        <v>0</v>
      </c>
      <c r="AN236" s="166">
        <v>0</v>
      </c>
      <c r="AO236" s="166">
        <v>0</v>
      </c>
      <c r="AP236" s="166">
        <v>0</v>
      </c>
      <c r="AQ236" s="166">
        <v>0</v>
      </c>
      <c r="AR236" s="166">
        <v>0</v>
      </c>
      <c r="AS236" s="166">
        <v>0</v>
      </c>
      <c r="AT236" s="166">
        <v>0</v>
      </c>
      <c r="AU236" s="166">
        <v>0</v>
      </c>
      <c r="AV236" s="166">
        <v>0</v>
      </c>
      <c r="AW236" s="166">
        <v>0</v>
      </c>
      <c r="AX236" s="166">
        <v>0</v>
      </c>
      <c r="AY236" s="166">
        <v>0</v>
      </c>
      <c r="AZ236" s="166">
        <v>0</v>
      </c>
      <c r="BA236" s="166">
        <v>0</v>
      </c>
      <c r="BB236" s="166">
        <v>0</v>
      </c>
      <c r="BC236" s="166">
        <v>0</v>
      </c>
      <c r="BD236" s="166">
        <v>0</v>
      </c>
      <c r="BE236" s="166">
        <v>0</v>
      </c>
      <c r="BF236" s="166">
        <v>0</v>
      </c>
      <c r="BG236" s="166">
        <v>0</v>
      </c>
      <c r="BH236" s="166">
        <v>0</v>
      </c>
      <c r="BI236" s="166">
        <v>0</v>
      </c>
      <c r="BJ236" s="166">
        <v>0</v>
      </c>
      <c r="BK236" s="166">
        <v>0</v>
      </c>
      <c r="BL236" s="166">
        <v>0</v>
      </c>
      <c r="BM236" s="166">
        <v>0</v>
      </c>
      <c r="BN236" s="166">
        <v>0</v>
      </c>
      <c r="BO236" s="166">
        <v>0</v>
      </c>
      <c r="BP236" s="166">
        <v>0</v>
      </c>
      <c r="BQ236" s="166">
        <v>0</v>
      </c>
      <c r="BR236" s="166">
        <v>676.02079800000001</v>
      </c>
      <c r="BS236" s="166">
        <v>676.02079800000001</v>
      </c>
      <c r="BT236" s="168">
        <v>1</v>
      </c>
      <c r="BU236" s="166">
        <v>-187.38979199999901</v>
      </c>
      <c r="BV236" s="166">
        <v>676.02079800000001</v>
      </c>
      <c r="BW236" s="166">
        <v>0</v>
      </c>
      <c r="BX236" s="166">
        <v>0</v>
      </c>
      <c r="BY236" s="166">
        <v>0</v>
      </c>
      <c r="BZ236" s="166">
        <v>0</v>
      </c>
      <c r="CA236" s="166">
        <v>0</v>
      </c>
      <c r="CB236" s="166">
        <v>0</v>
      </c>
      <c r="CC236" s="166">
        <v>0</v>
      </c>
      <c r="CD236" s="166">
        <v>0</v>
      </c>
      <c r="CE236" s="166">
        <v>0</v>
      </c>
      <c r="CF236" s="166">
        <v>0</v>
      </c>
      <c r="CG236" s="166">
        <v>0</v>
      </c>
      <c r="CH236" s="166">
        <v>0</v>
      </c>
      <c r="CI236" s="166">
        <v>0</v>
      </c>
      <c r="CJ236" s="166">
        <v>0</v>
      </c>
      <c r="CK236" s="166">
        <v>0</v>
      </c>
      <c r="CL236" s="166">
        <v>0</v>
      </c>
      <c r="CM236" s="166">
        <v>0</v>
      </c>
      <c r="CN236" s="166">
        <v>0</v>
      </c>
      <c r="CO236" s="166">
        <v>0</v>
      </c>
      <c r="CP236" s="166">
        <v>0</v>
      </c>
      <c r="CQ236" s="166">
        <v>0</v>
      </c>
      <c r="CR236" s="166">
        <v>0</v>
      </c>
      <c r="CS236" s="166">
        <v>0</v>
      </c>
      <c r="CT236" s="166">
        <v>0</v>
      </c>
      <c r="CU236" s="166">
        <v>0</v>
      </c>
      <c r="CV236" s="166">
        <v>0</v>
      </c>
      <c r="CW236" s="166">
        <v>0</v>
      </c>
      <c r="CX236" s="166">
        <v>0</v>
      </c>
      <c r="CY236" s="166">
        <v>676.02079800000001</v>
      </c>
      <c r="CZ236" s="166">
        <v>676.02079800000001</v>
      </c>
    </row>
    <row r="237" spans="1:104" hidden="1" outlineLevel="1" x14ac:dyDescent="0.2">
      <c r="A237" s="167" t="s">
        <v>329</v>
      </c>
      <c r="B237" s="166">
        <v>1126701.33</v>
      </c>
      <c r="C237" s="166">
        <v>1126701.33</v>
      </c>
      <c r="D237" s="166">
        <v>0</v>
      </c>
      <c r="E237" s="166">
        <v>0</v>
      </c>
      <c r="F237" s="166">
        <v>0</v>
      </c>
      <c r="G237" s="166">
        <v>0</v>
      </c>
      <c r="H237" s="166">
        <v>0</v>
      </c>
      <c r="I237" s="166">
        <v>0</v>
      </c>
      <c r="J237" s="166">
        <v>0</v>
      </c>
      <c r="K237" s="166">
        <v>0</v>
      </c>
      <c r="L237" s="166">
        <v>0</v>
      </c>
      <c r="M237" s="166">
        <v>0</v>
      </c>
      <c r="N237" s="166">
        <v>0</v>
      </c>
      <c r="O237" s="166">
        <v>0</v>
      </c>
      <c r="P237" s="166">
        <v>0</v>
      </c>
      <c r="Q237" s="166">
        <v>0</v>
      </c>
      <c r="R237" s="166">
        <v>0</v>
      </c>
      <c r="S237" s="166">
        <v>0</v>
      </c>
      <c r="T237" s="166">
        <v>0</v>
      </c>
      <c r="U237" s="166">
        <v>0</v>
      </c>
      <c r="V237" s="166">
        <v>0</v>
      </c>
      <c r="W237" s="166">
        <v>0</v>
      </c>
      <c r="X237" s="166">
        <v>0</v>
      </c>
      <c r="Y237" s="166">
        <v>0</v>
      </c>
      <c r="Z237" s="166">
        <v>0</v>
      </c>
      <c r="AA237" s="166">
        <v>0</v>
      </c>
      <c r="AB237" s="166">
        <v>0</v>
      </c>
      <c r="AC237" s="166">
        <v>0</v>
      </c>
      <c r="AD237" s="166">
        <v>0</v>
      </c>
      <c r="AE237" s="166">
        <v>0</v>
      </c>
      <c r="AF237" s="166">
        <v>0</v>
      </c>
      <c r="AG237" s="166">
        <v>0</v>
      </c>
      <c r="AH237" s="166">
        <v>0</v>
      </c>
      <c r="AI237" s="166">
        <v>0</v>
      </c>
      <c r="AJ237" s="166">
        <v>0</v>
      </c>
      <c r="AK237" s="166">
        <v>0</v>
      </c>
      <c r="AL237" s="166">
        <v>0</v>
      </c>
      <c r="AM237" s="166">
        <v>0</v>
      </c>
      <c r="AN237" s="166">
        <v>0</v>
      </c>
      <c r="AO237" s="166">
        <v>0</v>
      </c>
      <c r="AP237" s="166">
        <v>0</v>
      </c>
      <c r="AQ237" s="166">
        <v>0</v>
      </c>
      <c r="AR237" s="166">
        <v>0</v>
      </c>
      <c r="AS237" s="166">
        <v>0</v>
      </c>
      <c r="AT237" s="166">
        <v>0</v>
      </c>
      <c r="AU237" s="166">
        <v>0</v>
      </c>
      <c r="AV237" s="166">
        <v>0</v>
      </c>
      <c r="AW237" s="166">
        <v>0</v>
      </c>
      <c r="AX237" s="166">
        <v>0</v>
      </c>
      <c r="AY237" s="166">
        <v>0</v>
      </c>
      <c r="AZ237" s="166">
        <v>0</v>
      </c>
      <c r="BA237" s="166">
        <v>0</v>
      </c>
      <c r="BB237" s="166">
        <v>0</v>
      </c>
      <c r="BC237" s="166">
        <v>0</v>
      </c>
      <c r="BD237" s="166">
        <v>0</v>
      </c>
      <c r="BE237" s="166">
        <v>0</v>
      </c>
      <c r="BF237" s="166">
        <v>0</v>
      </c>
      <c r="BG237" s="166">
        <v>0</v>
      </c>
      <c r="BH237" s="166">
        <v>0</v>
      </c>
      <c r="BI237" s="166">
        <v>0</v>
      </c>
      <c r="BJ237" s="166">
        <v>0</v>
      </c>
      <c r="BK237" s="166">
        <v>0</v>
      </c>
      <c r="BL237" s="166">
        <v>0</v>
      </c>
      <c r="BM237" s="166">
        <v>0</v>
      </c>
      <c r="BN237" s="166">
        <v>0</v>
      </c>
      <c r="BO237" s="166">
        <v>0</v>
      </c>
      <c r="BP237" s="166">
        <v>0</v>
      </c>
      <c r="BQ237" s="166">
        <v>0</v>
      </c>
      <c r="BR237" s="166">
        <v>1126701.33</v>
      </c>
      <c r="BS237" s="166">
        <v>1126701.33</v>
      </c>
      <c r="BT237" s="168">
        <v>0</v>
      </c>
      <c r="BU237" s="166">
        <v>-312184.941016828</v>
      </c>
      <c r="BV237" s="166">
        <v>1126227.3718185199</v>
      </c>
      <c r="BW237" s="166">
        <v>0</v>
      </c>
      <c r="BX237" s="166">
        <v>0</v>
      </c>
      <c r="BY237" s="166">
        <v>0</v>
      </c>
      <c r="BZ237" s="166">
        <v>0</v>
      </c>
      <c r="CA237" s="166">
        <v>0</v>
      </c>
      <c r="CB237" s="166">
        <v>0</v>
      </c>
      <c r="CC237" s="166">
        <v>0</v>
      </c>
      <c r="CD237" s="166">
        <v>0</v>
      </c>
      <c r="CE237" s="166">
        <v>0</v>
      </c>
      <c r="CF237" s="166">
        <v>0</v>
      </c>
      <c r="CG237" s="166">
        <v>0</v>
      </c>
      <c r="CH237" s="166">
        <v>0</v>
      </c>
      <c r="CI237" s="166">
        <v>0</v>
      </c>
      <c r="CJ237" s="166">
        <v>0</v>
      </c>
      <c r="CK237" s="166">
        <v>0</v>
      </c>
      <c r="CL237" s="166">
        <v>0</v>
      </c>
      <c r="CM237" s="166">
        <v>0</v>
      </c>
      <c r="CN237" s="166">
        <v>0</v>
      </c>
      <c r="CO237" s="166">
        <v>0</v>
      </c>
      <c r="CP237" s="166">
        <v>0</v>
      </c>
      <c r="CQ237" s="166">
        <v>0</v>
      </c>
      <c r="CR237" s="166">
        <v>0</v>
      </c>
      <c r="CS237" s="166">
        <v>0</v>
      </c>
      <c r="CT237" s="166">
        <v>0</v>
      </c>
      <c r="CU237" s="166">
        <v>0</v>
      </c>
      <c r="CV237" s="166">
        <v>0</v>
      </c>
      <c r="CW237" s="166">
        <v>0</v>
      </c>
      <c r="CX237" s="166">
        <v>0</v>
      </c>
      <c r="CY237" s="166">
        <v>1126227.3718185199</v>
      </c>
      <c r="CZ237" s="166">
        <v>1126227.3718185199</v>
      </c>
    </row>
    <row r="238" spans="1:104" hidden="1" outlineLevel="1" x14ac:dyDescent="0.2">
      <c r="A238" s="167" t="s">
        <v>330</v>
      </c>
    </row>
    <row r="239" spans="1:104" hidden="1" outlineLevel="1" x14ac:dyDescent="0.2">
      <c r="A239" s="167" t="s">
        <v>331</v>
      </c>
      <c r="B239" s="166">
        <v>0</v>
      </c>
      <c r="C239" s="166">
        <v>0</v>
      </c>
      <c r="D239" s="166">
        <v>0</v>
      </c>
      <c r="E239" s="166">
        <v>0</v>
      </c>
      <c r="F239" s="166">
        <v>0</v>
      </c>
      <c r="G239" s="166">
        <v>0</v>
      </c>
      <c r="H239" s="166">
        <v>0</v>
      </c>
      <c r="I239" s="166">
        <v>0</v>
      </c>
      <c r="J239" s="166">
        <v>0</v>
      </c>
      <c r="K239" s="166">
        <v>0</v>
      </c>
      <c r="L239" s="166">
        <v>0</v>
      </c>
      <c r="M239" s="166">
        <v>0</v>
      </c>
      <c r="N239" s="166">
        <v>0</v>
      </c>
      <c r="O239" s="166">
        <v>0</v>
      </c>
      <c r="P239" s="166">
        <v>0</v>
      </c>
      <c r="Q239" s="166">
        <v>0</v>
      </c>
      <c r="R239" s="166">
        <v>0</v>
      </c>
      <c r="S239" s="166">
        <v>0</v>
      </c>
      <c r="T239" s="166">
        <v>0</v>
      </c>
      <c r="U239" s="166">
        <v>0</v>
      </c>
      <c r="V239" s="166">
        <v>0</v>
      </c>
      <c r="W239" s="166">
        <v>0</v>
      </c>
      <c r="X239" s="166">
        <v>0</v>
      </c>
      <c r="Y239" s="166">
        <v>0</v>
      </c>
      <c r="Z239" s="166">
        <v>0</v>
      </c>
      <c r="AA239" s="166">
        <v>0</v>
      </c>
      <c r="AB239" s="166">
        <v>0</v>
      </c>
      <c r="AC239" s="166">
        <v>0</v>
      </c>
      <c r="AD239" s="166">
        <v>0</v>
      </c>
      <c r="AE239" s="166">
        <v>0</v>
      </c>
      <c r="AF239" s="166">
        <v>0</v>
      </c>
      <c r="AG239" s="166">
        <v>0</v>
      </c>
      <c r="AH239" s="166">
        <v>0</v>
      </c>
      <c r="AI239" s="166">
        <v>0</v>
      </c>
      <c r="AJ239" s="166">
        <v>0</v>
      </c>
      <c r="AK239" s="166">
        <v>0</v>
      </c>
      <c r="AL239" s="166">
        <v>0</v>
      </c>
      <c r="AM239" s="166">
        <v>0</v>
      </c>
      <c r="AN239" s="166">
        <v>0</v>
      </c>
      <c r="AO239" s="166">
        <v>0</v>
      </c>
      <c r="AP239" s="166">
        <v>0</v>
      </c>
      <c r="AQ239" s="166">
        <v>0</v>
      </c>
      <c r="AR239" s="166">
        <v>0</v>
      </c>
      <c r="AS239" s="166">
        <v>0</v>
      </c>
      <c r="AT239" s="166">
        <v>0</v>
      </c>
      <c r="AU239" s="166">
        <v>0</v>
      </c>
      <c r="AV239" s="166">
        <v>0</v>
      </c>
      <c r="AW239" s="166">
        <v>0</v>
      </c>
      <c r="AX239" s="166">
        <v>0</v>
      </c>
      <c r="AY239" s="166">
        <v>0</v>
      </c>
      <c r="AZ239" s="166">
        <v>0</v>
      </c>
      <c r="BA239" s="166">
        <v>0</v>
      </c>
      <c r="BB239" s="166">
        <v>0</v>
      </c>
      <c r="BC239" s="166">
        <v>0</v>
      </c>
      <c r="BD239" s="166">
        <v>0</v>
      </c>
      <c r="BE239" s="166">
        <v>0</v>
      </c>
      <c r="BF239" s="166">
        <v>0</v>
      </c>
      <c r="BG239" s="166">
        <v>0</v>
      </c>
      <c r="BH239" s="166">
        <v>0</v>
      </c>
      <c r="BI239" s="166">
        <v>0</v>
      </c>
      <c r="BJ239" s="166">
        <v>0</v>
      </c>
      <c r="BK239" s="166">
        <v>0</v>
      </c>
      <c r="BL239" s="166">
        <v>0</v>
      </c>
      <c r="BM239" s="166">
        <v>0</v>
      </c>
      <c r="BN239" s="166">
        <v>0</v>
      </c>
      <c r="BO239" s="166">
        <v>0</v>
      </c>
      <c r="BP239" s="166">
        <v>0</v>
      </c>
      <c r="BQ239" s="166">
        <v>0</v>
      </c>
      <c r="BR239" s="166">
        <v>0</v>
      </c>
      <c r="BS239" s="166">
        <v>0</v>
      </c>
      <c r="BT239" s="168">
        <v>1</v>
      </c>
      <c r="BU239" s="166">
        <v>0</v>
      </c>
      <c r="BV239" s="166">
        <v>0</v>
      </c>
      <c r="BW239" s="166">
        <v>0</v>
      </c>
      <c r="BX239" s="166">
        <v>0</v>
      </c>
      <c r="BY239" s="166">
        <v>0</v>
      </c>
      <c r="BZ239" s="166">
        <v>0</v>
      </c>
      <c r="CA239" s="166">
        <v>0</v>
      </c>
      <c r="CB239" s="166">
        <v>0</v>
      </c>
      <c r="CC239" s="166">
        <v>0</v>
      </c>
      <c r="CD239" s="166">
        <v>0</v>
      </c>
      <c r="CE239" s="166">
        <v>0</v>
      </c>
      <c r="CF239" s="166">
        <v>0</v>
      </c>
      <c r="CG239" s="166">
        <v>0</v>
      </c>
      <c r="CH239" s="166">
        <v>0</v>
      </c>
      <c r="CI239" s="166">
        <v>0</v>
      </c>
      <c r="CJ239" s="166">
        <v>0</v>
      </c>
      <c r="CK239" s="166">
        <v>0</v>
      </c>
      <c r="CL239" s="166">
        <v>0</v>
      </c>
      <c r="CM239" s="166">
        <v>0</v>
      </c>
      <c r="CN239" s="166">
        <v>0</v>
      </c>
      <c r="CO239" s="166">
        <v>0</v>
      </c>
      <c r="CP239" s="166">
        <v>0</v>
      </c>
      <c r="CQ239" s="166">
        <v>0</v>
      </c>
      <c r="CR239" s="166">
        <v>0</v>
      </c>
      <c r="CS239" s="166">
        <v>0</v>
      </c>
      <c r="CT239" s="166">
        <v>0</v>
      </c>
      <c r="CU239" s="166">
        <v>0</v>
      </c>
      <c r="CV239" s="166">
        <v>0</v>
      </c>
      <c r="CW239" s="166">
        <v>0</v>
      </c>
      <c r="CX239" s="166">
        <v>0</v>
      </c>
      <c r="CY239" s="166">
        <v>0</v>
      </c>
      <c r="CZ239" s="166">
        <v>0</v>
      </c>
    </row>
    <row r="240" spans="1:104" hidden="1" outlineLevel="1" x14ac:dyDescent="0.2">
      <c r="A240" s="167" t="s">
        <v>332</v>
      </c>
    </row>
    <row r="241" spans="1:104" hidden="1" outlineLevel="1" x14ac:dyDescent="0.2">
      <c r="A241" s="170" t="s">
        <v>333</v>
      </c>
      <c r="B241" s="166">
        <v>47853605.869999997</v>
      </c>
      <c r="C241" s="166">
        <v>47853605.869999997</v>
      </c>
      <c r="D241" s="166">
        <v>0</v>
      </c>
      <c r="E241" s="166">
        <v>0</v>
      </c>
      <c r="F241" s="166">
        <v>0</v>
      </c>
      <c r="G241" s="166">
        <v>0</v>
      </c>
      <c r="H241" s="166">
        <v>0</v>
      </c>
      <c r="I241" s="166">
        <v>0</v>
      </c>
      <c r="J241" s="166">
        <v>0</v>
      </c>
      <c r="K241" s="166">
        <v>0</v>
      </c>
      <c r="L241" s="166">
        <v>0</v>
      </c>
      <c r="M241" s="166">
        <v>0</v>
      </c>
      <c r="N241" s="166">
        <v>0</v>
      </c>
      <c r="O241" s="166">
        <v>0</v>
      </c>
      <c r="P241" s="166">
        <v>0</v>
      </c>
      <c r="Q241" s="166">
        <v>0</v>
      </c>
      <c r="R241" s="166">
        <v>0</v>
      </c>
      <c r="S241" s="166">
        <v>0</v>
      </c>
      <c r="T241" s="166">
        <v>0</v>
      </c>
      <c r="U241" s="166">
        <v>0</v>
      </c>
      <c r="V241" s="166">
        <v>0</v>
      </c>
      <c r="W241" s="166">
        <v>0</v>
      </c>
      <c r="X241" s="166">
        <v>0</v>
      </c>
      <c r="Y241" s="166">
        <v>0</v>
      </c>
      <c r="Z241" s="166">
        <v>0</v>
      </c>
      <c r="AA241" s="166">
        <v>0</v>
      </c>
      <c r="AB241" s="166">
        <v>0</v>
      </c>
      <c r="AC241" s="166">
        <v>0</v>
      </c>
      <c r="AD241" s="166">
        <v>0</v>
      </c>
      <c r="AE241" s="166">
        <v>0</v>
      </c>
      <c r="AF241" s="166">
        <v>0</v>
      </c>
      <c r="AG241" s="166">
        <v>0</v>
      </c>
      <c r="AH241" s="166">
        <v>0</v>
      </c>
      <c r="AI241" s="166">
        <v>0</v>
      </c>
      <c r="AJ241" s="166">
        <v>0</v>
      </c>
      <c r="AK241" s="166">
        <v>0</v>
      </c>
      <c r="AL241" s="166">
        <v>0</v>
      </c>
      <c r="AM241" s="166">
        <v>0</v>
      </c>
      <c r="AN241" s="166">
        <v>0</v>
      </c>
      <c r="AO241" s="166">
        <v>0</v>
      </c>
      <c r="AP241" s="166">
        <v>0</v>
      </c>
      <c r="AQ241" s="166">
        <v>0</v>
      </c>
      <c r="AR241" s="166">
        <v>0</v>
      </c>
      <c r="AS241" s="166">
        <v>0</v>
      </c>
      <c r="AT241" s="166">
        <v>0</v>
      </c>
      <c r="AU241" s="166">
        <v>0</v>
      </c>
      <c r="AV241" s="166">
        <v>0</v>
      </c>
      <c r="AW241" s="166">
        <v>0</v>
      </c>
      <c r="AX241" s="166">
        <v>0</v>
      </c>
      <c r="AY241" s="166">
        <v>0</v>
      </c>
      <c r="AZ241" s="166">
        <v>0</v>
      </c>
      <c r="BA241" s="166">
        <v>0</v>
      </c>
      <c r="BB241" s="166">
        <v>0</v>
      </c>
      <c r="BC241" s="166">
        <v>0</v>
      </c>
      <c r="BD241" s="166">
        <v>0</v>
      </c>
      <c r="BE241" s="166">
        <v>0</v>
      </c>
      <c r="BF241" s="166">
        <v>0</v>
      </c>
      <c r="BG241" s="166">
        <v>0</v>
      </c>
      <c r="BH241" s="166">
        <v>0</v>
      </c>
      <c r="BI241" s="166">
        <v>0</v>
      </c>
      <c r="BJ241" s="166">
        <v>0</v>
      </c>
      <c r="BK241" s="166">
        <v>0</v>
      </c>
      <c r="BL241" s="166">
        <v>0</v>
      </c>
      <c r="BM241" s="166">
        <v>0</v>
      </c>
      <c r="BN241" s="166">
        <v>0</v>
      </c>
      <c r="BO241" s="166">
        <v>0</v>
      </c>
      <c r="BP241" s="166">
        <v>0</v>
      </c>
      <c r="BQ241" s="166">
        <v>0</v>
      </c>
      <c r="BR241" s="166">
        <v>47853605.869999997</v>
      </c>
      <c r="BS241" s="166">
        <v>47853605.869999997</v>
      </c>
      <c r="BT241" s="168">
        <v>0</v>
      </c>
      <c r="BU241" s="166">
        <v>1101166.0850553799</v>
      </c>
      <c r="BV241" s="166">
        <v>47767670.591222003</v>
      </c>
      <c r="BW241" s="166">
        <v>0</v>
      </c>
      <c r="BX241" s="166">
        <v>0</v>
      </c>
      <c r="BY241" s="166">
        <v>0</v>
      </c>
      <c r="BZ241" s="166">
        <v>0</v>
      </c>
      <c r="CA241" s="166">
        <v>0</v>
      </c>
      <c r="CB241" s="166">
        <v>0</v>
      </c>
      <c r="CC241" s="166">
        <v>0</v>
      </c>
      <c r="CD241" s="166">
        <v>0</v>
      </c>
      <c r="CE241" s="166">
        <v>0</v>
      </c>
      <c r="CF241" s="166">
        <v>0</v>
      </c>
      <c r="CG241" s="166">
        <v>0</v>
      </c>
      <c r="CH241" s="166">
        <v>0</v>
      </c>
      <c r="CI241" s="166">
        <v>0</v>
      </c>
      <c r="CJ241" s="166">
        <v>0</v>
      </c>
      <c r="CK241" s="166">
        <v>0</v>
      </c>
      <c r="CL241" s="166">
        <v>0</v>
      </c>
      <c r="CM241" s="166">
        <v>0</v>
      </c>
      <c r="CN241" s="166">
        <v>0</v>
      </c>
      <c r="CO241" s="166">
        <v>0</v>
      </c>
      <c r="CP241" s="166">
        <v>0</v>
      </c>
      <c r="CQ241" s="166">
        <v>0</v>
      </c>
      <c r="CR241" s="166">
        <v>0</v>
      </c>
      <c r="CS241" s="166">
        <v>0</v>
      </c>
      <c r="CT241" s="166">
        <v>0</v>
      </c>
      <c r="CU241" s="166">
        <v>0</v>
      </c>
      <c r="CV241" s="166">
        <v>0</v>
      </c>
      <c r="CW241" s="166">
        <v>0</v>
      </c>
      <c r="CX241" s="166">
        <v>0</v>
      </c>
      <c r="CY241" s="166">
        <v>47767670.591222003</v>
      </c>
      <c r="CZ241" s="166">
        <v>47767670.591222003</v>
      </c>
    </row>
    <row r="242" spans="1:104" hidden="1" outlineLevel="1" x14ac:dyDescent="0.2">
      <c r="A242" s="167" t="s">
        <v>334</v>
      </c>
    </row>
    <row r="243" spans="1:104" hidden="1" outlineLevel="1" x14ac:dyDescent="0.2">
      <c r="A243" s="170" t="s">
        <v>335</v>
      </c>
      <c r="B243" s="166">
        <v>0</v>
      </c>
      <c r="C243" s="166">
        <v>0</v>
      </c>
      <c r="D243" s="166">
        <v>0</v>
      </c>
      <c r="E243" s="166">
        <v>0</v>
      </c>
      <c r="F243" s="166">
        <v>0</v>
      </c>
      <c r="G243" s="166">
        <v>0</v>
      </c>
      <c r="H243" s="166">
        <v>0</v>
      </c>
      <c r="I243" s="166">
        <v>0</v>
      </c>
      <c r="J243" s="166">
        <v>0</v>
      </c>
      <c r="K243" s="166">
        <v>0</v>
      </c>
      <c r="L243" s="166">
        <v>0</v>
      </c>
      <c r="M243" s="166">
        <v>0</v>
      </c>
      <c r="N243" s="166">
        <v>0</v>
      </c>
      <c r="O243" s="166">
        <v>0</v>
      </c>
      <c r="P243" s="166">
        <v>0</v>
      </c>
      <c r="Q243" s="166">
        <v>0</v>
      </c>
      <c r="R243" s="166">
        <v>0</v>
      </c>
      <c r="S243" s="166">
        <v>0</v>
      </c>
      <c r="T243" s="166">
        <v>0</v>
      </c>
      <c r="U243" s="166">
        <v>0</v>
      </c>
      <c r="V243" s="166">
        <v>0</v>
      </c>
      <c r="W243" s="166">
        <v>0</v>
      </c>
      <c r="X243" s="166">
        <v>0</v>
      </c>
      <c r="Y243" s="166">
        <v>0</v>
      </c>
      <c r="Z243" s="166">
        <v>0</v>
      </c>
      <c r="AA243" s="166">
        <v>0</v>
      </c>
      <c r="AB243" s="166">
        <v>0</v>
      </c>
      <c r="AC243" s="166">
        <v>0</v>
      </c>
      <c r="AD243" s="166">
        <v>0</v>
      </c>
      <c r="AE243" s="166">
        <v>0</v>
      </c>
      <c r="AF243" s="166">
        <v>0</v>
      </c>
      <c r="AG243" s="166">
        <v>0</v>
      </c>
      <c r="AH243" s="166">
        <v>0</v>
      </c>
      <c r="AI243" s="166">
        <v>0</v>
      </c>
      <c r="AJ243" s="166">
        <v>0</v>
      </c>
      <c r="AK243" s="166">
        <v>0</v>
      </c>
      <c r="AL243" s="166">
        <v>0</v>
      </c>
      <c r="AM243" s="166">
        <v>0</v>
      </c>
      <c r="AN243" s="166">
        <v>0</v>
      </c>
      <c r="AO243" s="166">
        <v>0</v>
      </c>
      <c r="AP243" s="166">
        <v>0</v>
      </c>
      <c r="AQ243" s="166">
        <v>0</v>
      </c>
      <c r="AR243" s="166">
        <v>0</v>
      </c>
      <c r="AS243" s="166">
        <v>0</v>
      </c>
      <c r="AT243" s="166">
        <v>0</v>
      </c>
      <c r="AU243" s="166">
        <v>0</v>
      </c>
      <c r="AV243" s="166">
        <v>0</v>
      </c>
      <c r="AW243" s="166">
        <v>0</v>
      </c>
      <c r="AX243" s="166">
        <v>0</v>
      </c>
      <c r="AY243" s="166">
        <v>0</v>
      </c>
      <c r="AZ243" s="166">
        <v>0</v>
      </c>
      <c r="BA243" s="166">
        <v>0</v>
      </c>
      <c r="BB243" s="166">
        <v>0</v>
      </c>
      <c r="BC243" s="166">
        <v>0</v>
      </c>
      <c r="BD243" s="166">
        <v>0</v>
      </c>
      <c r="BE243" s="166">
        <v>0</v>
      </c>
      <c r="BF243" s="166">
        <v>0</v>
      </c>
      <c r="BG243" s="166">
        <v>0</v>
      </c>
      <c r="BH243" s="166">
        <v>0</v>
      </c>
      <c r="BI243" s="166">
        <v>0</v>
      </c>
      <c r="BJ243" s="166">
        <v>0</v>
      </c>
      <c r="BK243" s="166">
        <v>0</v>
      </c>
      <c r="BL243" s="166">
        <v>0</v>
      </c>
      <c r="BM243" s="166">
        <v>0</v>
      </c>
      <c r="BN243" s="166">
        <v>0</v>
      </c>
      <c r="BO243" s="166">
        <v>0</v>
      </c>
      <c r="BP243" s="166">
        <v>0</v>
      </c>
      <c r="BQ243" s="166">
        <v>0</v>
      </c>
      <c r="BR243" s="166">
        <v>0</v>
      </c>
      <c r="BS243" s="166">
        <v>0</v>
      </c>
      <c r="BT243" s="166">
        <v>0</v>
      </c>
      <c r="BU243" s="166">
        <v>0</v>
      </c>
      <c r="BV243" s="166">
        <v>0</v>
      </c>
      <c r="BW243" s="166">
        <v>0</v>
      </c>
      <c r="BX243" s="166">
        <v>0</v>
      </c>
      <c r="BY243" s="166">
        <v>0</v>
      </c>
      <c r="BZ243" s="166">
        <v>0</v>
      </c>
      <c r="CA243" s="166">
        <v>0</v>
      </c>
      <c r="CB243" s="166">
        <v>0</v>
      </c>
      <c r="CC243" s="166">
        <v>0</v>
      </c>
      <c r="CD243" s="166">
        <v>0</v>
      </c>
      <c r="CE243" s="166">
        <v>0</v>
      </c>
      <c r="CF243" s="166">
        <v>0</v>
      </c>
      <c r="CG243" s="166">
        <v>0</v>
      </c>
      <c r="CH243" s="166">
        <v>0</v>
      </c>
      <c r="CI243" s="166">
        <v>0</v>
      </c>
      <c r="CJ243" s="166">
        <v>0</v>
      </c>
      <c r="CK243" s="166">
        <v>0</v>
      </c>
      <c r="CL243" s="166">
        <v>0</v>
      </c>
      <c r="CM243" s="166">
        <v>0</v>
      </c>
      <c r="CN243" s="166">
        <v>0</v>
      </c>
      <c r="CO243" s="166">
        <v>0</v>
      </c>
      <c r="CP243" s="166">
        <v>0</v>
      </c>
      <c r="CQ243" s="166">
        <v>0</v>
      </c>
      <c r="CR243" s="166">
        <v>0</v>
      </c>
      <c r="CS243" s="166">
        <v>0</v>
      </c>
      <c r="CT243" s="166">
        <v>0</v>
      </c>
      <c r="CU243" s="166">
        <v>0</v>
      </c>
      <c r="CV243" s="166">
        <v>0</v>
      </c>
      <c r="CW243" s="166">
        <v>0</v>
      </c>
      <c r="CX243" s="166">
        <v>0</v>
      </c>
      <c r="CY243" s="166">
        <v>0</v>
      </c>
      <c r="CZ243" s="166">
        <v>0</v>
      </c>
    </row>
    <row r="244" spans="1:104" hidden="1" outlineLevel="1" x14ac:dyDescent="0.2">
      <c r="A244" s="167" t="s">
        <v>1136</v>
      </c>
      <c r="B244" s="166">
        <v>797621.01261900004</v>
      </c>
      <c r="C244" s="166">
        <v>797621.01261900004</v>
      </c>
      <c r="D244" s="166">
        <v>0</v>
      </c>
      <c r="E244" s="166">
        <v>0</v>
      </c>
      <c r="F244" s="166">
        <v>0</v>
      </c>
      <c r="G244" s="166">
        <v>0</v>
      </c>
      <c r="H244" s="166">
        <v>0</v>
      </c>
      <c r="I244" s="166">
        <v>0</v>
      </c>
      <c r="J244" s="166">
        <v>0</v>
      </c>
      <c r="K244" s="166">
        <v>0</v>
      </c>
      <c r="L244" s="166">
        <v>0</v>
      </c>
      <c r="M244" s="166">
        <v>0</v>
      </c>
      <c r="N244" s="166">
        <v>0</v>
      </c>
      <c r="O244" s="166">
        <v>0</v>
      </c>
      <c r="P244" s="166">
        <v>0</v>
      </c>
      <c r="Q244" s="166">
        <v>0</v>
      </c>
      <c r="R244" s="166">
        <v>0</v>
      </c>
      <c r="S244" s="166">
        <v>0</v>
      </c>
      <c r="T244" s="166">
        <v>0</v>
      </c>
      <c r="U244" s="166">
        <v>0</v>
      </c>
      <c r="V244" s="166">
        <v>0</v>
      </c>
      <c r="W244" s="166">
        <v>0</v>
      </c>
      <c r="X244" s="166">
        <v>0</v>
      </c>
      <c r="Y244" s="166">
        <v>0</v>
      </c>
      <c r="Z244" s="166">
        <v>0</v>
      </c>
      <c r="AA244" s="166">
        <v>0</v>
      </c>
      <c r="AB244" s="166">
        <v>0</v>
      </c>
      <c r="AC244" s="166">
        <v>0</v>
      </c>
      <c r="AD244" s="166">
        <v>0</v>
      </c>
      <c r="AE244" s="166">
        <v>0</v>
      </c>
      <c r="AF244" s="166">
        <v>0</v>
      </c>
      <c r="AG244" s="166">
        <v>0</v>
      </c>
      <c r="AH244" s="166">
        <v>0</v>
      </c>
      <c r="AI244" s="166">
        <v>0</v>
      </c>
      <c r="AJ244" s="166">
        <v>0</v>
      </c>
      <c r="AK244" s="166">
        <v>0</v>
      </c>
      <c r="AL244" s="166">
        <v>0</v>
      </c>
      <c r="AM244" s="166">
        <v>0</v>
      </c>
      <c r="AN244" s="166">
        <v>0</v>
      </c>
      <c r="AO244" s="166">
        <v>0</v>
      </c>
      <c r="AP244" s="166">
        <v>0</v>
      </c>
      <c r="AQ244" s="166">
        <v>0</v>
      </c>
      <c r="AR244" s="166">
        <v>0</v>
      </c>
      <c r="AS244" s="166">
        <v>0</v>
      </c>
      <c r="AT244" s="166">
        <v>0</v>
      </c>
      <c r="AU244" s="166">
        <v>0</v>
      </c>
      <c r="AV244" s="166">
        <v>0</v>
      </c>
      <c r="AW244" s="166">
        <v>0</v>
      </c>
      <c r="AX244" s="166">
        <v>0</v>
      </c>
      <c r="AY244" s="166">
        <v>0</v>
      </c>
      <c r="AZ244" s="166">
        <v>0</v>
      </c>
      <c r="BA244" s="166">
        <v>0</v>
      </c>
      <c r="BB244" s="166">
        <v>0</v>
      </c>
      <c r="BC244" s="166">
        <v>0</v>
      </c>
      <c r="BD244" s="166">
        <v>0</v>
      </c>
      <c r="BE244" s="166">
        <v>0</v>
      </c>
      <c r="BF244" s="166">
        <v>0</v>
      </c>
      <c r="BG244" s="166">
        <v>0</v>
      </c>
      <c r="BH244" s="166">
        <v>0</v>
      </c>
      <c r="BI244" s="166">
        <v>0</v>
      </c>
      <c r="BJ244" s="166">
        <v>0</v>
      </c>
      <c r="BK244" s="166">
        <v>0</v>
      </c>
      <c r="BL244" s="166">
        <v>0</v>
      </c>
      <c r="BM244" s="166">
        <v>0</v>
      </c>
      <c r="BN244" s="166">
        <v>0</v>
      </c>
      <c r="BO244" s="166">
        <v>0</v>
      </c>
      <c r="BP244" s="166">
        <v>0</v>
      </c>
      <c r="BQ244" s="166">
        <v>0</v>
      </c>
      <c r="BR244" s="166">
        <v>797621.01261900004</v>
      </c>
      <c r="BS244" s="166">
        <v>797621.01261900004</v>
      </c>
      <c r="BT244" s="168">
        <v>1</v>
      </c>
      <c r="BU244" s="166">
        <v>11652.977242000001</v>
      </c>
      <c r="BV244" s="166">
        <v>797621.01261900004</v>
      </c>
      <c r="BW244" s="166">
        <v>0</v>
      </c>
      <c r="BX244" s="166">
        <v>0</v>
      </c>
      <c r="BY244" s="166">
        <v>0</v>
      </c>
      <c r="BZ244" s="166">
        <v>0</v>
      </c>
      <c r="CA244" s="166">
        <v>0</v>
      </c>
      <c r="CB244" s="166">
        <v>0</v>
      </c>
      <c r="CC244" s="166">
        <v>0</v>
      </c>
      <c r="CD244" s="166">
        <v>0</v>
      </c>
      <c r="CE244" s="166">
        <v>0</v>
      </c>
      <c r="CF244" s="166">
        <v>0</v>
      </c>
      <c r="CG244" s="166">
        <v>0</v>
      </c>
      <c r="CH244" s="166">
        <v>0</v>
      </c>
      <c r="CI244" s="166">
        <v>0</v>
      </c>
      <c r="CJ244" s="166">
        <v>0</v>
      </c>
      <c r="CK244" s="166">
        <v>0</v>
      </c>
      <c r="CL244" s="166">
        <v>0</v>
      </c>
      <c r="CM244" s="166">
        <v>0</v>
      </c>
      <c r="CN244" s="166">
        <v>0</v>
      </c>
      <c r="CO244" s="166">
        <v>0</v>
      </c>
      <c r="CP244" s="166">
        <v>0</v>
      </c>
      <c r="CQ244" s="166">
        <v>0</v>
      </c>
      <c r="CR244" s="166">
        <v>0</v>
      </c>
      <c r="CS244" s="166">
        <v>0</v>
      </c>
      <c r="CT244" s="166">
        <v>0</v>
      </c>
      <c r="CU244" s="166">
        <v>0</v>
      </c>
      <c r="CV244" s="166">
        <v>0</v>
      </c>
      <c r="CW244" s="166">
        <v>0</v>
      </c>
      <c r="CX244" s="166">
        <v>0</v>
      </c>
      <c r="CY244" s="166">
        <v>797621.01261900004</v>
      </c>
      <c r="CZ244" s="166">
        <v>797621.01261900004</v>
      </c>
    </row>
    <row r="245" spans="1:104" hidden="1" outlineLevel="1" x14ac:dyDescent="0.2">
      <c r="A245" s="167" t="s">
        <v>1137</v>
      </c>
      <c r="B245" s="166">
        <v>380259.22828499897</v>
      </c>
      <c r="C245" s="166">
        <v>380259.22828499897</v>
      </c>
      <c r="D245" s="166">
        <v>0</v>
      </c>
      <c r="E245" s="166">
        <v>0</v>
      </c>
      <c r="F245" s="166">
        <v>0</v>
      </c>
      <c r="G245" s="166">
        <v>0</v>
      </c>
      <c r="H245" s="166">
        <v>0</v>
      </c>
      <c r="I245" s="166">
        <v>0</v>
      </c>
      <c r="J245" s="166">
        <v>0</v>
      </c>
      <c r="K245" s="166">
        <v>0</v>
      </c>
      <c r="L245" s="166">
        <v>0</v>
      </c>
      <c r="M245" s="166">
        <v>0</v>
      </c>
      <c r="N245" s="166">
        <v>0</v>
      </c>
      <c r="O245" s="166">
        <v>0</v>
      </c>
      <c r="P245" s="166">
        <v>0</v>
      </c>
      <c r="Q245" s="166">
        <v>0</v>
      </c>
      <c r="R245" s="166">
        <v>0</v>
      </c>
      <c r="S245" s="166">
        <v>0</v>
      </c>
      <c r="T245" s="166">
        <v>0</v>
      </c>
      <c r="U245" s="166">
        <v>0</v>
      </c>
      <c r="V245" s="166">
        <v>0</v>
      </c>
      <c r="W245" s="166">
        <v>0</v>
      </c>
      <c r="X245" s="166">
        <v>0</v>
      </c>
      <c r="Y245" s="166">
        <v>0</v>
      </c>
      <c r="Z245" s="166">
        <v>0</v>
      </c>
      <c r="AA245" s="166">
        <v>0</v>
      </c>
      <c r="AB245" s="166">
        <v>0</v>
      </c>
      <c r="AC245" s="166">
        <v>0</v>
      </c>
      <c r="AD245" s="166">
        <v>0</v>
      </c>
      <c r="AE245" s="166">
        <v>0</v>
      </c>
      <c r="AF245" s="166">
        <v>0</v>
      </c>
      <c r="AG245" s="166">
        <v>0</v>
      </c>
      <c r="AH245" s="166">
        <v>0</v>
      </c>
      <c r="AI245" s="166">
        <v>0</v>
      </c>
      <c r="AJ245" s="166">
        <v>0</v>
      </c>
      <c r="AK245" s="166">
        <v>0</v>
      </c>
      <c r="AL245" s="166">
        <v>0</v>
      </c>
      <c r="AM245" s="166">
        <v>0</v>
      </c>
      <c r="AN245" s="166">
        <v>0</v>
      </c>
      <c r="AO245" s="166">
        <v>0</v>
      </c>
      <c r="AP245" s="166">
        <v>0</v>
      </c>
      <c r="AQ245" s="166">
        <v>0</v>
      </c>
      <c r="AR245" s="166">
        <v>0</v>
      </c>
      <c r="AS245" s="166">
        <v>0</v>
      </c>
      <c r="AT245" s="166">
        <v>0</v>
      </c>
      <c r="AU245" s="166">
        <v>0</v>
      </c>
      <c r="AV245" s="166">
        <v>0</v>
      </c>
      <c r="AW245" s="166">
        <v>0</v>
      </c>
      <c r="AX245" s="166">
        <v>0</v>
      </c>
      <c r="AY245" s="166">
        <v>0</v>
      </c>
      <c r="AZ245" s="166">
        <v>0</v>
      </c>
      <c r="BA245" s="166">
        <v>0</v>
      </c>
      <c r="BB245" s="166">
        <v>0</v>
      </c>
      <c r="BC245" s="166">
        <v>0</v>
      </c>
      <c r="BD245" s="166">
        <v>0</v>
      </c>
      <c r="BE245" s="166">
        <v>0</v>
      </c>
      <c r="BF245" s="166">
        <v>0</v>
      </c>
      <c r="BG245" s="166">
        <v>0</v>
      </c>
      <c r="BH245" s="166">
        <v>0</v>
      </c>
      <c r="BI245" s="166">
        <v>0</v>
      </c>
      <c r="BJ245" s="166">
        <v>0</v>
      </c>
      <c r="BK245" s="166">
        <v>0</v>
      </c>
      <c r="BL245" s="166">
        <v>0</v>
      </c>
      <c r="BM245" s="166">
        <v>0</v>
      </c>
      <c r="BN245" s="166">
        <v>0</v>
      </c>
      <c r="BO245" s="166">
        <v>0</v>
      </c>
      <c r="BP245" s="166">
        <v>0</v>
      </c>
      <c r="BQ245" s="166">
        <v>0</v>
      </c>
      <c r="BR245" s="166">
        <v>380259.22828499897</v>
      </c>
      <c r="BS245" s="166">
        <v>380259.22828499897</v>
      </c>
      <c r="BT245" s="168">
        <v>1</v>
      </c>
      <c r="BU245" s="166">
        <v>5555.4606299999996</v>
      </c>
      <c r="BV245" s="166">
        <v>380259.22828499897</v>
      </c>
      <c r="BW245" s="166">
        <v>0</v>
      </c>
      <c r="BX245" s="166">
        <v>0</v>
      </c>
      <c r="BY245" s="166">
        <v>0</v>
      </c>
      <c r="BZ245" s="166">
        <v>0</v>
      </c>
      <c r="CA245" s="166">
        <v>0</v>
      </c>
      <c r="CB245" s="166">
        <v>0</v>
      </c>
      <c r="CC245" s="166">
        <v>0</v>
      </c>
      <c r="CD245" s="166">
        <v>0</v>
      </c>
      <c r="CE245" s="166">
        <v>0</v>
      </c>
      <c r="CF245" s="166">
        <v>0</v>
      </c>
      <c r="CG245" s="166">
        <v>0</v>
      </c>
      <c r="CH245" s="166">
        <v>0</v>
      </c>
      <c r="CI245" s="166">
        <v>0</v>
      </c>
      <c r="CJ245" s="166">
        <v>0</v>
      </c>
      <c r="CK245" s="166">
        <v>0</v>
      </c>
      <c r="CL245" s="166">
        <v>0</v>
      </c>
      <c r="CM245" s="166">
        <v>0</v>
      </c>
      <c r="CN245" s="166">
        <v>0</v>
      </c>
      <c r="CO245" s="166">
        <v>0</v>
      </c>
      <c r="CP245" s="166">
        <v>0</v>
      </c>
      <c r="CQ245" s="166">
        <v>0</v>
      </c>
      <c r="CR245" s="166">
        <v>0</v>
      </c>
      <c r="CS245" s="166">
        <v>0</v>
      </c>
      <c r="CT245" s="166">
        <v>0</v>
      </c>
      <c r="CU245" s="166">
        <v>0</v>
      </c>
      <c r="CV245" s="166">
        <v>0</v>
      </c>
      <c r="CW245" s="166">
        <v>0</v>
      </c>
      <c r="CX245" s="166">
        <v>0</v>
      </c>
      <c r="CY245" s="166">
        <v>380259.22828499897</v>
      </c>
      <c r="CZ245" s="166">
        <v>380259.22828499897</v>
      </c>
    </row>
    <row r="246" spans="1:104" hidden="1" outlineLevel="1" x14ac:dyDescent="0.2">
      <c r="A246" s="167" t="s">
        <v>1138</v>
      </c>
      <c r="B246" s="166">
        <v>268783.675269</v>
      </c>
      <c r="C246" s="166">
        <v>268783.675269</v>
      </c>
      <c r="D246" s="166">
        <v>0</v>
      </c>
      <c r="E246" s="166">
        <v>0</v>
      </c>
      <c r="F246" s="166">
        <v>0</v>
      </c>
      <c r="G246" s="166">
        <v>0</v>
      </c>
      <c r="H246" s="166">
        <v>0</v>
      </c>
      <c r="I246" s="166">
        <v>0</v>
      </c>
      <c r="J246" s="166">
        <v>0</v>
      </c>
      <c r="K246" s="166">
        <v>0</v>
      </c>
      <c r="L246" s="166">
        <v>0</v>
      </c>
      <c r="M246" s="166">
        <v>0</v>
      </c>
      <c r="N246" s="166">
        <v>0</v>
      </c>
      <c r="O246" s="166">
        <v>0</v>
      </c>
      <c r="P246" s="166">
        <v>0</v>
      </c>
      <c r="Q246" s="166">
        <v>0</v>
      </c>
      <c r="R246" s="166">
        <v>0</v>
      </c>
      <c r="S246" s="166">
        <v>0</v>
      </c>
      <c r="T246" s="166">
        <v>0</v>
      </c>
      <c r="U246" s="166">
        <v>0</v>
      </c>
      <c r="V246" s="166">
        <v>0</v>
      </c>
      <c r="W246" s="166">
        <v>0</v>
      </c>
      <c r="X246" s="166">
        <v>0</v>
      </c>
      <c r="Y246" s="166">
        <v>0</v>
      </c>
      <c r="Z246" s="166">
        <v>0</v>
      </c>
      <c r="AA246" s="166">
        <v>0</v>
      </c>
      <c r="AB246" s="166">
        <v>0</v>
      </c>
      <c r="AC246" s="166">
        <v>0</v>
      </c>
      <c r="AD246" s="166">
        <v>0</v>
      </c>
      <c r="AE246" s="166">
        <v>0</v>
      </c>
      <c r="AF246" s="166">
        <v>0</v>
      </c>
      <c r="AG246" s="166">
        <v>0</v>
      </c>
      <c r="AH246" s="166">
        <v>0</v>
      </c>
      <c r="AI246" s="166">
        <v>0</v>
      </c>
      <c r="AJ246" s="166">
        <v>0</v>
      </c>
      <c r="AK246" s="166">
        <v>0</v>
      </c>
      <c r="AL246" s="166">
        <v>0</v>
      </c>
      <c r="AM246" s="166">
        <v>0</v>
      </c>
      <c r="AN246" s="166">
        <v>0</v>
      </c>
      <c r="AO246" s="166">
        <v>0</v>
      </c>
      <c r="AP246" s="166">
        <v>0</v>
      </c>
      <c r="AQ246" s="166">
        <v>0</v>
      </c>
      <c r="AR246" s="166">
        <v>0</v>
      </c>
      <c r="AS246" s="166">
        <v>0</v>
      </c>
      <c r="AT246" s="166">
        <v>0</v>
      </c>
      <c r="AU246" s="166">
        <v>0</v>
      </c>
      <c r="AV246" s="166">
        <v>0</v>
      </c>
      <c r="AW246" s="166">
        <v>0</v>
      </c>
      <c r="AX246" s="166">
        <v>0</v>
      </c>
      <c r="AY246" s="166">
        <v>0</v>
      </c>
      <c r="AZ246" s="166">
        <v>0</v>
      </c>
      <c r="BA246" s="166">
        <v>0</v>
      </c>
      <c r="BB246" s="166">
        <v>0</v>
      </c>
      <c r="BC246" s="166">
        <v>0</v>
      </c>
      <c r="BD246" s="166">
        <v>0</v>
      </c>
      <c r="BE246" s="166">
        <v>0</v>
      </c>
      <c r="BF246" s="166">
        <v>0</v>
      </c>
      <c r="BG246" s="166">
        <v>0</v>
      </c>
      <c r="BH246" s="166">
        <v>0</v>
      </c>
      <c r="BI246" s="166">
        <v>0</v>
      </c>
      <c r="BJ246" s="166">
        <v>0</v>
      </c>
      <c r="BK246" s="166">
        <v>0</v>
      </c>
      <c r="BL246" s="166">
        <v>0</v>
      </c>
      <c r="BM246" s="166">
        <v>0</v>
      </c>
      <c r="BN246" s="166">
        <v>0</v>
      </c>
      <c r="BO246" s="166">
        <v>0</v>
      </c>
      <c r="BP246" s="166">
        <v>0</v>
      </c>
      <c r="BQ246" s="166">
        <v>0</v>
      </c>
      <c r="BR246" s="166">
        <v>268783.675269</v>
      </c>
      <c r="BS246" s="166">
        <v>268783.675269</v>
      </c>
      <c r="BT246" s="168">
        <v>1</v>
      </c>
      <c r="BU246" s="166">
        <v>3926.8399420000001</v>
      </c>
      <c r="BV246" s="166">
        <v>268783.675269</v>
      </c>
      <c r="BW246" s="166">
        <v>0</v>
      </c>
      <c r="BX246" s="166">
        <v>0</v>
      </c>
      <c r="BY246" s="166">
        <v>0</v>
      </c>
      <c r="BZ246" s="166">
        <v>0</v>
      </c>
      <c r="CA246" s="166">
        <v>0</v>
      </c>
      <c r="CB246" s="166">
        <v>0</v>
      </c>
      <c r="CC246" s="166">
        <v>0</v>
      </c>
      <c r="CD246" s="166">
        <v>0</v>
      </c>
      <c r="CE246" s="166">
        <v>0</v>
      </c>
      <c r="CF246" s="166">
        <v>0</v>
      </c>
      <c r="CG246" s="166">
        <v>0</v>
      </c>
      <c r="CH246" s="166">
        <v>0</v>
      </c>
      <c r="CI246" s="166">
        <v>0</v>
      </c>
      <c r="CJ246" s="166">
        <v>0</v>
      </c>
      <c r="CK246" s="166">
        <v>0</v>
      </c>
      <c r="CL246" s="166">
        <v>0</v>
      </c>
      <c r="CM246" s="166">
        <v>0</v>
      </c>
      <c r="CN246" s="166">
        <v>0</v>
      </c>
      <c r="CO246" s="166">
        <v>0</v>
      </c>
      <c r="CP246" s="166">
        <v>0</v>
      </c>
      <c r="CQ246" s="166">
        <v>0</v>
      </c>
      <c r="CR246" s="166">
        <v>0</v>
      </c>
      <c r="CS246" s="166">
        <v>0</v>
      </c>
      <c r="CT246" s="166">
        <v>0</v>
      </c>
      <c r="CU246" s="166">
        <v>0</v>
      </c>
      <c r="CV246" s="166">
        <v>0</v>
      </c>
      <c r="CW246" s="166">
        <v>0</v>
      </c>
      <c r="CX246" s="166">
        <v>0</v>
      </c>
      <c r="CY246" s="166">
        <v>268783.675269</v>
      </c>
      <c r="CZ246" s="166">
        <v>268783.675269</v>
      </c>
    </row>
    <row r="247" spans="1:104" hidden="1" outlineLevel="1" x14ac:dyDescent="0.2">
      <c r="A247" s="167" t="s">
        <v>1139</v>
      </c>
      <c r="B247" s="166">
        <v>57416.625198000002</v>
      </c>
      <c r="C247" s="166">
        <v>57416.625198000002</v>
      </c>
      <c r="D247" s="166">
        <v>0</v>
      </c>
      <c r="E247" s="166">
        <v>0</v>
      </c>
      <c r="F247" s="166">
        <v>0</v>
      </c>
      <c r="G247" s="166">
        <v>0</v>
      </c>
      <c r="H247" s="166">
        <v>0</v>
      </c>
      <c r="I247" s="166">
        <v>0</v>
      </c>
      <c r="J247" s="166">
        <v>0</v>
      </c>
      <c r="K247" s="166">
        <v>0</v>
      </c>
      <c r="L247" s="166">
        <v>0</v>
      </c>
      <c r="M247" s="166">
        <v>0</v>
      </c>
      <c r="N247" s="166">
        <v>0</v>
      </c>
      <c r="O247" s="166">
        <v>0</v>
      </c>
      <c r="P247" s="166">
        <v>0</v>
      </c>
      <c r="Q247" s="166">
        <v>0</v>
      </c>
      <c r="R247" s="166">
        <v>0</v>
      </c>
      <c r="S247" s="166">
        <v>0</v>
      </c>
      <c r="T247" s="166">
        <v>0</v>
      </c>
      <c r="U247" s="166">
        <v>0</v>
      </c>
      <c r="V247" s="166">
        <v>0</v>
      </c>
      <c r="W247" s="166">
        <v>0</v>
      </c>
      <c r="X247" s="166">
        <v>0</v>
      </c>
      <c r="Y247" s="166">
        <v>0</v>
      </c>
      <c r="Z247" s="166">
        <v>0</v>
      </c>
      <c r="AA247" s="166">
        <v>0</v>
      </c>
      <c r="AB247" s="166">
        <v>0</v>
      </c>
      <c r="AC247" s="166">
        <v>0</v>
      </c>
      <c r="AD247" s="166">
        <v>0</v>
      </c>
      <c r="AE247" s="166">
        <v>0</v>
      </c>
      <c r="AF247" s="166">
        <v>0</v>
      </c>
      <c r="AG247" s="166">
        <v>0</v>
      </c>
      <c r="AH247" s="166">
        <v>0</v>
      </c>
      <c r="AI247" s="166">
        <v>0</v>
      </c>
      <c r="AJ247" s="166">
        <v>0</v>
      </c>
      <c r="AK247" s="166">
        <v>0</v>
      </c>
      <c r="AL247" s="166">
        <v>0</v>
      </c>
      <c r="AM247" s="166">
        <v>0</v>
      </c>
      <c r="AN247" s="166">
        <v>0</v>
      </c>
      <c r="AO247" s="166">
        <v>0</v>
      </c>
      <c r="AP247" s="166">
        <v>0</v>
      </c>
      <c r="AQ247" s="166">
        <v>0</v>
      </c>
      <c r="AR247" s="166">
        <v>0</v>
      </c>
      <c r="AS247" s="166">
        <v>0</v>
      </c>
      <c r="AT247" s="166">
        <v>0</v>
      </c>
      <c r="AU247" s="166">
        <v>0</v>
      </c>
      <c r="AV247" s="166">
        <v>0</v>
      </c>
      <c r="AW247" s="166">
        <v>0</v>
      </c>
      <c r="AX247" s="166">
        <v>0</v>
      </c>
      <c r="AY247" s="166">
        <v>0</v>
      </c>
      <c r="AZ247" s="166">
        <v>0</v>
      </c>
      <c r="BA247" s="166">
        <v>0</v>
      </c>
      <c r="BB247" s="166">
        <v>0</v>
      </c>
      <c r="BC247" s="166">
        <v>0</v>
      </c>
      <c r="BD247" s="166">
        <v>0</v>
      </c>
      <c r="BE247" s="166">
        <v>0</v>
      </c>
      <c r="BF247" s="166">
        <v>0</v>
      </c>
      <c r="BG247" s="166">
        <v>0</v>
      </c>
      <c r="BH247" s="166">
        <v>0</v>
      </c>
      <c r="BI247" s="166">
        <v>0</v>
      </c>
      <c r="BJ247" s="166">
        <v>0</v>
      </c>
      <c r="BK247" s="166">
        <v>0</v>
      </c>
      <c r="BL247" s="166">
        <v>0</v>
      </c>
      <c r="BM247" s="166">
        <v>0</v>
      </c>
      <c r="BN247" s="166">
        <v>0</v>
      </c>
      <c r="BO247" s="166">
        <v>0</v>
      </c>
      <c r="BP247" s="166">
        <v>0</v>
      </c>
      <c r="BQ247" s="166">
        <v>0</v>
      </c>
      <c r="BR247" s="166">
        <v>57416.625198000002</v>
      </c>
      <c r="BS247" s="166">
        <v>57416.625198000002</v>
      </c>
      <c r="BT247" s="168">
        <v>0.98770000000000002</v>
      </c>
      <c r="BU247" s="166">
        <v>828.5200595028</v>
      </c>
      <c r="BV247" s="166">
        <v>56710.400708064597</v>
      </c>
      <c r="BW247" s="166">
        <v>0</v>
      </c>
      <c r="BX247" s="166">
        <v>0</v>
      </c>
      <c r="BY247" s="166">
        <v>0</v>
      </c>
      <c r="BZ247" s="166">
        <v>0</v>
      </c>
      <c r="CA247" s="166">
        <v>0</v>
      </c>
      <c r="CB247" s="166">
        <v>0</v>
      </c>
      <c r="CC247" s="166">
        <v>0</v>
      </c>
      <c r="CD247" s="166">
        <v>0</v>
      </c>
      <c r="CE247" s="166">
        <v>0</v>
      </c>
      <c r="CF247" s="166">
        <v>0</v>
      </c>
      <c r="CG247" s="166">
        <v>0</v>
      </c>
      <c r="CH247" s="166">
        <v>0</v>
      </c>
      <c r="CI247" s="166">
        <v>0</v>
      </c>
      <c r="CJ247" s="166">
        <v>0</v>
      </c>
      <c r="CK247" s="166">
        <v>0</v>
      </c>
      <c r="CL247" s="166">
        <v>0</v>
      </c>
      <c r="CM247" s="166">
        <v>0</v>
      </c>
      <c r="CN247" s="166">
        <v>0</v>
      </c>
      <c r="CO247" s="166">
        <v>0</v>
      </c>
      <c r="CP247" s="166">
        <v>0</v>
      </c>
      <c r="CQ247" s="166">
        <v>0</v>
      </c>
      <c r="CR247" s="166">
        <v>0</v>
      </c>
      <c r="CS247" s="166">
        <v>0</v>
      </c>
      <c r="CT247" s="166">
        <v>0</v>
      </c>
      <c r="CU247" s="166">
        <v>0</v>
      </c>
      <c r="CV247" s="166">
        <v>0</v>
      </c>
      <c r="CW247" s="166">
        <v>0</v>
      </c>
      <c r="CX247" s="166">
        <v>0</v>
      </c>
      <c r="CY247" s="166">
        <v>56710.400708064597</v>
      </c>
      <c r="CZ247" s="166">
        <v>56710.400708064597</v>
      </c>
    </row>
    <row r="248" spans="1:104" hidden="1" outlineLevel="1" x14ac:dyDescent="0.2">
      <c r="A248" s="167" t="s">
        <v>1140</v>
      </c>
      <c r="B248" s="166">
        <v>174768.14862899901</v>
      </c>
      <c r="C248" s="166">
        <v>174768.14862899901</v>
      </c>
      <c r="D248" s="166">
        <v>0</v>
      </c>
      <c r="E248" s="166">
        <v>0</v>
      </c>
      <c r="F248" s="166">
        <v>0</v>
      </c>
      <c r="G248" s="166">
        <v>0</v>
      </c>
      <c r="H248" s="166">
        <v>0</v>
      </c>
      <c r="I248" s="166">
        <v>0</v>
      </c>
      <c r="J248" s="166">
        <v>0</v>
      </c>
      <c r="K248" s="166">
        <v>0</v>
      </c>
      <c r="L248" s="166">
        <v>0</v>
      </c>
      <c r="M248" s="166">
        <v>0</v>
      </c>
      <c r="N248" s="166">
        <v>0</v>
      </c>
      <c r="O248" s="166">
        <v>0</v>
      </c>
      <c r="P248" s="166">
        <v>0</v>
      </c>
      <c r="Q248" s="166">
        <v>0</v>
      </c>
      <c r="R248" s="166">
        <v>0</v>
      </c>
      <c r="S248" s="166">
        <v>0</v>
      </c>
      <c r="T248" s="166">
        <v>0</v>
      </c>
      <c r="U248" s="166">
        <v>0</v>
      </c>
      <c r="V248" s="166">
        <v>0</v>
      </c>
      <c r="W248" s="166">
        <v>0</v>
      </c>
      <c r="X248" s="166">
        <v>0</v>
      </c>
      <c r="Y248" s="166">
        <v>0</v>
      </c>
      <c r="Z248" s="166">
        <v>0</v>
      </c>
      <c r="AA248" s="166">
        <v>0</v>
      </c>
      <c r="AB248" s="166">
        <v>0</v>
      </c>
      <c r="AC248" s="166">
        <v>0</v>
      </c>
      <c r="AD248" s="166">
        <v>0</v>
      </c>
      <c r="AE248" s="166">
        <v>0</v>
      </c>
      <c r="AF248" s="166">
        <v>0</v>
      </c>
      <c r="AG248" s="166">
        <v>0</v>
      </c>
      <c r="AH248" s="166">
        <v>0</v>
      </c>
      <c r="AI248" s="166">
        <v>0</v>
      </c>
      <c r="AJ248" s="166">
        <v>0</v>
      </c>
      <c r="AK248" s="166">
        <v>0</v>
      </c>
      <c r="AL248" s="166">
        <v>0</v>
      </c>
      <c r="AM248" s="166">
        <v>0</v>
      </c>
      <c r="AN248" s="166">
        <v>0</v>
      </c>
      <c r="AO248" s="166">
        <v>0</v>
      </c>
      <c r="AP248" s="166">
        <v>0</v>
      </c>
      <c r="AQ248" s="166">
        <v>0</v>
      </c>
      <c r="AR248" s="166">
        <v>0</v>
      </c>
      <c r="AS248" s="166">
        <v>0</v>
      </c>
      <c r="AT248" s="166">
        <v>0</v>
      </c>
      <c r="AU248" s="166">
        <v>0</v>
      </c>
      <c r="AV248" s="166">
        <v>0</v>
      </c>
      <c r="AW248" s="166">
        <v>0</v>
      </c>
      <c r="AX248" s="166">
        <v>0</v>
      </c>
      <c r="AY248" s="166">
        <v>0</v>
      </c>
      <c r="AZ248" s="166">
        <v>0</v>
      </c>
      <c r="BA248" s="166">
        <v>0</v>
      </c>
      <c r="BB248" s="166">
        <v>0</v>
      </c>
      <c r="BC248" s="166">
        <v>0</v>
      </c>
      <c r="BD248" s="166">
        <v>0</v>
      </c>
      <c r="BE248" s="166">
        <v>0</v>
      </c>
      <c r="BF248" s="166">
        <v>0</v>
      </c>
      <c r="BG248" s="166">
        <v>0</v>
      </c>
      <c r="BH248" s="166">
        <v>0</v>
      </c>
      <c r="BI248" s="166">
        <v>0</v>
      </c>
      <c r="BJ248" s="166">
        <v>0</v>
      </c>
      <c r="BK248" s="166">
        <v>0</v>
      </c>
      <c r="BL248" s="166">
        <v>0</v>
      </c>
      <c r="BM248" s="166">
        <v>0</v>
      </c>
      <c r="BN248" s="166">
        <v>0</v>
      </c>
      <c r="BO248" s="166">
        <v>0</v>
      </c>
      <c r="BP248" s="166">
        <v>0</v>
      </c>
      <c r="BQ248" s="166">
        <v>0</v>
      </c>
      <c r="BR248" s="166">
        <v>174768.14862899901</v>
      </c>
      <c r="BS248" s="166">
        <v>174768.14862899901</v>
      </c>
      <c r="BT248" s="168">
        <v>1</v>
      </c>
      <c r="BU248" s="166">
        <v>2553.3044220000002</v>
      </c>
      <c r="BV248" s="166">
        <v>174768.14862899901</v>
      </c>
      <c r="BW248" s="166">
        <v>0</v>
      </c>
      <c r="BX248" s="166">
        <v>0</v>
      </c>
      <c r="BY248" s="166">
        <v>0</v>
      </c>
      <c r="BZ248" s="166">
        <v>0</v>
      </c>
      <c r="CA248" s="166">
        <v>0</v>
      </c>
      <c r="CB248" s="166">
        <v>0</v>
      </c>
      <c r="CC248" s="166">
        <v>0</v>
      </c>
      <c r="CD248" s="166">
        <v>0</v>
      </c>
      <c r="CE248" s="166">
        <v>0</v>
      </c>
      <c r="CF248" s="166">
        <v>0</v>
      </c>
      <c r="CG248" s="166">
        <v>0</v>
      </c>
      <c r="CH248" s="166">
        <v>0</v>
      </c>
      <c r="CI248" s="166">
        <v>0</v>
      </c>
      <c r="CJ248" s="166">
        <v>0</v>
      </c>
      <c r="CK248" s="166">
        <v>0</v>
      </c>
      <c r="CL248" s="166">
        <v>0</v>
      </c>
      <c r="CM248" s="166">
        <v>0</v>
      </c>
      <c r="CN248" s="166">
        <v>0</v>
      </c>
      <c r="CO248" s="166">
        <v>0</v>
      </c>
      <c r="CP248" s="166">
        <v>0</v>
      </c>
      <c r="CQ248" s="166">
        <v>0</v>
      </c>
      <c r="CR248" s="166">
        <v>0</v>
      </c>
      <c r="CS248" s="166">
        <v>0</v>
      </c>
      <c r="CT248" s="166">
        <v>0</v>
      </c>
      <c r="CU248" s="166">
        <v>0</v>
      </c>
      <c r="CV248" s="166">
        <v>0</v>
      </c>
      <c r="CW248" s="166">
        <v>0</v>
      </c>
      <c r="CX248" s="166">
        <v>0</v>
      </c>
      <c r="CY248" s="166">
        <v>174768.14862899901</v>
      </c>
      <c r="CZ248" s="166">
        <v>174768.14862899901</v>
      </c>
    </row>
    <row r="249" spans="1:104" hidden="1" outlineLevel="1" x14ac:dyDescent="0.2">
      <c r="A249" s="167" t="s">
        <v>1141</v>
      </c>
      <c r="B249" s="166">
        <v>1678848.69</v>
      </c>
      <c r="C249" s="166">
        <v>1678848.69</v>
      </c>
      <c r="D249" s="166">
        <v>0</v>
      </c>
      <c r="E249" s="166">
        <v>0</v>
      </c>
      <c r="F249" s="166">
        <v>0</v>
      </c>
      <c r="G249" s="166">
        <v>0</v>
      </c>
      <c r="H249" s="166">
        <v>0</v>
      </c>
      <c r="I249" s="166">
        <v>0</v>
      </c>
      <c r="J249" s="166">
        <v>0</v>
      </c>
      <c r="K249" s="166">
        <v>0</v>
      </c>
      <c r="L249" s="166">
        <v>0</v>
      </c>
      <c r="M249" s="166">
        <v>0</v>
      </c>
      <c r="N249" s="166">
        <v>0</v>
      </c>
      <c r="O249" s="166">
        <v>0</v>
      </c>
      <c r="P249" s="166">
        <v>0</v>
      </c>
      <c r="Q249" s="166">
        <v>0</v>
      </c>
      <c r="R249" s="166">
        <v>0</v>
      </c>
      <c r="S249" s="166">
        <v>0</v>
      </c>
      <c r="T249" s="166">
        <v>0</v>
      </c>
      <c r="U249" s="166">
        <v>0</v>
      </c>
      <c r="V249" s="166">
        <v>0</v>
      </c>
      <c r="W249" s="166">
        <v>0</v>
      </c>
      <c r="X249" s="166">
        <v>0</v>
      </c>
      <c r="Y249" s="166">
        <v>0</v>
      </c>
      <c r="Z249" s="166">
        <v>0</v>
      </c>
      <c r="AA249" s="166">
        <v>0</v>
      </c>
      <c r="AB249" s="166">
        <v>0</v>
      </c>
      <c r="AC249" s="166">
        <v>0</v>
      </c>
      <c r="AD249" s="166">
        <v>0</v>
      </c>
      <c r="AE249" s="166">
        <v>0</v>
      </c>
      <c r="AF249" s="166">
        <v>0</v>
      </c>
      <c r="AG249" s="166">
        <v>0</v>
      </c>
      <c r="AH249" s="166">
        <v>0</v>
      </c>
      <c r="AI249" s="166">
        <v>0</v>
      </c>
      <c r="AJ249" s="166">
        <v>0</v>
      </c>
      <c r="AK249" s="166">
        <v>0</v>
      </c>
      <c r="AL249" s="166">
        <v>0</v>
      </c>
      <c r="AM249" s="166">
        <v>0</v>
      </c>
      <c r="AN249" s="166">
        <v>0</v>
      </c>
      <c r="AO249" s="166">
        <v>0</v>
      </c>
      <c r="AP249" s="166">
        <v>0</v>
      </c>
      <c r="AQ249" s="166">
        <v>0</v>
      </c>
      <c r="AR249" s="166">
        <v>0</v>
      </c>
      <c r="AS249" s="166">
        <v>0</v>
      </c>
      <c r="AT249" s="166">
        <v>0</v>
      </c>
      <c r="AU249" s="166">
        <v>0</v>
      </c>
      <c r="AV249" s="166">
        <v>0</v>
      </c>
      <c r="AW249" s="166">
        <v>0</v>
      </c>
      <c r="AX249" s="166">
        <v>0</v>
      </c>
      <c r="AY249" s="166">
        <v>0</v>
      </c>
      <c r="AZ249" s="166">
        <v>0</v>
      </c>
      <c r="BA249" s="166">
        <v>0</v>
      </c>
      <c r="BB249" s="166">
        <v>0</v>
      </c>
      <c r="BC249" s="166">
        <v>0</v>
      </c>
      <c r="BD249" s="166">
        <v>0</v>
      </c>
      <c r="BE249" s="166">
        <v>0</v>
      </c>
      <c r="BF249" s="166">
        <v>0</v>
      </c>
      <c r="BG249" s="166">
        <v>0</v>
      </c>
      <c r="BH249" s="166">
        <v>0</v>
      </c>
      <c r="BI249" s="166">
        <v>0</v>
      </c>
      <c r="BJ249" s="166">
        <v>0</v>
      </c>
      <c r="BK249" s="166">
        <v>0</v>
      </c>
      <c r="BL249" s="166">
        <v>0</v>
      </c>
      <c r="BM249" s="166">
        <v>0</v>
      </c>
      <c r="BN249" s="166">
        <v>0</v>
      </c>
      <c r="BO249" s="166">
        <v>0</v>
      </c>
      <c r="BP249" s="166">
        <v>0</v>
      </c>
      <c r="BQ249" s="166">
        <v>0</v>
      </c>
      <c r="BR249" s="166">
        <v>1678848.69</v>
      </c>
      <c r="BS249" s="166">
        <v>1678848.69</v>
      </c>
      <c r="BT249" s="171">
        <v>0</v>
      </c>
      <c r="BU249" s="166">
        <v>24517.102295502798</v>
      </c>
      <c r="BV249" s="166">
        <v>1678142.4655100601</v>
      </c>
      <c r="BW249" s="166">
        <v>0</v>
      </c>
      <c r="BX249" s="166">
        <v>0</v>
      </c>
      <c r="BY249" s="166">
        <v>0</v>
      </c>
      <c r="BZ249" s="166">
        <v>0</v>
      </c>
      <c r="CA249" s="166">
        <v>0</v>
      </c>
      <c r="CB249" s="166">
        <v>0</v>
      </c>
      <c r="CC249" s="166">
        <v>0</v>
      </c>
      <c r="CD249" s="166">
        <v>0</v>
      </c>
      <c r="CE249" s="166">
        <v>0</v>
      </c>
      <c r="CF249" s="166">
        <v>0</v>
      </c>
      <c r="CG249" s="166">
        <v>0</v>
      </c>
      <c r="CH249" s="166">
        <v>0</v>
      </c>
      <c r="CI249" s="166">
        <v>0</v>
      </c>
      <c r="CJ249" s="166">
        <v>0</v>
      </c>
      <c r="CK249" s="166">
        <v>0</v>
      </c>
      <c r="CL249" s="166">
        <v>0</v>
      </c>
      <c r="CM249" s="166">
        <v>0</v>
      </c>
      <c r="CN249" s="166">
        <v>0</v>
      </c>
      <c r="CO249" s="166">
        <v>0</v>
      </c>
      <c r="CP249" s="166">
        <v>0</v>
      </c>
      <c r="CQ249" s="166">
        <v>0</v>
      </c>
      <c r="CR249" s="166">
        <v>0</v>
      </c>
      <c r="CS249" s="166">
        <v>0</v>
      </c>
      <c r="CT249" s="166">
        <v>0</v>
      </c>
      <c r="CU249" s="166">
        <v>0</v>
      </c>
      <c r="CV249" s="166">
        <v>0</v>
      </c>
      <c r="CW249" s="166">
        <v>0</v>
      </c>
      <c r="CX249" s="166">
        <v>0</v>
      </c>
      <c r="CY249" s="166">
        <v>1678142.4655100601</v>
      </c>
      <c r="CZ249" s="166">
        <v>1678142.4655100601</v>
      </c>
    </row>
    <row r="250" spans="1:104" hidden="1" outlineLevel="1" x14ac:dyDescent="0.2">
      <c r="A250" s="167" t="s">
        <v>342</v>
      </c>
    </row>
    <row r="251" spans="1:104" hidden="1" outlineLevel="1" x14ac:dyDescent="0.2">
      <c r="A251" s="167" t="s">
        <v>1142</v>
      </c>
      <c r="B251" s="166">
        <v>0</v>
      </c>
      <c r="C251" s="166">
        <v>0</v>
      </c>
      <c r="D251" s="166">
        <v>0</v>
      </c>
      <c r="E251" s="166">
        <v>0</v>
      </c>
      <c r="F251" s="166">
        <v>0</v>
      </c>
      <c r="G251" s="166">
        <v>0</v>
      </c>
      <c r="H251" s="166">
        <v>0</v>
      </c>
      <c r="I251" s="166">
        <v>0</v>
      </c>
      <c r="J251" s="166">
        <v>0</v>
      </c>
      <c r="K251" s="166">
        <v>0</v>
      </c>
      <c r="L251" s="166">
        <v>0</v>
      </c>
      <c r="M251" s="166">
        <v>0</v>
      </c>
      <c r="N251" s="166">
        <v>0</v>
      </c>
      <c r="O251" s="166">
        <v>0</v>
      </c>
      <c r="P251" s="166">
        <v>0</v>
      </c>
      <c r="Q251" s="166">
        <v>0</v>
      </c>
      <c r="R251" s="166">
        <v>0</v>
      </c>
      <c r="S251" s="166">
        <v>0</v>
      </c>
      <c r="T251" s="166">
        <v>0</v>
      </c>
      <c r="U251" s="166">
        <v>0</v>
      </c>
      <c r="V251" s="166">
        <v>0</v>
      </c>
      <c r="W251" s="166">
        <v>0</v>
      </c>
      <c r="X251" s="166">
        <v>0</v>
      </c>
      <c r="Y251" s="166">
        <v>0</v>
      </c>
      <c r="Z251" s="166">
        <v>0</v>
      </c>
      <c r="AA251" s="166">
        <v>0</v>
      </c>
      <c r="AB251" s="166">
        <v>0</v>
      </c>
      <c r="AC251" s="166">
        <v>0</v>
      </c>
      <c r="AD251" s="166">
        <v>0</v>
      </c>
      <c r="AE251" s="166">
        <v>0</v>
      </c>
      <c r="AF251" s="166">
        <v>0</v>
      </c>
      <c r="AG251" s="166">
        <v>0</v>
      </c>
      <c r="AH251" s="166">
        <v>0</v>
      </c>
      <c r="AI251" s="166">
        <v>0</v>
      </c>
      <c r="AJ251" s="166">
        <v>0</v>
      </c>
      <c r="AK251" s="166">
        <v>0</v>
      </c>
      <c r="AL251" s="166">
        <v>0</v>
      </c>
      <c r="AM251" s="166">
        <v>0</v>
      </c>
      <c r="AN251" s="166">
        <v>0</v>
      </c>
      <c r="AO251" s="166">
        <v>0</v>
      </c>
      <c r="AP251" s="166">
        <v>0</v>
      </c>
      <c r="AQ251" s="166">
        <v>0</v>
      </c>
      <c r="AR251" s="166">
        <v>0</v>
      </c>
      <c r="AS251" s="166">
        <v>0</v>
      </c>
      <c r="AT251" s="166">
        <v>0</v>
      </c>
      <c r="AU251" s="166">
        <v>0</v>
      </c>
      <c r="AV251" s="166">
        <v>0</v>
      </c>
      <c r="AW251" s="166">
        <v>0</v>
      </c>
      <c r="AX251" s="166">
        <v>0</v>
      </c>
      <c r="AY251" s="166">
        <v>0</v>
      </c>
      <c r="AZ251" s="166">
        <v>0</v>
      </c>
      <c r="BA251" s="166">
        <v>0</v>
      </c>
      <c r="BB251" s="166">
        <v>0</v>
      </c>
      <c r="BC251" s="166">
        <v>0</v>
      </c>
      <c r="BD251" s="166">
        <v>0</v>
      </c>
      <c r="BE251" s="166">
        <v>0</v>
      </c>
      <c r="BF251" s="166">
        <v>0</v>
      </c>
      <c r="BG251" s="166">
        <v>0</v>
      </c>
      <c r="BH251" s="166">
        <v>0</v>
      </c>
      <c r="BI251" s="166">
        <v>0</v>
      </c>
      <c r="BJ251" s="166">
        <v>0</v>
      </c>
      <c r="BK251" s="166">
        <v>0</v>
      </c>
      <c r="BL251" s="166">
        <v>0</v>
      </c>
      <c r="BM251" s="166">
        <v>0</v>
      </c>
      <c r="BN251" s="166">
        <v>0</v>
      </c>
      <c r="BO251" s="166">
        <v>0</v>
      </c>
      <c r="BP251" s="166">
        <v>0</v>
      </c>
      <c r="BQ251" s="166">
        <v>0</v>
      </c>
      <c r="BR251" s="166">
        <v>0</v>
      </c>
      <c r="BS251" s="166">
        <v>0</v>
      </c>
      <c r="BT251" s="168">
        <v>1</v>
      </c>
      <c r="BU251" s="166">
        <v>0</v>
      </c>
      <c r="BV251" s="166">
        <v>0</v>
      </c>
      <c r="BW251" s="166">
        <v>0</v>
      </c>
      <c r="BX251" s="166">
        <v>0</v>
      </c>
      <c r="BY251" s="166">
        <v>0</v>
      </c>
      <c r="BZ251" s="166">
        <v>0</v>
      </c>
      <c r="CA251" s="166">
        <v>0</v>
      </c>
      <c r="CB251" s="166">
        <v>0</v>
      </c>
      <c r="CC251" s="166">
        <v>0</v>
      </c>
      <c r="CD251" s="166">
        <v>0</v>
      </c>
      <c r="CE251" s="166">
        <v>0</v>
      </c>
      <c r="CF251" s="166">
        <v>0</v>
      </c>
      <c r="CG251" s="166">
        <v>0</v>
      </c>
      <c r="CH251" s="166">
        <v>0</v>
      </c>
      <c r="CI251" s="166">
        <v>0</v>
      </c>
      <c r="CJ251" s="166">
        <v>0</v>
      </c>
      <c r="CK251" s="166">
        <v>0</v>
      </c>
      <c r="CL251" s="166">
        <v>0</v>
      </c>
      <c r="CM251" s="166">
        <v>0</v>
      </c>
      <c r="CN251" s="166">
        <v>0</v>
      </c>
      <c r="CO251" s="166">
        <v>0</v>
      </c>
      <c r="CP251" s="166">
        <v>0</v>
      </c>
      <c r="CQ251" s="166">
        <v>0</v>
      </c>
      <c r="CR251" s="166">
        <v>0</v>
      </c>
      <c r="CS251" s="166">
        <v>0</v>
      </c>
      <c r="CT251" s="166">
        <v>0</v>
      </c>
      <c r="CU251" s="166">
        <v>0</v>
      </c>
      <c r="CV251" s="166">
        <v>0</v>
      </c>
      <c r="CW251" s="166">
        <v>0</v>
      </c>
      <c r="CX251" s="166">
        <v>0</v>
      </c>
      <c r="CY251" s="166">
        <v>0</v>
      </c>
      <c r="CZ251" s="166">
        <v>0</v>
      </c>
    </row>
    <row r="252" spans="1:104" hidden="1" outlineLevel="1" x14ac:dyDescent="0.2">
      <c r="A252" s="167" t="s">
        <v>344</v>
      </c>
    </row>
    <row r="253" spans="1:104" hidden="1" outlineLevel="1" x14ac:dyDescent="0.2">
      <c r="A253" s="167" t="s">
        <v>1143</v>
      </c>
      <c r="B253" s="166">
        <v>1742116.896069</v>
      </c>
      <c r="C253" s="166">
        <v>1742116.896069</v>
      </c>
      <c r="D253" s="166">
        <v>0</v>
      </c>
      <c r="E253" s="166">
        <v>0</v>
      </c>
      <c r="F253" s="166">
        <v>0</v>
      </c>
      <c r="G253" s="166">
        <v>0</v>
      </c>
      <c r="H253" s="166">
        <v>0</v>
      </c>
      <c r="I253" s="166">
        <v>0</v>
      </c>
      <c r="J253" s="166">
        <v>0</v>
      </c>
      <c r="K253" s="166">
        <v>0</v>
      </c>
      <c r="L253" s="166">
        <v>0</v>
      </c>
      <c r="M253" s="166">
        <v>0</v>
      </c>
      <c r="N253" s="166">
        <v>0</v>
      </c>
      <c r="O253" s="166">
        <v>0</v>
      </c>
      <c r="P253" s="166">
        <v>0</v>
      </c>
      <c r="Q253" s="166">
        <v>0</v>
      </c>
      <c r="R253" s="166">
        <v>0</v>
      </c>
      <c r="S253" s="166">
        <v>0</v>
      </c>
      <c r="T253" s="166">
        <v>0</v>
      </c>
      <c r="U253" s="166">
        <v>0</v>
      </c>
      <c r="V253" s="166">
        <v>0</v>
      </c>
      <c r="W253" s="166">
        <v>0</v>
      </c>
      <c r="X253" s="166">
        <v>0</v>
      </c>
      <c r="Y253" s="166">
        <v>0</v>
      </c>
      <c r="Z253" s="166">
        <v>0</v>
      </c>
      <c r="AA253" s="166">
        <v>0</v>
      </c>
      <c r="AB253" s="166">
        <v>0</v>
      </c>
      <c r="AC253" s="166">
        <v>0</v>
      </c>
      <c r="AD253" s="166">
        <v>0</v>
      </c>
      <c r="AE253" s="166">
        <v>0</v>
      </c>
      <c r="AF253" s="166">
        <v>0</v>
      </c>
      <c r="AG253" s="166">
        <v>0</v>
      </c>
      <c r="AH253" s="166">
        <v>0</v>
      </c>
      <c r="AI253" s="166">
        <v>0</v>
      </c>
      <c r="AJ253" s="166">
        <v>0</v>
      </c>
      <c r="AK253" s="166">
        <v>0</v>
      </c>
      <c r="AL253" s="166">
        <v>0</v>
      </c>
      <c r="AM253" s="166">
        <v>0</v>
      </c>
      <c r="AN253" s="166">
        <v>0</v>
      </c>
      <c r="AO253" s="166">
        <v>0</v>
      </c>
      <c r="AP253" s="166">
        <v>0</v>
      </c>
      <c r="AQ253" s="166">
        <v>0</v>
      </c>
      <c r="AR253" s="166">
        <v>0</v>
      </c>
      <c r="AS253" s="166">
        <v>0</v>
      </c>
      <c r="AT253" s="166">
        <v>0</v>
      </c>
      <c r="AU253" s="166">
        <v>0</v>
      </c>
      <c r="AV253" s="166">
        <v>0</v>
      </c>
      <c r="AW253" s="166">
        <v>0</v>
      </c>
      <c r="AX253" s="166">
        <v>0</v>
      </c>
      <c r="AY253" s="166">
        <v>0</v>
      </c>
      <c r="AZ253" s="166">
        <v>0</v>
      </c>
      <c r="BA253" s="166">
        <v>0</v>
      </c>
      <c r="BB253" s="166">
        <v>0</v>
      </c>
      <c r="BC253" s="166">
        <v>0</v>
      </c>
      <c r="BD253" s="166">
        <v>0</v>
      </c>
      <c r="BE253" s="166">
        <v>0</v>
      </c>
      <c r="BF253" s="166">
        <v>0</v>
      </c>
      <c r="BG253" s="166">
        <v>0</v>
      </c>
      <c r="BH253" s="166">
        <v>0</v>
      </c>
      <c r="BI253" s="166">
        <v>0</v>
      </c>
      <c r="BJ253" s="166">
        <v>0</v>
      </c>
      <c r="BK253" s="166">
        <v>0</v>
      </c>
      <c r="BL253" s="166">
        <v>0</v>
      </c>
      <c r="BM253" s="166">
        <v>0</v>
      </c>
      <c r="BN253" s="166">
        <v>0</v>
      </c>
      <c r="BO253" s="166">
        <v>0</v>
      </c>
      <c r="BP253" s="166">
        <v>0</v>
      </c>
      <c r="BQ253" s="166">
        <v>0</v>
      </c>
      <c r="BR253" s="166">
        <v>1742116.896069</v>
      </c>
      <c r="BS253" s="166">
        <v>1742116.896069</v>
      </c>
      <c r="BT253" s="168">
        <v>1</v>
      </c>
      <c r="BU253" s="166">
        <v>173987.48409300001</v>
      </c>
      <c r="BV253" s="166">
        <v>1742116.896069</v>
      </c>
      <c r="BW253" s="166">
        <v>0</v>
      </c>
      <c r="BX253" s="166">
        <v>0</v>
      </c>
      <c r="BY253" s="166">
        <v>0</v>
      </c>
      <c r="BZ253" s="166">
        <v>0</v>
      </c>
      <c r="CA253" s="166">
        <v>0</v>
      </c>
      <c r="CB253" s="166">
        <v>0</v>
      </c>
      <c r="CC253" s="166">
        <v>0</v>
      </c>
      <c r="CD253" s="166">
        <v>0</v>
      </c>
      <c r="CE253" s="166">
        <v>0</v>
      </c>
      <c r="CF253" s="166">
        <v>0</v>
      </c>
      <c r="CG253" s="166">
        <v>0</v>
      </c>
      <c r="CH253" s="166">
        <v>0</v>
      </c>
      <c r="CI253" s="166">
        <v>0</v>
      </c>
      <c r="CJ253" s="166">
        <v>0</v>
      </c>
      <c r="CK253" s="166">
        <v>0</v>
      </c>
      <c r="CL253" s="166">
        <v>0</v>
      </c>
      <c r="CM253" s="166">
        <v>0</v>
      </c>
      <c r="CN253" s="166">
        <v>0</v>
      </c>
      <c r="CO253" s="166">
        <v>0</v>
      </c>
      <c r="CP253" s="166">
        <v>0</v>
      </c>
      <c r="CQ253" s="166">
        <v>0</v>
      </c>
      <c r="CR253" s="166">
        <v>0</v>
      </c>
      <c r="CS253" s="166">
        <v>0</v>
      </c>
      <c r="CT253" s="166">
        <v>0</v>
      </c>
      <c r="CU253" s="166">
        <v>0</v>
      </c>
      <c r="CV253" s="166">
        <v>0</v>
      </c>
      <c r="CW253" s="166">
        <v>0</v>
      </c>
      <c r="CX253" s="166">
        <v>0</v>
      </c>
      <c r="CY253" s="166">
        <v>1742116.896069</v>
      </c>
      <c r="CZ253" s="166">
        <v>1742116.896069</v>
      </c>
    </row>
    <row r="254" spans="1:104" hidden="1" outlineLevel="1" x14ac:dyDescent="0.2">
      <c r="A254" s="167" t="s">
        <v>1144</v>
      </c>
      <c r="B254" s="166">
        <v>830155.93510300003</v>
      </c>
      <c r="C254" s="166">
        <v>830155.93510300003</v>
      </c>
      <c r="D254" s="166">
        <v>0</v>
      </c>
      <c r="E254" s="166">
        <v>0</v>
      </c>
      <c r="F254" s="166">
        <v>0</v>
      </c>
      <c r="G254" s="166">
        <v>0</v>
      </c>
      <c r="H254" s="166">
        <v>0</v>
      </c>
      <c r="I254" s="166">
        <v>0</v>
      </c>
      <c r="J254" s="166">
        <v>0</v>
      </c>
      <c r="K254" s="166">
        <v>0</v>
      </c>
      <c r="L254" s="166">
        <v>0</v>
      </c>
      <c r="M254" s="166">
        <v>0</v>
      </c>
      <c r="N254" s="166">
        <v>0</v>
      </c>
      <c r="O254" s="166">
        <v>0</v>
      </c>
      <c r="P254" s="166">
        <v>0</v>
      </c>
      <c r="Q254" s="166">
        <v>0</v>
      </c>
      <c r="R254" s="166">
        <v>0</v>
      </c>
      <c r="S254" s="166">
        <v>0</v>
      </c>
      <c r="T254" s="166">
        <v>0</v>
      </c>
      <c r="U254" s="166">
        <v>0</v>
      </c>
      <c r="V254" s="166">
        <v>0</v>
      </c>
      <c r="W254" s="166">
        <v>0</v>
      </c>
      <c r="X254" s="166">
        <v>0</v>
      </c>
      <c r="Y254" s="166">
        <v>0</v>
      </c>
      <c r="Z254" s="166">
        <v>0</v>
      </c>
      <c r="AA254" s="166">
        <v>0</v>
      </c>
      <c r="AB254" s="166">
        <v>0</v>
      </c>
      <c r="AC254" s="166">
        <v>0</v>
      </c>
      <c r="AD254" s="166">
        <v>0</v>
      </c>
      <c r="AE254" s="166">
        <v>0</v>
      </c>
      <c r="AF254" s="166">
        <v>0</v>
      </c>
      <c r="AG254" s="166">
        <v>0</v>
      </c>
      <c r="AH254" s="166">
        <v>0</v>
      </c>
      <c r="AI254" s="166">
        <v>0</v>
      </c>
      <c r="AJ254" s="166">
        <v>0</v>
      </c>
      <c r="AK254" s="166">
        <v>0</v>
      </c>
      <c r="AL254" s="166">
        <v>0</v>
      </c>
      <c r="AM254" s="166">
        <v>0</v>
      </c>
      <c r="AN254" s="166">
        <v>0</v>
      </c>
      <c r="AO254" s="166">
        <v>0</v>
      </c>
      <c r="AP254" s="166">
        <v>0</v>
      </c>
      <c r="AQ254" s="166">
        <v>0</v>
      </c>
      <c r="AR254" s="166">
        <v>0</v>
      </c>
      <c r="AS254" s="166">
        <v>0</v>
      </c>
      <c r="AT254" s="166">
        <v>0</v>
      </c>
      <c r="AU254" s="166">
        <v>0</v>
      </c>
      <c r="AV254" s="166">
        <v>0</v>
      </c>
      <c r="AW254" s="166">
        <v>0</v>
      </c>
      <c r="AX254" s="166">
        <v>0</v>
      </c>
      <c r="AY254" s="166">
        <v>0</v>
      </c>
      <c r="AZ254" s="166">
        <v>0</v>
      </c>
      <c r="BA254" s="166">
        <v>0</v>
      </c>
      <c r="BB254" s="166">
        <v>0</v>
      </c>
      <c r="BC254" s="166">
        <v>0</v>
      </c>
      <c r="BD254" s="166">
        <v>0</v>
      </c>
      <c r="BE254" s="166">
        <v>0</v>
      </c>
      <c r="BF254" s="166">
        <v>0</v>
      </c>
      <c r="BG254" s="166">
        <v>0</v>
      </c>
      <c r="BH254" s="166">
        <v>0</v>
      </c>
      <c r="BI254" s="166">
        <v>0</v>
      </c>
      <c r="BJ254" s="166">
        <v>0</v>
      </c>
      <c r="BK254" s="166">
        <v>0</v>
      </c>
      <c r="BL254" s="166">
        <v>0</v>
      </c>
      <c r="BM254" s="166">
        <v>0</v>
      </c>
      <c r="BN254" s="166">
        <v>0</v>
      </c>
      <c r="BO254" s="166">
        <v>0</v>
      </c>
      <c r="BP254" s="166">
        <v>0</v>
      </c>
      <c r="BQ254" s="166">
        <v>0</v>
      </c>
      <c r="BR254" s="166">
        <v>830155.93510300003</v>
      </c>
      <c r="BS254" s="166">
        <v>830155.93510300003</v>
      </c>
      <c r="BT254" s="168">
        <v>1</v>
      </c>
      <c r="BU254" s="166">
        <v>82908.754790999999</v>
      </c>
      <c r="BV254" s="166">
        <v>830155.93510300003</v>
      </c>
      <c r="BW254" s="166">
        <v>0</v>
      </c>
      <c r="BX254" s="166">
        <v>0</v>
      </c>
      <c r="BY254" s="166">
        <v>0</v>
      </c>
      <c r="BZ254" s="166">
        <v>0</v>
      </c>
      <c r="CA254" s="166">
        <v>0</v>
      </c>
      <c r="CB254" s="166">
        <v>0</v>
      </c>
      <c r="CC254" s="166">
        <v>0</v>
      </c>
      <c r="CD254" s="166">
        <v>0</v>
      </c>
      <c r="CE254" s="166">
        <v>0</v>
      </c>
      <c r="CF254" s="166">
        <v>0</v>
      </c>
      <c r="CG254" s="166">
        <v>0</v>
      </c>
      <c r="CH254" s="166">
        <v>0</v>
      </c>
      <c r="CI254" s="166">
        <v>0</v>
      </c>
      <c r="CJ254" s="166">
        <v>0</v>
      </c>
      <c r="CK254" s="166">
        <v>0</v>
      </c>
      <c r="CL254" s="166">
        <v>0</v>
      </c>
      <c r="CM254" s="166">
        <v>0</v>
      </c>
      <c r="CN254" s="166">
        <v>0</v>
      </c>
      <c r="CO254" s="166">
        <v>0</v>
      </c>
      <c r="CP254" s="166">
        <v>0</v>
      </c>
      <c r="CQ254" s="166">
        <v>0</v>
      </c>
      <c r="CR254" s="166">
        <v>0</v>
      </c>
      <c r="CS254" s="166">
        <v>0</v>
      </c>
      <c r="CT254" s="166">
        <v>0</v>
      </c>
      <c r="CU254" s="166">
        <v>0</v>
      </c>
      <c r="CV254" s="166">
        <v>0</v>
      </c>
      <c r="CW254" s="166">
        <v>0</v>
      </c>
      <c r="CX254" s="166">
        <v>0</v>
      </c>
      <c r="CY254" s="166">
        <v>830155.93510300003</v>
      </c>
      <c r="CZ254" s="166">
        <v>830155.93510300003</v>
      </c>
    </row>
    <row r="255" spans="1:104" hidden="1" outlineLevel="1" x14ac:dyDescent="0.2">
      <c r="A255" s="167" t="s">
        <v>1145</v>
      </c>
      <c r="B255" s="166">
        <v>586941.88959999999</v>
      </c>
      <c r="C255" s="166">
        <v>586941.88959999999</v>
      </c>
      <c r="D255" s="166">
        <v>0</v>
      </c>
      <c r="E255" s="166">
        <v>0</v>
      </c>
      <c r="F255" s="166">
        <v>0</v>
      </c>
      <c r="G255" s="166">
        <v>0</v>
      </c>
      <c r="H255" s="166">
        <v>0</v>
      </c>
      <c r="I255" s="166">
        <v>0</v>
      </c>
      <c r="J255" s="166">
        <v>0</v>
      </c>
      <c r="K255" s="166">
        <v>0</v>
      </c>
      <c r="L255" s="166">
        <v>0</v>
      </c>
      <c r="M255" s="166">
        <v>0</v>
      </c>
      <c r="N255" s="166">
        <v>0</v>
      </c>
      <c r="O255" s="166">
        <v>0</v>
      </c>
      <c r="P255" s="166">
        <v>0</v>
      </c>
      <c r="Q255" s="166">
        <v>0</v>
      </c>
      <c r="R255" s="166">
        <v>0</v>
      </c>
      <c r="S255" s="166">
        <v>0</v>
      </c>
      <c r="T255" s="166">
        <v>0</v>
      </c>
      <c r="U255" s="166">
        <v>0</v>
      </c>
      <c r="V255" s="166">
        <v>0</v>
      </c>
      <c r="W255" s="166">
        <v>0</v>
      </c>
      <c r="X255" s="166">
        <v>0</v>
      </c>
      <c r="Y255" s="166">
        <v>0</v>
      </c>
      <c r="Z255" s="166">
        <v>0</v>
      </c>
      <c r="AA255" s="166">
        <v>0</v>
      </c>
      <c r="AB255" s="166">
        <v>0</v>
      </c>
      <c r="AC255" s="166">
        <v>0</v>
      </c>
      <c r="AD255" s="166">
        <v>0</v>
      </c>
      <c r="AE255" s="166">
        <v>0</v>
      </c>
      <c r="AF255" s="166">
        <v>0</v>
      </c>
      <c r="AG255" s="166">
        <v>0</v>
      </c>
      <c r="AH255" s="166">
        <v>0</v>
      </c>
      <c r="AI255" s="166">
        <v>0</v>
      </c>
      <c r="AJ255" s="166">
        <v>0</v>
      </c>
      <c r="AK255" s="166">
        <v>0</v>
      </c>
      <c r="AL255" s="166">
        <v>0</v>
      </c>
      <c r="AM255" s="166">
        <v>0</v>
      </c>
      <c r="AN255" s="166">
        <v>0</v>
      </c>
      <c r="AO255" s="166">
        <v>0</v>
      </c>
      <c r="AP255" s="166">
        <v>0</v>
      </c>
      <c r="AQ255" s="166">
        <v>0</v>
      </c>
      <c r="AR255" s="166">
        <v>0</v>
      </c>
      <c r="AS255" s="166">
        <v>0</v>
      </c>
      <c r="AT255" s="166">
        <v>0</v>
      </c>
      <c r="AU255" s="166">
        <v>0</v>
      </c>
      <c r="AV255" s="166">
        <v>0</v>
      </c>
      <c r="AW255" s="166">
        <v>0</v>
      </c>
      <c r="AX255" s="166">
        <v>0</v>
      </c>
      <c r="AY255" s="166">
        <v>0</v>
      </c>
      <c r="AZ255" s="166">
        <v>0</v>
      </c>
      <c r="BA255" s="166">
        <v>0</v>
      </c>
      <c r="BB255" s="166">
        <v>0</v>
      </c>
      <c r="BC255" s="166">
        <v>0</v>
      </c>
      <c r="BD255" s="166">
        <v>0</v>
      </c>
      <c r="BE255" s="166">
        <v>0</v>
      </c>
      <c r="BF255" s="166">
        <v>0</v>
      </c>
      <c r="BG255" s="166">
        <v>0</v>
      </c>
      <c r="BH255" s="166">
        <v>0</v>
      </c>
      <c r="BI255" s="166">
        <v>0</v>
      </c>
      <c r="BJ255" s="166">
        <v>0</v>
      </c>
      <c r="BK255" s="166">
        <v>0</v>
      </c>
      <c r="BL255" s="166">
        <v>0</v>
      </c>
      <c r="BM255" s="166">
        <v>0</v>
      </c>
      <c r="BN255" s="166">
        <v>0</v>
      </c>
      <c r="BO255" s="166">
        <v>0</v>
      </c>
      <c r="BP255" s="166">
        <v>0</v>
      </c>
      <c r="BQ255" s="166">
        <v>0</v>
      </c>
      <c r="BR255" s="166">
        <v>586941.88959999999</v>
      </c>
      <c r="BS255" s="166">
        <v>586941.88959999999</v>
      </c>
      <c r="BT255" s="168">
        <v>1</v>
      </c>
      <c r="BU255" s="166">
        <v>58618.651199999898</v>
      </c>
      <c r="BV255" s="166">
        <v>586941.88959999999</v>
      </c>
      <c r="BW255" s="166">
        <v>0</v>
      </c>
      <c r="BX255" s="166">
        <v>0</v>
      </c>
      <c r="BY255" s="166">
        <v>0</v>
      </c>
      <c r="BZ255" s="166">
        <v>0</v>
      </c>
      <c r="CA255" s="166">
        <v>0</v>
      </c>
      <c r="CB255" s="166">
        <v>0</v>
      </c>
      <c r="CC255" s="166">
        <v>0</v>
      </c>
      <c r="CD255" s="166">
        <v>0</v>
      </c>
      <c r="CE255" s="166">
        <v>0</v>
      </c>
      <c r="CF255" s="166">
        <v>0</v>
      </c>
      <c r="CG255" s="166">
        <v>0</v>
      </c>
      <c r="CH255" s="166">
        <v>0</v>
      </c>
      <c r="CI255" s="166">
        <v>0</v>
      </c>
      <c r="CJ255" s="166">
        <v>0</v>
      </c>
      <c r="CK255" s="166">
        <v>0</v>
      </c>
      <c r="CL255" s="166">
        <v>0</v>
      </c>
      <c r="CM255" s="166">
        <v>0</v>
      </c>
      <c r="CN255" s="166">
        <v>0</v>
      </c>
      <c r="CO255" s="166">
        <v>0</v>
      </c>
      <c r="CP255" s="166">
        <v>0</v>
      </c>
      <c r="CQ255" s="166">
        <v>0</v>
      </c>
      <c r="CR255" s="166">
        <v>0</v>
      </c>
      <c r="CS255" s="166">
        <v>0</v>
      </c>
      <c r="CT255" s="166">
        <v>0</v>
      </c>
      <c r="CU255" s="166">
        <v>0</v>
      </c>
      <c r="CV255" s="166">
        <v>0</v>
      </c>
      <c r="CW255" s="166">
        <v>0</v>
      </c>
      <c r="CX255" s="166">
        <v>0</v>
      </c>
      <c r="CY255" s="166">
        <v>586941.88959999999</v>
      </c>
      <c r="CZ255" s="166">
        <v>586941.88959999999</v>
      </c>
    </row>
    <row r="256" spans="1:104" hidden="1" outlineLevel="1" x14ac:dyDescent="0.2">
      <c r="A256" s="167" t="s">
        <v>1146</v>
      </c>
      <c r="B256" s="166">
        <v>125458.82890199999</v>
      </c>
      <c r="C256" s="166">
        <v>125458.82890199999</v>
      </c>
      <c r="D256" s="166">
        <v>0</v>
      </c>
      <c r="E256" s="166">
        <v>0</v>
      </c>
      <c r="F256" s="166">
        <v>0</v>
      </c>
      <c r="G256" s="166">
        <v>0</v>
      </c>
      <c r="H256" s="166">
        <v>0</v>
      </c>
      <c r="I256" s="166">
        <v>0</v>
      </c>
      <c r="J256" s="166">
        <v>0</v>
      </c>
      <c r="K256" s="166">
        <v>0</v>
      </c>
      <c r="L256" s="166">
        <v>0</v>
      </c>
      <c r="M256" s="166">
        <v>0</v>
      </c>
      <c r="N256" s="166">
        <v>0</v>
      </c>
      <c r="O256" s="166">
        <v>0</v>
      </c>
      <c r="P256" s="166">
        <v>0</v>
      </c>
      <c r="Q256" s="166">
        <v>0</v>
      </c>
      <c r="R256" s="166">
        <v>0</v>
      </c>
      <c r="S256" s="166">
        <v>0</v>
      </c>
      <c r="T256" s="166">
        <v>0</v>
      </c>
      <c r="U256" s="166">
        <v>0</v>
      </c>
      <c r="V256" s="166">
        <v>0</v>
      </c>
      <c r="W256" s="166">
        <v>0</v>
      </c>
      <c r="X256" s="166">
        <v>0</v>
      </c>
      <c r="Y256" s="166">
        <v>0</v>
      </c>
      <c r="Z256" s="166">
        <v>0</v>
      </c>
      <c r="AA256" s="166">
        <v>0</v>
      </c>
      <c r="AB256" s="166">
        <v>0</v>
      </c>
      <c r="AC256" s="166">
        <v>0</v>
      </c>
      <c r="AD256" s="166">
        <v>0</v>
      </c>
      <c r="AE256" s="166">
        <v>0</v>
      </c>
      <c r="AF256" s="166">
        <v>0</v>
      </c>
      <c r="AG256" s="166">
        <v>0</v>
      </c>
      <c r="AH256" s="166">
        <v>0</v>
      </c>
      <c r="AI256" s="166">
        <v>0</v>
      </c>
      <c r="AJ256" s="166">
        <v>0</v>
      </c>
      <c r="AK256" s="166">
        <v>0</v>
      </c>
      <c r="AL256" s="166">
        <v>0</v>
      </c>
      <c r="AM256" s="166">
        <v>0</v>
      </c>
      <c r="AN256" s="166">
        <v>0</v>
      </c>
      <c r="AO256" s="166">
        <v>0</v>
      </c>
      <c r="AP256" s="166">
        <v>0</v>
      </c>
      <c r="AQ256" s="166">
        <v>0</v>
      </c>
      <c r="AR256" s="166">
        <v>0</v>
      </c>
      <c r="AS256" s="166">
        <v>0</v>
      </c>
      <c r="AT256" s="166">
        <v>0</v>
      </c>
      <c r="AU256" s="166">
        <v>0</v>
      </c>
      <c r="AV256" s="166">
        <v>0</v>
      </c>
      <c r="AW256" s="166">
        <v>0</v>
      </c>
      <c r="AX256" s="166">
        <v>0</v>
      </c>
      <c r="AY256" s="166">
        <v>0</v>
      </c>
      <c r="AZ256" s="166">
        <v>0</v>
      </c>
      <c r="BA256" s="166">
        <v>0</v>
      </c>
      <c r="BB256" s="166">
        <v>0</v>
      </c>
      <c r="BC256" s="166">
        <v>0</v>
      </c>
      <c r="BD256" s="166">
        <v>0</v>
      </c>
      <c r="BE256" s="166">
        <v>0</v>
      </c>
      <c r="BF256" s="166">
        <v>0</v>
      </c>
      <c r="BG256" s="166">
        <v>0</v>
      </c>
      <c r="BH256" s="166">
        <v>0</v>
      </c>
      <c r="BI256" s="166">
        <v>0</v>
      </c>
      <c r="BJ256" s="166">
        <v>0</v>
      </c>
      <c r="BK256" s="166">
        <v>0</v>
      </c>
      <c r="BL256" s="166">
        <v>0</v>
      </c>
      <c r="BM256" s="166">
        <v>0</v>
      </c>
      <c r="BN256" s="166">
        <v>0</v>
      </c>
      <c r="BO256" s="166">
        <v>0</v>
      </c>
      <c r="BP256" s="166">
        <v>0</v>
      </c>
      <c r="BQ256" s="166">
        <v>0</v>
      </c>
      <c r="BR256" s="166">
        <v>125458.82890199999</v>
      </c>
      <c r="BS256" s="166">
        <v>125458.82890199999</v>
      </c>
      <c r="BT256" s="168">
        <v>0.98770000000000002</v>
      </c>
      <c r="BU256" s="166">
        <v>12375.6209326637</v>
      </c>
      <c r="BV256" s="166">
        <v>123915.68530650499</v>
      </c>
      <c r="BW256" s="166">
        <v>0</v>
      </c>
      <c r="BX256" s="166">
        <v>0</v>
      </c>
      <c r="BY256" s="166">
        <v>0</v>
      </c>
      <c r="BZ256" s="166">
        <v>0</v>
      </c>
      <c r="CA256" s="166">
        <v>0</v>
      </c>
      <c r="CB256" s="166">
        <v>0</v>
      </c>
      <c r="CC256" s="166">
        <v>0</v>
      </c>
      <c r="CD256" s="166">
        <v>0</v>
      </c>
      <c r="CE256" s="166">
        <v>0</v>
      </c>
      <c r="CF256" s="166">
        <v>0</v>
      </c>
      <c r="CG256" s="166">
        <v>0</v>
      </c>
      <c r="CH256" s="166">
        <v>0</v>
      </c>
      <c r="CI256" s="166">
        <v>0</v>
      </c>
      <c r="CJ256" s="166">
        <v>0</v>
      </c>
      <c r="CK256" s="166">
        <v>0</v>
      </c>
      <c r="CL256" s="166">
        <v>0</v>
      </c>
      <c r="CM256" s="166">
        <v>0</v>
      </c>
      <c r="CN256" s="166">
        <v>0</v>
      </c>
      <c r="CO256" s="166">
        <v>0</v>
      </c>
      <c r="CP256" s="166">
        <v>0</v>
      </c>
      <c r="CQ256" s="166">
        <v>0</v>
      </c>
      <c r="CR256" s="166">
        <v>0</v>
      </c>
      <c r="CS256" s="166">
        <v>0</v>
      </c>
      <c r="CT256" s="166">
        <v>0</v>
      </c>
      <c r="CU256" s="166">
        <v>0</v>
      </c>
      <c r="CV256" s="166">
        <v>0</v>
      </c>
      <c r="CW256" s="166">
        <v>0</v>
      </c>
      <c r="CX256" s="166">
        <v>0</v>
      </c>
      <c r="CY256" s="166">
        <v>123915.68530650499</v>
      </c>
      <c r="CZ256" s="166">
        <v>123915.68530650499</v>
      </c>
    </row>
    <row r="257" spans="1:104" hidden="1" outlineLevel="1" x14ac:dyDescent="0.2">
      <c r="A257" s="167" t="s">
        <v>1147</v>
      </c>
      <c r="B257" s="166">
        <v>381512.22824000003</v>
      </c>
      <c r="C257" s="166">
        <v>381512.22824000003</v>
      </c>
      <c r="D257" s="166">
        <v>0</v>
      </c>
      <c r="E257" s="166">
        <v>0</v>
      </c>
      <c r="F257" s="166">
        <v>0</v>
      </c>
      <c r="G257" s="166">
        <v>0</v>
      </c>
      <c r="H257" s="166">
        <v>0</v>
      </c>
      <c r="I257" s="166">
        <v>0</v>
      </c>
      <c r="J257" s="166">
        <v>0</v>
      </c>
      <c r="K257" s="166">
        <v>0</v>
      </c>
      <c r="L257" s="166">
        <v>0</v>
      </c>
      <c r="M257" s="166">
        <v>0</v>
      </c>
      <c r="N257" s="166">
        <v>0</v>
      </c>
      <c r="O257" s="166">
        <v>0</v>
      </c>
      <c r="P257" s="166">
        <v>0</v>
      </c>
      <c r="Q257" s="166">
        <v>0</v>
      </c>
      <c r="R257" s="166">
        <v>0</v>
      </c>
      <c r="S257" s="166">
        <v>0</v>
      </c>
      <c r="T257" s="166">
        <v>0</v>
      </c>
      <c r="U257" s="166">
        <v>0</v>
      </c>
      <c r="V257" s="166">
        <v>0</v>
      </c>
      <c r="W257" s="166">
        <v>0</v>
      </c>
      <c r="X257" s="166">
        <v>0</v>
      </c>
      <c r="Y257" s="166">
        <v>0</v>
      </c>
      <c r="Z257" s="166">
        <v>0</v>
      </c>
      <c r="AA257" s="166">
        <v>0</v>
      </c>
      <c r="AB257" s="166">
        <v>0</v>
      </c>
      <c r="AC257" s="166">
        <v>0</v>
      </c>
      <c r="AD257" s="166">
        <v>0</v>
      </c>
      <c r="AE257" s="166">
        <v>0</v>
      </c>
      <c r="AF257" s="166">
        <v>0</v>
      </c>
      <c r="AG257" s="166">
        <v>0</v>
      </c>
      <c r="AH257" s="166">
        <v>0</v>
      </c>
      <c r="AI257" s="166">
        <v>0</v>
      </c>
      <c r="AJ257" s="166">
        <v>0</v>
      </c>
      <c r="AK257" s="166">
        <v>0</v>
      </c>
      <c r="AL257" s="166">
        <v>0</v>
      </c>
      <c r="AM257" s="166">
        <v>0</v>
      </c>
      <c r="AN257" s="166">
        <v>0</v>
      </c>
      <c r="AO257" s="166">
        <v>0</v>
      </c>
      <c r="AP257" s="166">
        <v>0</v>
      </c>
      <c r="AQ257" s="166">
        <v>0</v>
      </c>
      <c r="AR257" s="166">
        <v>0</v>
      </c>
      <c r="AS257" s="166">
        <v>0</v>
      </c>
      <c r="AT257" s="166">
        <v>0</v>
      </c>
      <c r="AU257" s="166">
        <v>0</v>
      </c>
      <c r="AV257" s="166">
        <v>0</v>
      </c>
      <c r="AW257" s="166">
        <v>0</v>
      </c>
      <c r="AX257" s="166">
        <v>0</v>
      </c>
      <c r="AY257" s="166">
        <v>0</v>
      </c>
      <c r="AZ257" s="166">
        <v>0</v>
      </c>
      <c r="BA257" s="166">
        <v>0</v>
      </c>
      <c r="BB257" s="166">
        <v>0</v>
      </c>
      <c r="BC257" s="166">
        <v>0</v>
      </c>
      <c r="BD257" s="166">
        <v>0</v>
      </c>
      <c r="BE257" s="166">
        <v>0</v>
      </c>
      <c r="BF257" s="166">
        <v>0</v>
      </c>
      <c r="BG257" s="166">
        <v>0</v>
      </c>
      <c r="BH257" s="166">
        <v>0</v>
      </c>
      <c r="BI257" s="166">
        <v>0</v>
      </c>
      <c r="BJ257" s="166">
        <v>0</v>
      </c>
      <c r="BK257" s="166">
        <v>0</v>
      </c>
      <c r="BL257" s="166">
        <v>0</v>
      </c>
      <c r="BM257" s="166">
        <v>0</v>
      </c>
      <c r="BN257" s="166">
        <v>0</v>
      </c>
      <c r="BO257" s="166">
        <v>0</v>
      </c>
      <c r="BP257" s="166">
        <v>0</v>
      </c>
      <c r="BQ257" s="166">
        <v>0</v>
      </c>
      <c r="BR257" s="166">
        <v>381512.22824000003</v>
      </c>
      <c r="BS257" s="166">
        <v>381512.22824000003</v>
      </c>
      <c r="BT257" s="168">
        <v>1</v>
      </c>
      <c r="BU257" s="166">
        <v>38102.12328</v>
      </c>
      <c r="BV257" s="166">
        <v>381512.22824000003</v>
      </c>
      <c r="BW257" s="166">
        <v>0</v>
      </c>
      <c r="BX257" s="166">
        <v>0</v>
      </c>
      <c r="BY257" s="166">
        <v>0</v>
      </c>
      <c r="BZ257" s="166">
        <v>0</v>
      </c>
      <c r="CA257" s="166">
        <v>0</v>
      </c>
      <c r="CB257" s="166">
        <v>0</v>
      </c>
      <c r="CC257" s="166">
        <v>0</v>
      </c>
      <c r="CD257" s="166">
        <v>0</v>
      </c>
      <c r="CE257" s="166">
        <v>0</v>
      </c>
      <c r="CF257" s="166">
        <v>0</v>
      </c>
      <c r="CG257" s="166">
        <v>0</v>
      </c>
      <c r="CH257" s="166">
        <v>0</v>
      </c>
      <c r="CI257" s="166">
        <v>0</v>
      </c>
      <c r="CJ257" s="166">
        <v>0</v>
      </c>
      <c r="CK257" s="166">
        <v>0</v>
      </c>
      <c r="CL257" s="166">
        <v>0</v>
      </c>
      <c r="CM257" s="166">
        <v>0</v>
      </c>
      <c r="CN257" s="166">
        <v>0</v>
      </c>
      <c r="CO257" s="166">
        <v>0</v>
      </c>
      <c r="CP257" s="166">
        <v>0</v>
      </c>
      <c r="CQ257" s="166">
        <v>0</v>
      </c>
      <c r="CR257" s="166">
        <v>0</v>
      </c>
      <c r="CS257" s="166">
        <v>0</v>
      </c>
      <c r="CT257" s="166">
        <v>0</v>
      </c>
      <c r="CU257" s="166">
        <v>0</v>
      </c>
      <c r="CV257" s="166">
        <v>0</v>
      </c>
      <c r="CW257" s="166">
        <v>0</v>
      </c>
      <c r="CX257" s="166">
        <v>0</v>
      </c>
      <c r="CY257" s="166">
        <v>381512.22824000003</v>
      </c>
      <c r="CZ257" s="166">
        <v>381512.22824000003</v>
      </c>
    </row>
    <row r="258" spans="1:104" hidden="1" outlineLevel="1" x14ac:dyDescent="0.2">
      <c r="A258" s="167" t="s">
        <v>1148</v>
      </c>
      <c r="B258" s="166">
        <v>2201.0320859999902</v>
      </c>
      <c r="C258" s="166">
        <v>2201.0320859999902</v>
      </c>
      <c r="D258" s="166">
        <v>0</v>
      </c>
      <c r="E258" s="166">
        <v>0</v>
      </c>
      <c r="F258" s="166">
        <v>0</v>
      </c>
      <c r="G258" s="166">
        <v>0</v>
      </c>
      <c r="H258" s="166">
        <v>0</v>
      </c>
      <c r="I258" s="166">
        <v>0</v>
      </c>
      <c r="J258" s="166">
        <v>0</v>
      </c>
      <c r="K258" s="166">
        <v>0</v>
      </c>
      <c r="L258" s="166">
        <v>0</v>
      </c>
      <c r="M258" s="166">
        <v>0</v>
      </c>
      <c r="N258" s="166">
        <v>0</v>
      </c>
      <c r="O258" s="166">
        <v>0</v>
      </c>
      <c r="P258" s="166">
        <v>0</v>
      </c>
      <c r="Q258" s="166">
        <v>0</v>
      </c>
      <c r="R258" s="166">
        <v>0</v>
      </c>
      <c r="S258" s="166">
        <v>0</v>
      </c>
      <c r="T258" s="166">
        <v>0</v>
      </c>
      <c r="U258" s="166">
        <v>0</v>
      </c>
      <c r="V258" s="166">
        <v>0</v>
      </c>
      <c r="W258" s="166">
        <v>0</v>
      </c>
      <c r="X258" s="166">
        <v>0</v>
      </c>
      <c r="Y258" s="166">
        <v>0</v>
      </c>
      <c r="Z258" s="166">
        <v>0</v>
      </c>
      <c r="AA258" s="166">
        <v>0</v>
      </c>
      <c r="AB258" s="166">
        <v>0</v>
      </c>
      <c r="AC258" s="166">
        <v>0</v>
      </c>
      <c r="AD258" s="166">
        <v>0</v>
      </c>
      <c r="AE258" s="166">
        <v>0</v>
      </c>
      <c r="AF258" s="166">
        <v>0</v>
      </c>
      <c r="AG258" s="166">
        <v>0</v>
      </c>
      <c r="AH258" s="166">
        <v>0</v>
      </c>
      <c r="AI258" s="166">
        <v>0</v>
      </c>
      <c r="AJ258" s="166">
        <v>0</v>
      </c>
      <c r="AK258" s="166">
        <v>0</v>
      </c>
      <c r="AL258" s="166">
        <v>0</v>
      </c>
      <c r="AM258" s="166">
        <v>0</v>
      </c>
      <c r="AN258" s="166">
        <v>0</v>
      </c>
      <c r="AO258" s="166">
        <v>0</v>
      </c>
      <c r="AP258" s="166">
        <v>0</v>
      </c>
      <c r="AQ258" s="166">
        <v>0</v>
      </c>
      <c r="AR258" s="166">
        <v>0</v>
      </c>
      <c r="AS258" s="166">
        <v>0</v>
      </c>
      <c r="AT258" s="166">
        <v>0</v>
      </c>
      <c r="AU258" s="166">
        <v>0</v>
      </c>
      <c r="AV258" s="166">
        <v>0</v>
      </c>
      <c r="AW258" s="166">
        <v>0</v>
      </c>
      <c r="AX258" s="166">
        <v>0</v>
      </c>
      <c r="AY258" s="166">
        <v>0</v>
      </c>
      <c r="AZ258" s="166">
        <v>0</v>
      </c>
      <c r="BA258" s="166">
        <v>0</v>
      </c>
      <c r="BB258" s="166">
        <v>0</v>
      </c>
      <c r="BC258" s="166">
        <v>0</v>
      </c>
      <c r="BD258" s="166">
        <v>0</v>
      </c>
      <c r="BE258" s="166">
        <v>0</v>
      </c>
      <c r="BF258" s="166">
        <v>0</v>
      </c>
      <c r="BG258" s="166">
        <v>0</v>
      </c>
      <c r="BH258" s="166">
        <v>0</v>
      </c>
      <c r="BI258" s="166">
        <v>0</v>
      </c>
      <c r="BJ258" s="166">
        <v>0</v>
      </c>
      <c r="BK258" s="166">
        <v>0</v>
      </c>
      <c r="BL258" s="166">
        <v>0</v>
      </c>
      <c r="BM258" s="166">
        <v>0</v>
      </c>
      <c r="BN258" s="166">
        <v>0</v>
      </c>
      <c r="BO258" s="166">
        <v>0</v>
      </c>
      <c r="BP258" s="166">
        <v>0</v>
      </c>
      <c r="BQ258" s="166">
        <v>0</v>
      </c>
      <c r="BR258" s="166">
        <v>2201.0320859999902</v>
      </c>
      <c r="BS258" s="166">
        <v>2201.0320859999902</v>
      </c>
      <c r="BT258" s="168">
        <v>1</v>
      </c>
      <c r="BU258" s="166">
        <v>219.819941999999</v>
      </c>
      <c r="BV258" s="166">
        <v>2201.0320859999902</v>
      </c>
      <c r="BW258" s="166">
        <v>0</v>
      </c>
      <c r="BX258" s="166">
        <v>0</v>
      </c>
      <c r="BY258" s="166">
        <v>0</v>
      </c>
      <c r="BZ258" s="166">
        <v>0</v>
      </c>
      <c r="CA258" s="166">
        <v>0</v>
      </c>
      <c r="CB258" s="166">
        <v>0</v>
      </c>
      <c r="CC258" s="166">
        <v>0</v>
      </c>
      <c r="CD258" s="166">
        <v>0</v>
      </c>
      <c r="CE258" s="166">
        <v>0</v>
      </c>
      <c r="CF258" s="166">
        <v>0</v>
      </c>
      <c r="CG258" s="166">
        <v>0</v>
      </c>
      <c r="CH258" s="166">
        <v>0</v>
      </c>
      <c r="CI258" s="166">
        <v>0</v>
      </c>
      <c r="CJ258" s="166">
        <v>0</v>
      </c>
      <c r="CK258" s="166">
        <v>0</v>
      </c>
      <c r="CL258" s="166">
        <v>0</v>
      </c>
      <c r="CM258" s="166">
        <v>0</v>
      </c>
      <c r="CN258" s="166">
        <v>0</v>
      </c>
      <c r="CO258" s="166">
        <v>0</v>
      </c>
      <c r="CP258" s="166">
        <v>0</v>
      </c>
      <c r="CQ258" s="166">
        <v>0</v>
      </c>
      <c r="CR258" s="166">
        <v>0</v>
      </c>
      <c r="CS258" s="166">
        <v>0</v>
      </c>
      <c r="CT258" s="166">
        <v>0</v>
      </c>
      <c r="CU258" s="166">
        <v>0</v>
      </c>
      <c r="CV258" s="166">
        <v>0</v>
      </c>
      <c r="CW258" s="166">
        <v>0</v>
      </c>
      <c r="CX258" s="166">
        <v>0</v>
      </c>
      <c r="CY258" s="166">
        <v>2201.0320859999902</v>
      </c>
      <c r="CZ258" s="166">
        <v>2201.0320859999902</v>
      </c>
    </row>
    <row r="259" spans="1:104" hidden="1" outlineLevel="1" x14ac:dyDescent="0.2">
      <c r="A259" s="167" t="s">
        <v>1149</v>
      </c>
      <c r="B259" s="166">
        <v>3668386.81</v>
      </c>
      <c r="C259" s="166">
        <v>3668386.81</v>
      </c>
      <c r="D259" s="166">
        <v>0</v>
      </c>
      <c r="E259" s="166">
        <v>0</v>
      </c>
      <c r="F259" s="166">
        <v>0</v>
      </c>
      <c r="G259" s="166">
        <v>0</v>
      </c>
      <c r="H259" s="166">
        <v>0</v>
      </c>
      <c r="I259" s="166">
        <v>0</v>
      </c>
      <c r="J259" s="166">
        <v>0</v>
      </c>
      <c r="K259" s="166">
        <v>0</v>
      </c>
      <c r="L259" s="166">
        <v>0</v>
      </c>
      <c r="M259" s="166">
        <v>0</v>
      </c>
      <c r="N259" s="166">
        <v>0</v>
      </c>
      <c r="O259" s="166">
        <v>0</v>
      </c>
      <c r="P259" s="166">
        <v>0</v>
      </c>
      <c r="Q259" s="166">
        <v>0</v>
      </c>
      <c r="R259" s="166">
        <v>0</v>
      </c>
      <c r="S259" s="166">
        <v>0</v>
      </c>
      <c r="T259" s="166">
        <v>0</v>
      </c>
      <c r="U259" s="166">
        <v>0</v>
      </c>
      <c r="V259" s="166">
        <v>0</v>
      </c>
      <c r="W259" s="166">
        <v>0</v>
      </c>
      <c r="X259" s="166">
        <v>0</v>
      </c>
      <c r="Y259" s="166">
        <v>0</v>
      </c>
      <c r="Z259" s="166">
        <v>0</v>
      </c>
      <c r="AA259" s="166">
        <v>0</v>
      </c>
      <c r="AB259" s="166">
        <v>0</v>
      </c>
      <c r="AC259" s="166">
        <v>0</v>
      </c>
      <c r="AD259" s="166">
        <v>0</v>
      </c>
      <c r="AE259" s="166">
        <v>0</v>
      </c>
      <c r="AF259" s="166">
        <v>0</v>
      </c>
      <c r="AG259" s="166">
        <v>0</v>
      </c>
      <c r="AH259" s="166">
        <v>0</v>
      </c>
      <c r="AI259" s="166">
        <v>0</v>
      </c>
      <c r="AJ259" s="166">
        <v>0</v>
      </c>
      <c r="AK259" s="166">
        <v>0</v>
      </c>
      <c r="AL259" s="166">
        <v>0</v>
      </c>
      <c r="AM259" s="166">
        <v>0</v>
      </c>
      <c r="AN259" s="166">
        <v>0</v>
      </c>
      <c r="AO259" s="166">
        <v>0</v>
      </c>
      <c r="AP259" s="166">
        <v>0</v>
      </c>
      <c r="AQ259" s="166">
        <v>0</v>
      </c>
      <c r="AR259" s="166">
        <v>0</v>
      </c>
      <c r="AS259" s="166">
        <v>0</v>
      </c>
      <c r="AT259" s="166">
        <v>0</v>
      </c>
      <c r="AU259" s="166">
        <v>0</v>
      </c>
      <c r="AV259" s="166">
        <v>0</v>
      </c>
      <c r="AW259" s="166">
        <v>0</v>
      </c>
      <c r="AX259" s="166">
        <v>0</v>
      </c>
      <c r="AY259" s="166">
        <v>0</v>
      </c>
      <c r="AZ259" s="166">
        <v>0</v>
      </c>
      <c r="BA259" s="166">
        <v>0</v>
      </c>
      <c r="BB259" s="166">
        <v>0</v>
      </c>
      <c r="BC259" s="166">
        <v>0</v>
      </c>
      <c r="BD259" s="166">
        <v>0</v>
      </c>
      <c r="BE259" s="166">
        <v>0</v>
      </c>
      <c r="BF259" s="166">
        <v>0</v>
      </c>
      <c r="BG259" s="166">
        <v>0</v>
      </c>
      <c r="BH259" s="166">
        <v>0</v>
      </c>
      <c r="BI259" s="166">
        <v>0</v>
      </c>
      <c r="BJ259" s="166">
        <v>0</v>
      </c>
      <c r="BK259" s="166">
        <v>0</v>
      </c>
      <c r="BL259" s="166">
        <v>0</v>
      </c>
      <c r="BM259" s="166">
        <v>0</v>
      </c>
      <c r="BN259" s="166">
        <v>0</v>
      </c>
      <c r="BO259" s="166">
        <v>0</v>
      </c>
      <c r="BP259" s="166">
        <v>0</v>
      </c>
      <c r="BQ259" s="166">
        <v>0</v>
      </c>
      <c r="BR259" s="166">
        <v>3668386.81</v>
      </c>
      <c r="BS259" s="166">
        <v>3668386.81</v>
      </c>
      <c r="BT259" s="168">
        <v>0</v>
      </c>
      <c r="BU259" s="166">
        <v>366212.45423866302</v>
      </c>
      <c r="BV259" s="166">
        <v>3666843.6664045001</v>
      </c>
      <c r="BW259" s="166">
        <v>0</v>
      </c>
      <c r="BX259" s="166">
        <v>0</v>
      </c>
      <c r="BY259" s="166">
        <v>0</v>
      </c>
      <c r="BZ259" s="166">
        <v>0</v>
      </c>
      <c r="CA259" s="166">
        <v>0</v>
      </c>
      <c r="CB259" s="166">
        <v>0</v>
      </c>
      <c r="CC259" s="166">
        <v>0</v>
      </c>
      <c r="CD259" s="166">
        <v>0</v>
      </c>
      <c r="CE259" s="166">
        <v>0</v>
      </c>
      <c r="CF259" s="166">
        <v>0</v>
      </c>
      <c r="CG259" s="166">
        <v>0</v>
      </c>
      <c r="CH259" s="166">
        <v>0</v>
      </c>
      <c r="CI259" s="166">
        <v>0</v>
      </c>
      <c r="CJ259" s="166">
        <v>0</v>
      </c>
      <c r="CK259" s="166">
        <v>0</v>
      </c>
      <c r="CL259" s="166">
        <v>0</v>
      </c>
      <c r="CM259" s="166">
        <v>0</v>
      </c>
      <c r="CN259" s="166">
        <v>0</v>
      </c>
      <c r="CO259" s="166">
        <v>0</v>
      </c>
      <c r="CP259" s="166">
        <v>0</v>
      </c>
      <c r="CQ259" s="166">
        <v>0</v>
      </c>
      <c r="CR259" s="166">
        <v>0</v>
      </c>
      <c r="CS259" s="166">
        <v>0</v>
      </c>
      <c r="CT259" s="166">
        <v>0</v>
      </c>
      <c r="CU259" s="166">
        <v>0</v>
      </c>
      <c r="CV259" s="166">
        <v>0</v>
      </c>
      <c r="CW259" s="166">
        <v>0</v>
      </c>
      <c r="CX259" s="166">
        <v>0</v>
      </c>
      <c r="CY259" s="166">
        <v>3666843.6664045001</v>
      </c>
      <c r="CZ259" s="166">
        <v>3666843.6664045001</v>
      </c>
    </row>
    <row r="260" spans="1:104" hidden="1" outlineLevel="1" x14ac:dyDescent="0.2">
      <c r="A260" s="167" t="s">
        <v>352</v>
      </c>
    </row>
    <row r="261" spans="1:104" hidden="1" outlineLevel="1" x14ac:dyDescent="0.2">
      <c r="A261" s="167" t="s">
        <v>1150</v>
      </c>
      <c r="B261" s="166">
        <v>10860852.832004899</v>
      </c>
      <c r="C261" s="166">
        <v>10860852.832004899</v>
      </c>
      <c r="D261" s="166">
        <v>0</v>
      </c>
      <c r="E261" s="166">
        <v>0</v>
      </c>
      <c r="F261" s="166">
        <v>0</v>
      </c>
      <c r="G261" s="166">
        <v>0</v>
      </c>
      <c r="H261" s="166">
        <v>0</v>
      </c>
      <c r="I261" s="166">
        <v>0</v>
      </c>
      <c r="J261" s="166">
        <v>0</v>
      </c>
      <c r="K261" s="166">
        <v>0</v>
      </c>
      <c r="L261" s="166">
        <v>0</v>
      </c>
      <c r="M261" s="166">
        <v>0</v>
      </c>
      <c r="N261" s="166">
        <v>0</v>
      </c>
      <c r="O261" s="166">
        <v>0</v>
      </c>
      <c r="P261" s="166">
        <v>0</v>
      </c>
      <c r="Q261" s="166">
        <v>0</v>
      </c>
      <c r="R261" s="166">
        <v>0</v>
      </c>
      <c r="S261" s="166">
        <v>0</v>
      </c>
      <c r="T261" s="166">
        <v>0</v>
      </c>
      <c r="U261" s="166">
        <v>0</v>
      </c>
      <c r="V261" s="166">
        <v>0</v>
      </c>
      <c r="W261" s="166">
        <v>0</v>
      </c>
      <c r="X261" s="166">
        <v>0</v>
      </c>
      <c r="Y261" s="166">
        <v>0</v>
      </c>
      <c r="Z261" s="166">
        <v>0</v>
      </c>
      <c r="AA261" s="166">
        <v>0</v>
      </c>
      <c r="AB261" s="166">
        <v>0</v>
      </c>
      <c r="AC261" s="166">
        <v>0</v>
      </c>
      <c r="AD261" s="166">
        <v>0</v>
      </c>
      <c r="AE261" s="166">
        <v>0</v>
      </c>
      <c r="AF261" s="166">
        <v>0</v>
      </c>
      <c r="AG261" s="166">
        <v>0</v>
      </c>
      <c r="AH261" s="166">
        <v>0</v>
      </c>
      <c r="AI261" s="166">
        <v>0</v>
      </c>
      <c r="AJ261" s="166">
        <v>0</v>
      </c>
      <c r="AK261" s="166">
        <v>0</v>
      </c>
      <c r="AL261" s="166">
        <v>0</v>
      </c>
      <c r="AM261" s="166">
        <v>0</v>
      </c>
      <c r="AN261" s="166">
        <v>0</v>
      </c>
      <c r="AO261" s="166">
        <v>0</v>
      </c>
      <c r="AP261" s="166">
        <v>0</v>
      </c>
      <c r="AQ261" s="166">
        <v>0</v>
      </c>
      <c r="AR261" s="166">
        <v>0</v>
      </c>
      <c r="AS261" s="166">
        <v>0</v>
      </c>
      <c r="AT261" s="166">
        <v>0</v>
      </c>
      <c r="AU261" s="166">
        <v>0</v>
      </c>
      <c r="AV261" s="166">
        <v>0</v>
      </c>
      <c r="AW261" s="166">
        <v>0</v>
      </c>
      <c r="AX261" s="166">
        <v>0</v>
      </c>
      <c r="AY261" s="166">
        <v>0</v>
      </c>
      <c r="AZ261" s="166">
        <v>0</v>
      </c>
      <c r="BA261" s="166">
        <v>0</v>
      </c>
      <c r="BB261" s="166">
        <v>0</v>
      </c>
      <c r="BC261" s="166">
        <v>0</v>
      </c>
      <c r="BD261" s="166">
        <v>0</v>
      </c>
      <c r="BE261" s="166">
        <v>0</v>
      </c>
      <c r="BF261" s="166">
        <v>0</v>
      </c>
      <c r="BG261" s="166">
        <v>0</v>
      </c>
      <c r="BH261" s="166">
        <v>0</v>
      </c>
      <c r="BI261" s="166">
        <v>0</v>
      </c>
      <c r="BJ261" s="166">
        <v>0</v>
      </c>
      <c r="BK261" s="166">
        <v>0</v>
      </c>
      <c r="BL261" s="166">
        <v>0</v>
      </c>
      <c r="BM261" s="166">
        <v>0</v>
      </c>
      <c r="BN261" s="166">
        <v>0</v>
      </c>
      <c r="BO261" s="166">
        <v>0</v>
      </c>
      <c r="BP261" s="166">
        <v>0</v>
      </c>
      <c r="BQ261" s="166">
        <v>0</v>
      </c>
      <c r="BR261" s="166">
        <v>10860852.832004899</v>
      </c>
      <c r="BS261" s="166">
        <v>10860852.832004899</v>
      </c>
      <c r="BT261" s="168">
        <v>1</v>
      </c>
      <c r="BU261" s="166">
        <v>489014.31493200001</v>
      </c>
      <c r="BV261" s="166">
        <v>10860852.832004899</v>
      </c>
      <c r="BW261" s="166">
        <v>0</v>
      </c>
      <c r="BX261" s="166">
        <v>0</v>
      </c>
      <c r="BY261" s="166">
        <v>0</v>
      </c>
      <c r="BZ261" s="166">
        <v>0</v>
      </c>
      <c r="CA261" s="166">
        <v>0</v>
      </c>
      <c r="CB261" s="166">
        <v>0</v>
      </c>
      <c r="CC261" s="166">
        <v>0</v>
      </c>
      <c r="CD261" s="166">
        <v>0</v>
      </c>
      <c r="CE261" s="166">
        <v>0</v>
      </c>
      <c r="CF261" s="166">
        <v>0</v>
      </c>
      <c r="CG261" s="166">
        <v>0</v>
      </c>
      <c r="CH261" s="166">
        <v>0</v>
      </c>
      <c r="CI261" s="166">
        <v>0</v>
      </c>
      <c r="CJ261" s="166">
        <v>0</v>
      </c>
      <c r="CK261" s="166">
        <v>0</v>
      </c>
      <c r="CL261" s="166">
        <v>0</v>
      </c>
      <c r="CM261" s="166">
        <v>0</v>
      </c>
      <c r="CN261" s="166">
        <v>0</v>
      </c>
      <c r="CO261" s="166">
        <v>0</v>
      </c>
      <c r="CP261" s="166">
        <v>0</v>
      </c>
      <c r="CQ261" s="166">
        <v>0</v>
      </c>
      <c r="CR261" s="166">
        <v>0</v>
      </c>
      <c r="CS261" s="166">
        <v>0</v>
      </c>
      <c r="CT261" s="166">
        <v>0</v>
      </c>
      <c r="CU261" s="166">
        <v>0</v>
      </c>
      <c r="CV261" s="166">
        <v>0</v>
      </c>
      <c r="CW261" s="166">
        <v>0</v>
      </c>
      <c r="CX261" s="166">
        <v>0</v>
      </c>
      <c r="CY261" s="166">
        <v>10860852.832004899</v>
      </c>
      <c r="CZ261" s="166">
        <v>10860852.832004899</v>
      </c>
    </row>
    <row r="262" spans="1:104" hidden="1" outlineLevel="1" x14ac:dyDescent="0.2">
      <c r="A262" s="167" t="s">
        <v>1151</v>
      </c>
      <c r="B262" s="166">
        <v>5175305.7118949899</v>
      </c>
      <c r="C262" s="166">
        <v>5175305.7118949899</v>
      </c>
      <c r="D262" s="166">
        <v>0</v>
      </c>
      <c r="E262" s="166">
        <v>0</v>
      </c>
      <c r="F262" s="166">
        <v>0</v>
      </c>
      <c r="G262" s="166">
        <v>0</v>
      </c>
      <c r="H262" s="166">
        <v>0</v>
      </c>
      <c r="I262" s="166">
        <v>0</v>
      </c>
      <c r="J262" s="166">
        <v>0</v>
      </c>
      <c r="K262" s="166">
        <v>0</v>
      </c>
      <c r="L262" s="166">
        <v>0</v>
      </c>
      <c r="M262" s="166">
        <v>0</v>
      </c>
      <c r="N262" s="166">
        <v>0</v>
      </c>
      <c r="O262" s="166">
        <v>0</v>
      </c>
      <c r="P262" s="166">
        <v>0</v>
      </c>
      <c r="Q262" s="166">
        <v>0</v>
      </c>
      <c r="R262" s="166">
        <v>0</v>
      </c>
      <c r="S262" s="166">
        <v>0</v>
      </c>
      <c r="T262" s="166">
        <v>0</v>
      </c>
      <c r="U262" s="166">
        <v>0</v>
      </c>
      <c r="V262" s="166">
        <v>0</v>
      </c>
      <c r="W262" s="166">
        <v>0</v>
      </c>
      <c r="X262" s="166">
        <v>0</v>
      </c>
      <c r="Y262" s="166">
        <v>0</v>
      </c>
      <c r="Z262" s="166">
        <v>0</v>
      </c>
      <c r="AA262" s="166">
        <v>0</v>
      </c>
      <c r="AB262" s="166">
        <v>0</v>
      </c>
      <c r="AC262" s="166">
        <v>0</v>
      </c>
      <c r="AD262" s="166">
        <v>0</v>
      </c>
      <c r="AE262" s="166">
        <v>0</v>
      </c>
      <c r="AF262" s="166">
        <v>0</v>
      </c>
      <c r="AG262" s="166">
        <v>0</v>
      </c>
      <c r="AH262" s="166">
        <v>0</v>
      </c>
      <c r="AI262" s="166">
        <v>0</v>
      </c>
      <c r="AJ262" s="166">
        <v>0</v>
      </c>
      <c r="AK262" s="166">
        <v>0</v>
      </c>
      <c r="AL262" s="166">
        <v>0</v>
      </c>
      <c r="AM262" s="166">
        <v>0</v>
      </c>
      <c r="AN262" s="166">
        <v>0</v>
      </c>
      <c r="AO262" s="166">
        <v>0</v>
      </c>
      <c r="AP262" s="166">
        <v>0</v>
      </c>
      <c r="AQ262" s="166">
        <v>0</v>
      </c>
      <c r="AR262" s="166">
        <v>0</v>
      </c>
      <c r="AS262" s="166">
        <v>0</v>
      </c>
      <c r="AT262" s="166">
        <v>0</v>
      </c>
      <c r="AU262" s="166">
        <v>0</v>
      </c>
      <c r="AV262" s="166">
        <v>0</v>
      </c>
      <c r="AW262" s="166">
        <v>0</v>
      </c>
      <c r="AX262" s="166">
        <v>0</v>
      </c>
      <c r="AY262" s="166">
        <v>0</v>
      </c>
      <c r="AZ262" s="166">
        <v>0</v>
      </c>
      <c r="BA262" s="166">
        <v>0</v>
      </c>
      <c r="BB262" s="166">
        <v>0</v>
      </c>
      <c r="BC262" s="166">
        <v>0</v>
      </c>
      <c r="BD262" s="166">
        <v>0</v>
      </c>
      <c r="BE262" s="166">
        <v>0</v>
      </c>
      <c r="BF262" s="166">
        <v>0</v>
      </c>
      <c r="BG262" s="166">
        <v>0</v>
      </c>
      <c r="BH262" s="166">
        <v>0</v>
      </c>
      <c r="BI262" s="166">
        <v>0</v>
      </c>
      <c r="BJ262" s="166">
        <v>0</v>
      </c>
      <c r="BK262" s="166">
        <v>0</v>
      </c>
      <c r="BL262" s="166">
        <v>0</v>
      </c>
      <c r="BM262" s="166">
        <v>0</v>
      </c>
      <c r="BN262" s="166">
        <v>0</v>
      </c>
      <c r="BO262" s="166">
        <v>0</v>
      </c>
      <c r="BP262" s="166">
        <v>0</v>
      </c>
      <c r="BQ262" s="166">
        <v>0</v>
      </c>
      <c r="BR262" s="166">
        <v>5175305.7118949899</v>
      </c>
      <c r="BS262" s="166">
        <v>5175305.7118949899</v>
      </c>
      <c r="BT262" s="168">
        <v>1</v>
      </c>
      <c r="BU262" s="166">
        <v>233020.24402799999</v>
      </c>
      <c r="BV262" s="166">
        <v>5175305.7118949899</v>
      </c>
      <c r="BW262" s="166">
        <v>0</v>
      </c>
      <c r="BX262" s="166">
        <v>0</v>
      </c>
      <c r="BY262" s="166">
        <v>0</v>
      </c>
      <c r="BZ262" s="166">
        <v>0</v>
      </c>
      <c r="CA262" s="166">
        <v>0</v>
      </c>
      <c r="CB262" s="166">
        <v>0</v>
      </c>
      <c r="CC262" s="166">
        <v>0</v>
      </c>
      <c r="CD262" s="166">
        <v>0</v>
      </c>
      <c r="CE262" s="166">
        <v>0</v>
      </c>
      <c r="CF262" s="166">
        <v>0</v>
      </c>
      <c r="CG262" s="166">
        <v>0</v>
      </c>
      <c r="CH262" s="166">
        <v>0</v>
      </c>
      <c r="CI262" s="166">
        <v>0</v>
      </c>
      <c r="CJ262" s="166">
        <v>0</v>
      </c>
      <c r="CK262" s="166">
        <v>0</v>
      </c>
      <c r="CL262" s="166">
        <v>0</v>
      </c>
      <c r="CM262" s="166">
        <v>0</v>
      </c>
      <c r="CN262" s="166">
        <v>0</v>
      </c>
      <c r="CO262" s="166">
        <v>0</v>
      </c>
      <c r="CP262" s="166">
        <v>0</v>
      </c>
      <c r="CQ262" s="166">
        <v>0</v>
      </c>
      <c r="CR262" s="166">
        <v>0</v>
      </c>
      <c r="CS262" s="166">
        <v>0</v>
      </c>
      <c r="CT262" s="166">
        <v>0</v>
      </c>
      <c r="CU262" s="166">
        <v>0</v>
      </c>
      <c r="CV262" s="166">
        <v>0</v>
      </c>
      <c r="CW262" s="166">
        <v>0</v>
      </c>
      <c r="CX262" s="166">
        <v>0</v>
      </c>
      <c r="CY262" s="166">
        <v>5175305.7118949899</v>
      </c>
      <c r="CZ262" s="166">
        <v>5175305.7118949899</v>
      </c>
    </row>
    <row r="263" spans="1:104" hidden="1" outlineLevel="1" x14ac:dyDescent="0.2">
      <c r="A263" s="167" t="s">
        <v>1152</v>
      </c>
      <c r="B263" s="166">
        <v>3660043.3481049901</v>
      </c>
      <c r="C263" s="166">
        <v>3660043.3481049901</v>
      </c>
      <c r="D263" s="166">
        <v>0</v>
      </c>
      <c r="E263" s="166">
        <v>0</v>
      </c>
      <c r="F263" s="166">
        <v>0</v>
      </c>
      <c r="G263" s="166">
        <v>0</v>
      </c>
      <c r="H263" s="166">
        <v>0</v>
      </c>
      <c r="I263" s="166">
        <v>0</v>
      </c>
      <c r="J263" s="166">
        <v>0</v>
      </c>
      <c r="K263" s="166">
        <v>0</v>
      </c>
      <c r="L263" s="166">
        <v>0</v>
      </c>
      <c r="M263" s="166">
        <v>0</v>
      </c>
      <c r="N263" s="166">
        <v>0</v>
      </c>
      <c r="O263" s="166">
        <v>0</v>
      </c>
      <c r="P263" s="166">
        <v>0</v>
      </c>
      <c r="Q263" s="166">
        <v>0</v>
      </c>
      <c r="R263" s="166">
        <v>0</v>
      </c>
      <c r="S263" s="166">
        <v>0</v>
      </c>
      <c r="T263" s="166">
        <v>0</v>
      </c>
      <c r="U263" s="166">
        <v>0</v>
      </c>
      <c r="V263" s="166">
        <v>0</v>
      </c>
      <c r="W263" s="166">
        <v>0</v>
      </c>
      <c r="X263" s="166">
        <v>0</v>
      </c>
      <c r="Y263" s="166">
        <v>0</v>
      </c>
      <c r="Z263" s="166">
        <v>0</v>
      </c>
      <c r="AA263" s="166">
        <v>0</v>
      </c>
      <c r="AB263" s="166">
        <v>0</v>
      </c>
      <c r="AC263" s="166">
        <v>0</v>
      </c>
      <c r="AD263" s="166">
        <v>0</v>
      </c>
      <c r="AE263" s="166">
        <v>0</v>
      </c>
      <c r="AF263" s="166">
        <v>0</v>
      </c>
      <c r="AG263" s="166">
        <v>0</v>
      </c>
      <c r="AH263" s="166">
        <v>0</v>
      </c>
      <c r="AI263" s="166">
        <v>0</v>
      </c>
      <c r="AJ263" s="166">
        <v>0</v>
      </c>
      <c r="AK263" s="166">
        <v>0</v>
      </c>
      <c r="AL263" s="166">
        <v>0</v>
      </c>
      <c r="AM263" s="166">
        <v>0</v>
      </c>
      <c r="AN263" s="166">
        <v>0</v>
      </c>
      <c r="AO263" s="166">
        <v>0</v>
      </c>
      <c r="AP263" s="166">
        <v>0</v>
      </c>
      <c r="AQ263" s="166">
        <v>0</v>
      </c>
      <c r="AR263" s="166">
        <v>0</v>
      </c>
      <c r="AS263" s="166">
        <v>0</v>
      </c>
      <c r="AT263" s="166">
        <v>0</v>
      </c>
      <c r="AU263" s="166">
        <v>0</v>
      </c>
      <c r="AV263" s="166">
        <v>0</v>
      </c>
      <c r="AW263" s="166">
        <v>0</v>
      </c>
      <c r="AX263" s="166">
        <v>0</v>
      </c>
      <c r="AY263" s="166">
        <v>0</v>
      </c>
      <c r="AZ263" s="166">
        <v>0</v>
      </c>
      <c r="BA263" s="166">
        <v>0</v>
      </c>
      <c r="BB263" s="166">
        <v>0</v>
      </c>
      <c r="BC263" s="166">
        <v>0</v>
      </c>
      <c r="BD263" s="166">
        <v>0</v>
      </c>
      <c r="BE263" s="166">
        <v>0</v>
      </c>
      <c r="BF263" s="166">
        <v>0</v>
      </c>
      <c r="BG263" s="166">
        <v>0</v>
      </c>
      <c r="BH263" s="166">
        <v>0</v>
      </c>
      <c r="BI263" s="166">
        <v>0</v>
      </c>
      <c r="BJ263" s="166">
        <v>0</v>
      </c>
      <c r="BK263" s="166">
        <v>0</v>
      </c>
      <c r="BL263" s="166">
        <v>0</v>
      </c>
      <c r="BM263" s="166">
        <v>0</v>
      </c>
      <c r="BN263" s="166">
        <v>0</v>
      </c>
      <c r="BO263" s="166">
        <v>0</v>
      </c>
      <c r="BP263" s="166">
        <v>0</v>
      </c>
      <c r="BQ263" s="166">
        <v>0</v>
      </c>
      <c r="BR263" s="166">
        <v>3660043.3481049901</v>
      </c>
      <c r="BS263" s="166">
        <v>3660043.3481049901</v>
      </c>
      <c r="BT263" s="168">
        <v>1</v>
      </c>
      <c r="BU263" s="166">
        <v>164794.93997199999</v>
      </c>
      <c r="BV263" s="166">
        <v>3660043.3481049901</v>
      </c>
      <c r="BW263" s="166">
        <v>0</v>
      </c>
      <c r="BX263" s="166">
        <v>0</v>
      </c>
      <c r="BY263" s="166">
        <v>0</v>
      </c>
      <c r="BZ263" s="166">
        <v>0</v>
      </c>
      <c r="CA263" s="166">
        <v>0</v>
      </c>
      <c r="CB263" s="166">
        <v>0</v>
      </c>
      <c r="CC263" s="166">
        <v>0</v>
      </c>
      <c r="CD263" s="166">
        <v>0</v>
      </c>
      <c r="CE263" s="166">
        <v>0</v>
      </c>
      <c r="CF263" s="166">
        <v>0</v>
      </c>
      <c r="CG263" s="166">
        <v>0</v>
      </c>
      <c r="CH263" s="166">
        <v>0</v>
      </c>
      <c r="CI263" s="166">
        <v>0</v>
      </c>
      <c r="CJ263" s="166">
        <v>0</v>
      </c>
      <c r="CK263" s="166">
        <v>0</v>
      </c>
      <c r="CL263" s="166">
        <v>0</v>
      </c>
      <c r="CM263" s="166">
        <v>0</v>
      </c>
      <c r="CN263" s="166">
        <v>0</v>
      </c>
      <c r="CO263" s="166">
        <v>0</v>
      </c>
      <c r="CP263" s="166">
        <v>0</v>
      </c>
      <c r="CQ263" s="166">
        <v>0</v>
      </c>
      <c r="CR263" s="166">
        <v>0</v>
      </c>
      <c r="CS263" s="166">
        <v>0</v>
      </c>
      <c r="CT263" s="166">
        <v>0</v>
      </c>
      <c r="CU263" s="166">
        <v>0</v>
      </c>
      <c r="CV263" s="166">
        <v>0</v>
      </c>
      <c r="CW263" s="166">
        <v>0</v>
      </c>
      <c r="CX263" s="166">
        <v>0</v>
      </c>
      <c r="CY263" s="166">
        <v>3660043.3481049901</v>
      </c>
      <c r="CZ263" s="166">
        <v>3660043.3481049901</v>
      </c>
    </row>
    <row r="264" spans="1:104" hidden="1" outlineLevel="1" x14ac:dyDescent="0.2">
      <c r="A264" s="167" t="s">
        <v>1153</v>
      </c>
      <c r="B264" s="166">
        <v>2378917.73440499</v>
      </c>
      <c r="C264" s="166">
        <v>2378917.73440499</v>
      </c>
      <c r="D264" s="166">
        <v>0</v>
      </c>
      <c r="E264" s="166">
        <v>0</v>
      </c>
      <c r="F264" s="166">
        <v>0</v>
      </c>
      <c r="G264" s="166">
        <v>0</v>
      </c>
      <c r="H264" s="166">
        <v>0</v>
      </c>
      <c r="I264" s="166">
        <v>0</v>
      </c>
      <c r="J264" s="166">
        <v>0</v>
      </c>
      <c r="K264" s="166">
        <v>0</v>
      </c>
      <c r="L264" s="166">
        <v>0</v>
      </c>
      <c r="M264" s="166">
        <v>0</v>
      </c>
      <c r="N264" s="166">
        <v>0</v>
      </c>
      <c r="O264" s="166">
        <v>0</v>
      </c>
      <c r="P264" s="166">
        <v>0</v>
      </c>
      <c r="Q264" s="166">
        <v>0</v>
      </c>
      <c r="R264" s="166">
        <v>0</v>
      </c>
      <c r="S264" s="166">
        <v>0</v>
      </c>
      <c r="T264" s="166">
        <v>0</v>
      </c>
      <c r="U264" s="166">
        <v>0</v>
      </c>
      <c r="V264" s="166">
        <v>0</v>
      </c>
      <c r="W264" s="166">
        <v>0</v>
      </c>
      <c r="X264" s="166">
        <v>0</v>
      </c>
      <c r="Y264" s="166">
        <v>0</v>
      </c>
      <c r="Z264" s="166">
        <v>0</v>
      </c>
      <c r="AA264" s="166">
        <v>0</v>
      </c>
      <c r="AB264" s="166">
        <v>0</v>
      </c>
      <c r="AC264" s="166">
        <v>0</v>
      </c>
      <c r="AD264" s="166">
        <v>0</v>
      </c>
      <c r="AE264" s="166">
        <v>0</v>
      </c>
      <c r="AF264" s="166">
        <v>0</v>
      </c>
      <c r="AG264" s="166">
        <v>0</v>
      </c>
      <c r="AH264" s="166">
        <v>0</v>
      </c>
      <c r="AI264" s="166">
        <v>0</v>
      </c>
      <c r="AJ264" s="166">
        <v>0</v>
      </c>
      <c r="AK264" s="166">
        <v>0</v>
      </c>
      <c r="AL264" s="166">
        <v>0</v>
      </c>
      <c r="AM264" s="166">
        <v>0</v>
      </c>
      <c r="AN264" s="166">
        <v>0</v>
      </c>
      <c r="AO264" s="166">
        <v>0</v>
      </c>
      <c r="AP264" s="166">
        <v>0</v>
      </c>
      <c r="AQ264" s="166">
        <v>0</v>
      </c>
      <c r="AR264" s="166">
        <v>0</v>
      </c>
      <c r="AS264" s="166">
        <v>0</v>
      </c>
      <c r="AT264" s="166">
        <v>0</v>
      </c>
      <c r="AU264" s="166">
        <v>0</v>
      </c>
      <c r="AV264" s="166">
        <v>0</v>
      </c>
      <c r="AW264" s="166">
        <v>0</v>
      </c>
      <c r="AX264" s="166">
        <v>0</v>
      </c>
      <c r="AY264" s="166">
        <v>0</v>
      </c>
      <c r="AZ264" s="166">
        <v>0</v>
      </c>
      <c r="BA264" s="166">
        <v>0</v>
      </c>
      <c r="BB264" s="166">
        <v>0</v>
      </c>
      <c r="BC264" s="166">
        <v>0</v>
      </c>
      <c r="BD264" s="166">
        <v>0</v>
      </c>
      <c r="BE264" s="166">
        <v>0</v>
      </c>
      <c r="BF264" s="166">
        <v>0</v>
      </c>
      <c r="BG264" s="166">
        <v>0</v>
      </c>
      <c r="BH264" s="166">
        <v>0</v>
      </c>
      <c r="BI264" s="166">
        <v>0</v>
      </c>
      <c r="BJ264" s="166">
        <v>0</v>
      </c>
      <c r="BK264" s="166">
        <v>0</v>
      </c>
      <c r="BL264" s="166">
        <v>0</v>
      </c>
      <c r="BM264" s="166">
        <v>0</v>
      </c>
      <c r="BN264" s="166">
        <v>0</v>
      </c>
      <c r="BO264" s="166">
        <v>0</v>
      </c>
      <c r="BP264" s="166">
        <v>0</v>
      </c>
      <c r="BQ264" s="166">
        <v>0</v>
      </c>
      <c r="BR264" s="166">
        <v>2378917.73440499</v>
      </c>
      <c r="BS264" s="166">
        <v>2378917.73440499</v>
      </c>
      <c r="BT264" s="168">
        <v>1</v>
      </c>
      <c r="BU264" s="166">
        <v>107111.73829199999</v>
      </c>
      <c r="BV264" s="166">
        <v>2378917.73440499</v>
      </c>
      <c r="BW264" s="166">
        <v>0</v>
      </c>
      <c r="BX264" s="166">
        <v>0</v>
      </c>
      <c r="BY264" s="166">
        <v>0</v>
      </c>
      <c r="BZ264" s="166">
        <v>0</v>
      </c>
      <c r="CA264" s="166">
        <v>0</v>
      </c>
      <c r="CB264" s="166">
        <v>0</v>
      </c>
      <c r="CC264" s="166">
        <v>0</v>
      </c>
      <c r="CD264" s="166">
        <v>0</v>
      </c>
      <c r="CE264" s="166">
        <v>0</v>
      </c>
      <c r="CF264" s="166">
        <v>0</v>
      </c>
      <c r="CG264" s="166">
        <v>0</v>
      </c>
      <c r="CH264" s="166">
        <v>0</v>
      </c>
      <c r="CI264" s="166">
        <v>0</v>
      </c>
      <c r="CJ264" s="166">
        <v>0</v>
      </c>
      <c r="CK264" s="166">
        <v>0</v>
      </c>
      <c r="CL264" s="166">
        <v>0</v>
      </c>
      <c r="CM264" s="166">
        <v>0</v>
      </c>
      <c r="CN264" s="166">
        <v>0</v>
      </c>
      <c r="CO264" s="166">
        <v>0</v>
      </c>
      <c r="CP264" s="166">
        <v>0</v>
      </c>
      <c r="CQ264" s="166">
        <v>0</v>
      </c>
      <c r="CR264" s="166">
        <v>0</v>
      </c>
      <c r="CS264" s="166">
        <v>0</v>
      </c>
      <c r="CT264" s="166">
        <v>0</v>
      </c>
      <c r="CU264" s="166">
        <v>0</v>
      </c>
      <c r="CV264" s="166">
        <v>0</v>
      </c>
      <c r="CW264" s="166">
        <v>0</v>
      </c>
      <c r="CX264" s="166">
        <v>0</v>
      </c>
      <c r="CY264" s="166">
        <v>2378917.73440499</v>
      </c>
      <c r="CZ264" s="166">
        <v>2378917.73440499</v>
      </c>
    </row>
    <row r="265" spans="1:104" hidden="1" outlineLevel="1" x14ac:dyDescent="0.2">
      <c r="A265" s="167" t="s">
        <v>1154</v>
      </c>
      <c r="B265" s="166">
        <v>13253.023589999901</v>
      </c>
      <c r="C265" s="166">
        <v>13253.023589999901</v>
      </c>
      <c r="D265" s="166">
        <v>0</v>
      </c>
      <c r="E265" s="166">
        <v>0</v>
      </c>
      <c r="F265" s="166">
        <v>0</v>
      </c>
      <c r="G265" s="166">
        <v>0</v>
      </c>
      <c r="H265" s="166">
        <v>0</v>
      </c>
      <c r="I265" s="166">
        <v>0</v>
      </c>
      <c r="J265" s="166">
        <v>0</v>
      </c>
      <c r="K265" s="166">
        <v>0</v>
      </c>
      <c r="L265" s="166">
        <v>0</v>
      </c>
      <c r="M265" s="166">
        <v>0</v>
      </c>
      <c r="N265" s="166">
        <v>0</v>
      </c>
      <c r="O265" s="166">
        <v>0</v>
      </c>
      <c r="P265" s="166">
        <v>0</v>
      </c>
      <c r="Q265" s="166">
        <v>0</v>
      </c>
      <c r="R265" s="166">
        <v>0</v>
      </c>
      <c r="S265" s="166">
        <v>0</v>
      </c>
      <c r="T265" s="166">
        <v>0</v>
      </c>
      <c r="U265" s="166">
        <v>0</v>
      </c>
      <c r="V265" s="166">
        <v>0</v>
      </c>
      <c r="W265" s="166">
        <v>0</v>
      </c>
      <c r="X265" s="166">
        <v>0</v>
      </c>
      <c r="Y265" s="166">
        <v>0</v>
      </c>
      <c r="Z265" s="166">
        <v>0</v>
      </c>
      <c r="AA265" s="166">
        <v>0</v>
      </c>
      <c r="AB265" s="166">
        <v>0</v>
      </c>
      <c r="AC265" s="166">
        <v>0</v>
      </c>
      <c r="AD265" s="166">
        <v>0</v>
      </c>
      <c r="AE265" s="166">
        <v>0</v>
      </c>
      <c r="AF265" s="166">
        <v>0</v>
      </c>
      <c r="AG265" s="166">
        <v>0</v>
      </c>
      <c r="AH265" s="166">
        <v>0</v>
      </c>
      <c r="AI265" s="166">
        <v>0</v>
      </c>
      <c r="AJ265" s="166">
        <v>0</v>
      </c>
      <c r="AK265" s="166">
        <v>0</v>
      </c>
      <c r="AL265" s="166">
        <v>0</v>
      </c>
      <c r="AM265" s="166">
        <v>0</v>
      </c>
      <c r="AN265" s="166">
        <v>0</v>
      </c>
      <c r="AO265" s="166">
        <v>0</v>
      </c>
      <c r="AP265" s="166">
        <v>0</v>
      </c>
      <c r="AQ265" s="166">
        <v>0</v>
      </c>
      <c r="AR265" s="166">
        <v>0</v>
      </c>
      <c r="AS265" s="166">
        <v>0</v>
      </c>
      <c r="AT265" s="166">
        <v>0</v>
      </c>
      <c r="AU265" s="166">
        <v>0</v>
      </c>
      <c r="AV265" s="166">
        <v>0</v>
      </c>
      <c r="AW265" s="166">
        <v>0</v>
      </c>
      <c r="AX265" s="166">
        <v>0</v>
      </c>
      <c r="AY265" s="166">
        <v>0</v>
      </c>
      <c r="AZ265" s="166">
        <v>0</v>
      </c>
      <c r="BA265" s="166">
        <v>0</v>
      </c>
      <c r="BB265" s="166">
        <v>0</v>
      </c>
      <c r="BC265" s="166">
        <v>0</v>
      </c>
      <c r="BD265" s="166">
        <v>0</v>
      </c>
      <c r="BE265" s="166">
        <v>0</v>
      </c>
      <c r="BF265" s="166">
        <v>0</v>
      </c>
      <c r="BG265" s="166">
        <v>0</v>
      </c>
      <c r="BH265" s="166">
        <v>0</v>
      </c>
      <c r="BI265" s="166">
        <v>0</v>
      </c>
      <c r="BJ265" s="166">
        <v>0</v>
      </c>
      <c r="BK265" s="166">
        <v>0</v>
      </c>
      <c r="BL265" s="166">
        <v>0</v>
      </c>
      <c r="BM265" s="166">
        <v>0</v>
      </c>
      <c r="BN265" s="166">
        <v>0</v>
      </c>
      <c r="BO265" s="166">
        <v>0</v>
      </c>
      <c r="BP265" s="166">
        <v>0</v>
      </c>
      <c r="BQ265" s="166">
        <v>0</v>
      </c>
      <c r="BR265" s="166">
        <v>13253.023589999901</v>
      </c>
      <c r="BS265" s="166">
        <v>13253.023589999901</v>
      </c>
      <c r="BT265" s="168">
        <v>1</v>
      </c>
      <c r="BU265" s="166">
        <v>596.72277599999995</v>
      </c>
      <c r="BV265" s="166">
        <v>13253.023589999901</v>
      </c>
      <c r="BW265" s="166">
        <v>0</v>
      </c>
      <c r="BX265" s="166">
        <v>0</v>
      </c>
      <c r="BY265" s="166">
        <v>0</v>
      </c>
      <c r="BZ265" s="166">
        <v>0</v>
      </c>
      <c r="CA265" s="166">
        <v>0</v>
      </c>
      <c r="CB265" s="166">
        <v>0</v>
      </c>
      <c r="CC265" s="166">
        <v>0</v>
      </c>
      <c r="CD265" s="166">
        <v>0</v>
      </c>
      <c r="CE265" s="166">
        <v>0</v>
      </c>
      <c r="CF265" s="166">
        <v>0</v>
      </c>
      <c r="CG265" s="166">
        <v>0</v>
      </c>
      <c r="CH265" s="166">
        <v>0</v>
      </c>
      <c r="CI265" s="166">
        <v>0</v>
      </c>
      <c r="CJ265" s="166">
        <v>0</v>
      </c>
      <c r="CK265" s="166">
        <v>0</v>
      </c>
      <c r="CL265" s="166">
        <v>0</v>
      </c>
      <c r="CM265" s="166">
        <v>0</v>
      </c>
      <c r="CN265" s="166">
        <v>0</v>
      </c>
      <c r="CO265" s="166">
        <v>0</v>
      </c>
      <c r="CP265" s="166">
        <v>0</v>
      </c>
      <c r="CQ265" s="166">
        <v>0</v>
      </c>
      <c r="CR265" s="166">
        <v>0</v>
      </c>
      <c r="CS265" s="166">
        <v>0</v>
      </c>
      <c r="CT265" s="166">
        <v>0</v>
      </c>
      <c r="CU265" s="166">
        <v>0</v>
      </c>
      <c r="CV265" s="166">
        <v>0</v>
      </c>
      <c r="CW265" s="166">
        <v>0</v>
      </c>
      <c r="CX265" s="166">
        <v>0</v>
      </c>
      <c r="CY265" s="166">
        <v>13253.023589999901</v>
      </c>
      <c r="CZ265" s="166">
        <v>13253.023589999901</v>
      </c>
    </row>
    <row r="266" spans="1:104" hidden="1" outlineLevel="1" x14ac:dyDescent="0.2">
      <c r="A266" s="167" t="s">
        <v>1155</v>
      </c>
      <c r="B266" s="166">
        <v>22088372.649999902</v>
      </c>
      <c r="C266" s="166">
        <v>22088372.649999902</v>
      </c>
      <c r="D266" s="166">
        <v>0</v>
      </c>
      <c r="E266" s="166">
        <v>0</v>
      </c>
      <c r="F266" s="166">
        <v>0</v>
      </c>
      <c r="G266" s="166">
        <v>0</v>
      </c>
      <c r="H266" s="166">
        <v>0</v>
      </c>
      <c r="I266" s="166">
        <v>0</v>
      </c>
      <c r="J266" s="166">
        <v>0</v>
      </c>
      <c r="K266" s="166">
        <v>0</v>
      </c>
      <c r="L266" s="166">
        <v>0</v>
      </c>
      <c r="M266" s="166">
        <v>0</v>
      </c>
      <c r="N266" s="166">
        <v>0</v>
      </c>
      <c r="O266" s="166">
        <v>0</v>
      </c>
      <c r="P266" s="166">
        <v>0</v>
      </c>
      <c r="Q266" s="166">
        <v>0</v>
      </c>
      <c r="R266" s="166">
        <v>0</v>
      </c>
      <c r="S266" s="166">
        <v>0</v>
      </c>
      <c r="T266" s="166">
        <v>0</v>
      </c>
      <c r="U266" s="166">
        <v>0</v>
      </c>
      <c r="V266" s="166">
        <v>0</v>
      </c>
      <c r="W266" s="166">
        <v>0</v>
      </c>
      <c r="X266" s="166">
        <v>0</v>
      </c>
      <c r="Y266" s="166">
        <v>0</v>
      </c>
      <c r="Z266" s="166">
        <v>0</v>
      </c>
      <c r="AA266" s="166">
        <v>0</v>
      </c>
      <c r="AB266" s="166">
        <v>0</v>
      </c>
      <c r="AC266" s="166">
        <v>0</v>
      </c>
      <c r="AD266" s="166">
        <v>0</v>
      </c>
      <c r="AE266" s="166">
        <v>0</v>
      </c>
      <c r="AF266" s="166">
        <v>0</v>
      </c>
      <c r="AG266" s="166">
        <v>0</v>
      </c>
      <c r="AH266" s="166">
        <v>0</v>
      </c>
      <c r="AI266" s="166">
        <v>0</v>
      </c>
      <c r="AJ266" s="166">
        <v>0</v>
      </c>
      <c r="AK266" s="166">
        <v>0</v>
      </c>
      <c r="AL266" s="166">
        <v>0</v>
      </c>
      <c r="AM266" s="166">
        <v>0</v>
      </c>
      <c r="AN266" s="166">
        <v>0</v>
      </c>
      <c r="AO266" s="166">
        <v>0</v>
      </c>
      <c r="AP266" s="166">
        <v>0</v>
      </c>
      <c r="AQ266" s="166">
        <v>0</v>
      </c>
      <c r="AR266" s="166">
        <v>0</v>
      </c>
      <c r="AS266" s="166">
        <v>0</v>
      </c>
      <c r="AT266" s="166">
        <v>0</v>
      </c>
      <c r="AU266" s="166">
        <v>0</v>
      </c>
      <c r="AV266" s="166">
        <v>0</v>
      </c>
      <c r="AW266" s="166">
        <v>0</v>
      </c>
      <c r="AX266" s="166">
        <v>0</v>
      </c>
      <c r="AY266" s="166">
        <v>0</v>
      </c>
      <c r="AZ266" s="166">
        <v>0</v>
      </c>
      <c r="BA266" s="166">
        <v>0</v>
      </c>
      <c r="BB266" s="166">
        <v>0</v>
      </c>
      <c r="BC266" s="166">
        <v>0</v>
      </c>
      <c r="BD266" s="166">
        <v>0</v>
      </c>
      <c r="BE266" s="166">
        <v>0</v>
      </c>
      <c r="BF266" s="166">
        <v>0</v>
      </c>
      <c r="BG266" s="166">
        <v>0</v>
      </c>
      <c r="BH266" s="166">
        <v>0</v>
      </c>
      <c r="BI266" s="166">
        <v>0</v>
      </c>
      <c r="BJ266" s="166">
        <v>0</v>
      </c>
      <c r="BK266" s="166">
        <v>0</v>
      </c>
      <c r="BL266" s="166">
        <v>0</v>
      </c>
      <c r="BM266" s="166">
        <v>0</v>
      </c>
      <c r="BN266" s="166">
        <v>0</v>
      </c>
      <c r="BO266" s="166">
        <v>0</v>
      </c>
      <c r="BP266" s="166">
        <v>0</v>
      </c>
      <c r="BQ266" s="166">
        <v>0</v>
      </c>
      <c r="BR266" s="166">
        <v>22088372.649999902</v>
      </c>
      <c r="BS266" s="166">
        <v>22088372.649999902</v>
      </c>
      <c r="BT266" s="168">
        <v>0</v>
      </c>
      <c r="BU266" s="166">
        <v>994537.96</v>
      </c>
      <c r="BV266" s="166">
        <v>22088372.649999902</v>
      </c>
      <c r="BW266" s="166">
        <v>0</v>
      </c>
      <c r="BX266" s="166">
        <v>0</v>
      </c>
      <c r="BY266" s="166">
        <v>0</v>
      </c>
      <c r="BZ266" s="166">
        <v>0</v>
      </c>
      <c r="CA266" s="166">
        <v>0</v>
      </c>
      <c r="CB266" s="166">
        <v>0</v>
      </c>
      <c r="CC266" s="166">
        <v>0</v>
      </c>
      <c r="CD266" s="166">
        <v>0</v>
      </c>
      <c r="CE266" s="166">
        <v>0</v>
      </c>
      <c r="CF266" s="166">
        <v>0</v>
      </c>
      <c r="CG266" s="166">
        <v>0</v>
      </c>
      <c r="CH266" s="166">
        <v>0</v>
      </c>
      <c r="CI266" s="166">
        <v>0</v>
      </c>
      <c r="CJ266" s="166">
        <v>0</v>
      </c>
      <c r="CK266" s="166">
        <v>0</v>
      </c>
      <c r="CL266" s="166">
        <v>0</v>
      </c>
      <c r="CM266" s="166">
        <v>0</v>
      </c>
      <c r="CN266" s="166">
        <v>0</v>
      </c>
      <c r="CO266" s="166">
        <v>0</v>
      </c>
      <c r="CP266" s="166">
        <v>0</v>
      </c>
      <c r="CQ266" s="166">
        <v>0</v>
      </c>
      <c r="CR266" s="166">
        <v>0</v>
      </c>
      <c r="CS266" s="166">
        <v>0</v>
      </c>
      <c r="CT266" s="166">
        <v>0</v>
      </c>
      <c r="CU266" s="166">
        <v>0</v>
      </c>
      <c r="CV266" s="166">
        <v>0</v>
      </c>
      <c r="CW266" s="166">
        <v>0</v>
      </c>
      <c r="CX266" s="166">
        <v>0</v>
      </c>
      <c r="CY266" s="166">
        <v>22088372.649999902</v>
      </c>
      <c r="CZ266" s="166">
        <v>22088372.649999902</v>
      </c>
    </row>
    <row r="267" spans="1:104" hidden="1" outlineLevel="1" x14ac:dyDescent="0.2">
      <c r="A267" s="167" t="s">
        <v>359</v>
      </c>
    </row>
    <row r="268" spans="1:104" hidden="1" outlineLevel="1" x14ac:dyDescent="0.2">
      <c r="A268" s="167" t="s">
        <v>1156</v>
      </c>
      <c r="B268" s="166">
        <v>3510108.2350260001</v>
      </c>
      <c r="C268" s="166">
        <v>3510108.2350260001</v>
      </c>
      <c r="D268" s="166">
        <v>0</v>
      </c>
      <c r="E268" s="166">
        <v>0</v>
      </c>
      <c r="F268" s="166">
        <v>0</v>
      </c>
      <c r="G268" s="166">
        <v>0</v>
      </c>
      <c r="H268" s="166">
        <v>0</v>
      </c>
      <c r="I268" s="166">
        <v>0</v>
      </c>
      <c r="J268" s="166">
        <v>0</v>
      </c>
      <c r="K268" s="166">
        <v>0</v>
      </c>
      <c r="L268" s="166">
        <v>0</v>
      </c>
      <c r="M268" s="166">
        <v>0</v>
      </c>
      <c r="N268" s="166">
        <v>0</v>
      </c>
      <c r="O268" s="166">
        <v>0</v>
      </c>
      <c r="P268" s="166">
        <v>0</v>
      </c>
      <c r="Q268" s="166">
        <v>0</v>
      </c>
      <c r="R268" s="166">
        <v>0</v>
      </c>
      <c r="S268" s="166">
        <v>0</v>
      </c>
      <c r="T268" s="166">
        <v>0</v>
      </c>
      <c r="U268" s="166">
        <v>0</v>
      </c>
      <c r="V268" s="166">
        <v>0</v>
      </c>
      <c r="W268" s="166">
        <v>0</v>
      </c>
      <c r="X268" s="166">
        <v>0</v>
      </c>
      <c r="Y268" s="166">
        <v>0</v>
      </c>
      <c r="Z268" s="166">
        <v>0</v>
      </c>
      <c r="AA268" s="166">
        <v>0</v>
      </c>
      <c r="AB268" s="166">
        <v>0</v>
      </c>
      <c r="AC268" s="166">
        <v>0</v>
      </c>
      <c r="AD268" s="166">
        <v>0</v>
      </c>
      <c r="AE268" s="166">
        <v>0</v>
      </c>
      <c r="AF268" s="166">
        <v>0</v>
      </c>
      <c r="AG268" s="166">
        <v>0</v>
      </c>
      <c r="AH268" s="166">
        <v>0</v>
      </c>
      <c r="AI268" s="166">
        <v>0</v>
      </c>
      <c r="AJ268" s="166">
        <v>0</v>
      </c>
      <c r="AK268" s="166">
        <v>0</v>
      </c>
      <c r="AL268" s="166">
        <v>0</v>
      </c>
      <c r="AM268" s="166">
        <v>0</v>
      </c>
      <c r="AN268" s="166">
        <v>0</v>
      </c>
      <c r="AO268" s="166">
        <v>0</v>
      </c>
      <c r="AP268" s="166">
        <v>0</v>
      </c>
      <c r="AQ268" s="166">
        <v>0</v>
      </c>
      <c r="AR268" s="166">
        <v>0</v>
      </c>
      <c r="AS268" s="166">
        <v>0</v>
      </c>
      <c r="AT268" s="166">
        <v>0</v>
      </c>
      <c r="AU268" s="166">
        <v>0</v>
      </c>
      <c r="AV268" s="166">
        <v>0</v>
      </c>
      <c r="AW268" s="166">
        <v>0</v>
      </c>
      <c r="AX268" s="166">
        <v>0</v>
      </c>
      <c r="AY268" s="166">
        <v>0</v>
      </c>
      <c r="AZ268" s="166">
        <v>0</v>
      </c>
      <c r="BA268" s="166">
        <v>0</v>
      </c>
      <c r="BB268" s="166">
        <v>0</v>
      </c>
      <c r="BC268" s="166">
        <v>0</v>
      </c>
      <c r="BD268" s="166">
        <v>0</v>
      </c>
      <c r="BE268" s="166">
        <v>0</v>
      </c>
      <c r="BF268" s="166">
        <v>0</v>
      </c>
      <c r="BG268" s="166">
        <v>0</v>
      </c>
      <c r="BH268" s="166">
        <v>0</v>
      </c>
      <c r="BI268" s="166">
        <v>0</v>
      </c>
      <c r="BJ268" s="166">
        <v>0</v>
      </c>
      <c r="BK268" s="166">
        <v>0</v>
      </c>
      <c r="BL268" s="166">
        <v>0</v>
      </c>
      <c r="BM268" s="166">
        <v>0</v>
      </c>
      <c r="BN268" s="166">
        <v>0</v>
      </c>
      <c r="BO268" s="166">
        <v>0</v>
      </c>
      <c r="BP268" s="166">
        <v>0</v>
      </c>
      <c r="BQ268" s="166">
        <v>0</v>
      </c>
      <c r="BR268" s="166">
        <v>3510108.2350260001</v>
      </c>
      <c r="BS268" s="166">
        <v>3510108.2350260001</v>
      </c>
      <c r="BT268" s="168">
        <v>1</v>
      </c>
      <c r="BU268" s="166">
        <v>306552.18092999898</v>
      </c>
      <c r="BV268" s="166">
        <v>3510108.2350260001</v>
      </c>
      <c r="BW268" s="166">
        <v>0</v>
      </c>
      <c r="BX268" s="166">
        <v>0</v>
      </c>
      <c r="BY268" s="166">
        <v>0</v>
      </c>
      <c r="BZ268" s="166">
        <v>0</v>
      </c>
      <c r="CA268" s="166">
        <v>0</v>
      </c>
      <c r="CB268" s="166">
        <v>0</v>
      </c>
      <c r="CC268" s="166">
        <v>0</v>
      </c>
      <c r="CD268" s="166">
        <v>0</v>
      </c>
      <c r="CE268" s="166">
        <v>0</v>
      </c>
      <c r="CF268" s="166">
        <v>0</v>
      </c>
      <c r="CG268" s="166">
        <v>0</v>
      </c>
      <c r="CH268" s="166">
        <v>0</v>
      </c>
      <c r="CI268" s="166">
        <v>0</v>
      </c>
      <c r="CJ268" s="166">
        <v>0</v>
      </c>
      <c r="CK268" s="166">
        <v>0</v>
      </c>
      <c r="CL268" s="166">
        <v>0</v>
      </c>
      <c r="CM268" s="166">
        <v>0</v>
      </c>
      <c r="CN268" s="166">
        <v>0</v>
      </c>
      <c r="CO268" s="166">
        <v>0</v>
      </c>
      <c r="CP268" s="166">
        <v>0</v>
      </c>
      <c r="CQ268" s="166">
        <v>0</v>
      </c>
      <c r="CR268" s="166">
        <v>0</v>
      </c>
      <c r="CS268" s="166">
        <v>0</v>
      </c>
      <c r="CT268" s="166">
        <v>0</v>
      </c>
      <c r="CU268" s="166">
        <v>0</v>
      </c>
      <c r="CV268" s="166">
        <v>0</v>
      </c>
      <c r="CW268" s="166">
        <v>0</v>
      </c>
      <c r="CX268" s="166">
        <v>0</v>
      </c>
      <c r="CY268" s="166">
        <v>3510108.2350260001</v>
      </c>
      <c r="CZ268" s="166">
        <v>3510108.2350260001</v>
      </c>
    </row>
    <row r="269" spans="1:104" hidden="1" outlineLevel="1" x14ac:dyDescent="0.2">
      <c r="A269" s="167" t="s">
        <v>1157</v>
      </c>
      <c r="B269" s="166">
        <v>1672935.154452</v>
      </c>
      <c r="C269" s="166">
        <v>1672935.154452</v>
      </c>
      <c r="D269" s="166">
        <v>0</v>
      </c>
      <c r="E269" s="166">
        <v>0</v>
      </c>
      <c r="F269" s="166">
        <v>0</v>
      </c>
      <c r="G269" s="166">
        <v>0</v>
      </c>
      <c r="H269" s="166">
        <v>0</v>
      </c>
      <c r="I269" s="166">
        <v>0</v>
      </c>
      <c r="J269" s="166">
        <v>0</v>
      </c>
      <c r="K269" s="166">
        <v>0</v>
      </c>
      <c r="L269" s="166">
        <v>0</v>
      </c>
      <c r="M269" s="166">
        <v>0</v>
      </c>
      <c r="N269" s="166">
        <v>0</v>
      </c>
      <c r="O269" s="166">
        <v>0</v>
      </c>
      <c r="P269" s="166">
        <v>0</v>
      </c>
      <c r="Q269" s="166">
        <v>0</v>
      </c>
      <c r="R269" s="166">
        <v>0</v>
      </c>
      <c r="S269" s="166">
        <v>0</v>
      </c>
      <c r="T269" s="166">
        <v>0</v>
      </c>
      <c r="U269" s="166">
        <v>0</v>
      </c>
      <c r="V269" s="166">
        <v>0</v>
      </c>
      <c r="W269" s="166">
        <v>0</v>
      </c>
      <c r="X269" s="166">
        <v>0</v>
      </c>
      <c r="Y269" s="166">
        <v>0</v>
      </c>
      <c r="Z269" s="166">
        <v>0</v>
      </c>
      <c r="AA269" s="166">
        <v>0</v>
      </c>
      <c r="AB269" s="166">
        <v>0</v>
      </c>
      <c r="AC269" s="166">
        <v>0</v>
      </c>
      <c r="AD269" s="166">
        <v>0</v>
      </c>
      <c r="AE269" s="166">
        <v>0</v>
      </c>
      <c r="AF269" s="166">
        <v>0</v>
      </c>
      <c r="AG269" s="166">
        <v>0</v>
      </c>
      <c r="AH269" s="166">
        <v>0</v>
      </c>
      <c r="AI269" s="166">
        <v>0</v>
      </c>
      <c r="AJ269" s="166">
        <v>0</v>
      </c>
      <c r="AK269" s="166">
        <v>0</v>
      </c>
      <c r="AL269" s="166">
        <v>0</v>
      </c>
      <c r="AM269" s="166">
        <v>0</v>
      </c>
      <c r="AN269" s="166">
        <v>0</v>
      </c>
      <c r="AO269" s="166">
        <v>0</v>
      </c>
      <c r="AP269" s="166">
        <v>0</v>
      </c>
      <c r="AQ269" s="166">
        <v>0</v>
      </c>
      <c r="AR269" s="166">
        <v>0</v>
      </c>
      <c r="AS269" s="166">
        <v>0</v>
      </c>
      <c r="AT269" s="166">
        <v>0</v>
      </c>
      <c r="AU269" s="166">
        <v>0</v>
      </c>
      <c r="AV269" s="166">
        <v>0</v>
      </c>
      <c r="AW269" s="166">
        <v>0</v>
      </c>
      <c r="AX269" s="166">
        <v>0</v>
      </c>
      <c r="AY269" s="166">
        <v>0</v>
      </c>
      <c r="AZ269" s="166">
        <v>0</v>
      </c>
      <c r="BA269" s="166">
        <v>0</v>
      </c>
      <c r="BB269" s="166">
        <v>0</v>
      </c>
      <c r="BC269" s="166">
        <v>0</v>
      </c>
      <c r="BD269" s="166">
        <v>0</v>
      </c>
      <c r="BE269" s="166">
        <v>0</v>
      </c>
      <c r="BF269" s="166">
        <v>0</v>
      </c>
      <c r="BG269" s="166">
        <v>0</v>
      </c>
      <c r="BH269" s="166">
        <v>0</v>
      </c>
      <c r="BI269" s="166">
        <v>0</v>
      </c>
      <c r="BJ269" s="166">
        <v>0</v>
      </c>
      <c r="BK269" s="166">
        <v>0</v>
      </c>
      <c r="BL269" s="166">
        <v>0</v>
      </c>
      <c r="BM269" s="166">
        <v>0</v>
      </c>
      <c r="BN269" s="166">
        <v>0</v>
      </c>
      <c r="BO269" s="166">
        <v>0</v>
      </c>
      <c r="BP269" s="166">
        <v>0</v>
      </c>
      <c r="BQ269" s="166">
        <v>0</v>
      </c>
      <c r="BR269" s="166">
        <v>1672935.154452</v>
      </c>
      <c r="BS269" s="166">
        <v>1672935.154452</v>
      </c>
      <c r="BT269" s="168">
        <v>1</v>
      </c>
      <c r="BU269" s="166">
        <v>146104.303859999</v>
      </c>
      <c r="BV269" s="166">
        <v>1672935.154452</v>
      </c>
      <c r="BW269" s="166">
        <v>0</v>
      </c>
      <c r="BX269" s="166">
        <v>0</v>
      </c>
      <c r="BY269" s="166">
        <v>0</v>
      </c>
      <c r="BZ269" s="166">
        <v>0</v>
      </c>
      <c r="CA269" s="166">
        <v>0</v>
      </c>
      <c r="CB269" s="166">
        <v>0</v>
      </c>
      <c r="CC269" s="166">
        <v>0</v>
      </c>
      <c r="CD269" s="166">
        <v>0</v>
      </c>
      <c r="CE269" s="166">
        <v>0</v>
      </c>
      <c r="CF269" s="166">
        <v>0</v>
      </c>
      <c r="CG269" s="166">
        <v>0</v>
      </c>
      <c r="CH269" s="166">
        <v>0</v>
      </c>
      <c r="CI269" s="166">
        <v>0</v>
      </c>
      <c r="CJ269" s="166">
        <v>0</v>
      </c>
      <c r="CK269" s="166">
        <v>0</v>
      </c>
      <c r="CL269" s="166">
        <v>0</v>
      </c>
      <c r="CM269" s="166">
        <v>0</v>
      </c>
      <c r="CN269" s="166">
        <v>0</v>
      </c>
      <c r="CO269" s="166">
        <v>0</v>
      </c>
      <c r="CP269" s="166">
        <v>0</v>
      </c>
      <c r="CQ269" s="166">
        <v>0</v>
      </c>
      <c r="CR269" s="166">
        <v>0</v>
      </c>
      <c r="CS269" s="166">
        <v>0</v>
      </c>
      <c r="CT269" s="166">
        <v>0</v>
      </c>
      <c r="CU269" s="166">
        <v>0</v>
      </c>
      <c r="CV269" s="166">
        <v>0</v>
      </c>
      <c r="CW269" s="166">
        <v>0</v>
      </c>
      <c r="CX269" s="166">
        <v>0</v>
      </c>
      <c r="CY269" s="166">
        <v>1672935.154452</v>
      </c>
      <c r="CZ269" s="166">
        <v>1672935.154452</v>
      </c>
    </row>
    <row r="270" spans="1:104" hidden="1" outlineLevel="1" x14ac:dyDescent="0.2">
      <c r="A270" s="167" t="s">
        <v>1158</v>
      </c>
      <c r="B270" s="166">
        <v>1182767.70052199</v>
      </c>
      <c r="C270" s="166">
        <v>1182767.70052199</v>
      </c>
      <c r="D270" s="166">
        <v>0</v>
      </c>
      <c r="E270" s="166">
        <v>0</v>
      </c>
      <c r="F270" s="166">
        <v>0</v>
      </c>
      <c r="G270" s="166">
        <v>0</v>
      </c>
      <c r="H270" s="166">
        <v>0</v>
      </c>
      <c r="I270" s="166">
        <v>0</v>
      </c>
      <c r="J270" s="166">
        <v>0</v>
      </c>
      <c r="K270" s="166">
        <v>0</v>
      </c>
      <c r="L270" s="166">
        <v>0</v>
      </c>
      <c r="M270" s="166">
        <v>0</v>
      </c>
      <c r="N270" s="166">
        <v>0</v>
      </c>
      <c r="O270" s="166">
        <v>0</v>
      </c>
      <c r="P270" s="166">
        <v>0</v>
      </c>
      <c r="Q270" s="166">
        <v>0</v>
      </c>
      <c r="R270" s="166">
        <v>0</v>
      </c>
      <c r="S270" s="166">
        <v>0</v>
      </c>
      <c r="T270" s="166">
        <v>0</v>
      </c>
      <c r="U270" s="166">
        <v>0</v>
      </c>
      <c r="V270" s="166">
        <v>0</v>
      </c>
      <c r="W270" s="166">
        <v>0</v>
      </c>
      <c r="X270" s="166">
        <v>0</v>
      </c>
      <c r="Y270" s="166">
        <v>0</v>
      </c>
      <c r="Z270" s="166">
        <v>0</v>
      </c>
      <c r="AA270" s="166">
        <v>0</v>
      </c>
      <c r="AB270" s="166">
        <v>0</v>
      </c>
      <c r="AC270" s="166">
        <v>0</v>
      </c>
      <c r="AD270" s="166">
        <v>0</v>
      </c>
      <c r="AE270" s="166">
        <v>0</v>
      </c>
      <c r="AF270" s="166">
        <v>0</v>
      </c>
      <c r="AG270" s="166">
        <v>0</v>
      </c>
      <c r="AH270" s="166">
        <v>0</v>
      </c>
      <c r="AI270" s="166">
        <v>0</v>
      </c>
      <c r="AJ270" s="166">
        <v>0</v>
      </c>
      <c r="AK270" s="166">
        <v>0</v>
      </c>
      <c r="AL270" s="166">
        <v>0</v>
      </c>
      <c r="AM270" s="166">
        <v>0</v>
      </c>
      <c r="AN270" s="166">
        <v>0</v>
      </c>
      <c r="AO270" s="166">
        <v>0</v>
      </c>
      <c r="AP270" s="166">
        <v>0</v>
      </c>
      <c r="AQ270" s="166">
        <v>0</v>
      </c>
      <c r="AR270" s="166">
        <v>0</v>
      </c>
      <c r="AS270" s="166">
        <v>0</v>
      </c>
      <c r="AT270" s="166">
        <v>0</v>
      </c>
      <c r="AU270" s="166">
        <v>0</v>
      </c>
      <c r="AV270" s="166">
        <v>0</v>
      </c>
      <c r="AW270" s="166">
        <v>0</v>
      </c>
      <c r="AX270" s="166">
        <v>0</v>
      </c>
      <c r="AY270" s="166">
        <v>0</v>
      </c>
      <c r="AZ270" s="166">
        <v>0</v>
      </c>
      <c r="BA270" s="166">
        <v>0</v>
      </c>
      <c r="BB270" s="166">
        <v>0</v>
      </c>
      <c r="BC270" s="166">
        <v>0</v>
      </c>
      <c r="BD270" s="166">
        <v>0</v>
      </c>
      <c r="BE270" s="166">
        <v>0</v>
      </c>
      <c r="BF270" s="166">
        <v>0</v>
      </c>
      <c r="BG270" s="166">
        <v>0</v>
      </c>
      <c r="BH270" s="166">
        <v>0</v>
      </c>
      <c r="BI270" s="166">
        <v>0</v>
      </c>
      <c r="BJ270" s="166">
        <v>0</v>
      </c>
      <c r="BK270" s="166">
        <v>0</v>
      </c>
      <c r="BL270" s="166">
        <v>0</v>
      </c>
      <c r="BM270" s="166">
        <v>0</v>
      </c>
      <c r="BN270" s="166">
        <v>0</v>
      </c>
      <c r="BO270" s="166">
        <v>0</v>
      </c>
      <c r="BP270" s="166">
        <v>0</v>
      </c>
      <c r="BQ270" s="166">
        <v>0</v>
      </c>
      <c r="BR270" s="166">
        <v>1182767.70052199</v>
      </c>
      <c r="BS270" s="166">
        <v>1182767.70052199</v>
      </c>
      <c r="BT270" s="168">
        <v>1</v>
      </c>
      <c r="BU270" s="166">
        <v>103295.96520999901</v>
      </c>
      <c r="BV270" s="166">
        <v>1182767.70052199</v>
      </c>
      <c r="BW270" s="166">
        <v>0</v>
      </c>
      <c r="BX270" s="166">
        <v>0</v>
      </c>
      <c r="BY270" s="166">
        <v>0</v>
      </c>
      <c r="BZ270" s="166">
        <v>0</v>
      </c>
      <c r="CA270" s="166">
        <v>0</v>
      </c>
      <c r="CB270" s="166">
        <v>0</v>
      </c>
      <c r="CC270" s="166">
        <v>0</v>
      </c>
      <c r="CD270" s="166">
        <v>0</v>
      </c>
      <c r="CE270" s="166">
        <v>0</v>
      </c>
      <c r="CF270" s="166">
        <v>0</v>
      </c>
      <c r="CG270" s="166">
        <v>0</v>
      </c>
      <c r="CH270" s="166">
        <v>0</v>
      </c>
      <c r="CI270" s="166">
        <v>0</v>
      </c>
      <c r="CJ270" s="166">
        <v>0</v>
      </c>
      <c r="CK270" s="166">
        <v>0</v>
      </c>
      <c r="CL270" s="166">
        <v>0</v>
      </c>
      <c r="CM270" s="166">
        <v>0</v>
      </c>
      <c r="CN270" s="166">
        <v>0</v>
      </c>
      <c r="CO270" s="166">
        <v>0</v>
      </c>
      <c r="CP270" s="166">
        <v>0</v>
      </c>
      <c r="CQ270" s="166">
        <v>0</v>
      </c>
      <c r="CR270" s="166">
        <v>0</v>
      </c>
      <c r="CS270" s="166">
        <v>0</v>
      </c>
      <c r="CT270" s="166">
        <v>0</v>
      </c>
      <c r="CU270" s="166">
        <v>0</v>
      </c>
      <c r="CV270" s="166">
        <v>0</v>
      </c>
      <c r="CW270" s="166">
        <v>0</v>
      </c>
      <c r="CX270" s="166">
        <v>0</v>
      </c>
      <c r="CY270" s="166">
        <v>1182767.70052199</v>
      </c>
      <c r="CZ270" s="166">
        <v>1182767.70052199</v>
      </c>
    </row>
    <row r="271" spans="1:104" hidden="1" outlineLevel="1" x14ac:dyDescent="0.2">
      <c r="A271" s="167" t="s">
        <v>1159</v>
      </c>
      <c r="B271" s="166">
        <v>6365811.0899999896</v>
      </c>
      <c r="C271" s="166">
        <v>6365811.0899999896</v>
      </c>
      <c r="D271" s="166">
        <v>0</v>
      </c>
      <c r="E271" s="166">
        <v>0</v>
      </c>
      <c r="F271" s="166">
        <v>0</v>
      </c>
      <c r="G271" s="166">
        <v>0</v>
      </c>
      <c r="H271" s="166">
        <v>0</v>
      </c>
      <c r="I271" s="166">
        <v>0</v>
      </c>
      <c r="J271" s="166">
        <v>0</v>
      </c>
      <c r="K271" s="166">
        <v>0</v>
      </c>
      <c r="L271" s="166">
        <v>0</v>
      </c>
      <c r="M271" s="166">
        <v>0</v>
      </c>
      <c r="N271" s="166">
        <v>0</v>
      </c>
      <c r="O271" s="166">
        <v>0</v>
      </c>
      <c r="P271" s="166">
        <v>0</v>
      </c>
      <c r="Q271" s="166">
        <v>0</v>
      </c>
      <c r="R271" s="166">
        <v>0</v>
      </c>
      <c r="S271" s="166">
        <v>0</v>
      </c>
      <c r="T271" s="166">
        <v>0</v>
      </c>
      <c r="U271" s="166">
        <v>0</v>
      </c>
      <c r="V271" s="166">
        <v>0</v>
      </c>
      <c r="W271" s="166">
        <v>0</v>
      </c>
      <c r="X271" s="166">
        <v>0</v>
      </c>
      <c r="Y271" s="166">
        <v>0</v>
      </c>
      <c r="Z271" s="166">
        <v>0</v>
      </c>
      <c r="AA271" s="166">
        <v>0</v>
      </c>
      <c r="AB271" s="166">
        <v>0</v>
      </c>
      <c r="AC271" s="166">
        <v>0</v>
      </c>
      <c r="AD271" s="166">
        <v>0</v>
      </c>
      <c r="AE271" s="166">
        <v>0</v>
      </c>
      <c r="AF271" s="166">
        <v>0</v>
      </c>
      <c r="AG271" s="166">
        <v>0</v>
      </c>
      <c r="AH271" s="166">
        <v>0</v>
      </c>
      <c r="AI271" s="166">
        <v>0</v>
      </c>
      <c r="AJ271" s="166">
        <v>0</v>
      </c>
      <c r="AK271" s="166">
        <v>0</v>
      </c>
      <c r="AL271" s="166">
        <v>0</v>
      </c>
      <c r="AM271" s="166">
        <v>0</v>
      </c>
      <c r="AN271" s="166">
        <v>0</v>
      </c>
      <c r="AO271" s="166">
        <v>0</v>
      </c>
      <c r="AP271" s="166">
        <v>0</v>
      </c>
      <c r="AQ271" s="166">
        <v>0</v>
      </c>
      <c r="AR271" s="166">
        <v>0</v>
      </c>
      <c r="AS271" s="166">
        <v>0</v>
      </c>
      <c r="AT271" s="166">
        <v>0</v>
      </c>
      <c r="AU271" s="166">
        <v>0</v>
      </c>
      <c r="AV271" s="166">
        <v>0</v>
      </c>
      <c r="AW271" s="166">
        <v>0</v>
      </c>
      <c r="AX271" s="166">
        <v>0</v>
      </c>
      <c r="AY271" s="166">
        <v>0</v>
      </c>
      <c r="AZ271" s="166">
        <v>0</v>
      </c>
      <c r="BA271" s="166">
        <v>0</v>
      </c>
      <c r="BB271" s="166">
        <v>0</v>
      </c>
      <c r="BC271" s="166">
        <v>0</v>
      </c>
      <c r="BD271" s="166">
        <v>0</v>
      </c>
      <c r="BE271" s="166">
        <v>0</v>
      </c>
      <c r="BF271" s="166">
        <v>0</v>
      </c>
      <c r="BG271" s="166">
        <v>0</v>
      </c>
      <c r="BH271" s="166">
        <v>0</v>
      </c>
      <c r="BI271" s="166">
        <v>0</v>
      </c>
      <c r="BJ271" s="166">
        <v>0</v>
      </c>
      <c r="BK271" s="166">
        <v>0</v>
      </c>
      <c r="BL271" s="166">
        <v>0</v>
      </c>
      <c r="BM271" s="166">
        <v>0</v>
      </c>
      <c r="BN271" s="166">
        <v>0</v>
      </c>
      <c r="BO271" s="166">
        <v>0</v>
      </c>
      <c r="BP271" s="166">
        <v>0</v>
      </c>
      <c r="BQ271" s="166">
        <v>0</v>
      </c>
      <c r="BR271" s="166">
        <v>6365811.0899999896</v>
      </c>
      <c r="BS271" s="166">
        <v>6365811.0899999896</v>
      </c>
      <c r="BT271" s="168">
        <v>0</v>
      </c>
      <c r="BU271" s="166">
        <v>555952.44999999902</v>
      </c>
      <c r="BV271" s="166">
        <v>6365811.0899999896</v>
      </c>
      <c r="BW271" s="166">
        <v>0</v>
      </c>
      <c r="BX271" s="166">
        <v>0</v>
      </c>
      <c r="BY271" s="166">
        <v>0</v>
      </c>
      <c r="BZ271" s="166">
        <v>0</v>
      </c>
      <c r="CA271" s="166">
        <v>0</v>
      </c>
      <c r="CB271" s="166">
        <v>0</v>
      </c>
      <c r="CC271" s="166">
        <v>0</v>
      </c>
      <c r="CD271" s="166">
        <v>0</v>
      </c>
      <c r="CE271" s="166">
        <v>0</v>
      </c>
      <c r="CF271" s="166">
        <v>0</v>
      </c>
      <c r="CG271" s="166">
        <v>0</v>
      </c>
      <c r="CH271" s="166">
        <v>0</v>
      </c>
      <c r="CI271" s="166">
        <v>0</v>
      </c>
      <c r="CJ271" s="166">
        <v>0</v>
      </c>
      <c r="CK271" s="166">
        <v>0</v>
      </c>
      <c r="CL271" s="166">
        <v>0</v>
      </c>
      <c r="CM271" s="166">
        <v>0</v>
      </c>
      <c r="CN271" s="166">
        <v>0</v>
      </c>
      <c r="CO271" s="166">
        <v>0</v>
      </c>
      <c r="CP271" s="166">
        <v>0</v>
      </c>
      <c r="CQ271" s="166">
        <v>0</v>
      </c>
      <c r="CR271" s="166">
        <v>0</v>
      </c>
      <c r="CS271" s="166">
        <v>0</v>
      </c>
      <c r="CT271" s="166">
        <v>0</v>
      </c>
      <c r="CU271" s="166">
        <v>0</v>
      </c>
      <c r="CV271" s="166">
        <v>0</v>
      </c>
      <c r="CW271" s="166">
        <v>0</v>
      </c>
      <c r="CX271" s="166">
        <v>0</v>
      </c>
      <c r="CY271" s="166">
        <v>6365811.0899999896</v>
      </c>
      <c r="CZ271" s="166">
        <v>6365811.0899999896</v>
      </c>
    </row>
    <row r="272" spans="1:104" hidden="1" outlineLevel="1" x14ac:dyDescent="0.2">
      <c r="A272" s="167" t="s">
        <v>364</v>
      </c>
    </row>
    <row r="273" spans="1:104" hidden="1" outlineLevel="1" x14ac:dyDescent="0.2">
      <c r="A273" s="167" t="s">
        <v>1160</v>
      </c>
      <c r="B273" s="166">
        <v>181251.36</v>
      </c>
      <c r="C273" s="166">
        <v>181251.36</v>
      </c>
      <c r="D273" s="166">
        <v>0</v>
      </c>
      <c r="E273" s="166">
        <v>0</v>
      </c>
      <c r="F273" s="166">
        <v>0</v>
      </c>
      <c r="G273" s="166">
        <v>0</v>
      </c>
      <c r="H273" s="166">
        <v>0</v>
      </c>
      <c r="I273" s="166">
        <v>0</v>
      </c>
      <c r="J273" s="166">
        <v>0</v>
      </c>
      <c r="K273" s="166">
        <v>0</v>
      </c>
      <c r="L273" s="166">
        <v>0</v>
      </c>
      <c r="M273" s="166">
        <v>0</v>
      </c>
      <c r="N273" s="166">
        <v>0</v>
      </c>
      <c r="O273" s="166">
        <v>0</v>
      </c>
      <c r="P273" s="166">
        <v>0</v>
      </c>
      <c r="Q273" s="166">
        <v>0</v>
      </c>
      <c r="R273" s="166">
        <v>0</v>
      </c>
      <c r="S273" s="166">
        <v>0</v>
      </c>
      <c r="T273" s="166">
        <v>0</v>
      </c>
      <c r="U273" s="166">
        <v>0</v>
      </c>
      <c r="V273" s="166">
        <v>0</v>
      </c>
      <c r="W273" s="166">
        <v>0</v>
      </c>
      <c r="X273" s="166">
        <v>0</v>
      </c>
      <c r="Y273" s="166">
        <v>0</v>
      </c>
      <c r="Z273" s="166">
        <v>0</v>
      </c>
      <c r="AA273" s="166">
        <v>0</v>
      </c>
      <c r="AB273" s="166">
        <v>0</v>
      </c>
      <c r="AC273" s="166">
        <v>0</v>
      </c>
      <c r="AD273" s="166">
        <v>0</v>
      </c>
      <c r="AE273" s="166">
        <v>0</v>
      </c>
      <c r="AF273" s="166">
        <v>0</v>
      </c>
      <c r="AG273" s="166">
        <v>0</v>
      </c>
      <c r="AH273" s="166">
        <v>0</v>
      </c>
      <c r="AI273" s="166">
        <v>0</v>
      </c>
      <c r="AJ273" s="166">
        <v>0</v>
      </c>
      <c r="AK273" s="166">
        <v>0</v>
      </c>
      <c r="AL273" s="166">
        <v>0</v>
      </c>
      <c r="AM273" s="166">
        <v>0</v>
      </c>
      <c r="AN273" s="166">
        <v>0</v>
      </c>
      <c r="AO273" s="166">
        <v>0</v>
      </c>
      <c r="AP273" s="166">
        <v>0</v>
      </c>
      <c r="AQ273" s="166">
        <v>0</v>
      </c>
      <c r="AR273" s="166">
        <v>0</v>
      </c>
      <c r="AS273" s="166">
        <v>0</v>
      </c>
      <c r="AT273" s="166">
        <v>0</v>
      </c>
      <c r="AU273" s="166">
        <v>0</v>
      </c>
      <c r="AV273" s="166">
        <v>0</v>
      </c>
      <c r="AW273" s="166">
        <v>0</v>
      </c>
      <c r="AX273" s="166">
        <v>0</v>
      </c>
      <c r="AY273" s="166">
        <v>0</v>
      </c>
      <c r="AZ273" s="166">
        <v>0</v>
      </c>
      <c r="BA273" s="166">
        <v>0</v>
      </c>
      <c r="BB273" s="166">
        <v>0</v>
      </c>
      <c r="BC273" s="166">
        <v>0</v>
      </c>
      <c r="BD273" s="166">
        <v>0</v>
      </c>
      <c r="BE273" s="166">
        <v>0</v>
      </c>
      <c r="BF273" s="166">
        <v>0</v>
      </c>
      <c r="BG273" s="166">
        <v>0</v>
      </c>
      <c r="BH273" s="166">
        <v>0</v>
      </c>
      <c r="BI273" s="166">
        <v>0</v>
      </c>
      <c r="BJ273" s="166">
        <v>0</v>
      </c>
      <c r="BK273" s="166">
        <v>0</v>
      </c>
      <c r="BL273" s="166">
        <v>0</v>
      </c>
      <c r="BM273" s="166">
        <v>0</v>
      </c>
      <c r="BN273" s="166">
        <v>0</v>
      </c>
      <c r="BO273" s="166">
        <v>0</v>
      </c>
      <c r="BP273" s="166">
        <v>0</v>
      </c>
      <c r="BQ273" s="166">
        <v>0</v>
      </c>
      <c r="BR273" s="166">
        <v>181251.36</v>
      </c>
      <c r="BS273" s="166">
        <v>181251.36</v>
      </c>
      <c r="BT273" s="168">
        <v>1</v>
      </c>
      <c r="BU273" s="166">
        <v>16539.359999999899</v>
      </c>
      <c r="BV273" s="166">
        <v>181251.36</v>
      </c>
      <c r="BW273" s="166">
        <v>0</v>
      </c>
      <c r="BX273" s="166">
        <v>0</v>
      </c>
      <c r="BY273" s="166">
        <v>0</v>
      </c>
      <c r="BZ273" s="166">
        <v>0</v>
      </c>
      <c r="CA273" s="166">
        <v>0</v>
      </c>
      <c r="CB273" s="166">
        <v>0</v>
      </c>
      <c r="CC273" s="166">
        <v>0</v>
      </c>
      <c r="CD273" s="166">
        <v>0</v>
      </c>
      <c r="CE273" s="166">
        <v>0</v>
      </c>
      <c r="CF273" s="166">
        <v>0</v>
      </c>
      <c r="CG273" s="166">
        <v>0</v>
      </c>
      <c r="CH273" s="166">
        <v>0</v>
      </c>
      <c r="CI273" s="166">
        <v>0</v>
      </c>
      <c r="CJ273" s="166">
        <v>0</v>
      </c>
      <c r="CK273" s="166">
        <v>0</v>
      </c>
      <c r="CL273" s="166">
        <v>0</v>
      </c>
      <c r="CM273" s="166">
        <v>0</v>
      </c>
      <c r="CN273" s="166">
        <v>0</v>
      </c>
      <c r="CO273" s="166">
        <v>0</v>
      </c>
      <c r="CP273" s="166">
        <v>0</v>
      </c>
      <c r="CQ273" s="166">
        <v>0</v>
      </c>
      <c r="CR273" s="166">
        <v>0</v>
      </c>
      <c r="CS273" s="166">
        <v>0</v>
      </c>
      <c r="CT273" s="166">
        <v>0</v>
      </c>
      <c r="CU273" s="166">
        <v>0</v>
      </c>
      <c r="CV273" s="166">
        <v>0</v>
      </c>
      <c r="CW273" s="166">
        <v>0</v>
      </c>
      <c r="CX273" s="166">
        <v>0</v>
      </c>
      <c r="CY273" s="166">
        <v>181251.36</v>
      </c>
      <c r="CZ273" s="166">
        <v>181251.36</v>
      </c>
    </row>
    <row r="274" spans="1:104" hidden="1" outlineLevel="1" x14ac:dyDescent="0.2">
      <c r="A274" s="167" t="s">
        <v>366</v>
      </c>
    </row>
    <row r="275" spans="1:104" hidden="1" outlineLevel="1" x14ac:dyDescent="0.2">
      <c r="A275" s="167" t="s">
        <v>1161</v>
      </c>
      <c r="B275" s="166">
        <v>1308406.3799999999</v>
      </c>
      <c r="C275" s="166">
        <v>1308406.3799999999</v>
      </c>
      <c r="D275" s="166">
        <v>0</v>
      </c>
      <c r="E275" s="166">
        <v>0</v>
      </c>
      <c r="F275" s="166">
        <v>0</v>
      </c>
      <c r="G275" s="166">
        <v>0</v>
      </c>
      <c r="H275" s="166">
        <v>0</v>
      </c>
      <c r="I275" s="166">
        <v>0</v>
      </c>
      <c r="J275" s="166">
        <v>0</v>
      </c>
      <c r="K275" s="166">
        <v>0</v>
      </c>
      <c r="L275" s="166">
        <v>0</v>
      </c>
      <c r="M275" s="166">
        <v>0</v>
      </c>
      <c r="N275" s="166">
        <v>0</v>
      </c>
      <c r="O275" s="166">
        <v>0</v>
      </c>
      <c r="P275" s="166">
        <v>0</v>
      </c>
      <c r="Q275" s="166">
        <v>0</v>
      </c>
      <c r="R275" s="166">
        <v>0</v>
      </c>
      <c r="S275" s="166">
        <v>0</v>
      </c>
      <c r="T275" s="166">
        <v>0</v>
      </c>
      <c r="U275" s="166">
        <v>0</v>
      </c>
      <c r="V275" s="166">
        <v>0</v>
      </c>
      <c r="W275" s="166">
        <v>0</v>
      </c>
      <c r="X275" s="166">
        <v>0</v>
      </c>
      <c r="Y275" s="166">
        <v>0</v>
      </c>
      <c r="Z275" s="166">
        <v>0</v>
      </c>
      <c r="AA275" s="166">
        <v>0</v>
      </c>
      <c r="AB275" s="166">
        <v>0</v>
      </c>
      <c r="AC275" s="166">
        <v>0</v>
      </c>
      <c r="AD275" s="166">
        <v>0</v>
      </c>
      <c r="AE275" s="166">
        <v>0</v>
      </c>
      <c r="AF275" s="166">
        <v>0</v>
      </c>
      <c r="AG275" s="166">
        <v>0</v>
      </c>
      <c r="AH275" s="166">
        <v>0</v>
      </c>
      <c r="AI275" s="166">
        <v>0</v>
      </c>
      <c r="AJ275" s="166">
        <v>0</v>
      </c>
      <c r="AK275" s="166">
        <v>0</v>
      </c>
      <c r="AL275" s="166">
        <v>0</v>
      </c>
      <c r="AM275" s="166">
        <v>0</v>
      </c>
      <c r="AN275" s="166">
        <v>0</v>
      </c>
      <c r="AO275" s="166">
        <v>0</v>
      </c>
      <c r="AP275" s="166">
        <v>0</v>
      </c>
      <c r="AQ275" s="166">
        <v>0</v>
      </c>
      <c r="AR275" s="166">
        <v>0</v>
      </c>
      <c r="AS275" s="166">
        <v>0</v>
      </c>
      <c r="AT275" s="166">
        <v>0</v>
      </c>
      <c r="AU275" s="166">
        <v>0</v>
      </c>
      <c r="AV275" s="166">
        <v>0</v>
      </c>
      <c r="AW275" s="166">
        <v>0</v>
      </c>
      <c r="AX275" s="166">
        <v>0</v>
      </c>
      <c r="AY275" s="166">
        <v>0</v>
      </c>
      <c r="AZ275" s="166">
        <v>0</v>
      </c>
      <c r="BA275" s="166">
        <v>0</v>
      </c>
      <c r="BB275" s="166">
        <v>0</v>
      </c>
      <c r="BC275" s="166">
        <v>0</v>
      </c>
      <c r="BD275" s="166">
        <v>0</v>
      </c>
      <c r="BE275" s="166">
        <v>0</v>
      </c>
      <c r="BF275" s="166">
        <v>0</v>
      </c>
      <c r="BG275" s="166">
        <v>0</v>
      </c>
      <c r="BH275" s="166">
        <v>0</v>
      </c>
      <c r="BI275" s="166">
        <v>0</v>
      </c>
      <c r="BJ275" s="166">
        <v>0</v>
      </c>
      <c r="BK275" s="166">
        <v>0</v>
      </c>
      <c r="BL275" s="166">
        <v>0</v>
      </c>
      <c r="BM275" s="166">
        <v>0</v>
      </c>
      <c r="BN275" s="166">
        <v>0</v>
      </c>
      <c r="BO275" s="166">
        <v>0</v>
      </c>
      <c r="BP275" s="166">
        <v>0</v>
      </c>
      <c r="BQ275" s="166">
        <v>0</v>
      </c>
      <c r="BR275" s="166">
        <v>1308406.3799999999</v>
      </c>
      <c r="BS275" s="166">
        <v>1308406.3799999999</v>
      </c>
      <c r="BT275" s="168">
        <v>1</v>
      </c>
      <c r="BU275" s="166">
        <v>291174.87</v>
      </c>
      <c r="BV275" s="166">
        <v>1308406.3799999999</v>
      </c>
      <c r="BW275" s="166">
        <v>0</v>
      </c>
      <c r="BX275" s="166">
        <v>0</v>
      </c>
      <c r="BY275" s="166">
        <v>0</v>
      </c>
      <c r="BZ275" s="166">
        <v>0</v>
      </c>
      <c r="CA275" s="166">
        <v>0</v>
      </c>
      <c r="CB275" s="166">
        <v>0</v>
      </c>
      <c r="CC275" s="166">
        <v>0</v>
      </c>
      <c r="CD275" s="166">
        <v>0</v>
      </c>
      <c r="CE275" s="166">
        <v>0</v>
      </c>
      <c r="CF275" s="166">
        <v>0</v>
      </c>
      <c r="CG275" s="166">
        <v>0</v>
      </c>
      <c r="CH275" s="166">
        <v>0</v>
      </c>
      <c r="CI275" s="166">
        <v>0</v>
      </c>
      <c r="CJ275" s="166">
        <v>0</v>
      </c>
      <c r="CK275" s="166">
        <v>0</v>
      </c>
      <c r="CL275" s="166">
        <v>0</v>
      </c>
      <c r="CM275" s="166">
        <v>0</v>
      </c>
      <c r="CN275" s="166">
        <v>0</v>
      </c>
      <c r="CO275" s="166">
        <v>0</v>
      </c>
      <c r="CP275" s="166">
        <v>0</v>
      </c>
      <c r="CQ275" s="166">
        <v>0</v>
      </c>
      <c r="CR275" s="166">
        <v>0</v>
      </c>
      <c r="CS275" s="166">
        <v>0</v>
      </c>
      <c r="CT275" s="166">
        <v>0</v>
      </c>
      <c r="CU275" s="166">
        <v>0</v>
      </c>
      <c r="CV275" s="166">
        <v>0</v>
      </c>
      <c r="CW275" s="166">
        <v>0</v>
      </c>
      <c r="CX275" s="166">
        <v>0</v>
      </c>
      <c r="CY275" s="166">
        <v>1308406.3799999999</v>
      </c>
      <c r="CZ275" s="166">
        <v>1308406.3799999999</v>
      </c>
    </row>
    <row r="276" spans="1:104" hidden="1" outlineLevel="1" x14ac:dyDescent="0.2">
      <c r="A276" s="167" t="s">
        <v>368</v>
      </c>
    </row>
    <row r="277" spans="1:104" hidden="1" outlineLevel="1" x14ac:dyDescent="0.2">
      <c r="A277" s="167" t="s">
        <v>1162</v>
      </c>
      <c r="B277" s="166">
        <v>2071250.09</v>
      </c>
      <c r="C277" s="166">
        <v>2071250.09</v>
      </c>
      <c r="D277" s="166">
        <v>0</v>
      </c>
      <c r="E277" s="166">
        <v>0</v>
      </c>
      <c r="F277" s="166">
        <v>0</v>
      </c>
      <c r="G277" s="166">
        <v>0</v>
      </c>
      <c r="H277" s="166">
        <v>0</v>
      </c>
      <c r="I277" s="166">
        <v>0</v>
      </c>
      <c r="J277" s="166">
        <v>0</v>
      </c>
      <c r="K277" s="166">
        <v>0</v>
      </c>
      <c r="L277" s="166">
        <v>0</v>
      </c>
      <c r="M277" s="166">
        <v>0</v>
      </c>
      <c r="N277" s="166">
        <v>0</v>
      </c>
      <c r="O277" s="166">
        <v>0</v>
      </c>
      <c r="P277" s="166">
        <v>0</v>
      </c>
      <c r="Q277" s="166">
        <v>0</v>
      </c>
      <c r="R277" s="166">
        <v>0</v>
      </c>
      <c r="S277" s="166">
        <v>0</v>
      </c>
      <c r="T277" s="166">
        <v>0</v>
      </c>
      <c r="U277" s="166">
        <v>0</v>
      </c>
      <c r="V277" s="166">
        <v>0</v>
      </c>
      <c r="W277" s="166">
        <v>0</v>
      </c>
      <c r="X277" s="166">
        <v>0</v>
      </c>
      <c r="Y277" s="166">
        <v>0</v>
      </c>
      <c r="Z277" s="166">
        <v>0</v>
      </c>
      <c r="AA277" s="166">
        <v>0</v>
      </c>
      <c r="AB277" s="166">
        <v>0</v>
      </c>
      <c r="AC277" s="166">
        <v>0</v>
      </c>
      <c r="AD277" s="166">
        <v>0</v>
      </c>
      <c r="AE277" s="166">
        <v>0</v>
      </c>
      <c r="AF277" s="166">
        <v>0</v>
      </c>
      <c r="AG277" s="166">
        <v>0</v>
      </c>
      <c r="AH277" s="166">
        <v>0</v>
      </c>
      <c r="AI277" s="166">
        <v>0</v>
      </c>
      <c r="AJ277" s="166">
        <v>0</v>
      </c>
      <c r="AK277" s="166">
        <v>0</v>
      </c>
      <c r="AL277" s="166">
        <v>0</v>
      </c>
      <c r="AM277" s="166">
        <v>0</v>
      </c>
      <c r="AN277" s="166">
        <v>0</v>
      </c>
      <c r="AO277" s="166">
        <v>0</v>
      </c>
      <c r="AP277" s="166">
        <v>0</v>
      </c>
      <c r="AQ277" s="166">
        <v>0</v>
      </c>
      <c r="AR277" s="166">
        <v>0</v>
      </c>
      <c r="AS277" s="166">
        <v>0</v>
      </c>
      <c r="AT277" s="166">
        <v>0</v>
      </c>
      <c r="AU277" s="166">
        <v>0</v>
      </c>
      <c r="AV277" s="166">
        <v>0</v>
      </c>
      <c r="AW277" s="166">
        <v>0</v>
      </c>
      <c r="AX277" s="166">
        <v>0</v>
      </c>
      <c r="AY277" s="166">
        <v>0</v>
      </c>
      <c r="AZ277" s="166">
        <v>0</v>
      </c>
      <c r="BA277" s="166">
        <v>0</v>
      </c>
      <c r="BB277" s="166">
        <v>0</v>
      </c>
      <c r="BC277" s="166">
        <v>0</v>
      </c>
      <c r="BD277" s="166">
        <v>0</v>
      </c>
      <c r="BE277" s="166">
        <v>0</v>
      </c>
      <c r="BF277" s="166">
        <v>0</v>
      </c>
      <c r="BG277" s="166">
        <v>0</v>
      </c>
      <c r="BH277" s="166">
        <v>0</v>
      </c>
      <c r="BI277" s="166">
        <v>0</v>
      </c>
      <c r="BJ277" s="166">
        <v>0</v>
      </c>
      <c r="BK277" s="166">
        <v>0</v>
      </c>
      <c r="BL277" s="166">
        <v>0</v>
      </c>
      <c r="BM277" s="166">
        <v>0</v>
      </c>
      <c r="BN277" s="166">
        <v>0</v>
      </c>
      <c r="BO277" s="166">
        <v>0</v>
      </c>
      <c r="BP277" s="166">
        <v>0</v>
      </c>
      <c r="BQ277" s="166">
        <v>0</v>
      </c>
      <c r="BR277" s="166">
        <v>2071250.09</v>
      </c>
      <c r="BS277" s="166">
        <v>2071250.09</v>
      </c>
      <c r="BT277" s="168">
        <v>0.98770000000000002</v>
      </c>
      <c r="BU277" s="166">
        <v>253278.31111099999</v>
      </c>
      <c r="BV277" s="166">
        <v>2045773.713893</v>
      </c>
      <c r="BW277" s="166">
        <v>0</v>
      </c>
      <c r="BX277" s="166">
        <v>0</v>
      </c>
      <c r="BY277" s="166">
        <v>0</v>
      </c>
      <c r="BZ277" s="166">
        <v>0</v>
      </c>
      <c r="CA277" s="166">
        <v>0</v>
      </c>
      <c r="CB277" s="166">
        <v>0</v>
      </c>
      <c r="CC277" s="166">
        <v>0</v>
      </c>
      <c r="CD277" s="166">
        <v>0</v>
      </c>
      <c r="CE277" s="166">
        <v>0</v>
      </c>
      <c r="CF277" s="166">
        <v>0</v>
      </c>
      <c r="CG277" s="166">
        <v>0</v>
      </c>
      <c r="CH277" s="166">
        <v>0</v>
      </c>
      <c r="CI277" s="166">
        <v>0</v>
      </c>
      <c r="CJ277" s="166">
        <v>0</v>
      </c>
      <c r="CK277" s="166">
        <v>0</v>
      </c>
      <c r="CL277" s="166">
        <v>0</v>
      </c>
      <c r="CM277" s="166">
        <v>0</v>
      </c>
      <c r="CN277" s="166">
        <v>0</v>
      </c>
      <c r="CO277" s="166">
        <v>0</v>
      </c>
      <c r="CP277" s="166">
        <v>0</v>
      </c>
      <c r="CQ277" s="166">
        <v>0</v>
      </c>
      <c r="CR277" s="166">
        <v>0</v>
      </c>
      <c r="CS277" s="166">
        <v>0</v>
      </c>
      <c r="CT277" s="166">
        <v>0</v>
      </c>
      <c r="CU277" s="166">
        <v>0</v>
      </c>
      <c r="CV277" s="166">
        <v>0</v>
      </c>
      <c r="CW277" s="166">
        <v>0</v>
      </c>
      <c r="CX277" s="166">
        <v>0</v>
      </c>
      <c r="CY277" s="166">
        <v>2045773.713893</v>
      </c>
      <c r="CZ277" s="166">
        <v>2045773.713893</v>
      </c>
    </row>
    <row r="278" spans="1:104" hidden="1" outlineLevel="1" x14ac:dyDescent="0.2">
      <c r="A278" s="167" t="s">
        <v>370</v>
      </c>
    </row>
    <row r="279" spans="1:104" hidden="1" outlineLevel="1" x14ac:dyDescent="0.2">
      <c r="A279" s="167" t="s">
        <v>1163</v>
      </c>
      <c r="B279" s="166">
        <v>171460.04100299999</v>
      </c>
      <c r="C279" s="166">
        <v>171460.04100299999</v>
      </c>
      <c r="D279" s="166">
        <v>0</v>
      </c>
      <c r="E279" s="166">
        <v>0</v>
      </c>
      <c r="F279" s="166">
        <v>0</v>
      </c>
      <c r="G279" s="166">
        <v>0</v>
      </c>
      <c r="H279" s="166">
        <v>0</v>
      </c>
      <c r="I279" s="166">
        <v>0</v>
      </c>
      <c r="J279" s="166">
        <v>0</v>
      </c>
      <c r="K279" s="166">
        <v>0</v>
      </c>
      <c r="L279" s="166">
        <v>0</v>
      </c>
      <c r="M279" s="166">
        <v>0</v>
      </c>
      <c r="N279" s="166">
        <v>0</v>
      </c>
      <c r="O279" s="166">
        <v>0</v>
      </c>
      <c r="P279" s="166">
        <v>0</v>
      </c>
      <c r="Q279" s="166">
        <v>0</v>
      </c>
      <c r="R279" s="166">
        <v>0</v>
      </c>
      <c r="S279" s="166">
        <v>0</v>
      </c>
      <c r="T279" s="166">
        <v>0</v>
      </c>
      <c r="U279" s="166">
        <v>0</v>
      </c>
      <c r="V279" s="166">
        <v>0</v>
      </c>
      <c r="W279" s="166">
        <v>0</v>
      </c>
      <c r="X279" s="166">
        <v>0</v>
      </c>
      <c r="Y279" s="166">
        <v>0</v>
      </c>
      <c r="Z279" s="166">
        <v>0</v>
      </c>
      <c r="AA279" s="166">
        <v>0</v>
      </c>
      <c r="AB279" s="166">
        <v>0</v>
      </c>
      <c r="AC279" s="166">
        <v>0</v>
      </c>
      <c r="AD279" s="166">
        <v>0</v>
      </c>
      <c r="AE279" s="166">
        <v>0</v>
      </c>
      <c r="AF279" s="166">
        <v>0</v>
      </c>
      <c r="AG279" s="166">
        <v>0</v>
      </c>
      <c r="AH279" s="166">
        <v>0</v>
      </c>
      <c r="AI279" s="166">
        <v>0</v>
      </c>
      <c r="AJ279" s="166">
        <v>0</v>
      </c>
      <c r="AK279" s="166">
        <v>0</v>
      </c>
      <c r="AL279" s="166">
        <v>0</v>
      </c>
      <c r="AM279" s="166">
        <v>0</v>
      </c>
      <c r="AN279" s="166">
        <v>0</v>
      </c>
      <c r="AO279" s="166">
        <v>0</v>
      </c>
      <c r="AP279" s="166">
        <v>0</v>
      </c>
      <c r="AQ279" s="166">
        <v>0</v>
      </c>
      <c r="AR279" s="166">
        <v>0</v>
      </c>
      <c r="AS279" s="166">
        <v>0</v>
      </c>
      <c r="AT279" s="166">
        <v>0</v>
      </c>
      <c r="AU279" s="166">
        <v>0</v>
      </c>
      <c r="AV279" s="166">
        <v>0</v>
      </c>
      <c r="AW279" s="166">
        <v>0</v>
      </c>
      <c r="AX279" s="166">
        <v>0</v>
      </c>
      <c r="AY279" s="166">
        <v>0</v>
      </c>
      <c r="AZ279" s="166">
        <v>0</v>
      </c>
      <c r="BA279" s="166">
        <v>0</v>
      </c>
      <c r="BB279" s="166">
        <v>0</v>
      </c>
      <c r="BC279" s="166">
        <v>0</v>
      </c>
      <c r="BD279" s="166">
        <v>0</v>
      </c>
      <c r="BE279" s="166">
        <v>0</v>
      </c>
      <c r="BF279" s="166">
        <v>0</v>
      </c>
      <c r="BG279" s="166">
        <v>0</v>
      </c>
      <c r="BH279" s="166">
        <v>0</v>
      </c>
      <c r="BI279" s="166">
        <v>0</v>
      </c>
      <c r="BJ279" s="166">
        <v>0</v>
      </c>
      <c r="BK279" s="166">
        <v>0</v>
      </c>
      <c r="BL279" s="166">
        <v>0</v>
      </c>
      <c r="BM279" s="166">
        <v>0</v>
      </c>
      <c r="BN279" s="166">
        <v>0</v>
      </c>
      <c r="BO279" s="166">
        <v>0</v>
      </c>
      <c r="BP279" s="166">
        <v>0</v>
      </c>
      <c r="BQ279" s="166">
        <v>0</v>
      </c>
      <c r="BR279" s="166">
        <v>171460.04100299999</v>
      </c>
      <c r="BS279" s="166">
        <v>171460.04100299999</v>
      </c>
      <c r="BT279" s="168">
        <v>1</v>
      </c>
      <c r="BU279" s="166">
        <v>67609.851406999995</v>
      </c>
      <c r="BV279" s="166">
        <v>171460.04100299999</v>
      </c>
      <c r="BW279" s="166">
        <v>0</v>
      </c>
      <c r="BX279" s="166">
        <v>0</v>
      </c>
      <c r="BY279" s="166">
        <v>0</v>
      </c>
      <c r="BZ279" s="166">
        <v>0</v>
      </c>
      <c r="CA279" s="166">
        <v>0</v>
      </c>
      <c r="CB279" s="166">
        <v>0</v>
      </c>
      <c r="CC279" s="166">
        <v>0</v>
      </c>
      <c r="CD279" s="166">
        <v>0</v>
      </c>
      <c r="CE279" s="166">
        <v>0</v>
      </c>
      <c r="CF279" s="166">
        <v>0</v>
      </c>
      <c r="CG279" s="166">
        <v>0</v>
      </c>
      <c r="CH279" s="166">
        <v>0</v>
      </c>
      <c r="CI279" s="166">
        <v>0</v>
      </c>
      <c r="CJ279" s="166">
        <v>0</v>
      </c>
      <c r="CK279" s="166">
        <v>0</v>
      </c>
      <c r="CL279" s="166">
        <v>0</v>
      </c>
      <c r="CM279" s="166">
        <v>0</v>
      </c>
      <c r="CN279" s="166">
        <v>0</v>
      </c>
      <c r="CO279" s="166">
        <v>0</v>
      </c>
      <c r="CP279" s="166">
        <v>0</v>
      </c>
      <c r="CQ279" s="166">
        <v>0</v>
      </c>
      <c r="CR279" s="166">
        <v>0</v>
      </c>
      <c r="CS279" s="166">
        <v>0</v>
      </c>
      <c r="CT279" s="166">
        <v>0</v>
      </c>
      <c r="CU279" s="166">
        <v>0</v>
      </c>
      <c r="CV279" s="166">
        <v>0</v>
      </c>
      <c r="CW279" s="166">
        <v>0</v>
      </c>
      <c r="CX279" s="166">
        <v>0</v>
      </c>
      <c r="CY279" s="166">
        <v>171460.04100299999</v>
      </c>
      <c r="CZ279" s="166">
        <v>171460.04100299999</v>
      </c>
    </row>
    <row r="280" spans="1:104" hidden="1" outlineLevel="1" x14ac:dyDescent="0.2">
      <c r="A280" s="167" t="s">
        <v>1164</v>
      </c>
      <c r="B280" s="166">
        <v>81742.158044999902</v>
      </c>
      <c r="C280" s="166">
        <v>81742.158044999902</v>
      </c>
      <c r="D280" s="166">
        <v>0</v>
      </c>
      <c r="E280" s="166">
        <v>0</v>
      </c>
      <c r="F280" s="166">
        <v>0</v>
      </c>
      <c r="G280" s="166">
        <v>0</v>
      </c>
      <c r="H280" s="166">
        <v>0</v>
      </c>
      <c r="I280" s="166">
        <v>0</v>
      </c>
      <c r="J280" s="166">
        <v>0</v>
      </c>
      <c r="K280" s="166">
        <v>0</v>
      </c>
      <c r="L280" s="166">
        <v>0</v>
      </c>
      <c r="M280" s="166">
        <v>0</v>
      </c>
      <c r="N280" s="166">
        <v>0</v>
      </c>
      <c r="O280" s="166">
        <v>0</v>
      </c>
      <c r="P280" s="166">
        <v>0</v>
      </c>
      <c r="Q280" s="166">
        <v>0</v>
      </c>
      <c r="R280" s="166">
        <v>0</v>
      </c>
      <c r="S280" s="166">
        <v>0</v>
      </c>
      <c r="T280" s="166">
        <v>0</v>
      </c>
      <c r="U280" s="166">
        <v>0</v>
      </c>
      <c r="V280" s="166">
        <v>0</v>
      </c>
      <c r="W280" s="166">
        <v>0</v>
      </c>
      <c r="X280" s="166">
        <v>0</v>
      </c>
      <c r="Y280" s="166">
        <v>0</v>
      </c>
      <c r="Z280" s="166">
        <v>0</v>
      </c>
      <c r="AA280" s="166">
        <v>0</v>
      </c>
      <c r="AB280" s="166">
        <v>0</v>
      </c>
      <c r="AC280" s="166">
        <v>0</v>
      </c>
      <c r="AD280" s="166">
        <v>0</v>
      </c>
      <c r="AE280" s="166">
        <v>0</v>
      </c>
      <c r="AF280" s="166">
        <v>0</v>
      </c>
      <c r="AG280" s="166">
        <v>0</v>
      </c>
      <c r="AH280" s="166">
        <v>0</v>
      </c>
      <c r="AI280" s="166">
        <v>0</v>
      </c>
      <c r="AJ280" s="166">
        <v>0</v>
      </c>
      <c r="AK280" s="166">
        <v>0</v>
      </c>
      <c r="AL280" s="166">
        <v>0</v>
      </c>
      <c r="AM280" s="166">
        <v>0</v>
      </c>
      <c r="AN280" s="166">
        <v>0</v>
      </c>
      <c r="AO280" s="166">
        <v>0</v>
      </c>
      <c r="AP280" s="166">
        <v>0</v>
      </c>
      <c r="AQ280" s="166">
        <v>0</v>
      </c>
      <c r="AR280" s="166">
        <v>0</v>
      </c>
      <c r="AS280" s="166">
        <v>0</v>
      </c>
      <c r="AT280" s="166">
        <v>0</v>
      </c>
      <c r="AU280" s="166">
        <v>0</v>
      </c>
      <c r="AV280" s="166">
        <v>0</v>
      </c>
      <c r="AW280" s="166">
        <v>0</v>
      </c>
      <c r="AX280" s="166">
        <v>0</v>
      </c>
      <c r="AY280" s="166">
        <v>0</v>
      </c>
      <c r="AZ280" s="166">
        <v>0</v>
      </c>
      <c r="BA280" s="166">
        <v>0</v>
      </c>
      <c r="BB280" s="166">
        <v>0</v>
      </c>
      <c r="BC280" s="166">
        <v>0</v>
      </c>
      <c r="BD280" s="166">
        <v>0</v>
      </c>
      <c r="BE280" s="166">
        <v>0</v>
      </c>
      <c r="BF280" s="166">
        <v>0</v>
      </c>
      <c r="BG280" s="166">
        <v>0</v>
      </c>
      <c r="BH280" s="166">
        <v>0</v>
      </c>
      <c r="BI280" s="166">
        <v>0</v>
      </c>
      <c r="BJ280" s="166">
        <v>0</v>
      </c>
      <c r="BK280" s="166">
        <v>0</v>
      </c>
      <c r="BL280" s="166">
        <v>0</v>
      </c>
      <c r="BM280" s="166">
        <v>0</v>
      </c>
      <c r="BN280" s="166">
        <v>0</v>
      </c>
      <c r="BO280" s="166">
        <v>0</v>
      </c>
      <c r="BP280" s="166">
        <v>0</v>
      </c>
      <c r="BQ280" s="166">
        <v>0</v>
      </c>
      <c r="BR280" s="166">
        <v>81742.158044999902</v>
      </c>
      <c r="BS280" s="166">
        <v>81742.158044999902</v>
      </c>
      <c r="BT280" s="168">
        <v>1</v>
      </c>
      <c r="BU280" s="166">
        <v>32232.438105000001</v>
      </c>
      <c r="BV280" s="166">
        <v>81742.158044999902</v>
      </c>
      <c r="BW280" s="166">
        <v>0</v>
      </c>
      <c r="BX280" s="166">
        <v>0</v>
      </c>
      <c r="BY280" s="166">
        <v>0</v>
      </c>
      <c r="BZ280" s="166">
        <v>0</v>
      </c>
      <c r="CA280" s="166">
        <v>0</v>
      </c>
      <c r="CB280" s="166">
        <v>0</v>
      </c>
      <c r="CC280" s="166">
        <v>0</v>
      </c>
      <c r="CD280" s="166">
        <v>0</v>
      </c>
      <c r="CE280" s="166">
        <v>0</v>
      </c>
      <c r="CF280" s="166">
        <v>0</v>
      </c>
      <c r="CG280" s="166">
        <v>0</v>
      </c>
      <c r="CH280" s="166">
        <v>0</v>
      </c>
      <c r="CI280" s="166">
        <v>0</v>
      </c>
      <c r="CJ280" s="166">
        <v>0</v>
      </c>
      <c r="CK280" s="166">
        <v>0</v>
      </c>
      <c r="CL280" s="166">
        <v>0</v>
      </c>
      <c r="CM280" s="166">
        <v>0</v>
      </c>
      <c r="CN280" s="166">
        <v>0</v>
      </c>
      <c r="CO280" s="166">
        <v>0</v>
      </c>
      <c r="CP280" s="166">
        <v>0</v>
      </c>
      <c r="CQ280" s="166">
        <v>0</v>
      </c>
      <c r="CR280" s="166">
        <v>0</v>
      </c>
      <c r="CS280" s="166">
        <v>0</v>
      </c>
      <c r="CT280" s="166">
        <v>0</v>
      </c>
      <c r="CU280" s="166">
        <v>0</v>
      </c>
      <c r="CV280" s="166">
        <v>0</v>
      </c>
      <c r="CW280" s="166">
        <v>0</v>
      </c>
      <c r="CX280" s="166">
        <v>0</v>
      </c>
      <c r="CY280" s="166">
        <v>81742.158044999902</v>
      </c>
      <c r="CZ280" s="166">
        <v>81742.158044999902</v>
      </c>
    </row>
    <row r="281" spans="1:104" hidden="1" outlineLevel="1" x14ac:dyDescent="0.2">
      <c r="A281" s="167" t="s">
        <v>1165</v>
      </c>
      <c r="B281" s="166">
        <v>57778.894053000004</v>
      </c>
      <c r="C281" s="166">
        <v>57778.894053000004</v>
      </c>
      <c r="D281" s="166">
        <v>0</v>
      </c>
      <c r="E281" s="166">
        <v>0</v>
      </c>
      <c r="F281" s="166">
        <v>0</v>
      </c>
      <c r="G281" s="166">
        <v>0</v>
      </c>
      <c r="H281" s="166">
        <v>0</v>
      </c>
      <c r="I281" s="166">
        <v>0</v>
      </c>
      <c r="J281" s="166">
        <v>0</v>
      </c>
      <c r="K281" s="166">
        <v>0</v>
      </c>
      <c r="L281" s="166">
        <v>0</v>
      </c>
      <c r="M281" s="166">
        <v>0</v>
      </c>
      <c r="N281" s="166">
        <v>0</v>
      </c>
      <c r="O281" s="166">
        <v>0</v>
      </c>
      <c r="P281" s="166">
        <v>0</v>
      </c>
      <c r="Q281" s="166">
        <v>0</v>
      </c>
      <c r="R281" s="166">
        <v>0</v>
      </c>
      <c r="S281" s="166">
        <v>0</v>
      </c>
      <c r="T281" s="166">
        <v>0</v>
      </c>
      <c r="U281" s="166">
        <v>0</v>
      </c>
      <c r="V281" s="166">
        <v>0</v>
      </c>
      <c r="W281" s="166">
        <v>0</v>
      </c>
      <c r="X281" s="166">
        <v>0</v>
      </c>
      <c r="Y281" s="166">
        <v>0</v>
      </c>
      <c r="Z281" s="166">
        <v>0</v>
      </c>
      <c r="AA281" s="166">
        <v>0</v>
      </c>
      <c r="AB281" s="166">
        <v>0</v>
      </c>
      <c r="AC281" s="166">
        <v>0</v>
      </c>
      <c r="AD281" s="166">
        <v>0</v>
      </c>
      <c r="AE281" s="166">
        <v>0</v>
      </c>
      <c r="AF281" s="166">
        <v>0</v>
      </c>
      <c r="AG281" s="166">
        <v>0</v>
      </c>
      <c r="AH281" s="166">
        <v>0</v>
      </c>
      <c r="AI281" s="166">
        <v>0</v>
      </c>
      <c r="AJ281" s="166">
        <v>0</v>
      </c>
      <c r="AK281" s="166">
        <v>0</v>
      </c>
      <c r="AL281" s="166">
        <v>0</v>
      </c>
      <c r="AM281" s="166">
        <v>0</v>
      </c>
      <c r="AN281" s="166">
        <v>0</v>
      </c>
      <c r="AO281" s="166">
        <v>0</v>
      </c>
      <c r="AP281" s="166">
        <v>0</v>
      </c>
      <c r="AQ281" s="166">
        <v>0</v>
      </c>
      <c r="AR281" s="166">
        <v>0</v>
      </c>
      <c r="AS281" s="166">
        <v>0</v>
      </c>
      <c r="AT281" s="166">
        <v>0</v>
      </c>
      <c r="AU281" s="166">
        <v>0</v>
      </c>
      <c r="AV281" s="166">
        <v>0</v>
      </c>
      <c r="AW281" s="166">
        <v>0</v>
      </c>
      <c r="AX281" s="166">
        <v>0</v>
      </c>
      <c r="AY281" s="166">
        <v>0</v>
      </c>
      <c r="AZ281" s="166">
        <v>0</v>
      </c>
      <c r="BA281" s="166">
        <v>0</v>
      </c>
      <c r="BB281" s="166">
        <v>0</v>
      </c>
      <c r="BC281" s="166">
        <v>0</v>
      </c>
      <c r="BD281" s="166">
        <v>0</v>
      </c>
      <c r="BE281" s="166">
        <v>0</v>
      </c>
      <c r="BF281" s="166">
        <v>0</v>
      </c>
      <c r="BG281" s="166">
        <v>0</v>
      </c>
      <c r="BH281" s="166">
        <v>0</v>
      </c>
      <c r="BI281" s="166">
        <v>0</v>
      </c>
      <c r="BJ281" s="166">
        <v>0</v>
      </c>
      <c r="BK281" s="166">
        <v>0</v>
      </c>
      <c r="BL281" s="166">
        <v>0</v>
      </c>
      <c r="BM281" s="166">
        <v>0</v>
      </c>
      <c r="BN281" s="166">
        <v>0</v>
      </c>
      <c r="BO281" s="166">
        <v>0</v>
      </c>
      <c r="BP281" s="166">
        <v>0</v>
      </c>
      <c r="BQ281" s="166">
        <v>0</v>
      </c>
      <c r="BR281" s="166">
        <v>57778.894053000004</v>
      </c>
      <c r="BS281" s="166">
        <v>57778.894053000004</v>
      </c>
      <c r="BT281" s="168">
        <v>1</v>
      </c>
      <c r="BU281" s="166">
        <v>22783.281857000002</v>
      </c>
      <c r="BV281" s="166">
        <v>57778.894053000004</v>
      </c>
      <c r="BW281" s="166">
        <v>0</v>
      </c>
      <c r="BX281" s="166">
        <v>0</v>
      </c>
      <c r="BY281" s="166">
        <v>0</v>
      </c>
      <c r="BZ281" s="166">
        <v>0</v>
      </c>
      <c r="CA281" s="166">
        <v>0</v>
      </c>
      <c r="CB281" s="166">
        <v>0</v>
      </c>
      <c r="CC281" s="166">
        <v>0</v>
      </c>
      <c r="CD281" s="166">
        <v>0</v>
      </c>
      <c r="CE281" s="166">
        <v>0</v>
      </c>
      <c r="CF281" s="166">
        <v>0</v>
      </c>
      <c r="CG281" s="166">
        <v>0</v>
      </c>
      <c r="CH281" s="166">
        <v>0</v>
      </c>
      <c r="CI281" s="166">
        <v>0</v>
      </c>
      <c r="CJ281" s="166">
        <v>0</v>
      </c>
      <c r="CK281" s="166">
        <v>0</v>
      </c>
      <c r="CL281" s="166">
        <v>0</v>
      </c>
      <c r="CM281" s="166">
        <v>0</v>
      </c>
      <c r="CN281" s="166">
        <v>0</v>
      </c>
      <c r="CO281" s="166">
        <v>0</v>
      </c>
      <c r="CP281" s="166">
        <v>0</v>
      </c>
      <c r="CQ281" s="166">
        <v>0</v>
      </c>
      <c r="CR281" s="166">
        <v>0</v>
      </c>
      <c r="CS281" s="166">
        <v>0</v>
      </c>
      <c r="CT281" s="166">
        <v>0</v>
      </c>
      <c r="CU281" s="166">
        <v>0</v>
      </c>
      <c r="CV281" s="166">
        <v>0</v>
      </c>
      <c r="CW281" s="166">
        <v>0</v>
      </c>
      <c r="CX281" s="166">
        <v>0</v>
      </c>
      <c r="CY281" s="166">
        <v>57778.894053000004</v>
      </c>
      <c r="CZ281" s="166">
        <v>57778.894053000004</v>
      </c>
    </row>
    <row r="282" spans="1:104" hidden="1" outlineLevel="1" x14ac:dyDescent="0.2">
      <c r="A282" s="167" t="s">
        <v>1166</v>
      </c>
      <c r="B282" s="166">
        <v>12342.524525999999</v>
      </c>
      <c r="C282" s="166">
        <v>12342.524525999999</v>
      </c>
      <c r="D282" s="166">
        <v>0</v>
      </c>
      <c r="E282" s="166">
        <v>0</v>
      </c>
      <c r="F282" s="166">
        <v>0</v>
      </c>
      <c r="G282" s="166">
        <v>0</v>
      </c>
      <c r="H282" s="166">
        <v>0</v>
      </c>
      <c r="I282" s="166">
        <v>0</v>
      </c>
      <c r="J282" s="166">
        <v>0</v>
      </c>
      <c r="K282" s="166">
        <v>0</v>
      </c>
      <c r="L282" s="166">
        <v>0</v>
      </c>
      <c r="M282" s="166">
        <v>0</v>
      </c>
      <c r="N282" s="166">
        <v>0</v>
      </c>
      <c r="O282" s="166">
        <v>0</v>
      </c>
      <c r="P282" s="166">
        <v>0</v>
      </c>
      <c r="Q282" s="166">
        <v>0</v>
      </c>
      <c r="R282" s="166">
        <v>0</v>
      </c>
      <c r="S282" s="166">
        <v>0</v>
      </c>
      <c r="T282" s="166">
        <v>0</v>
      </c>
      <c r="U282" s="166">
        <v>0</v>
      </c>
      <c r="V282" s="166">
        <v>0</v>
      </c>
      <c r="W282" s="166">
        <v>0</v>
      </c>
      <c r="X282" s="166">
        <v>0</v>
      </c>
      <c r="Y282" s="166">
        <v>0</v>
      </c>
      <c r="Z282" s="166">
        <v>0</v>
      </c>
      <c r="AA282" s="166">
        <v>0</v>
      </c>
      <c r="AB282" s="166">
        <v>0</v>
      </c>
      <c r="AC282" s="166">
        <v>0</v>
      </c>
      <c r="AD282" s="166">
        <v>0</v>
      </c>
      <c r="AE282" s="166">
        <v>0</v>
      </c>
      <c r="AF282" s="166">
        <v>0</v>
      </c>
      <c r="AG282" s="166">
        <v>0</v>
      </c>
      <c r="AH282" s="166">
        <v>0</v>
      </c>
      <c r="AI282" s="166">
        <v>0</v>
      </c>
      <c r="AJ282" s="166">
        <v>0</v>
      </c>
      <c r="AK282" s="166">
        <v>0</v>
      </c>
      <c r="AL282" s="166">
        <v>0</v>
      </c>
      <c r="AM282" s="166">
        <v>0</v>
      </c>
      <c r="AN282" s="166">
        <v>0</v>
      </c>
      <c r="AO282" s="166">
        <v>0</v>
      </c>
      <c r="AP282" s="166">
        <v>0</v>
      </c>
      <c r="AQ282" s="166">
        <v>0</v>
      </c>
      <c r="AR282" s="166">
        <v>0</v>
      </c>
      <c r="AS282" s="166">
        <v>0</v>
      </c>
      <c r="AT282" s="166">
        <v>0</v>
      </c>
      <c r="AU282" s="166">
        <v>0</v>
      </c>
      <c r="AV282" s="166">
        <v>0</v>
      </c>
      <c r="AW282" s="166">
        <v>0</v>
      </c>
      <c r="AX282" s="166">
        <v>0</v>
      </c>
      <c r="AY282" s="166">
        <v>0</v>
      </c>
      <c r="AZ282" s="166">
        <v>0</v>
      </c>
      <c r="BA282" s="166">
        <v>0</v>
      </c>
      <c r="BB282" s="166">
        <v>0</v>
      </c>
      <c r="BC282" s="166">
        <v>0</v>
      </c>
      <c r="BD282" s="166">
        <v>0</v>
      </c>
      <c r="BE282" s="166">
        <v>0</v>
      </c>
      <c r="BF282" s="166">
        <v>0</v>
      </c>
      <c r="BG282" s="166">
        <v>0</v>
      </c>
      <c r="BH282" s="166">
        <v>0</v>
      </c>
      <c r="BI282" s="166">
        <v>0</v>
      </c>
      <c r="BJ282" s="166">
        <v>0</v>
      </c>
      <c r="BK282" s="166">
        <v>0</v>
      </c>
      <c r="BL282" s="166">
        <v>0</v>
      </c>
      <c r="BM282" s="166">
        <v>0</v>
      </c>
      <c r="BN282" s="166">
        <v>0</v>
      </c>
      <c r="BO282" s="166">
        <v>0</v>
      </c>
      <c r="BP282" s="166">
        <v>0</v>
      </c>
      <c r="BQ282" s="166">
        <v>0</v>
      </c>
      <c r="BR282" s="166">
        <v>12342.524525999999</v>
      </c>
      <c r="BS282" s="166">
        <v>12342.524525999999</v>
      </c>
      <c r="BT282" s="168">
        <v>0.98770000000000002</v>
      </c>
      <c r="BU282" s="166">
        <v>4807.0220122638002</v>
      </c>
      <c r="BV282" s="166">
        <v>12190.711474330201</v>
      </c>
      <c r="BW282" s="166">
        <v>0</v>
      </c>
      <c r="BX282" s="166">
        <v>0</v>
      </c>
      <c r="BY282" s="166">
        <v>0</v>
      </c>
      <c r="BZ282" s="166">
        <v>0</v>
      </c>
      <c r="CA282" s="166">
        <v>0</v>
      </c>
      <c r="CB282" s="166">
        <v>0</v>
      </c>
      <c r="CC282" s="166">
        <v>0</v>
      </c>
      <c r="CD282" s="166">
        <v>0</v>
      </c>
      <c r="CE282" s="166">
        <v>0</v>
      </c>
      <c r="CF282" s="166">
        <v>0</v>
      </c>
      <c r="CG282" s="166">
        <v>0</v>
      </c>
      <c r="CH282" s="166">
        <v>0</v>
      </c>
      <c r="CI282" s="166">
        <v>0</v>
      </c>
      <c r="CJ282" s="166">
        <v>0</v>
      </c>
      <c r="CK282" s="166">
        <v>0</v>
      </c>
      <c r="CL282" s="166">
        <v>0</v>
      </c>
      <c r="CM282" s="166">
        <v>0</v>
      </c>
      <c r="CN282" s="166">
        <v>0</v>
      </c>
      <c r="CO282" s="166">
        <v>0</v>
      </c>
      <c r="CP282" s="166">
        <v>0</v>
      </c>
      <c r="CQ282" s="166">
        <v>0</v>
      </c>
      <c r="CR282" s="166">
        <v>0</v>
      </c>
      <c r="CS282" s="166">
        <v>0</v>
      </c>
      <c r="CT282" s="166">
        <v>0</v>
      </c>
      <c r="CU282" s="166">
        <v>0</v>
      </c>
      <c r="CV282" s="166">
        <v>0</v>
      </c>
      <c r="CW282" s="166">
        <v>0</v>
      </c>
      <c r="CX282" s="166">
        <v>0</v>
      </c>
      <c r="CY282" s="166">
        <v>12190.711474330201</v>
      </c>
      <c r="CZ282" s="166">
        <v>12190.711474330201</v>
      </c>
    </row>
    <row r="283" spans="1:104" hidden="1" outlineLevel="1" x14ac:dyDescent="0.2">
      <c r="A283" s="167" t="s">
        <v>1167</v>
      </c>
      <c r="B283" s="166">
        <v>37568.912372999999</v>
      </c>
      <c r="C283" s="166">
        <v>37568.912372999999</v>
      </c>
      <c r="D283" s="166">
        <v>0</v>
      </c>
      <c r="E283" s="166">
        <v>0</v>
      </c>
      <c r="F283" s="166">
        <v>0</v>
      </c>
      <c r="G283" s="166">
        <v>0</v>
      </c>
      <c r="H283" s="166">
        <v>0</v>
      </c>
      <c r="I283" s="166">
        <v>0</v>
      </c>
      <c r="J283" s="166">
        <v>0</v>
      </c>
      <c r="K283" s="166">
        <v>0</v>
      </c>
      <c r="L283" s="166">
        <v>0</v>
      </c>
      <c r="M283" s="166">
        <v>0</v>
      </c>
      <c r="N283" s="166">
        <v>0</v>
      </c>
      <c r="O283" s="166">
        <v>0</v>
      </c>
      <c r="P283" s="166">
        <v>0</v>
      </c>
      <c r="Q283" s="166">
        <v>0</v>
      </c>
      <c r="R283" s="166">
        <v>0</v>
      </c>
      <c r="S283" s="166">
        <v>0</v>
      </c>
      <c r="T283" s="166">
        <v>0</v>
      </c>
      <c r="U283" s="166">
        <v>0</v>
      </c>
      <c r="V283" s="166">
        <v>0</v>
      </c>
      <c r="W283" s="166">
        <v>0</v>
      </c>
      <c r="X283" s="166">
        <v>0</v>
      </c>
      <c r="Y283" s="166">
        <v>0</v>
      </c>
      <c r="Z283" s="166">
        <v>0</v>
      </c>
      <c r="AA283" s="166">
        <v>0</v>
      </c>
      <c r="AB283" s="166">
        <v>0</v>
      </c>
      <c r="AC283" s="166">
        <v>0</v>
      </c>
      <c r="AD283" s="166">
        <v>0</v>
      </c>
      <c r="AE283" s="166">
        <v>0</v>
      </c>
      <c r="AF283" s="166">
        <v>0</v>
      </c>
      <c r="AG283" s="166">
        <v>0</v>
      </c>
      <c r="AH283" s="166">
        <v>0</v>
      </c>
      <c r="AI283" s="166">
        <v>0</v>
      </c>
      <c r="AJ283" s="166">
        <v>0</v>
      </c>
      <c r="AK283" s="166">
        <v>0</v>
      </c>
      <c r="AL283" s="166">
        <v>0</v>
      </c>
      <c r="AM283" s="166">
        <v>0</v>
      </c>
      <c r="AN283" s="166">
        <v>0</v>
      </c>
      <c r="AO283" s="166">
        <v>0</v>
      </c>
      <c r="AP283" s="166">
        <v>0</v>
      </c>
      <c r="AQ283" s="166">
        <v>0</v>
      </c>
      <c r="AR283" s="166">
        <v>0</v>
      </c>
      <c r="AS283" s="166">
        <v>0</v>
      </c>
      <c r="AT283" s="166">
        <v>0</v>
      </c>
      <c r="AU283" s="166">
        <v>0</v>
      </c>
      <c r="AV283" s="166">
        <v>0</v>
      </c>
      <c r="AW283" s="166">
        <v>0</v>
      </c>
      <c r="AX283" s="166">
        <v>0</v>
      </c>
      <c r="AY283" s="166">
        <v>0</v>
      </c>
      <c r="AZ283" s="166">
        <v>0</v>
      </c>
      <c r="BA283" s="166">
        <v>0</v>
      </c>
      <c r="BB283" s="166">
        <v>0</v>
      </c>
      <c r="BC283" s="166">
        <v>0</v>
      </c>
      <c r="BD283" s="166">
        <v>0</v>
      </c>
      <c r="BE283" s="166">
        <v>0</v>
      </c>
      <c r="BF283" s="166">
        <v>0</v>
      </c>
      <c r="BG283" s="166">
        <v>0</v>
      </c>
      <c r="BH283" s="166">
        <v>0</v>
      </c>
      <c r="BI283" s="166">
        <v>0</v>
      </c>
      <c r="BJ283" s="166">
        <v>0</v>
      </c>
      <c r="BK283" s="166">
        <v>0</v>
      </c>
      <c r="BL283" s="166">
        <v>0</v>
      </c>
      <c r="BM283" s="166">
        <v>0</v>
      </c>
      <c r="BN283" s="166">
        <v>0</v>
      </c>
      <c r="BO283" s="166">
        <v>0</v>
      </c>
      <c r="BP283" s="166">
        <v>0</v>
      </c>
      <c r="BQ283" s="166">
        <v>0</v>
      </c>
      <c r="BR283" s="166">
        <v>37568.912372999999</v>
      </c>
      <c r="BS283" s="166">
        <v>37568.912372999999</v>
      </c>
      <c r="BT283" s="168">
        <v>1</v>
      </c>
      <c r="BU283" s="166">
        <v>14814.113937</v>
      </c>
      <c r="BV283" s="166">
        <v>37568.912372999999</v>
      </c>
      <c r="BW283" s="166">
        <v>0</v>
      </c>
      <c r="BX283" s="166">
        <v>0</v>
      </c>
      <c r="BY283" s="166">
        <v>0</v>
      </c>
      <c r="BZ283" s="166">
        <v>0</v>
      </c>
      <c r="CA283" s="166">
        <v>0</v>
      </c>
      <c r="CB283" s="166">
        <v>0</v>
      </c>
      <c r="CC283" s="166">
        <v>0</v>
      </c>
      <c r="CD283" s="166">
        <v>0</v>
      </c>
      <c r="CE283" s="166">
        <v>0</v>
      </c>
      <c r="CF283" s="166">
        <v>0</v>
      </c>
      <c r="CG283" s="166">
        <v>0</v>
      </c>
      <c r="CH283" s="166">
        <v>0</v>
      </c>
      <c r="CI283" s="166">
        <v>0</v>
      </c>
      <c r="CJ283" s="166">
        <v>0</v>
      </c>
      <c r="CK283" s="166">
        <v>0</v>
      </c>
      <c r="CL283" s="166">
        <v>0</v>
      </c>
      <c r="CM283" s="166">
        <v>0</v>
      </c>
      <c r="CN283" s="166">
        <v>0</v>
      </c>
      <c r="CO283" s="166">
        <v>0</v>
      </c>
      <c r="CP283" s="166">
        <v>0</v>
      </c>
      <c r="CQ283" s="166">
        <v>0</v>
      </c>
      <c r="CR283" s="166">
        <v>0</v>
      </c>
      <c r="CS283" s="166">
        <v>0</v>
      </c>
      <c r="CT283" s="166">
        <v>0</v>
      </c>
      <c r="CU283" s="166">
        <v>0</v>
      </c>
      <c r="CV283" s="166">
        <v>0</v>
      </c>
      <c r="CW283" s="166">
        <v>0</v>
      </c>
      <c r="CX283" s="166">
        <v>0</v>
      </c>
      <c r="CY283" s="166">
        <v>37568.912372999999</v>
      </c>
      <c r="CZ283" s="166">
        <v>37568.912372999999</v>
      </c>
    </row>
    <row r="284" spans="1:104" hidden="1" outlineLevel="1" x14ac:dyDescent="0.2">
      <c r="A284" s="167" t="s">
        <v>1168</v>
      </c>
      <c r="B284" s="166">
        <v>360892.52999999898</v>
      </c>
      <c r="C284" s="166">
        <v>360892.52999999898</v>
      </c>
      <c r="D284" s="166">
        <v>0</v>
      </c>
      <c r="E284" s="166">
        <v>0</v>
      </c>
      <c r="F284" s="166">
        <v>0</v>
      </c>
      <c r="G284" s="166">
        <v>0</v>
      </c>
      <c r="H284" s="166">
        <v>0</v>
      </c>
      <c r="I284" s="166">
        <v>0</v>
      </c>
      <c r="J284" s="166">
        <v>0</v>
      </c>
      <c r="K284" s="166">
        <v>0</v>
      </c>
      <c r="L284" s="166">
        <v>0</v>
      </c>
      <c r="M284" s="166">
        <v>0</v>
      </c>
      <c r="N284" s="166">
        <v>0</v>
      </c>
      <c r="O284" s="166">
        <v>0</v>
      </c>
      <c r="P284" s="166">
        <v>0</v>
      </c>
      <c r="Q284" s="166">
        <v>0</v>
      </c>
      <c r="R284" s="166">
        <v>0</v>
      </c>
      <c r="S284" s="166">
        <v>0</v>
      </c>
      <c r="T284" s="166">
        <v>0</v>
      </c>
      <c r="U284" s="166">
        <v>0</v>
      </c>
      <c r="V284" s="166">
        <v>0</v>
      </c>
      <c r="W284" s="166">
        <v>0</v>
      </c>
      <c r="X284" s="166">
        <v>0</v>
      </c>
      <c r="Y284" s="166">
        <v>0</v>
      </c>
      <c r="Z284" s="166">
        <v>0</v>
      </c>
      <c r="AA284" s="166">
        <v>0</v>
      </c>
      <c r="AB284" s="166">
        <v>0</v>
      </c>
      <c r="AC284" s="166">
        <v>0</v>
      </c>
      <c r="AD284" s="166">
        <v>0</v>
      </c>
      <c r="AE284" s="166">
        <v>0</v>
      </c>
      <c r="AF284" s="166">
        <v>0</v>
      </c>
      <c r="AG284" s="166">
        <v>0</v>
      </c>
      <c r="AH284" s="166">
        <v>0</v>
      </c>
      <c r="AI284" s="166">
        <v>0</v>
      </c>
      <c r="AJ284" s="166">
        <v>0</v>
      </c>
      <c r="AK284" s="166">
        <v>0</v>
      </c>
      <c r="AL284" s="166">
        <v>0</v>
      </c>
      <c r="AM284" s="166">
        <v>0</v>
      </c>
      <c r="AN284" s="166">
        <v>0</v>
      </c>
      <c r="AO284" s="166">
        <v>0</v>
      </c>
      <c r="AP284" s="166">
        <v>0</v>
      </c>
      <c r="AQ284" s="166">
        <v>0</v>
      </c>
      <c r="AR284" s="166">
        <v>0</v>
      </c>
      <c r="AS284" s="166">
        <v>0</v>
      </c>
      <c r="AT284" s="166">
        <v>0</v>
      </c>
      <c r="AU284" s="166">
        <v>0</v>
      </c>
      <c r="AV284" s="166">
        <v>0</v>
      </c>
      <c r="AW284" s="166">
        <v>0</v>
      </c>
      <c r="AX284" s="166">
        <v>0</v>
      </c>
      <c r="AY284" s="166">
        <v>0</v>
      </c>
      <c r="AZ284" s="166">
        <v>0</v>
      </c>
      <c r="BA284" s="166">
        <v>0</v>
      </c>
      <c r="BB284" s="166">
        <v>0</v>
      </c>
      <c r="BC284" s="166">
        <v>0</v>
      </c>
      <c r="BD284" s="166">
        <v>0</v>
      </c>
      <c r="BE284" s="166">
        <v>0</v>
      </c>
      <c r="BF284" s="166">
        <v>0</v>
      </c>
      <c r="BG284" s="166">
        <v>0</v>
      </c>
      <c r="BH284" s="166">
        <v>0</v>
      </c>
      <c r="BI284" s="166">
        <v>0</v>
      </c>
      <c r="BJ284" s="166">
        <v>0</v>
      </c>
      <c r="BK284" s="166">
        <v>0</v>
      </c>
      <c r="BL284" s="166">
        <v>0</v>
      </c>
      <c r="BM284" s="166">
        <v>0</v>
      </c>
      <c r="BN284" s="166">
        <v>0</v>
      </c>
      <c r="BO284" s="166">
        <v>0</v>
      </c>
      <c r="BP284" s="166">
        <v>0</v>
      </c>
      <c r="BQ284" s="166">
        <v>0</v>
      </c>
      <c r="BR284" s="166">
        <v>360892.52999999898</v>
      </c>
      <c r="BS284" s="166">
        <v>360892.53</v>
      </c>
      <c r="BT284" s="168">
        <v>0</v>
      </c>
      <c r="BU284" s="166">
        <v>142246.70731826301</v>
      </c>
      <c r="BV284" s="166">
        <v>360740.71694832999</v>
      </c>
      <c r="BW284" s="166">
        <v>0</v>
      </c>
      <c r="BX284" s="166">
        <v>0</v>
      </c>
      <c r="BY284" s="166">
        <v>0</v>
      </c>
      <c r="BZ284" s="166">
        <v>0</v>
      </c>
      <c r="CA284" s="166">
        <v>0</v>
      </c>
      <c r="CB284" s="166">
        <v>0</v>
      </c>
      <c r="CC284" s="166">
        <v>0</v>
      </c>
      <c r="CD284" s="166">
        <v>0</v>
      </c>
      <c r="CE284" s="166">
        <v>0</v>
      </c>
      <c r="CF284" s="166">
        <v>0</v>
      </c>
      <c r="CG284" s="166">
        <v>0</v>
      </c>
      <c r="CH284" s="166">
        <v>0</v>
      </c>
      <c r="CI284" s="166">
        <v>0</v>
      </c>
      <c r="CJ284" s="166">
        <v>0</v>
      </c>
      <c r="CK284" s="166">
        <v>0</v>
      </c>
      <c r="CL284" s="166">
        <v>0</v>
      </c>
      <c r="CM284" s="166">
        <v>0</v>
      </c>
      <c r="CN284" s="166">
        <v>0</v>
      </c>
      <c r="CO284" s="166">
        <v>0</v>
      </c>
      <c r="CP284" s="166">
        <v>0</v>
      </c>
      <c r="CQ284" s="166">
        <v>0</v>
      </c>
      <c r="CR284" s="166">
        <v>0</v>
      </c>
      <c r="CS284" s="166">
        <v>0</v>
      </c>
      <c r="CT284" s="166">
        <v>0</v>
      </c>
      <c r="CU284" s="166">
        <v>0</v>
      </c>
      <c r="CV284" s="166">
        <v>0</v>
      </c>
      <c r="CW284" s="166">
        <v>0</v>
      </c>
      <c r="CX284" s="166">
        <v>0</v>
      </c>
      <c r="CY284" s="166">
        <v>360740.71694832999</v>
      </c>
      <c r="CZ284" s="166">
        <v>360740.71694832999</v>
      </c>
    </row>
    <row r="285" spans="1:104" hidden="1" outlineLevel="1" x14ac:dyDescent="0.2">
      <c r="A285" s="167" t="s">
        <v>377</v>
      </c>
    </row>
    <row r="286" spans="1:104" hidden="1" outlineLevel="1" x14ac:dyDescent="0.2">
      <c r="A286" s="167" t="s">
        <v>378</v>
      </c>
      <c r="B286" s="166">
        <v>0</v>
      </c>
      <c r="C286" s="166">
        <v>0</v>
      </c>
      <c r="D286" s="166">
        <v>0</v>
      </c>
      <c r="E286" s="166">
        <v>0</v>
      </c>
      <c r="F286" s="166">
        <v>0</v>
      </c>
      <c r="G286" s="166">
        <v>0</v>
      </c>
      <c r="H286" s="166">
        <v>0</v>
      </c>
      <c r="I286" s="166">
        <v>0</v>
      </c>
      <c r="J286" s="166">
        <v>0</v>
      </c>
      <c r="K286" s="166">
        <v>0</v>
      </c>
      <c r="L286" s="166">
        <v>0</v>
      </c>
      <c r="M286" s="166">
        <v>0</v>
      </c>
      <c r="N286" s="166">
        <v>0</v>
      </c>
      <c r="O286" s="166">
        <v>0</v>
      </c>
      <c r="P286" s="166">
        <v>0</v>
      </c>
      <c r="Q286" s="166">
        <v>0</v>
      </c>
      <c r="R286" s="166">
        <v>0</v>
      </c>
      <c r="S286" s="166">
        <v>0</v>
      </c>
      <c r="T286" s="166">
        <v>0</v>
      </c>
      <c r="U286" s="166">
        <v>0</v>
      </c>
      <c r="V286" s="166">
        <v>0</v>
      </c>
      <c r="W286" s="166">
        <v>0</v>
      </c>
      <c r="X286" s="166">
        <v>0</v>
      </c>
      <c r="Y286" s="166">
        <v>0</v>
      </c>
      <c r="Z286" s="166">
        <v>0</v>
      </c>
      <c r="AA286" s="166">
        <v>0</v>
      </c>
      <c r="AB286" s="166">
        <v>0</v>
      </c>
      <c r="AC286" s="166">
        <v>0</v>
      </c>
      <c r="AD286" s="166">
        <v>0</v>
      </c>
      <c r="AE286" s="166">
        <v>0</v>
      </c>
      <c r="AF286" s="166">
        <v>0</v>
      </c>
      <c r="AG286" s="166">
        <v>0</v>
      </c>
      <c r="AH286" s="166">
        <v>0</v>
      </c>
      <c r="AI286" s="166">
        <v>0</v>
      </c>
      <c r="AJ286" s="166">
        <v>0</v>
      </c>
      <c r="AK286" s="166">
        <v>0</v>
      </c>
      <c r="AL286" s="166">
        <v>0</v>
      </c>
      <c r="AM286" s="166">
        <v>0</v>
      </c>
      <c r="AN286" s="166">
        <v>0</v>
      </c>
      <c r="AO286" s="166">
        <v>0</v>
      </c>
      <c r="AP286" s="166">
        <v>0</v>
      </c>
      <c r="AQ286" s="166">
        <v>0</v>
      </c>
      <c r="AR286" s="166">
        <v>0</v>
      </c>
      <c r="AS286" s="166">
        <v>0</v>
      </c>
      <c r="AT286" s="166">
        <v>0</v>
      </c>
      <c r="AU286" s="166">
        <v>0</v>
      </c>
      <c r="AV286" s="166">
        <v>0</v>
      </c>
      <c r="AW286" s="166">
        <v>0</v>
      </c>
      <c r="AX286" s="166">
        <v>0</v>
      </c>
      <c r="AY286" s="166">
        <v>0</v>
      </c>
      <c r="AZ286" s="166">
        <v>0</v>
      </c>
      <c r="BA286" s="166">
        <v>0</v>
      </c>
      <c r="BB286" s="166">
        <v>0</v>
      </c>
      <c r="BC286" s="166">
        <v>0</v>
      </c>
      <c r="BD286" s="166">
        <v>0</v>
      </c>
      <c r="BE286" s="166">
        <v>0</v>
      </c>
      <c r="BF286" s="166">
        <v>0</v>
      </c>
      <c r="BG286" s="166">
        <v>0</v>
      </c>
      <c r="BH286" s="166">
        <v>0</v>
      </c>
      <c r="BI286" s="166">
        <v>0</v>
      </c>
      <c r="BJ286" s="166">
        <v>0</v>
      </c>
      <c r="BK286" s="166">
        <v>0</v>
      </c>
      <c r="BL286" s="166">
        <v>0</v>
      </c>
      <c r="BM286" s="166">
        <v>0</v>
      </c>
      <c r="BN286" s="166">
        <v>0</v>
      </c>
      <c r="BO286" s="166">
        <v>0</v>
      </c>
      <c r="BP286" s="166">
        <v>0</v>
      </c>
      <c r="BQ286" s="166">
        <v>0</v>
      </c>
      <c r="BR286" s="166">
        <v>0</v>
      </c>
      <c r="BS286" s="166">
        <v>0</v>
      </c>
      <c r="BT286" s="168">
        <v>1</v>
      </c>
      <c r="BU286" s="166">
        <v>0</v>
      </c>
      <c r="BV286" s="166">
        <v>0</v>
      </c>
      <c r="BW286" s="166">
        <v>0</v>
      </c>
      <c r="BX286" s="166">
        <v>0</v>
      </c>
      <c r="BY286" s="166">
        <v>0</v>
      </c>
      <c r="BZ286" s="166">
        <v>0</v>
      </c>
      <c r="CA286" s="166">
        <v>0</v>
      </c>
      <c r="CB286" s="166">
        <v>0</v>
      </c>
      <c r="CC286" s="166">
        <v>0</v>
      </c>
      <c r="CD286" s="166">
        <v>0</v>
      </c>
      <c r="CE286" s="166">
        <v>0</v>
      </c>
      <c r="CF286" s="166">
        <v>0</v>
      </c>
      <c r="CG286" s="166">
        <v>0</v>
      </c>
      <c r="CH286" s="166">
        <v>0</v>
      </c>
      <c r="CI286" s="166">
        <v>0</v>
      </c>
      <c r="CJ286" s="166">
        <v>0</v>
      </c>
      <c r="CK286" s="166">
        <v>0</v>
      </c>
      <c r="CL286" s="166">
        <v>0</v>
      </c>
      <c r="CM286" s="166">
        <v>0</v>
      </c>
      <c r="CN286" s="166">
        <v>0</v>
      </c>
      <c r="CO286" s="166">
        <v>0</v>
      </c>
      <c r="CP286" s="166">
        <v>0</v>
      </c>
      <c r="CQ286" s="166">
        <v>0</v>
      </c>
      <c r="CR286" s="166">
        <v>0</v>
      </c>
      <c r="CS286" s="166">
        <v>0</v>
      </c>
      <c r="CT286" s="166">
        <v>0</v>
      </c>
      <c r="CU286" s="166">
        <v>0</v>
      </c>
      <c r="CV286" s="166">
        <v>0</v>
      </c>
      <c r="CW286" s="166">
        <v>0</v>
      </c>
      <c r="CX286" s="166">
        <v>0</v>
      </c>
      <c r="CY286" s="166">
        <v>0</v>
      </c>
      <c r="CZ286" s="166">
        <v>0</v>
      </c>
    </row>
    <row r="287" spans="1:104" hidden="1" outlineLevel="1" x14ac:dyDescent="0.2">
      <c r="A287" s="170" t="s">
        <v>379</v>
      </c>
      <c r="B287" s="166">
        <v>37723219.599999897</v>
      </c>
      <c r="C287" s="166">
        <v>37723219.599999897</v>
      </c>
      <c r="D287" s="166">
        <v>0</v>
      </c>
      <c r="E287" s="166">
        <v>0</v>
      </c>
      <c r="F287" s="166">
        <v>0</v>
      </c>
      <c r="G287" s="166">
        <v>0</v>
      </c>
      <c r="H287" s="166">
        <v>0</v>
      </c>
      <c r="I287" s="166">
        <v>0</v>
      </c>
      <c r="J287" s="166">
        <v>0</v>
      </c>
      <c r="K287" s="166">
        <v>0</v>
      </c>
      <c r="L287" s="166">
        <v>0</v>
      </c>
      <c r="M287" s="166">
        <v>0</v>
      </c>
      <c r="N287" s="166">
        <v>0</v>
      </c>
      <c r="O287" s="166">
        <v>0</v>
      </c>
      <c r="P287" s="166">
        <v>0</v>
      </c>
      <c r="Q287" s="166">
        <v>0</v>
      </c>
      <c r="R287" s="166">
        <v>0</v>
      </c>
      <c r="S287" s="166">
        <v>0</v>
      </c>
      <c r="T287" s="166">
        <v>0</v>
      </c>
      <c r="U287" s="166">
        <v>0</v>
      </c>
      <c r="V287" s="166">
        <v>0</v>
      </c>
      <c r="W287" s="166">
        <v>0</v>
      </c>
      <c r="X287" s="166">
        <v>0</v>
      </c>
      <c r="Y287" s="166">
        <v>0</v>
      </c>
      <c r="Z287" s="166">
        <v>0</v>
      </c>
      <c r="AA287" s="166">
        <v>0</v>
      </c>
      <c r="AB287" s="166">
        <v>0</v>
      </c>
      <c r="AC287" s="166">
        <v>0</v>
      </c>
      <c r="AD287" s="166">
        <v>0</v>
      </c>
      <c r="AE287" s="166">
        <v>0</v>
      </c>
      <c r="AF287" s="166">
        <v>0</v>
      </c>
      <c r="AG287" s="166">
        <v>0</v>
      </c>
      <c r="AH287" s="166">
        <v>0</v>
      </c>
      <c r="AI287" s="166">
        <v>0</v>
      </c>
      <c r="AJ287" s="166">
        <v>0</v>
      </c>
      <c r="AK287" s="166">
        <v>0</v>
      </c>
      <c r="AL287" s="166">
        <v>0</v>
      </c>
      <c r="AM287" s="166">
        <v>0</v>
      </c>
      <c r="AN287" s="166">
        <v>0</v>
      </c>
      <c r="AO287" s="166">
        <v>0</v>
      </c>
      <c r="AP287" s="166">
        <v>0</v>
      </c>
      <c r="AQ287" s="166">
        <v>0</v>
      </c>
      <c r="AR287" s="166">
        <v>0</v>
      </c>
      <c r="AS287" s="166">
        <v>0</v>
      </c>
      <c r="AT287" s="166">
        <v>0</v>
      </c>
      <c r="AU287" s="166">
        <v>0</v>
      </c>
      <c r="AV287" s="166">
        <v>0</v>
      </c>
      <c r="AW287" s="166">
        <v>0</v>
      </c>
      <c r="AX287" s="166">
        <v>0</v>
      </c>
      <c r="AY287" s="166">
        <v>0</v>
      </c>
      <c r="AZ287" s="166">
        <v>0</v>
      </c>
      <c r="BA287" s="166">
        <v>0</v>
      </c>
      <c r="BB287" s="166">
        <v>0</v>
      </c>
      <c r="BC287" s="166">
        <v>0</v>
      </c>
      <c r="BD287" s="166">
        <v>0</v>
      </c>
      <c r="BE287" s="166">
        <v>0</v>
      </c>
      <c r="BF287" s="166">
        <v>0</v>
      </c>
      <c r="BG287" s="166">
        <v>0</v>
      </c>
      <c r="BH287" s="166">
        <v>0</v>
      </c>
      <c r="BI287" s="166">
        <v>0</v>
      </c>
      <c r="BJ287" s="166">
        <v>0</v>
      </c>
      <c r="BK287" s="166">
        <v>0</v>
      </c>
      <c r="BL287" s="166">
        <v>0</v>
      </c>
      <c r="BM287" s="166">
        <v>0</v>
      </c>
      <c r="BN287" s="166">
        <v>0</v>
      </c>
      <c r="BO287" s="166">
        <v>0</v>
      </c>
      <c r="BP287" s="166">
        <v>0</v>
      </c>
      <c r="BQ287" s="166">
        <v>0</v>
      </c>
      <c r="BR287" s="166">
        <v>37723219.599999897</v>
      </c>
      <c r="BS287" s="166">
        <v>37723219.599999897</v>
      </c>
      <c r="BT287" s="168">
        <v>0</v>
      </c>
      <c r="BU287" s="166">
        <v>2644459.2149634301</v>
      </c>
      <c r="BV287" s="166">
        <v>37695342.042755798</v>
      </c>
      <c r="BW287" s="166">
        <v>0</v>
      </c>
      <c r="BX287" s="166">
        <v>0</v>
      </c>
      <c r="BY287" s="166">
        <v>0</v>
      </c>
      <c r="BZ287" s="166">
        <v>0</v>
      </c>
      <c r="CA287" s="166">
        <v>0</v>
      </c>
      <c r="CB287" s="166">
        <v>0</v>
      </c>
      <c r="CC287" s="166">
        <v>0</v>
      </c>
      <c r="CD287" s="166">
        <v>0</v>
      </c>
      <c r="CE287" s="166">
        <v>0</v>
      </c>
      <c r="CF287" s="166">
        <v>0</v>
      </c>
      <c r="CG287" s="166">
        <v>0</v>
      </c>
      <c r="CH287" s="166">
        <v>0</v>
      </c>
      <c r="CI287" s="166">
        <v>0</v>
      </c>
      <c r="CJ287" s="166">
        <v>0</v>
      </c>
      <c r="CK287" s="166">
        <v>0</v>
      </c>
      <c r="CL287" s="166">
        <v>0</v>
      </c>
      <c r="CM287" s="166">
        <v>0</v>
      </c>
      <c r="CN287" s="166">
        <v>0</v>
      </c>
      <c r="CO287" s="166">
        <v>0</v>
      </c>
      <c r="CP287" s="166">
        <v>0</v>
      </c>
      <c r="CQ287" s="166">
        <v>0</v>
      </c>
      <c r="CR287" s="166">
        <v>0</v>
      </c>
      <c r="CS287" s="166">
        <v>0</v>
      </c>
      <c r="CT287" s="166">
        <v>0</v>
      </c>
      <c r="CU287" s="166">
        <v>0</v>
      </c>
      <c r="CV287" s="166">
        <v>0</v>
      </c>
      <c r="CW287" s="166">
        <v>0</v>
      </c>
      <c r="CX287" s="166">
        <v>0</v>
      </c>
      <c r="CY287" s="166">
        <v>37695342.042755798</v>
      </c>
      <c r="CZ287" s="166">
        <v>37695342.042755798</v>
      </c>
    </row>
    <row r="288" spans="1:104" hidden="1" outlineLevel="1" x14ac:dyDescent="0.2">
      <c r="A288" s="167" t="s">
        <v>380</v>
      </c>
    </row>
    <row r="289" spans="1:105" hidden="1" outlineLevel="1" x14ac:dyDescent="0.2">
      <c r="A289" s="170" t="s">
        <v>381</v>
      </c>
      <c r="B289" s="166">
        <v>85576825.469999894</v>
      </c>
      <c r="C289" s="166">
        <v>85576825.469999894</v>
      </c>
      <c r="D289" s="166">
        <v>0</v>
      </c>
      <c r="E289" s="166">
        <v>0</v>
      </c>
      <c r="F289" s="166">
        <v>0</v>
      </c>
      <c r="G289" s="166">
        <v>0</v>
      </c>
      <c r="H289" s="166">
        <v>0</v>
      </c>
      <c r="I289" s="166">
        <v>0</v>
      </c>
      <c r="J289" s="166">
        <v>0</v>
      </c>
      <c r="K289" s="166">
        <v>0</v>
      </c>
      <c r="L289" s="166">
        <v>0</v>
      </c>
      <c r="M289" s="166">
        <v>0</v>
      </c>
      <c r="N289" s="166">
        <v>0</v>
      </c>
      <c r="O289" s="166">
        <v>0</v>
      </c>
      <c r="P289" s="166">
        <v>0</v>
      </c>
      <c r="Q289" s="166">
        <v>0</v>
      </c>
      <c r="R289" s="166">
        <v>0</v>
      </c>
      <c r="S289" s="166">
        <v>0</v>
      </c>
      <c r="T289" s="166">
        <v>0</v>
      </c>
      <c r="U289" s="166">
        <v>0</v>
      </c>
      <c r="V289" s="166">
        <v>0</v>
      </c>
      <c r="W289" s="166">
        <v>0</v>
      </c>
      <c r="X289" s="166">
        <v>0</v>
      </c>
      <c r="Y289" s="166">
        <v>0</v>
      </c>
      <c r="Z289" s="166">
        <v>0</v>
      </c>
      <c r="AA289" s="166">
        <v>0</v>
      </c>
      <c r="AB289" s="166">
        <v>0</v>
      </c>
      <c r="AC289" s="166">
        <v>0</v>
      </c>
      <c r="AD289" s="166">
        <v>0</v>
      </c>
      <c r="AE289" s="166">
        <v>0</v>
      </c>
      <c r="AF289" s="166">
        <v>0</v>
      </c>
      <c r="AG289" s="166">
        <v>0</v>
      </c>
      <c r="AH289" s="166">
        <v>0</v>
      </c>
      <c r="AI289" s="166">
        <v>0</v>
      </c>
      <c r="AJ289" s="166">
        <v>0</v>
      </c>
      <c r="AK289" s="166">
        <v>0</v>
      </c>
      <c r="AL289" s="166">
        <v>0</v>
      </c>
      <c r="AM289" s="166">
        <v>0</v>
      </c>
      <c r="AN289" s="166">
        <v>0</v>
      </c>
      <c r="AO289" s="166">
        <v>0</v>
      </c>
      <c r="AP289" s="166">
        <v>0</v>
      </c>
      <c r="AQ289" s="166">
        <v>0</v>
      </c>
      <c r="AR289" s="166">
        <v>0</v>
      </c>
      <c r="AS289" s="166">
        <v>0</v>
      </c>
      <c r="AT289" s="166">
        <v>0</v>
      </c>
      <c r="AU289" s="166">
        <v>0</v>
      </c>
      <c r="AV289" s="166">
        <v>0</v>
      </c>
      <c r="AW289" s="166">
        <v>0</v>
      </c>
      <c r="AX289" s="166">
        <v>0</v>
      </c>
      <c r="AY289" s="166">
        <v>0</v>
      </c>
      <c r="AZ289" s="166">
        <v>0</v>
      </c>
      <c r="BA289" s="166">
        <v>0</v>
      </c>
      <c r="BB289" s="166">
        <v>0</v>
      </c>
      <c r="BC289" s="166">
        <v>0</v>
      </c>
      <c r="BD289" s="166">
        <v>0</v>
      </c>
      <c r="BE289" s="166">
        <v>0</v>
      </c>
      <c r="BF289" s="166">
        <v>0</v>
      </c>
      <c r="BG289" s="166">
        <v>0</v>
      </c>
      <c r="BH289" s="166">
        <v>0</v>
      </c>
      <c r="BI289" s="166">
        <v>0</v>
      </c>
      <c r="BJ289" s="166">
        <v>0</v>
      </c>
      <c r="BK289" s="166">
        <v>0</v>
      </c>
      <c r="BL289" s="166">
        <v>0</v>
      </c>
      <c r="BM289" s="166">
        <v>0</v>
      </c>
      <c r="BN289" s="166">
        <v>0</v>
      </c>
      <c r="BO289" s="166">
        <v>0</v>
      </c>
      <c r="BP289" s="166">
        <v>0</v>
      </c>
      <c r="BQ289" s="166">
        <v>0</v>
      </c>
      <c r="BR289" s="166">
        <v>85576825.469999894</v>
      </c>
      <c r="BS289" s="166">
        <v>85576825.469999894</v>
      </c>
      <c r="BT289" s="168">
        <v>0</v>
      </c>
      <c r="BU289" s="166">
        <v>3745625.30001882</v>
      </c>
      <c r="BV289" s="166">
        <v>85463012.633977905</v>
      </c>
      <c r="BW289" s="166">
        <v>0</v>
      </c>
      <c r="BX289" s="166">
        <v>0</v>
      </c>
      <c r="BY289" s="166">
        <v>0</v>
      </c>
      <c r="BZ289" s="166">
        <v>0</v>
      </c>
      <c r="CA289" s="166">
        <v>0</v>
      </c>
      <c r="CB289" s="166">
        <v>0</v>
      </c>
      <c r="CC289" s="166">
        <v>0</v>
      </c>
      <c r="CD289" s="166">
        <v>0</v>
      </c>
      <c r="CE289" s="166">
        <v>0</v>
      </c>
      <c r="CF289" s="166">
        <v>0</v>
      </c>
      <c r="CG289" s="166">
        <v>0</v>
      </c>
      <c r="CH289" s="166">
        <v>0</v>
      </c>
      <c r="CI289" s="166">
        <v>0</v>
      </c>
      <c r="CJ289" s="166">
        <v>0</v>
      </c>
      <c r="CK289" s="166">
        <v>0</v>
      </c>
      <c r="CL289" s="166">
        <v>0</v>
      </c>
      <c r="CM289" s="166">
        <v>0</v>
      </c>
      <c r="CN289" s="166">
        <v>0</v>
      </c>
      <c r="CO289" s="166">
        <v>0</v>
      </c>
      <c r="CP289" s="166">
        <v>0</v>
      </c>
      <c r="CQ289" s="166">
        <v>0</v>
      </c>
      <c r="CR289" s="166">
        <v>0</v>
      </c>
      <c r="CS289" s="166">
        <v>0</v>
      </c>
      <c r="CT289" s="166">
        <v>0</v>
      </c>
      <c r="CU289" s="166">
        <v>0</v>
      </c>
      <c r="CV289" s="166">
        <v>0</v>
      </c>
      <c r="CW289" s="166">
        <v>0</v>
      </c>
      <c r="CX289" s="166">
        <v>0</v>
      </c>
      <c r="CY289" s="166">
        <v>85463012.633977905</v>
      </c>
      <c r="CZ289" s="166">
        <v>85463012.633977905</v>
      </c>
    </row>
    <row r="290" spans="1:105" hidden="1" outlineLevel="1" x14ac:dyDescent="0.2">
      <c r="A290" s="167" t="s">
        <v>382</v>
      </c>
    </row>
    <row r="291" spans="1:105" collapsed="1" x14ac:dyDescent="0.2">
      <c r="A291" s="170" t="s">
        <v>383</v>
      </c>
    </row>
    <row r="292" spans="1:105" x14ac:dyDescent="0.2">
      <c r="A292" s="167" t="s">
        <v>384</v>
      </c>
      <c r="B292" s="166">
        <v>169761.2</v>
      </c>
      <c r="C292" s="166">
        <v>169761.2</v>
      </c>
      <c r="D292" s="166">
        <v>0</v>
      </c>
      <c r="E292" s="166">
        <v>0</v>
      </c>
      <c r="F292" s="166">
        <v>0</v>
      </c>
      <c r="G292" s="166">
        <v>0</v>
      </c>
      <c r="H292" s="166">
        <v>0</v>
      </c>
      <c r="I292" s="166">
        <v>0</v>
      </c>
      <c r="J292" s="166">
        <v>0</v>
      </c>
      <c r="K292" s="166">
        <v>0</v>
      </c>
      <c r="L292" s="166">
        <v>0</v>
      </c>
      <c r="M292" s="166">
        <v>0</v>
      </c>
      <c r="N292" s="166">
        <v>0</v>
      </c>
      <c r="O292" s="166">
        <v>0</v>
      </c>
      <c r="P292" s="166">
        <v>0</v>
      </c>
      <c r="Q292" s="166">
        <v>0</v>
      </c>
      <c r="R292" s="166">
        <v>0</v>
      </c>
      <c r="S292" s="166">
        <v>0</v>
      </c>
      <c r="T292" s="166">
        <v>0</v>
      </c>
      <c r="U292" s="166">
        <v>0</v>
      </c>
      <c r="V292" s="166">
        <v>0</v>
      </c>
      <c r="W292" s="166">
        <v>0</v>
      </c>
      <c r="X292" s="166">
        <v>0</v>
      </c>
      <c r="Y292" s="166">
        <v>0</v>
      </c>
      <c r="Z292" s="166">
        <v>0</v>
      </c>
      <c r="AA292" s="166">
        <v>0</v>
      </c>
      <c r="AB292" s="166">
        <v>0</v>
      </c>
      <c r="AC292" s="166">
        <v>0</v>
      </c>
      <c r="AD292" s="166">
        <v>0</v>
      </c>
      <c r="AE292" s="166">
        <v>0</v>
      </c>
      <c r="AF292" s="166">
        <v>0</v>
      </c>
      <c r="AG292" s="166">
        <v>0</v>
      </c>
      <c r="AH292" s="166">
        <v>0</v>
      </c>
      <c r="AI292" s="166">
        <v>0</v>
      </c>
      <c r="AJ292" s="166">
        <v>0</v>
      </c>
      <c r="AK292" s="166">
        <v>0</v>
      </c>
      <c r="AL292" s="166">
        <v>0</v>
      </c>
      <c r="AM292" s="166">
        <v>0</v>
      </c>
      <c r="AN292" s="166">
        <v>0</v>
      </c>
      <c r="AO292" s="166">
        <v>0</v>
      </c>
      <c r="AP292" s="166">
        <v>0</v>
      </c>
      <c r="AQ292" s="166">
        <v>0</v>
      </c>
      <c r="AR292" s="166">
        <v>0</v>
      </c>
      <c r="AS292" s="166">
        <v>0</v>
      </c>
      <c r="AT292" s="166">
        <v>0</v>
      </c>
      <c r="AU292" s="166">
        <v>0</v>
      </c>
      <c r="AV292" s="166">
        <v>0</v>
      </c>
      <c r="AW292" s="166">
        <v>0</v>
      </c>
      <c r="AX292" s="166">
        <v>0</v>
      </c>
      <c r="AY292" s="166">
        <v>0</v>
      </c>
      <c r="AZ292" s="166">
        <v>0</v>
      </c>
      <c r="BA292" s="166">
        <v>0</v>
      </c>
      <c r="BB292" s="166">
        <v>0</v>
      </c>
      <c r="BC292" s="166">
        <v>0</v>
      </c>
      <c r="BD292" s="166">
        <v>0</v>
      </c>
      <c r="BE292" s="166">
        <v>0</v>
      </c>
      <c r="BF292" s="166">
        <v>0</v>
      </c>
      <c r="BG292" s="166">
        <v>0</v>
      </c>
      <c r="BH292" s="166">
        <v>0</v>
      </c>
      <c r="BI292" s="166">
        <v>0</v>
      </c>
      <c r="BJ292" s="166">
        <v>0</v>
      </c>
      <c r="BK292" s="166">
        <v>0</v>
      </c>
      <c r="BL292" s="166">
        <v>0</v>
      </c>
      <c r="BM292" s="166">
        <v>0</v>
      </c>
      <c r="BN292" s="166">
        <v>0</v>
      </c>
      <c r="BO292" s="166">
        <v>0</v>
      </c>
      <c r="BP292" s="166">
        <v>0</v>
      </c>
      <c r="BQ292" s="166">
        <v>0</v>
      </c>
      <c r="BR292" s="166">
        <v>169761.2</v>
      </c>
      <c r="BS292" s="166">
        <v>169761.2</v>
      </c>
      <c r="BT292" s="168">
        <v>0.99981028173514197</v>
      </c>
      <c r="BU292" s="166">
        <v>7918.9192029804599</v>
      </c>
      <c r="BV292" s="166">
        <v>169729.244268776</v>
      </c>
      <c r="BW292" s="166">
        <v>0</v>
      </c>
      <c r="BX292" s="166">
        <v>0</v>
      </c>
      <c r="BY292" s="166">
        <v>0</v>
      </c>
      <c r="BZ292" s="166">
        <v>0</v>
      </c>
      <c r="CA292" s="166">
        <v>0</v>
      </c>
      <c r="CB292" s="166">
        <v>0</v>
      </c>
      <c r="CC292" s="166">
        <v>0</v>
      </c>
      <c r="CD292" s="166">
        <v>0</v>
      </c>
      <c r="CE292" s="166">
        <v>0</v>
      </c>
      <c r="CF292" s="166">
        <v>0</v>
      </c>
      <c r="CG292" s="166">
        <v>0</v>
      </c>
      <c r="CH292" s="166">
        <v>0</v>
      </c>
      <c r="CI292" s="166">
        <v>0</v>
      </c>
      <c r="CJ292" s="166">
        <v>0</v>
      </c>
      <c r="CK292" s="166">
        <v>0</v>
      </c>
      <c r="CL292" s="166">
        <v>0</v>
      </c>
      <c r="CM292" s="166">
        <v>0</v>
      </c>
      <c r="CN292" s="166">
        <v>0</v>
      </c>
      <c r="CO292" s="166">
        <v>0</v>
      </c>
      <c r="CP292" s="166">
        <v>0</v>
      </c>
      <c r="CQ292" s="166">
        <v>0</v>
      </c>
      <c r="CR292" s="166">
        <v>0</v>
      </c>
      <c r="CS292" s="166">
        <v>0</v>
      </c>
      <c r="CT292" s="166">
        <v>0</v>
      </c>
      <c r="CU292" s="166">
        <v>0</v>
      </c>
      <c r="CV292" s="166">
        <v>0</v>
      </c>
      <c r="CW292" s="166">
        <v>0</v>
      </c>
      <c r="CX292" s="166">
        <v>0</v>
      </c>
      <c r="CY292" s="166">
        <v>169729.244268776</v>
      </c>
      <c r="CZ292" s="166">
        <v>169729.244268776</v>
      </c>
    </row>
    <row r="293" spans="1:105" x14ac:dyDescent="0.2">
      <c r="A293" s="167" t="s">
        <v>385</v>
      </c>
    </row>
    <row r="294" spans="1:105" x14ac:dyDescent="0.2">
      <c r="A294" s="167" t="s">
        <v>386</v>
      </c>
      <c r="B294" s="166">
        <v>869468.53</v>
      </c>
      <c r="C294" s="166">
        <v>869468.53</v>
      </c>
      <c r="D294" s="166">
        <v>0</v>
      </c>
      <c r="E294" s="166">
        <v>0</v>
      </c>
      <c r="F294" s="166">
        <v>0</v>
      </c>
      <c r="G294" s="166">
        <v>0</v>
      </c>
      <c r="H294" s="166">
        <v>0</v>
      </c>
      <c r="I294" s="166">
        <v>0</v>
      </c>
      <c r="J294" s="166">
        <v>0</v>
      </c>
      <c r="K294" s="166">
        <v>0</v>
      </c>
      <c r="L294" s="166">
        <v>0</v>
      </c>
      <c r="M294" s="166">
        <v>0</v>
      </c>
      <c r="N294" s="166">
        <v>0</v>
      </c>
      <c r="O294" s="166">
        <v>0</v>
      </c>
      <c r="P294" s="166">
        <v>0</v>
      </c>
      <c r="Q294" s="166">
        <v>0</v>
      </c>
      <c r="R294" s="166">
        <v>0</v>
      </c>
      <c r="S294" s="166">
        <v>0</v>
      </c>
      <c r="T294" s="166">
        <v>0</v>
      </c>
      <c r="U294" s="166">
        <v>0</v>
      </c>
      <c r="V294" s="166">
        <v>0</v>
      </c>
      <c r="W294" s="166">
        <v>0</v>
      </c>
      <c r="X294" s="166">
        <v>0</v>
      </c>
      <c r="Y294" s="166">
        <v>0</v>
      </c>
      <c r="Z294" s="166">
        <v>0</v>
      </c>
      <c r="AA294" s="166">
        <v>0</v>
      </c>
      <c r="AB294" s="166">
        <v>0</v>
      </c>
      <c r="AC294" s="166">
        <v>0</v>
      </c>
      <c r="AD294" s="166">
        <v>0</v>
      </c>
      <c r="AE294" s="166">
        <v>0</v>
      </c>
      <c r="AF294" s="166">
        <v>0</v>
      </c>
      <c r="AG294" s="166">
        <v>0</v>
      </c>
      <c r="AH294" s="166">
        <v>0</v>
      </c>
      <c r="AI294" s="166">
        <v>0</v>
      </c>
      <c r="AJ294" s="166">
        <v>0</v>
      </c>
      <c r="AK294" s="166">
        <v>0</v>
      </c>
      <c r="AL294" s="166">
        <v>0</v>
      </c>
      <c r="AM294" s="166">
        <v>0</v>
      </c>
      <c r="AN294" s="166">
        <v>0</v>
      </c>
      <c r="AO294" s="166">
        <v>0</v>
      </c>
      <c r="AP294" s="166">
        <v>0</v>
      </c>
      <c r="AQ294" s="166">
        <v>0</v>
      </c>
      <c r="AR294" s="166">
        <v>0</v>
      </c>
      <c r="AS294" s="166">
        <v>0</v>
      </c>
      <c r="AT294" s="166">
        <v>0</v>
      </c>
      <c r="AU294" s="166">
        <v>0</v>
      </c>
      <c r="AV294" s="166">
        <v>0</v>
      </c>
      <c r="AW294" s="166">
        <v>0</v>
      </c>
      <c r="AX294" s="166">
        <v>0</v>
      </c>
      <c r="AY294" s="166">
        <v>0</v>
      </c>
      <c r="AZ294" s="166">
        <v>0</v>
      </c>
      <c r="BA294" s="166">
        <v>0</v>
      </c>
      <c r="BB294" s="166">
        <v>0</v>
      </c>
      <c r="BC294" s="166">
        <v>0</v>
      </c>
      <c r="BD294" s="166">
        <v>0</v>
      </c>
      <c r="BE294" s="166">
        <v>0</v>
      </c>
      <c r="BF294" s="166">
        <v>0</v>
      </c>
      <c r="BG294" s="166">
        <v>0</v>
      </c>
      <c r="BH294" s="166">
        <v>0</v>
      </c>
      <c r="BI294" s="166">
        <v>0</v>
      </c>
      <c r="BJ294" s="166">
        <v>0</v>
      </c>
      <c r="BK294" s="166">
        <v>0</v>
      </c>
      <c r="BL294" s="166">
        <v>0</v>
      </c>
      <c r="BM294" s="166">
        <v>0</v>
      </c>
      <c r="BN294" s="166">
        <v>0</v>
      </c>
      <c r="BO294" s="166">
        <v>0</v>
      </c>
      <c r="BP294" s="166">
        <v>0</v>
      </c>
      <c r="BQ294" s="166">
        <v>0</v>
      </c>
      <c r="BR294" s="166">
        <v>869468.53</v>
      </c>
      <c r="BS294" s="166">
        <v>869468.53</v>
      </c>
      <c r="BT294" s="168">
        <v>0.98770000000000002</v>
      </c>
      <c r="BU294" s="166">
        <v>90723.405639999997</v>
      </c>
      <c r="BV294" s="166">
        <v>858774.06708099996</v>
      </c>
      <c r="BW294" s="166">
        <v>0</v>
      </c>
      <c r="BX294" s="166">
        <v>0</v>
      </c>
      <c r="BY294" s="166">
        <v>0</v>
      </c>
      <c r="BZ294" s="166">
        <v>0</v>
      </c>
      <c r="CA294" s="166">
        <v>0</v>
      </c>
      <c r="CB294" s="166">
        <v>0</v>
      </c>
      <c r="CC294" s="166">
        <v>0</v>
      </c>
      <c r="CD294" s="166">
        <v>0</v>
      </c>
      <c r="CE294" s="166">
        <v>0</v>
      </c>
      <c r="CF294" s="166">
        <v>0</v>
      </c>
      <c r="CG294" s="166">
        <v>0</v>
      </c>
      <c r="CH294" s="166">
        <v>0</v>
      </c>
      <c r="CI294" s="166">
        <v>0</v>
      </c>
      <c r="CJ294" s="166">
        <v>0</v>
      </c>
      <c r="CK294" s="166">
        <v>0</v>
      </c>
      <c r="CL294" s="166">
        <v>0</v>
      </c>
      <c r="CM294" s="166">
        <v>0</v>
      </c>
      <c r="CN294" s="166">
        <v>0</v>
      </c>
      <c r="CO294" s="166">
        <v>0</v>
      </c>
      <c r="CP294" s="166">
        <v>0</v>
      </c>
      <c r="CQ294" s="166">
        <v>0</v>
      </c>
      <c r="CR294" s="166">
        <v>0</v>
      </c>
      <c r="CS294" s="166">
        <v>0</v>
      </c>
      <c r="CT294" s="166">
        <v>0</v>
      </c>
      <c r="CU294" s="166">
        <v>0</v>
      </c>
      <c r="CV294" s="166">
        <v>0</v>
      </c>
      <c r="CW294" s="166">
        <v>0</v>
      </c>
      <c r="CX294" s="166">
        <v>0</v>
      </c>
      <c r="CY294" s="166">
        <v>858774.06708099996</v>
      </c>
      <c r="CZ294" s="166">
        <v>858774.06708099996</v>
      </c>
    </row>
    <row r="295" spans="1:105" x14ac:dyDescent="0.2">
      <c r="A295" s="167" t="s">
        <v>387</v>
      </c>
    </row>
    <row r="296" spans="1:105" x14ac:dyDescent="0.2">
      <c r="A296" s="167" t="s">
        <v>703</v>
      </c>
      <c r="B296" s="166">
        <v>58747620.520000003</v>
      </c>
      <c r="C296" s="166">
        <v>58747620.520000003</v>
      </c>
      <c r="D296" s="166">
        <v>0</v>
      </c>
      <c r="E296" s="166">
        <v>0</v>
      </c>
      <c r="F296" s="166">
        <v>0</v>
      </c>
      <c r="G296" s="166">
        <v>0</v>
      </c>
      <c r="H296" s="166">
        <v>0</v>
      </c>
      <c r="I296" s="166">
        <v>0</v>
      </c>
      <c r="J296" s="166">
        <v>0</v>
      </c>
      <c r="K296" s="166">
        <v>0</v>
      </c>
      <c r="L296" s="166">
        <v>0</v>
      </c>
      <c r="M296" s="166">
        <v>0</v>
      </c>
      <c r="N296" s="166">
        <v>0</v>
      </c>
      <c r="O296" s="166">
        <v>0</v>
      </c>
      <c r="P296" s="166">
        <v>0</v>
      </c>
      <c r="Q296" s="166">
        <v>0</v>
      </c>
      <c r="R296" s="166">
        <v>0</v>
      </c>
      <c r="S296" s="166">
        <v>0</v>
      </c>
      <c r="T296" s="166">
        <v>0</v>
      </c>
      <c r="U296" s="166">
        <v>0</v>
      </c>
      <c r="V296" s="166">
        <v>0</v>
      </c>
      <c r="W296" s="166">
        <v>0</v>
      </c>
      <c r="X296" s="166">
        <v>0</v>
      </c>
      <c r="Y296" s="166">
        <v>0</v>
      </c>
      <c r="Z296" s="166">
        <v>0</v>
      </c>
      <c r="AA296" s="166">
        <v>0</v>
      </c>
      <c r="AB296" s="166">
        <v>0</v>
      </c>
      <c r="AC296" s="166">
        <v>0</v>
      </c>
      <c r="AD296" s="166">
        <v>0</v>
      </c>
      <c r="AE296" s="166">
        <v>0</v>
      </c>
      <c r="AF296" s="166">
        <v>0</v>
      </c>
      <c r="AG296" s="166">
        <v>0</v>
      </c>
      <c r="AH296" s="166">
        <v>0</v>
      </c>
      <c r="AI296" s="166">
        <v>0</v>
      </c>
      <c r="AJ296" s="166">
        <v>0</v>
      </c>
      <c r="AK296" s="166">
        <v>0</v>
      </c>
      <c r="AL296" s="166">
        <v>0</v>
      </c>
      <c r="AM296" s="166">
        <v>0</v>
      </c>
      <c r="AN296" s="166">
        <v>0</v>
      </c>
      <c r="AO296" s="166">
        <v>0</v>
      </c>
      <c r="AP296" s="166">
        <v>0</v>
      </c>
      <c r="AQ296" s="166">
        <v>0</v>
      </c>
      <c r="AR296" s="166">
        <v>0</v>
      </c>
      <c r="AS296" s="166">
        <v>0</v>
      </c>
      <c r="AT296" s="166">
        <v>0</v>
      </c>
      <c r="AU296" s="166">
        <v>0</v>
      </c>
      <c r="AV296" s="166">
        <v>0</v>
      </c>
      <c r="AW296" s="166">
        <v>0</v>
      </c>
      <c r="AX296" s="166">
        <v>0</v>
      </c>
      <c r="AY296" s="166">
        <v>0</v>
      </c>
      <c r="AZ296" s="166">
        <v>0</v>
      </c>
      <c r="BA296" s="166">
        <v>0</v>
      </c>
      <c r="BB296" s="166">
        <v>0</v>
      </c>
      <c r="BC296" s="166">
        <v>0</v>
      </c>
      <c r="BD296" s="166">
        <v>0</v>
      </c>
      <c r="BE296" s="166">
        <v>0</v>
      </c>
      <c r="BF296" s="166">
        <v>0</v>
      </c>
      <c r="BG296" s="166">
        <v>0</v>
      </c>
      <c r="BH296" s="166">
        <v>0</v>
      </c>
      <c r="BI296" s="166">
        <v>0</v>
      </c>
      <c r="BJ296" s="166">
        <v>0</v>
      </c>
      <c r="BK296" s="166">
        <v>0</v>
      </c>
      <c r="BL296" s="166">
        <v>0</v>
      </c>
      <c r="BM296" s="166">
        <v>0</v>
      </c>
      <c r="BN296" s="166">
        <v>0</v>
      </c>
      <c r="BO296" s="166">
        <v>0</v>
      </c>
      <c r="BP296" s="166">
        <v>0</v>
      </c>
      <c r="BQ296" s="166">
        <v>0</v>
      </c>
      <c r="BR296" s="166">
        <v>58747620.520000003</v>
      </c>
      <c r="BS296" s="166">
        <v>58747620.520000003</v>
      </c>
      <c r="BT296" s="166">
        <v>1000</v>
      </c>
      <c r="BU296" s="166">
        <v>5002115.1099999901</v>
      </c>
      <c r="BV296" s="166">
        <v>58747620.520000003</v>
      </c>
      <c r="BW296" s="166">
        <v>0</v>
      </c>
      <c r="BX296" s="166">
        <v>0</v>
      </c>
      <c r="BY296" s="166">
        <v>0</v>
      </c>
      <c r="BZ296" s="166">
        <v>0</v>
      </c>
      <c r="CA296" s="166">
        <v>0</v>
      </c>
      <c r="CB296" s="166">
        <v>0</v>
      </c>
      <c r="CC296" s="166">
        <v>0</v>
      </c>
      <c r="CD296" s="166">
        <v>0</v>
      </c>
      <c r="CE296" s="166">
        <v>0</v>
      </c>
      <c r="CF296" s="166">
        <v>0</v>
      </c>
      <c r="CG296" s="166">
        <v>0</v>
      </c>
      <c r="CH296" s="166">
        <v>0</v>
      </c>
      <c r="CI296" s="166">
        <v>0</v>
      </c>
      <c r="CJ296" s="166">
        <v>0</v>
      </c>
      <c r="CK296" s="166">
        <v>0</v>
      </c>
      <c r="CL296" s="166">
        <v>0</v>
      </c>
      <c r="CM296" s="166">
        <v>0</v>
      </c>
      <c r="CN296" s="166">
        <v>0</v>
      </c>
      <c r="CO296" s="166">
        <v>0</v>
      </c>
      <c r="CP296" s="166">
        <v>0</v>
      </c>
      <c r="CQ296" s="166">
        <v>0</v>
      </c>
      <c r="CR296" s="166">
        <v>0</v>
      </c>
      <c r="CS296" s="166">
        <v>0</v>
      </c>
      <c r="CT296" s="166">
        <v>0</v>
      </c>
      <c r="CU296" s="166">
        <v>0</v>
      </c>
      <c r="CV296" s="166">
        <v>0</v>
      </c>
      <c r="CW296" s="166">
        <v>0</v>
      </c>
      <c r="CX296" s="166">
        <v>0</v>
      </c>
      <c r="CY296" s="166">
        <v>58747620.520000003</v>
      </c>
      <c r="CZ296" s="166">
        <v>58747620.520000003</v>
      </c>
    </row>
    <row r="297" spans="1:105" x14ac:dyDescent="0.2">
      <c r="A297" s="167" t="s">
        <v>704</v>
      </c>
      <c r="B297" s="166">
        <v>0</v>
      </c>
      <c r="C297" s="166">
        <v>0</v>
      </c>
      <c r="D297" s="166">
        <v>0</v>
      </c>
      <c r="E297" s="166">
        <v>0</v>
      </c>
      <c r="F297" s="166">
        <v>0</v>
      </c>
      <c r="G297" s="166">
        <v>0</v>
      </c>
      <c r="H297" s="166">
        <v>0</v>
      </c>
      <c r="I297" s="166">
        <v>0</v>
      </c>
      <c r="J297" s="166">
        <v>0</v>
      </c>
      <c r="K297" s="166">
        <v>0</v>
      </c>
      <c r="L297" s="166">
        <v>0</v>
      </c>
      <c r="M297" s="166">
        <v>0</v>
      </c>
      <c r="N297" s="166">
        <v>0</v>
      </c>
      <c r="O297" s="166">
        <v>0</v>
      </c>
      <c r="P297" s="166">
        <v>0</v>
      </c>
      <c r="Q297" s="166">
        <v>0</v>
      </c>
      <c r="R297" s="166">
        <v>0</v>
      </c>
      <c r="S297" s="166">
        <v>0</v>
      </c>
      <c r="T297" s="166">
        <v>0</v>
      </c>
      <c r="U297" s="166">
        <v>0</v>
      </c>
      <c r="V297" s="166">
        <v>0</v>
      </c>
      <c r="W297" s="166">
        <v>0</v>
      </c>
      <c r="X297" s="166">
        <v>0</v>
      </c>
      <c r="Y297" s="166">
        <v>0</v>
      </c>
      <c r="Z297" s="166">
        <v>0</v>
      </c>
      <c r="AA297" s="166">
        <v>0</v>
      </c>
      <c r="AB297" s="166">
        <v>0</v>
      </c>
      <c r="AC297" s="166">
        <v>0</v>
      </c>
      <c r="AD297" s="166">
        <v>0</v>
      </c>
      <c r="AE297" s="166">
        <v>0</v>
      </c>
      <c r="AF297" s="166">
        <v>0</v>
      </c>
      <c r="AG297" s="166">
        <v>0</v>
      </c>
      <c r="AH297" s="166">
        <v>0</v>
      </c>
      <c r="AI297" s="166">
        <v>0</v>
      </c>
      <c r="AJ297" s="166">
        <v>0</v>
      </c>
      <c r="AK297" s="166">
        <v>0</v>
      </c>
      <c r="AL297" s="166">
        <v>0</v>
      </c>
      <c r="AM297" s="166">
        <v>0</v>
      </c>
      <c r="AN297" s="166">
        <v>0</v>
      </c>
      <c r="AO297" s="166">
        <v>0</v>
      </c>
      <c r="AP297" s="166">
        <v>0</v>
      </c>
      <c r="AQ297" s="166">
        <v>0</v>
      </c>
      <c r="AR297" s="166">
        <v>0</v>
      </c>
      <c r="AS297" s="166">
        <v>0</v>
      </c>
      <c r="AT297" s="166">
        <v>0</v>
      </c>
      <c r="AU297" s="166">
        <v>0</v>
      </c>
      <c r="AV297" s="166">
        <v>0</v>
      </c>
      <c r="AW297" s="166">
        <v>0</v>
      </c>
      <c r="AX297" s="166">
        <v>0</v>
      </c>
      <c r="AY297" s="166">
        <v>0</v>
      </c>
      <c r="AZ297" s="166">
        <v>0</v>
      </c>
      <c r="BA297" s="166">
        <v>0</v>
      </c>
      <c r="BB297" s="166">
        <v>0</v>
      </c>
      <c r="BC297" s="166">
        <v>0</v>
      </c>
      <c r="BD297" s="166">
        <v>0</v>
      </c>
      <c r="BE297" s="166">
        <v>0</v>
      </c>
      <c r="BF297" s="166">
        <v>0</v>
      </c>
      <c r="BG297" s="166">
        <v>0</v>
      </c>
      <c r="BH297" s="166">
        <v>0</v>
      </c>
      <c r="BI297" s="166">
        <v>0</v>
      </c>
      <c r="BJ297" s="166">
        <v>0</v>
      </c>
      <c r="BK297" s="166">
        <v>0</v>
      </c>
      <c r="BL297" s="166">
        <v>0</v>
      </c>
      <c r="BM297" s="166">
        <v>0</v>
      </c>
      <c r="BN297" s="166">
        <v>0</v>
      </c>
      <c r="BO297" s="166">
        <v>0</v>
      </c>
      <c r="BP297" s="166">
        <v>0</v>
      </c>
      <c r="BQ297" s="166">
        <v>0</v>
      </c>
      <c r="BR297" s="166">
        <v>0</v>
      </c>
      <c r="BS297" s="166">
        <v>0</v>
      </c>
      <c r="BT297" s="166">
        <v>1000</v>
      </c>
      <c r="BU297" s="166">
        <v>0</v>
      </c>
      <c r="BV297" s="166">
        <v>0</v>
      </c>
      <c r="BW297" s="166">
        <v>0</v>
      </c>
      <c r="BX297" s="166">
        <v>0</v>
      </c>
      <c r="BY297" s="166">
        <v>0</v>
      </c>
      <c r="BZ297" s="166">
        <v>0</v>
      </c>
      <c r="CA297" s="166">
        <v>0</v>
      </c>
      <c r="CB297" s="166">
        <v>0</v>
      </c>
      <c r="CC297" s="166">
        <v>0</v>
      </c>
      <c r="CD297" s="166">
        <v>0</v>
      </c>
      <c r="CE297" s="166">
        <v>0</v>
      </c>
      <c r="CF297" s="166">
        <v>0</v>
      </c>
      <c r="CG297" s="166">
        <v>0</v>
      </c>
      <c r="CH297" s="166">
        <v>0</v>
      </c>
      <c r="CI297" s="166">
        <v>0</v>
      </c>
      <c r="CJ297" s="166">
        <v>0</v>
      </c>
      <c r="CK297" s="166">
        <v>0</v>
      </c>
      <c r="CL297" s="166">
        <v>0</v>
      </c>
      <c r="CM297" s="166">
        <v>0</v>
      </c>
      <c r="CN297" s="166">
        <v>0</v>
      </c>
      <c r="CO297" s="166">
        <v>0</v>
      </c>
      <c r="CP297" s="166">
        <v>0</v>
      </c>
      <c r="CQ297" s="166">
        <v>0</v>
      </c>
      <c r="CR297" s="166">
        <v>0</v>
      </c>
      <c r="CS297" s="166">
        <v>0</v>
      </c>
      <c r="CT297" s="166">
        <v>0</v>
      </c>
      <c r="CU297" s="166">
        <v>0</v>
      </c>
      <c r="CV297" s="166">
        <v>0</v>
      </c>
      <c r="CW297" s="166">
        <v>0</v>
      </c>
      <c r="CX297" s="166">
        <v>0</v>
      </c>
      <c r="CY297" s="166">
        <v>0</v>
      </c>
      <c r="CZ297" s="166">
        <v>0</v>
      </c>
    </row>
    <row r="298" spans="1:105" x14ac:dyDescent="0.2">
      <c r="A298" s="167" t="s">
        <v>389</v>
      </c>
      <c r="B298" s="166">
        <v>58747620.520000003</v>
      </c>
      <c r="C298" s="166">
        <v>58747620.520000003</v>
      </c>
      <c r="D298" s="166">
        <v>0</v>
      </c>
      <c r="E298" s="166">
        <v>0</v>
      </c>
      <c r="F298" s="166">
        <v>0</v>
      </c>
      <c r="G298" s="166">
        <v>0</v>
      </c>
      <c r="H298" s="166">
        <v>0</v>
      </c>
      <c r="I298" s="166">
        <v>0</v>
      </c>
      <c r="J298" s="166">
        <v>0</v>
      </c>
      <c r="K298" s="166">
        <v>0</v>
      </c>
      <c r="L298" s="166">
        <v>0</v>
      </c>
      <c r="M298" s="166">
        <v>0</v>
      </c>
      <c r="N298" s="166">
        <v>0</v>
      </c>
      <c r="O298" s="166">
        <v>0</v>
      </c>
      <c r="P298" s="166">
        <v>0</v>
      </c>
      <c r="Q298" s="166">
        <v>0</v>
      </c>
      <c r="R298" s="166">
        <v>0</v>
      </c>
      <c r="S298" s="166">
        <v>0</v>
      </c>
      <c r="T298" s="166">
        <v>0</v>
      </c>
      <c r="U298" s="166">
        <v>0</v>
      </c>
      <c r="V298" s="166">
        <v>0</v>
      </c>
      <c r="W298" s="166">
        <v>0</v>
      </c>
      <c r="X298" s="166">
        <v>0</v>
      </c>
      <c r="Y298" s="166">
        <v>0</v>
      </c>
      <c r="Z298" s="166">
        <v>0</v>
      </c>
      <c r="AA298" s="166">
        <v>0</v>
      </c>
      <c r="AB298" s="166">
        <v>0</v>
      </c>
      <c r="AC298" s="166">
        <v>0</v>
      </c>
      <c r="AD298" s="166">
        <v>0</v>
      </c>
      <c r="AE298" s="166">
        <v>0</v>
      </c>
      <c r="AF298" s="166">
        <v>0</v>
      </c>
      <c r="AG298" s="166">
        <v>0</v>
      </c>
      <c r="AH298" s="166">
        <v>0</v>
      </c>
      <c r="AI298" s="166">
        <v>0</v>
      </c>
      <c r="AJ298" s="166">
        <v>0</v>
      </c>
      <c r="AK298" s="166">
        <v>0</v>
      </c>
      <c r="AL298" s="166">
        <v>0</v>
      </c>
      <c r="AM298" s="166">
        <v>0</v>
      </c>
      <c r="AN298" s="166">
        <v>0</v>
      </c>
      <c r="AO298" s="166">
        <v>0</v>
      </c>
      <c r="AP298" s="166">
        <v>0</v>
      </c>
      <c r="AQ298" s="166">
        <v>0</v>
      </c>
      <c r="AR298" s="166">
        <v>0</v>
      </c>
      <c r="AS298" s="166">
        <v>0</v>
      </c>
      <c r="AT298" s="166">
        <v>0</v>
      </c>
      <c r="AU298" s="166">
        <v>0</v>
      </c>
      <c r="AV298" s="166">
        <v>0</v>
      </c>
      <c r="AW298" s="166">
        <v>0</v>
      </c>
      <c r="AX298" s="166">
        <v>0</v>
      </c>
      <c r="AY298" s="166">
        <v>0</v>
      </c>
      <c r="AZ298" s="166">
        <v>0</v>
      </c>
      <c r="BA298" s="166">
        <v>0</v>
      </c>
      <c r="BB298" s="166">
        <v>0</v>
      </c>
      <c r="BC298" s="166">
        <v>0</v>
      </c>
      <c r="BD298" s="166">
        <v>0</v>
      </c>
      <c r="BE298" s="166">
        <v>0</v>
      </c>
      <c r="BF298" s="166">
        <v>0</v>
      </c>
      <c r="BG298" s="166">
        <v>0</v>
      </c>
      <c r="BH298" s="166">
        <v>0</v>
      </c>
      <c r="BI298" s="166">
        <v>0</v>
      </c>
      <c r="BJ298" s="166">
        <v>0</v>
      </c>
      <c r="BK298" s="166">
        <v>0</v>
      </c>
      <c r="BL298" s="166">
        <v>0</v>
      </c>
      <c r="BM298" s="166">
        <v>0</v>
      </c>
      <c r="BN298" s="166">
        <v>0</v>
      </c>
      <c r="BO298" s="166">
        <v>0</v>
      </c>
      <c r="BP298" s="166">
        <v>0</v>
      </c>
      <c r="BQ298" s="166">
        <v>0</v>
      </c>
      <c r="BR298" s="166">
        <v>58747620.520000003</v>
      </c>
      <c r="BS298" s="166">
        <v>58747620.520000003</v>
      </c>
      <c r="BT298" s="168">
        <v>1</v>
      </c>
      <c r="BU298" s="166">
        <v>5002115.1099999901</v>
      </c>
      <c r="BV298" s="166">
        <v>58747620.520000003</v>
      </c>
      <c r="BW298" s="166">
        <v>0</v>
      </c>
      <c r="BX298" s="166">
        <v>0</v>
      </c>
      <c r="BY298" s="166">
        <v>0</v>
      </c>
      <c r="BZ298" s="166">
        <v>0</v>
      </c>
      <c r="CA298" s="166">
        <v>0</v>
      </c>
      <c r="CB298" s="166">
        <v>0</v>
      </c>
      <c r="CC298" s="166">
        <v>0</v>
      </c>
      <c r="CD298" s="166">
        <v>0</v>
      </c>
      <c r="CE298" s="166">
        <v>0</v>
      </c>
      <c r="CF298" s="166">
        <v>0</v>
      </c>
      <c r="CG298" s="166">
        <v>0</v>
      </c>
      <c r="CH298" s="166">
        <v>0</v>
      </c>
      <c r="CI298" s="166">
        <v>0</v>
      </c>
      <c r="CJ298" s="166">
        <v>0</v>
      </c>
      <c r="CK298" s="166">
        <v>0</v>
      </c>
      <c r="CL298" s="166">
        <v>0</v>
      </c>
      <c r="CM298" s="166">
        <v>0</v>
      </c>
      <c r="CN298" s="166">
        <v>0</v>
      </c>
      <c r="CO298" s="166">
        <v>0</v>
      </c>
      <c r="CP298" s="166">
        <v>0</v>
      </c>
      <c r="CQ298" s="166">
        <v>0</v>
      </c>
      <c r="CR298" s="166">
        <v>0</v>
      </c>
      <c r="CS298" s="166">
        <v>0</v>
      </c>
      <c r="CT298" s="166">
        <v>0</v>
      </c>
      <c r="CU298" s="166">
        <v>0</v>
      </c>
      <c r="CV298" s="166">
        <v>0</v>
      </c>
      <c r="CW298" s="166">
        <v>0</v>
      </c>
      <c r="CX298" s="166">
        <v>0</v>
      </c>
      <c r="CY298" s="166">
        <v>58747620.520000003</v>
      </c>
      <c r="CZ298" s="166">
        <v>58747620.520000003</v>
      </c>
    </row>
    <row r="299" spans="1:105" x14ac:dyDescent="0.2">
      <c r="A299" s="167" t="s">
        <v>390</v>
      </c>
    </row>
    <row r="300" spans="1:105" x14ac:dyDescent="0.2">
      <c r="A300" s="167" t="s">
        <v>1169</v>
      </c>
      <c r="B300" s="166">
        <v>33606972.839999899</v>
      </c>
      <c r="C300" s="166">
        <v>33606972.839999899</v>
      </c>
      <c r="D300" s="166">
        <v>0</v>
      </c>
      <c r="E300" s="166">
        <v>0</v>
      </c>
      <c r="F300" s="166">
        <v>0</v>
      </c>
      <c r="G300" s="166">
        <v>0</v>
      </c>
      <c r="H300" s="166">
        <v>0</v>
      </c>
      <c r="I300" s="166">
        <v>0</v>
      </c>
      <c r="J300" s="166">
        <v>0</v>
      </c>
      <c r="K300" s="166">
        <v>0</v>
      </c>
      <c r="L300" s="166">
        <v>0</v>
      </c>
      <c r="M300" s="166">
        <v>0</v>
      </c>
      <c r="N300" s="166">
        <v>0</v>
      </c>
      <c r="O300" s="166">
        <v>0</v>
      </c>
      <c r="P300" s="166">
        <v>0</v>
      </c>
      <c r="Q300" s="166">
        <v>0</v>
      </c>
      <c r="R300" s="166">
        <v>0</v>
      </c>
      <c r="S300" s="166">
        <v>0</v>
      </c>
      <c r="T300" s="166">
        <v>0</v>
      </c>
      <c r="U300" s="166">
        <v>0</v>
      </c>
      <c r="V300" s="166">
        <v>0</v>
      </c>
      <c r="W300" s="166">
        <v>0</v>
      </c>
      <c r="X300" s="166">
        <v>0</v>
      </c>
      <c r="Y300" s="166">
        <v>0</v>
      </c>
      <c r="Z300" s="166">
        <v>0</v>
      </c>
      <c r="AA300" s="166">
        <v>0</v>
      </c>
      <c r="AB300" s="166">
        <v>0</v>
      </c>
      <c r="AC300" s="166">
        <v>0</v>
      </c>
      <c r="AD300" s="166">
        <v>0</v>
      </c>
      <c r="AE300" s="166">
        <v>0</v>
      </c>
      <c r="AF300" s="166">
        <v>0</v>
      </c>
      <c r="AG300" s="166">
        <v>0</v>
      </c>
      <c r="AH300" s="166">
        <v>0</v>
      </c>
      <c r="AI300" s="166">
        <v>0</v>
      </c>
      <c r="AJ300" s="166">
        <v>0</v>
      </c>
      <c r="AK300" s="166">
        <v>0</v>
      </c>
      <c r="AL300" s="166">
        <v>0</v>
      </c>
      <c r="AM300" s="166">
        <v>0</v>
      </c>
      <c r="AN300" s="166">
        <v>0</v>
      </c>
      <c r="AO300" s="166">
        <v>0</v>
      </c>
      <c r="AP300" s="166">
        <v>0</v>
      </c>
      <c r="AQ300" s="166">
        <v>0</v>
      </c>
      <c r="AR300" s="166">
        <v>0</v>
      </c>
      <c r="AS300" s="166">
        <v>0</v>
      </c>
      <c r="AT300" s="166">
        <v>0</v>
      </c>
      <c r="AU300" s="166">
        <v>0</v>
      </c>
      <c r="AV300" s="166">
        <v>0</v>
      </c>
      <c r="AW300" s="166">
        <v>0</v>
      </c>
      <c r="AX300" s="166">
        <v>0</v>
      </c>
      <c r="AY300" s="166">
        <v>0</v>
      </c>
      <c r="AZ300" s="166">
        <v>0</v>
      </c>
      <c r="BA300" s="166">
        <v>0</v>
      </c>
      <c r="BB300" s="166">
        <v>0</v>
      </c>
      <c r="BC300" s="166">
        <v>0</v>
      </c>
      <c r="BD300" s="166">
        <v>0</v>
      </c>
      <c r="BE300" s="166">
        <v>0</v>
      </c>
      <c r="BF300" s="166">
        <v>0</v>
      </c>
      <c r="BG300" s="166">
        <v>0</v>
      </c>
      <c r="BH300" s="166">
        <v>0</v>
      </c>
      <c r="BI300" s="166">
        <v>0</v>
      </c>
      <c r="BJ300" s="166">
        <v>0</v>
      </c>
      <c r="BK300" s="166">
        <v>0</v>
      </c>
      <c r="BL300" s="166">
        <v>0</v>
      </c>
      <c r="BM300" s="166">
        <v>0</v>
      </c>
      <c r="BN300" s="166">
        <v>0</v>
      </c>
      <c r="BO300" s="166">
        <v>0</v>
      </c>
      <c r="BP300" s="166">
        <v>0</v>
      </c>
      <c r="BQ300" s="166">
        <v>0</v>
      </c>
      <c r="BR300" s="166">
        <v>33606972.839999899</v>
      </c>
      <c r="BS300" s="166">
        <v>33606972.839999899</v>
      </c>
      <c r="BT300" s="168">
        <v>1</v>
      </c>
      <c r="BU300" s="166">
        <v>641987.06000000006</v>
      </c>
      <c r="BV300" s="166">
        <v>33606972.839999899</v>
      </c>
      <c r="BW300" s="166">
        <v>0</v>
      </c>
      <c r="BX300" s="166">
        <v>0</v>
      </c>
      <c r="BY300" s="166">
        <v>0</v>
      </c>
      <c r="BZ300" s="166">
        <v>0</v>
      </c>
      <c r="CA300" s="166">
        <v>0</v>
      </c>
      <c r="CB300" s="166">
        <v>0</v>
      </c>
      <c r="CC300" s="166">
        <v>0</v>
      </c>
      <c r="CD300" s="166">
        <v>0</v>
      </c>
      <c r="CE300" s="166">
        <v>0</v>
      </c>
      <c r="CF300" s="166">
        <v>0</v>
      </c>
      <c r="CG300" s="166">
        <v>0</v>
      </c>
      <c r="CH300" s="166">
        <v>0</v>
      </c>
      <c r="CI300" s="166">
        <v>0</v>
      </c>
      <c r="CJ300" s="166">
        <v>0</v>
      </c>
      <c r="CK300" s="166">
        <v>0</v>
      </c>
      <c r="CL300" s="166">
        <v>0</v>
      </c>
      <c r="CM300" s="166">
        <v>0</v>
      </c>
      <c r="CN300" s="166">
        <v>0</v>
      </c>
      <c r="CO300" s="166">
        <v>0</v>
      </c>
      <c r="CP300" s="166">
        <v>0</v>
      </c>
      <c r="CQ300" s="166">
        <v>0</v>
      </c>
      <c r="CR300" s="166">
        <v>0</v>
      </c>
      <c r="CS300" s="166">
        <v>0</v>
      </c>
      <c r="CT300" s="166">
        <v>0</v>
      </c>
      <c r="CU300" s="166">
        <v>0</v>
      </c>
      <c r="CV300" s="166">
        <v>0</v>
      </c>
      <c r="CW300" s="166">
        <v>0</v>
      </c>
      <c r="CX300" s="166">
        <v>0</v>
      </c>
      <c r="CY300" s="166">
        <v>33606972.839999899</v>
      </c>
      <c r="CZ300" s="166">
        <v>33606972.839999899</v>
      </c>
    </row>
    <row r="301" spans="1:105" x14ac:dyDescent="0.2">
      <c r="A301" s="167" t="s">
        <v>392</v>
      </c>
    </row>
    <row r="302" spans="1:105" x14ac:dyDescent="0.2">
      <c r="A302" s="167" t="s">
        <v>393</v>
      </c>
      <c r="B302" s="166">
        <v>2889.68</v>
      </c>
      <c r="C302" s="166">
        <v>2889.68</v>
      </c>
      <c r="D302" s="166">
        <v>0</v>
      </c>
      <c r="E302" s="166">
        <v>0</v>
      </c>
      <c r="F302" s="166">
        <v>0</v>
      </c>
      <c r="G302" s="166">
        <v>0</v>
      </c>
      <c r="H302" s="166">
        <v>0</v>
      </c>
      <c r="I302" s="166">
        <v>0</v>
      </c>
      <c r="J302" s="166">
        <v>0</v>
      </c>
      <c r="K302" s="166">
        <v>0</v>
      </c>
      <c r="L302" s="166">
        <v>0</v>
      </c>
      <c r="M302" s="166">
        <v>0</v>
      </c>
      <c r="N302" s="166">
        <v>0</v>
      </c>
      <c r="O302" s="166">
        <v>0</v>
      </c>
      <c r="P302" s="166">
        <v>0</v>
      </c>
      <c r="Q302" s="166">
        <v>0</v>
      </c>
      <c r="R302" s="166">
        <v>0</v>
      </c>
      <c r="S302" s="166">
        <v>0</v>
      </c>
      <c r="T302" s="166">
        <v>0</v>
      </c>
      <c r="U302" s="166">
        <v>0</v>
      </c>
      <c r="V302" s="166">
        <v>0</v>
      </c>
      <c r="W302" s="166">
        <v>0</v>
      </c>
      <c r="X302" s="166">
        <v>0</v>
      </c>
      <c r="Y302" s="166">
        <v>0</v>
      </c>
      <c r="Z302" s="166">
        <v>0</v>
      </c>
      <c r="AA302" s="166">
        <v>0</v>
      </c>
      <c r="AB302" s="166">
        <v>0</v>
      </c>
      <c r="AC302" s="166">
        <v>0</v>
      </c>
      <c r="AD302" s="166">
        <v>0</v>
      </c>
      <c r="AE302" s="166">
        <v>0</v>
      </c>
      <c r="AF302" s="166">
        <v>0</v>
      </c>
      <c r="AG302" s="166">
        <v>0</v>
      </c>
      <c r="AH302" s="166">
        <v>0</v>
      </c>
      <c r="AI302" s="166">
        <v>0</v>
      </c>
      <c r="AJ302" s="166">
        <v>0</v>
      </c>
      <c r="AK302" s="166">
        <v>0</v>
      </c>
      <c r="AL302" s="166">
        <v>0</v>
      </c>
      <c r="AM302" s="166">
        <v>0</v>
      </c>
      <c r="AN302" s="166">
        <v>0</v>
      </c>
      <c r="AO302" s="166">
        <v>0</v>
      </c>
      <c r="AP302" s="166">
        <v>0</v>
      </c>
      <c r="AQ302" s="166">
        <v>0</v>
      </c>
      <c r="AR302" s="166">
        <v>0</v>
      </c>
      <c r="AS302" s="166">
        <v>0</v>
      </c>
      <c r="AT302" s="166">
        <v>0</v>
      </c>
      <c r="AU302" s="166">
        <v>0</v>
      </c>
      <c r="AV302" s="166">
        <v>0</v>
      </c>
      <c r="AW302" s="166">
        <v>0</v>
      </c>
      <c r="AX302" s="166">
        <v>0</v>
      </c>
      <c r="AY302" s="166">
        <v>0</v>
      </c>
      <c r="AZ302" s="166">
        <v>0</v>
      </c>
      <c r="BA302" s="166">
        <v>0</v>
      </c>
      <c r="BB302" s="166">
        <v>0</v>
      </c>
      <c r="BC302" s="166">
        <v>0</v>
      </c>
      <c r="BD302" s="166">
        <v>0</v>
      </c>
      <c r="BE302" s="166">
        <v>0</v>
      </c>
      <c r="BF302" s="166">
        <v>0</v>
      </c>
      <c r="BG302" s="166">
        <v>0</v>
      </c>
      <c r="BH302" s="166">
        <v>0</v>
      </c>
      <c r="BI302" s="166">
        <v>0</v>
      </c>
      <c r="BJ302" s="166">
        <v>0</v>
      </c>
      <c r="BK302" s="166">
        <v>0</v>
      </c>
      <c r="BL302" s="166">
        <v>0</v>
      </c>
      <c r="BM302" s="166">
        <v>0</v>
      </c>
      <c r="BN302" s="166">
        <v>0</v>
      </c>
      <c r="BO302" s="166">
        <v>0</v>
      </c>
      <c r="BP302" s="166">
        <v>0</v>
      </c>
      <c r="BQ302" s="166">
        <v>0</v>
      </c>
      <c r="BR302" s="166">
        <v>2889.68</v>
      </c>
      <c r="BS302" s="166">
        <v>2889.68</v>
      </c>
      <c r="BT302" s="168">
        <v>0.99981028173514197</v>
      </c>
      <c r="BU302" s="166">
        <v>458.88766727084197</v>
      </c>
      <c r="BV302" s="166">
        <v>2889.15417497312</v>
      </c>
      <c r="BW302" s="166">
        <v>0</v>
      </c>
      <c r="BX302" s="166">
        <v>0</v>
      </c>
      <c r="BY302" s="166">
        <v>0</v>
      </c>
      <c r="BZ302" s="166">
        <v>0</v>
      </c>
      <c r="CA302" s="166">
        <v>0</v>
      </c>
      <c r="CB302" s="166">
        <v>0</v>
      </c>
      <c r="CC302" s="166">
        <v>0</v>
      </c>
      <c r="CD302" s="166">
        <v>0</v>
      </c>
      <c r="CE302" s="166">
        <v>0</v>
      </c>
      <c r="CF302" s="166">
        <v>0</v>
      </c>
      <c r="CG302" s="166">
        <v>0</v>
      </c>
      <c r="CH302" s="166">
        <v>0</v>
      </c>
      <c r="CI302" s="166">
        <v>0</v>
      </c>
      <c r="CJ302" s="166">
        <v>0</v>
      </c>
      <c r="CK302" s="166">
        <v>0</v>
      </c>
      <c r="CL302" s="166">
        <v>0</v>
      </c>
      <c r="CM302" s="166">
        <v>0</v>
      </c>
      <c r="CN302" s="166">
        <v>0</v>
      </c>
      <c r="CO302" s="166">
        <v>0</v>
      </c>
      <c r="CP302" s="166">
        <v>0</v>
      </c>
      <c r="CQ302" s="166">
        <v>0</v>
      </c>
      <c r="CR302" s="166">
        <v>0</v>
      </c>
      <c r="CS302" s="166">
        <v>0</v>
      </c>
      <c r="CT302" s="166">
        <v>0</v>
      </c>
      <c r="CU302" s="166">
        <v>0</v>
      </c>
      <c r="CV302" s="166">
        <v>0</v>
      </c>
      <c r="CW302" s="166">
        <v>0</v>
      </c>
      <c r="CX302" s="166">
        <v>0</v>
      </c>
      <c r="CY302" s="166">
        <v>2889.15417497312</v>
      </c>
      <c r="CZ302" s="166">
        <v>2889.15417497312</v>
      </c>
    </row>
    <row r="303" spans="1:105" x14ac:dyDescent="0.2">
      <c r="A303" s="172" t="s">
        <v>394</v>
      </c>
      <c r="B303" s="173">
        <v>93396712.769999996</v>
      </c>
      <c r="C303" s="173">
        <v>93396712.769999996</v>
      </c>
      <c r="D303" s="173">
        <v>0</v>
      </c>
      <c r="E303" s="173">
        <v>0</v>
      </c>
      <c r="F303" s="173">
        <v>0</v>
      </c>
      <c r="G303" s="173">
        <v>0</v>
      </c>
      <c r="H303" s="173">
        <v>0</v>
      </c>
      <c r="I303" s="173">
        <v>0</v>
      </c>
      <c r="J303" s="173">
        <v>0</v>
      </c>
      <c r="K303" s="173">
        <v>0</v>
      </c>
      <c r="L303" s="173">
        <v>0</v>
      </c>
      <c r="M303" s="173">
        <v>0</v>
      </c>
      <c r="N303" s="173">
        <v>0</v>
      </c>
      <c r="O303" s="173">
        <v>0</v>
      </c>
      <c r="P303" s="173">
        <v>0</v>
      </c>
      <c r="Q303" s="173">
        <v>0</v>
      </c>
      <c r="R303" s="173">
        <v>0</v>
      </c>
      <c r="S303" s="173">
        <v>0</v>
      </c>
      <c r="T303" s="173">
        <v>0</v>
      </c>
      <c r="U303" s="173">
        <v>0</v>
      </c>
      <c r="V303" s="173">
        <v>0</v>
      </c>
      <c r="W303" s="173">
        <v>0</v>
      </c>
      <c r="X303" s="173">
        <v>0</v>
      </c>
      <c r="Y303" s="173">
        <v>0</v>
      </c>
      <c r="Z303" s="173">
        <v>0</v>
      </c>
      <c r="AA303" s="173">
        <v>0</v>
      </c>
      <c r="AB303" s="173">
        <v>0</v>
      </c>
      <c r="AC303" s="173">
        <v>0</v>
      </c>
      <c r="AD303" s="173">
        <v>0</v>
      </c>
      <c r="AE303" s="173">
        <v>0</v>
      </c>
      <c r="AF303" s="173">
        <v>0</v>
      </c>
      <c r="AG303" s="173">
        <v>0</v>
      </c>
      <c r="AH303" s="173">
        <v>0</v>
      </c>
      <c r="AI303" s="173">
        <v>0</v>
      </c>
      <c r="AJ303" s="173">
        <v>0</v>
      </c>
      <c r="AK303" s="173">
        <v>0</v>
      </c>
      <c r="AL303" s="173">
        <v>0</v>
      </c>
      <c r="AM303" s="173">
        <v>0</v>
      </c>
      <c r="AN303" s="173">
        <v>0</v>
      </c>
      <c r="AO303" s="173">
        <v>0</v>
      </c>
      <c r="AP303" s="173">
        <v>0</v>
      </c>
      <c r="AQ303" s="173">
        <v>0</v>
      </c>
      <c r="AR303" s="173">
        <v>0</v>
      </c>
      <c r="AS303" s="173">
        <v>0</v>
      </c>
      <c r="AT303" s="173">
        <v>0</v>
      </c>
      <c r="AU303" s="173">
        <v>0</v>
      </c>
      <c r="AV303" s="173">
        <v>0</v>
      </c>
      <c r="AW303" s="173">
        <v>0</v>
      </c>
      <c r="AX303" s="173">
        <v>0</v>
      </c>
      <c r="AY303" s="173">
        <v>0</v>
      </c>
      <c r="AZ303" s="173">
        <v>0</v>
      </c>
      <c r="BA303" s="173">
        <v>0</v>
      </c>
      <c r="BB303" s="173">
        <v>0</v>
      </c>
      <c r="BC303" s="173">
        <v>0</v>
      </c>
      <c r="BD303" s="173">
        <v>0</v>
      </c>
      <c r="BE303" s="173">
        <v>0</v>
      </c>
      <c r="BF303" s="173">
        <v>0</v>
      </c>
      <c r="BG303" s="173">
        <v>0</v>
      </c>
      <c r="BH303" s="173">
        <v>0</v>
      </c>
      <c r="BI303" s="173">
        <v>0</v>
      </c>
      <c r="BJ303" s="173">
        <v>0</v>
      </c>
      <c r="BK303" s="173">
        <v>0</v>
      </c>
      <c r="BL303" s="173">
        <v>0</v>
      </c>
      <c r="BM303" s="173">
        <v>0</v>
      </c>
      <c r="BN303" s="173">
        <v>0</v>
      </c>
      <c r="BO303" s="173">
        <v>0</v>
      </c>
      <c r="BP303" s="173">
        <v>0</v>
      </c>
      <c r="BQ303" s="173">
        <v>0</v>
      </c>
      <c r="BR303" s="173">
        <v>93396712.769999996</v>
      </c>
      <c r="BS303" s="173">
        <v>93396712.769999996</v>
      </c>
      <c r="BT303" s="174">
        <v>0</v>
      </c>
      <c r="BU303" s="173">
        <v>5743203.3825102504</v>
      </c>
      <c r="BV303" s="173">
        <v>93385985.825524703</v>
      </c>
      <c r="BW303" s="173">
        <v>0</v>
      </c>
      <c r="BX303" s="173">
        <v>0</v>
      </c>
      <c r="BY303" s="173">
        <v>0</v>
      </c>
      <c r="BZ303" s="173">
        <v>0</v>
      </c>
      <c r="CA303" s="173">
        <v>0</v>
      </c>
      <c r="CB303" s="173">
        <v>0</v>
      </c>
      <c r="CC303" s="173">
        <v>0</v>
      </c>
      <c r="CD303" s="173">
        <v>0</v>
      </c>
      <c r="CE303" s="173">
        <v>0</v>
      </c>
      <c r="CF303" s="173">
        <v>0</v>
      </c>
      <c r="CG303" s="173">
        <v>0</v>
      </c>
      <c r="CH303" s="173">
        <v>0</v>
      </c>
      <c r="CI303" s="173">
        <v>0</v>
      </c>
      <c r="CJ303" s="173">
        <v>0</v>
      </c>
      <c r="CK303" s="173">
        <v>0</v>
      </c>
      <c r="CL303" s="173">
        <v>0</v>
      </c>
      <c r="CM303" s="173">
        <v>0</v>
      </c>
      <c r="CN303" s="173">
        <v>0</v>
      </c>
      <c r="CO303" s="173">
        <v>0</v>
      </c>
      <c r="CP303" s="173">
        <v>0</v>
      </c>
      <c r="CQ303" s="173">
        <v>0</v>
      </c>
      <c r="CR303" s="173">
        <v>0</v>
      </c>
      <c r="CS303" s="173">
        <v>0</v>
      </c>
      <c r="CT303" s="173">
        <v>0</v>
      </c>
      <c r="CU303" s="173">
        <v>0</v>
      </c>
      <c r="CV303" s="173">
        <v>0</v>
      </c>
      <c r="CW303" s="173">
        <v>0</v>
      </c>
      <c r="CX303" s="173">
        <v>0</v>
      </c>
      <c r="CY303" s="173">
        <v>93385985.825524703</v>
      </c>
      <c r="CZ303" s="166">
        <v>93385985.825524703</v>
      </c>
      <c r="DA303" s="175" t="s">
        <v>1170</v>
      </c>
    </row>
    <row r="304" spans="1:105" x14ac:dyDescent="0.2">
      <c r="A304" s="167" t="s">
        <v>395</v>
      </c>
    </row>
    <row r="305" spans="1:105" x14ac:dyDescent="0.2">
      <c r="A305" s="170" t="s">
        <v>396</v>
      </c>
    </row>
    <row r="306" spans="1:105" x14ac:dyDescent="0.2">
      <c r="A306" s="167" t="s">
        <v>397</v>
      </c>
      <c r="B306" s="166">
        <v>0</v>
      </c>
      <c r="C306" s="166">
        <v>0</v>
      </c>
      <c r="D306" s="166">
        <v>0</v>
      </c>
      <c r="E306" s="166">
        <v>0</v>
      </c>
      <c r="F306" s="166">
        <v>0</v>
      </c>
      <c r="G306" s="166">
        <v>0</v>
      </c>
      <c r="H306" s="166">
        <v>0</v>
      </c>
      <c r="I306" s="166">
        <v>0</v>
      </c>
      <c r="J306" s="166">
        <v>0</v>
      </c>
      <c r="K306" s="166">
        <v>0</v>
      </c>
      <c r="L306" s="166">
        <v>0</v>
      </c>
      <c r="M306" s="166">
        <v>0</v>
      </c>
      <c r="N306" s="166">
        <v>0</v>
      </c>
      <c r="O306" s="166">
        <v>0</v>
      </c>
      <c r="P306" s="166">
        <v>0</v>
      </c>
      <c r="Q306" s="166">
        <v>0</v>
      </c>
      <c r="R306" s="166">
        <v>0</v>
      </c>
      <c r="S306" s="166">
        <v>0</v>
      </c>
      <c r="T306" s="166">
        <v>0</v>
      </c>
      <c r="U306" s="166">
        <v>0</v>
      </c>
      <c r="V306" s="166">
        <v>0</v>
      </c>
      <c r="W306" s="166">
        <v>0</v>
      </c>
      <c r="X306" s="166">
        <v>0</v>
      </c>
      <c r="Y306" s="166">
        <v>0</v>
      </c>
      <c r="Z306" s="166">
        <v>0</v>
      </c>
      <c r="AA306" s="166">
        <v>0</v>
      </c>
      <c r="AB306" s="166">
        <v>0</v>
      </c>
      <c r="AC306" s="166">
        <v>0</v>
      </c>
      <c r="AD306" s="166">
        <v>0</v>
      </c>
      <c r="AE306" s="166">
        <v>0</v>
      </c>
      <c r="AF306" s="166">
        <v>0</v>
      </c>
      <c r="AG306" s="166">
        <v>0</v>
      </c>
      <c r="AH306" s="166">
        <v>0</v>
      </c>
      <c r="AI306" s="166">
        <v>0</v>
      </c>
      <c r="AJ306" s="166">
        <v>0</v>
      </c>
      <c r="AK306" s="166">
        <v>0</v>
      </c>
      <c r="AL306" s="166">
        <v>0</v>
      </c>
      <c r="AM306" s="166">
        <v>0</v>
      </c>
      <c r="AN306" s="166">
        <v>0</v>
      </c>
      <c r="AO306" s="166">
        <v>0</v>
      </c>
      <c r="AP306" s="166">
        <v>0</v>
      </c>
      <c r="AQ306" s="166">
        <v>0</v>
      </c>
      <c r="AR306" s="166">
        <v>0</v>
      </c>
      <c r="AS306" s="166">
        <v>0</v>
      </c>
      <c r="AT306" s="166">
        <v>0</v>
      </c>
      <c r="AU306" s="166">
        <v>0</v>
      </c>
      <c r="AV306" s="166">
        <v>0</v>
      </c>
      <c r="AW306" s="166">
        <v>0</v>
      </c>
      <c r="AX306" s="166">
        <v>0</v>
      </c>
      <c r="AY306" s="166">
        <v>0</v>
      </c>
      <c r="AZ306" s="166">
        <v>0</v>
      </c>
      <c r="BA306" s="166">
        <v>0</v>
      </c>
      <c r="BB306" s="166">
        <v>0</v>
      </c>
      <c r="BC306" s="166">
        <v>0</v>
      </c>
      <c r="BD306" s="166">
        <v>0</v>
      </c>
      <c r="BE306" s="166">
        <v>0</v>
      </c>
      <c r="BF306" s="166">
        <v>0</v>
      </c>
      <c r="BG306" s="166">
        <v>0</v>
      </c>
      <c r="BH306" s="166">
        <v>0</v>
      </c>
      <c r="BI306" s="166">
        <v>0</v>
      </c>
      <c r="BJ306" s="166">
        <v>0</v>
      </c>
      <c r="BK306" s="166">
        <v>0</v>
      </c>
      <c r="BL306" s="166">
        <v>0</v>
      </c>
      <c r="BM306" s="166">
        <v>0</v>
      </c>
      <c r="BN306" s="166">
        <v>0</v>
      </c>
      <c r="BO306" s="166">
        <v>0</v>
      </c>
      <c r="BP306" s="166">
        <v>0</v>
      </c>
      <c r="BQ306" s="166">
        <v>0</v>
      </c>
      <c r="BR306" s="166">
        <v>0</v>
      </c>
      <c r="BS306" s="166">
        <v>0</v>
      </c>
      <c r="BT306" s="168">
        <v>1</v>
      </c>
      <c r="BU306" s="166">
        <v>0</v>
      </c>
      <c r="BV306" s="166">
        <v>0</v>
      </c>
      <c r="BW306" s="166">
        <v>0</v>
      </c>
      <c r="BX306" s="166">
        <v>0</v>
      </c>
      <c r="BY306" s="166">
        <v>0</v>
      </c>
      <c r="BZ306" s="166">
        <v>0</v>
      </c>
      <c r="CA306" s="166">
        <v>0</v>
      </c>
      <c r="CB306" s="166">
        <v>0</v>
      </c>
      <c r="CC306" s="166">
        <v>0</v>
      </c>
      <c r="CD306" s="166">
        <v>0</v>
      </c>
      <c r="CE306" s="166">
        <v>0</v>
      </c>
      <c r="CF306" s="166">
        <v>0</v>
      </c>
      <c r="CG306" s="166">
        <v>0</v>
      </c>
      <c r="CH306" s="166">
        <v>0</v>
      </c>
      <c r="CI306" s="166">
        <v>0</v>
      </c>
      <c r="CJ306" s="166">
        <v>0</v>
      </c>
      <c r="CK306" s="166">
        <v>0</v>
      </c>
      <c r="CL306" s="166">
        <v>0</v>
      </c>
      <c r="CM306" s="166">
        <v>0</v>
      </c>
      <c r="CN306" s="166">
        <v>0</v>
      </c>
      <c r="CO306" s="166">
        <v>0</v>
      </c>
      <c r="CP306" s="166">
        <v>0</v>
      </c>
      <c r="CQ306" s="166">
        <v>0</v>
      </c>
      <c r="CR306" s="166">
        <v>0</v>
      </c>
      <c r="CS306" s="166">
        <v>0</v>
      </c>
      <c r="CT306" s="166">
        <v>0</v>
      </c>
      <c r="CU306" s="166">
        <v>0</v>
      </c>
      <c r="CV306" s="166">
        <v>0</v>
      </c>
      <c r="CW306" s="166">
        <v>0</v>
      </c>
      <c r="CX306" s="166">
        <v>0</v>
      </c>
      <c r="CY306" s="166">
        <v>0</v>
      </c>
      <c r="CZ306" s="166">
        <v>0</v>
      </c>
    </row>
    <row r="307" spans="1:105" x14ac:dyDescent="0.2">
      <c r="A307" s="167" t="s">
        <v>1171</v>
      </c>
      <c r="B307" s="166">
        <v>1625</v>
      </c>
      <c r="C307" s="166">
        <v>1625</v>
      </c>
      <c r="D307" s="166">
        <v>0</v>
      </c>
      <c r="E307" s="166">
        <v>0</v>
      </c>
      <c r="F307" s="166">
        <v>0</v>
      </c>
      <c r="G307" s="166">
        <v>0</v>
      </c>
      <c r="H307" s="166">
        <v>0</v>
      </c>
      <c r="I307" s="166">
        <v>0</v>
      </c>
      <c r="J307" s="166">
        <v>0</v>
      </c>
      <c r="K307" s="166">
        <v>0</v>
      </c>
      <c r="L307" s="166">
        <v>0</v>
      </c>
      <c r="M307" s="166">
        <v>0</v>
      </c>
      <c r="N307" s="166">
        <v>0</v>
      </c>
      <c r="O307" s="166">
        <v>0</v>
      </c>
      <c r="P307" s="166">
        <v>0</v>
      </c>
      <c r="Q307" s="166">
        <v>0</v>
      </c>
      <c r="R307" s="166">
        <v>0</v>
      </c>
      <c r="S307" s="166">
        <v>0</v>
      </c>
      <c r="T307" s="166">
        <v>0</v>
      </c>
      <c r="U307" s="166">
        <v>0</v>
      </c>
      <c r="V307" s="166">
        <v>0</v>
      </c>
      <c r="W307" s="166">
        <v>0</v>
      </c>
      <c r="X307" s="166">
        <v>0</v>
      </c>
      <c r="Y307" s="166">
        <v>0</v>
      </c>
      <c r="Z307" s="166">
        <v>0</v>
      </c>
      <c r="AA307" s="166">
        <v>0</v>
      </c>
      <c r="AB307" s="166">
        <v>0</v>
      </c>
      <c r="AC307" s="166">
        <v>0</v>
      </c>
      <c r="AD307" s="166">
        <v>0</v>
      </c>
      <c r="AE307" s="166">
        <v>0</v>
      </c>
      <c r="AF307" s="166">
        <v>0</v>
      </c>
      <c r="AG307" s="166">
        <v>0</v>
      </c>
      <c r="AH307" s="166">
        <v>0</v>
      </c>
      <c r="AI307" s="166">
        <v>0</v>
      </c>
      <c r="AJ307" s="166">
        <v>0</v>
      </c>
      <c r="AK307" s="166">
        <v>0</v>
      </c>
      <c r="AL307" s="166">
        <v>0</v>
      </c>
      <c r="AM307" s="166">
        <v>0</v>
      </c>
      <c r="AN307" s="166">
        <v>0</v>
      </c>
      <c r="AO307" s="166">
        <v>0</v>
      </c>
      <c r="AP307" s="166">
        <v>0</v>
      </c>
      <c r="AQ307" s="166">
        <v>0</v>
      </c>
      <c r="AR307" s="166">
        <v>0</v>
      </c>
      <c r="AS307" s="166">
        <v>0</v>
      </c>
      <c r="AT307" s="166">
        <v>0</v>
      </c>
      <c r="AU307" s="166">
        <v>0</v>
      </c>
      <c r="AV307" s="166">
        <v>0</v>
      </c>
      <c r="AW307" s="166">
        <v>0</v>
      </c>
      <c r="AX307" s="166">
        <v>0</v>
      </c>
      <c r="AY307" s="166">
        <v>0</v>
      </c>
      <c r="AZ307" s="166">
        <v>0</v>
      </c>
      <c r="BA307" s="166">
        <v>0</v>
      </c>
      <c r="BB307" s="166">
        <v>0</v>
      </c>
      <c r="BC307" s="166">
        <v>0</v>
      </c>
      <c r="BD307" s="166">
        <v>0</v>
      </c>
      <c r="BE307" s="166">
        <v>0</v>
      </c>
      <c r="BF307" s="166">
        <v>0</v>
      </c>
      <c r="BG307" s="166">
        <v>0</v>
      </c>
      <c r="BH307" s="166">
        <v>0</v>
      </c>
      <c r="BI307" s="166">
        <v>0</v>
      </c>
      <c r="BJ307" s="166">
        <v>0</v>
      </c>
      <c r="BK307" s="166">
        <v>0</v>
      </c>
      <c r="BL307" s="166">
        <v>0</v>
      </c>
      <c r="BM307" s="166">
        <v>0</v>
      </c>
      <c r="BN307" s="166">
        <v>0</v>
      </c>
      <c r="BO307" s="166">
        <v>0</v>
      </c>
      <c r="BP307" s="166">
        <v>0</v>
      </c>
      <c r="BQ307" s="166">
        <v>0</v>
      </c>
      <c r="BR307" s="166">
        <v>1625</v>
      </c>
      <c r="BS307" s="166">
        <v>1625</v>
      </c>
      <c r="BT307" s="168">
        <v>1</v>
      </c>
      <c r="BU307" s="166">
        <v>1625</v>
      </c>
      <c r="BV307" s="166">
        <v>1625</v>
      </c>
      <c r="BW307" s="166">
        <v>0</v>
      </c>
      <c r="BX307" s="166">
        <v>0</v>
      </c>
      <c r="BY307" s="166">
        <v>0</v>
      </c>
      <c r="BZ307" s="166">
        <v>0</v>
      </c>
      <c r="CA307" s="166">
        <v>0</v>
      </c>
      <c r="CB307" s="166">
        <v>0</v>
      </c>
      <c r="CC307" s="166">
        <v>0</v>
      </c>
      <c r="CD307" s="166">
        <v>0</v>
      </c>
      <c r="CE307" s="166">
        <v>0</v>
      </c>
      <c r="CF307" s="166">
        <v>0</v>
      </c>
      <c r="CG307" s="166">
        <v>0</v>
      </c>
      <c r="CH307" s="166">
        <v>0</v>
      </c>
      <c r="CI307" s="166">
        <v>0</v>
      </c>
      <c r="CJ307" s="166">
        <v>0</v>
      </c>
      <c r="CK307" s="166">
        <v>0</v>
      </c>
      <c r="CL307" s="166">
        <v>0</v>
      </c>
      <c r="CM307" s="166">
        <v>0</v>
      </c>
      <c r="CN307" s="166">
        <v>0</v>
      </c>
      <c r="CO307" s="166">
        <v>0</v>
      </c>
      <c r="CP307" s="166">
        <v>0</v>
      </c>
      <c r="CQ307" s="166">
        <v>0</v>
      </c>
      <c r="CR307" s="166">
        <v>0</v>
      </c>
      <c r="CS307" s="166">
        <v>0</v>
      </c>
      <c r="CT307" s="166">
        <v>0</v>
      </c>
      <c r="CU307" s="166">
        <v>0</v>
      </c>
      <c r="CV307" s="166">
        <v>0</v>
      </c>
      <c r="CW307" s="166">
        <v>0</v>
      </c>
      <c r="CX307" s="166">
        <v>0</v>
      </c>
      <c r="CY307" s="166">
        <v>1625</v>
      </c>
      <c r="CZ307" s="166">
        <v>1625</v>
      </c>
    </row>
    <row r="308" spans="1:105" x14ac:dyDescent="0.2">
      <c r="A308" s="167" t="s">
        <v>399</v>
      </c>
      <c r="B308" s="166">
        <v>201178.62</v>
      </c>
      <c r="C308" s="166">
        <v>201178.62</v>
      </c>
      <c r="D308" s="166">
        <v>0</v>
      </c>
      <c r="E308" s="166">
        <v>0</v>
      </c>
      <c r="F308" s="166">
        <v>0</v>
      </c>
      <c r="G308" s="166">
        <v>0</v>
      </c>
      <c r="H308" s="166">
        <v>0</v>
      </c>
      <c r="I308" s="166">
        <v>0</v>
      </c>
      <c r="J308" s="166">
        <v>0</v>
      </c>
      <c r="K308" s="166">
        <v>0</v>
      </c>
      <c r="L308" s="166">
        <v>0</v>
      </c>
      <c r="M308" s="166">
        <v>0</v>
      </c>
      <c r="N308" s="166">
        <v>0</v>
      </c>
      <c r="O308" s="166">
        <v>0</v>
      </c>
      <c r="P308" s="166">
        <v>0</v>
      </c>
      <c r="Q308" s="166">
        <v>0</v>
      </c>
      <c r="R308" s="166">
        <v>0</v>
      </c>
      <c r="S308" s="166">
        <v>0</v>
      </c>
      <c r="T308" s="166">
        <v>0</v>
      </c>
      <c r="U308" s="166">
        <v>0</v>
      </c>
      <c r="V308" s="166">
        <v>0</v>
      </c>
      <c r="W308" s="166">
        <v>0</v>
      </c>
      <c r="X308" s="166">
        <v>0</v>
      </c>
      <c r="Y308" s="166">
        <v>0</v>
      </c>
      <c r="Z308" s="166">
        <v>0</v>
      </c>
      <c r="AA308" s="166">
        <v>0</v>
      </c>
      <c r="AB308" s="166">
        <v>0</v>
      </c>
      <c r="AC308" s="166">
        <v>0</v>
      </c>
      <c r="AD308" s="166">
        <v>0</v>
      </c>
      <c r="AE308" s="166">
        <v>0</v>
      </c>
      <c r="AF308" s="166">
        <v>0</v>
      </c>
      <c r="AG308" s="166">
        <v>0</v>
      </c>
      <c r="AH308" s="166">
        <v>0</v>
      </c>
      <c r="AI308" s="166">
        <v>0</v>
      </c>
      <c r="AJ308" s="166">
        <v>0</v>
      </c>
      <c r="AK308" s="166">
        <v>0</v>
      </c>
      <c r="AL308" s="166">
        <v>0</v>
      </c>
      <c r="AM308" s="166">
        <v>0</v>
      </c>
      <c r="AN308" s="166">
        <v>0</v>
      </c>
      <c r="AO308" s="166">
        <v>0</v>
      </c>
      <c r="AP308" s="166">
        <v>0</v>
      </c>
      <c r="AQ308" s="166">
        <v>0</v>
      </c>
      <c r="AR308" s="166">
        <v>0</v>
      </c>
      <c r="AS308" s="166">
        <v>0</v>
      </c>
      <c r="AT308" s="166">
        <v>0</v>
      </c>
      <c r="AU308" s="166">
        <v>0</v>
      </c>
      <c r="AV308" s="166">
        <v>0</v>
      </c>
      <c r="AW308" s="166">
        <v>0</v>
      </c>
      <c r="AX308" s="166">
        <v>0</v>
      </c>
      <c r="AY308" s="166">
        <v>0</v>
      </c>
      <c r="AZ308" s="166">
        <v>0</v>
      </c>
      <c r="BA308" s="166">
        <v>0</v>
      </c>
      <c r="BB308" s="166">
        <v>0</v>
      </c>
      <c r="BC308" s="166">
        <v>0</v>
      </c>
      <c r="BD308" s="166">
        <v>0</v>
      </c>
      <c r="BE308" s="166">
        <v>0</v>
      </c>
      <c r="BF308" s="166">
        <v>0</v>
      </c>
      <c r="BG308" s="166">
        <v>0</v>
      </c>
      <c r="BH308" s="166">
        <v>0</v>
      </c>
      <c r="BI308" s="166">
        <v>0</v>
      </c>
      <c r="BJ308" s="166">
        <v>0</v>
      </c>
      <c r="BK308" s="166">
        <v>0</v>
      </c>
      <c r="BL308" s="166">
        <v>0</v>
      </c>
      <c r="BM308" s="166">
        <v>0</v>
      </c>
      <c r="BN308" s="166">
        <v>0</v>
      </c>
      <c r="BO308" s="166">
        <v>0</v>
      </c>
      <c r="BP308" s="166">
        <v>0</v>
      </c>
      <c r="BQ308" s="166">
        <v>0</v>
      </c>
      <c r="BR308" s="166">
        <v>201178.62</v>
      </c>
      <c r="BS308" s="166">
        <v>201178.62</v>
      </c>
      <c r="BT308" s="168">
        <v>1</v>
      </c>
      <c r="BU308" s="166">
        <v>0</v>
      </c>
      <c r="BV308" s="166">
        <v>201178.62</v>
      </c>
      <c r="BW308" s="166">
        <v>0</v>
      </c>
      <c r="BX308" s="166">
        <v>0</v>
      </c>
      <c r="BY308" s="166">
        <v>0</v>
      </c>
      <c r="BZ308" s="166">
        <v>0</v>
      </c>
      <c r="CA308" s="166">
        <v>0</v>
      </c>
      <c r="CB308" s="166">
        <v>0</v>
      </c>
      <c r="CC308" s="166">
        <v>0</v>
      </c>
      <c r="CD308" s="166">
        <v>0</v>
      </c>
      <c r="CE308" s="166">
        <v>0</v>
      </c>
      <c r="CF308" s="166">
        <v>0</v>
      </c>
      <c r="CG308" s="166">
        <v>0</v>
      </c>
      <c r="CH308" s="166">
        <v>0</v>
      </c>
      <c r="CI308" s="166">
        <v>0</v>
      </c>
      <c r="CJ308" s="166">
        <v>0</v>
      </c>
      <c r="CK308" s="166">
        <v>0</v>
      </c>
      <c r="CL308" s="166">
        <v>0</v>
      </c>
      <c r="CM308" s="166">
        <v>0</v>
      </c>
      <c r="CN308" s="166">
        <v>0</v>
      </c>
      <c r="CO308" s="166">
        <v>0</v>
      </c>
      <c r="CP308" s="166">
        <v>0</v>
      </c>
      <c r="CQ308" s="166">
        <v>0</v>
      </c>
      <c r="CR308" s="166">
        <v>0</v>
      </c>
      <c r="CS308" s="166">
        <v>0</v>
      </c>
      <c r="CT308" s="166">
        <v>0</v>
      </c>
      <c r="CU308" s="166">
        <v>0</v>
      </c>
      <c r="CV308" s="166">
        <v>0</v>
      </c>
      <c r="CW308" s="166">
        <v>0</v>
      </c>
      <c r="CX308" s="166">
        <v>0</v>
      </c>
      <c r="CY308" s="166">
        <v>201178.62</v>
      </c>
      <c r="CZ308" s="166">
        <v>201178.62</v>
      </c>
    </row>
    <row r="309" spans="1:105" x14ac:dyDescent="0.2">
      <c r="A309" s="167" t="s">
        <v>1172</v>
      </c>
      <c r="B309" s="166">
        <v>15925779.220000001</v>
      </c>
      <c r="C309" s="166">
        <v>15925779.220000001</v>
      </c>
      <c r="D309" s="166">
        <v>0</v>
      </c>
      <c r="E309" s="166">
        <v>0</v>
      </c>
      <c r="F309" s="166">
        <v>0</v>
      </c>
      <c r="G309" s="166">
        <v>0</v>
      </c>
      <c r="H309" s="166">
        <v>0</v>
      </c>
      <c r="I309" s="166">
        <v>0</v>
      </c>
      <c r="J309" s="166">
        <v>0</v>
      </c>
      <c r="K309" s="166">
        <v>0</v>
      </c>
      <c r="L309" s="166">
        <v>0</v>
      </c>
      <c r="M309" s="166">
        <v>0</v>
      </c>
      <c r="N309" s="166">
        <v>0</v>
      </c>
      <c r="O309" s="166">
        <v>0</v>
      </c>
      <c r="P309" s="166">
        <v>0</v>
      </c>
      <c r="Q309" s="166">
        <v>0</v>
      </c>
      <c r="R309" s="166">
        <v>0</v>
      </c>
      <c r="S309" s="166">
        <v>0</v>
      </c>
      <c r="T309" s="166">
        <v>0</v>
      </c>
      <c r="U309" s="166">
        <v>0</v>
      </c>
      <c r="V309" s="166">
        <v>0</v>
      </c>
      <c r="W309" s="166">
        <v>0</v>
      </c>
      <c r="X309" s="166">
        <v>0</v>
      </c>
      <c r="Y309" s="166">
        <v>0</v>
      </c>
      <c r="Z309" s="166">
        <v>0</v>
      </c>
      <c r="AA309" s="166">
        <v>0</v>
      </c>
      <c r="AB309" s="166">
        <v>0</v>
      </c>
      <c r="AC309" s="166">
        <v>0</v>
      </c>
      <c r="AD309" s="166">
        <v>0</v>
      </c>
      <c r="AE309" s="166">
        <v>0</v>
      </c>
      <c r="AF309" s="166">
        <v>0</v>
      </c>
      <c r="AG309" s="166">
        <v>0</v>
      </c>
      <c r="AH309" s="166">
        <v>0</v>
      </c>
      <c r="AI309" s="166">
        <v>0</v>
      </c>
      <c r="AJ309" s="166">
        <v>0</v>
      </c>
      <c r="AK309" s="166">
        <v>0</v>
      </c>
      <c r="AL309" s="166">
        <v>0</v>
      </c>
      <c r="AM309" s="166">
        <v>0</v>
      </c>
      <c r="AN309" s="166">
        <v>0</v>
      </c>
      <c r="AO309" s="166">
        <v>0</v>
      </c>
      <c r="AP309" s="166">
        <v>0</v>
      </c>
      <c r="AQ309" s="166">
        <v>0</v>
      </c>
      <c r="AR309" s="166">
        <v>0</v>
      </c>
      <c r="AS309" s="166">
        <v>0</v>
      </c>
      <c r="AT309" s="166">
        <v>0</v>
      </c>
      <c r="AU309" s="166">
        <v>0</v>
      </c>
      <c r="AV309" s="166">
        <v>0</v>
      </c>
      <c r="AW309" s="166">
        <v>0</v>
      </c>
      <c r="AX309" s="166">
        <v>0</v>
      </c>
      <c r="AY309" s="166">
        <v>0</v>
      </c>
      <c r="AZ309" s="166">
        <v>0</v>
      </c>
      <c r="BA309" s="166">
        <v>0</v>
      </c>
      <c r="BB309" s="166">
        <v>0</v>
      </c>
      <c r="BC309" s="166">
        <v>0</v>
      </c>
      <c r="BD309" s="166">
        <v>0</v>
      </c>
      <c r="BE309" s="166">
        <v>0</v>
      </c>
      <c r="BF309" s="166">
        <v>0</v>
      </c>
      <c r="BG309" s="166">
        <v>0</v>
      </c>
      <c r="BH309" s="166">
        <v>0</v>
      </c>
      <c r="BI309" s="166">
        <v>0</v>
      </c>
      <c r="BJ309" s="166">
        <v>0</v>
      </c>
      <c r="BK309" s="166">
        <v>0</v>
      </c>
      <c r="BL309" s="166">
        <v>0</v>
      </c>
      <c r="BM309" s="166">
        <v>0</v>
      </c>
      <c r="BN309" s="166">
        <v>0</v>
      </c>
      <c r="BO309" s="166">
        <v>0</v>
      </c>
      <c r="BP309" s="166">
        <v>0</v>
      </c>
      <c r="BQ309" s="166">
        <v>0</v>
      </c>
      <c r="BR309" s="166">
        <v>15925779.220000001</v>
      </c>
      <c r="BS309" s="166">
        <v>15925779.220000001</v>
      </c>
      <c r="BT309" s="168">
        <v>1</v>
      </c>
      <c r="BU309" s="166">
        <v>1393135.49999999</v>
      </c>
      <c r="BV309" s="166">
        <v>15925779.220000001</v>
      </c>
      <c r="BW309" s="166">
        <v>0</v>
      </c>
      <c r="BX309" s="166">
        <v>0</v>
      </c>
      <c r="BY309" s="166">
        <v>0</v>
      </c>
      <c r="BZ309" s="166">
        <v>0</v>
      </c>
      <c r="CA309" s="166">
        <v>0</v>
      </c>
      <c r="CB309" s="166">
        <v>0</v>
      </c>
      <c r="CC309" s="166">
        <v>0</v>
      </c>
      <c r="CD309" s="166">
        <v>0</v>
      </c>
      <c r="CE309" s="166">
        <v>0</v>
      </c>
      <c r="CF309" s="166">
        <v>0</v>
      </c>
      <c r="CG309" s="166">
        <v>0</v>
      </c>
      <c r="CH309" s="166">
        <v>0</v>
      </c>
      <c r="CI309" s="166">
        <v>0</v>
      </c>
      <c r="CJ309" s="166">
        <v>0</v>
      </c>
      <c r="CK309" s="166">
        <v>0</v>
      </c>
      <c r="CL309" s="166">
        <v>0</v>
      </c>
      <c r="CM309" s="166">
        <v>0</v>
      </c>
      <c r="CN309" s="166">
        <v>0</v>
      </c>
      <c r="CO309" s="166">
        <v>0</v>
      </c>
      <c r="CP309" s="166">
        <v>0</v>
      </c>
      <c r="CQ309" s="166">
        <v>0</v>
      </c>
      <c r="CR309" s="166">
        <v>0</v>
      </c>
      <c r="CS309" s="166">
        <v>0</v>
      </c>
      <c r="CT309" s="166">
        <v>0</v>
      </c>
      <c r="CU309" s="166">
        <v>0</v>
      </c>
      <c r="CV309" s="166">
        <v>0</v>
      </c>
      <c r="CW309" s="166">
        <v>0</v>
      </c>
      <c r="CX309" s="166">
        <v>0</v>
      </c>
      <c r="CY309" s="166">
        <v>15925779.220000001</v>
      </c>
      <c r="CZ309" s="166">
        <v>15925779.220000001</v>
      </c>
    </row>
    <row r="310" spans="1:105" x14ac:dyDescent="0.2">
      <c r="A310" s="172" t="s">
        <v>401</v>
      </c>
      <c r="B310" s="173">
        <v>16128582.84</v>
      </c>
      <c r="C310" s="173">
        <v>16128582.84</v>
      </c>
      <c r="D310" s="173">
        <v>0</v>
      </c>
      <c r="E310" s="173">
        <v>0</v>
      </c>
      <c r="F310" s="173">
        <v>0</v>
      </c>
      <c r="G310" s="173">
        <v>0</v>
      </c>
      <c r="H310" s="173">
        <v>0</v>
      </c>
      <c r="I310" s="173">
        <v>0</v>
      </c>
      <c r="J310" s="173">
        <v>0</v>
      </c>
      <c r="K310" s="173">
        <v>0</v>
      </c>
      <c r="L310" s="173">
        <v>0</v>
      </c>
      <c r="M310" s="173">
        <v>0</v>
      </c>
      <c r="N310" s="173">
        <v>0</v>
      </c>
      <c r="O310" s="173">
        <v>0</v>
      </c>
      <c r="P310" s="173">
        <v>0</v>
      </c>
      <c r="Q310" s="173">
        <v>0</v>
      </c>
      <c r="R310" s="173">
        <v>0</v>
      </c>
      <c r="S310" s="173">
        <v>0</v>
      </c>
      <c r="T310" s="173">
        <v>0</v>
      </c>
      <c r="U310" s="173">
        <v>0</v>
      </c>
      <c r="V310" s="173">
        <v>0</v>
      </c>
      <c r="W310" s="173">
        <v>0</v>
      </c>
      <c r="X310" s="173">
        <v>0</v>
      </c>
      <c r="Y310" s="173">
        <v>0</v>
      </c>
      <c r="Z310" s="173">
        <v>0</v>
      </c>
      <c r="AA310" s="173">
        <v>0</v>
      </c>
      <c r="AB310" s="173">
        <v>0</v>
      </c>
      <c r="AC310" s="173">
        <v>0</v>
      </c>
      <c r="AD310" s="173">
        <v>0</v>
      </c>
      <c r="AE310" s="173">
        <v>0</v>
      </c>
      <c r="AF310" s="173">
        <v>0</v>
      </c>
      <c r="AG310" s="173">
        <v>0</v>
      </c>
      <c r="AH310" s="173">
        <v>0</v>
      </c>
      <c r="AI310" s="173">
        <v>0</v>
      </c>
      <c r="AJ310" s="173">
        <v>0</v>
      </c>
      <c r="AK310" s="173">
        <v>0</v>
      </c>
      <c r="AL310" s="173">
        <v>0</v>
      </c>
      <c r="AM310" s="173">
        <v>0</v>
      </c>
      <c r="AN310" s="173">
        <v>0</v>
      </c>
      <c r="AO310" s="173">
        <v>0</v>
      </c>
      <c r="AP310" s="173">
        <v>0</v>
      </c>
      <c r="AQ310" s="173">
        <v>0</v>
      </c>
      <c r="AR310" s="173">
        <v>0</v>
      </c>
      <c r="AS310" s="173">
        <v>0</v>
      </c>
      <c r="AT310" s="173">
        <v>0</v>
      </c>
      <c r="AU310" s="173">
        <v>0</v>
      </c>
      <c r="AV310" s="173">
        <v>0</v>
      </c>
      <c r="AW310" s="173">
        <v>0</v>
      </c>
      <c r="AX310" s="173">
        <v>0</v>
      </c>
      <c r="AY310" s="173">
        <v>0</v>
      </c>
      <c r="AZ310" s="173">
        <v>0</v>
      </c>
      <c r="BA310" s="173">
        <v>0</v>
      </c>
      <c r="BB310" s="173">
        <v>0</v>
      </c>
      <c r="BC310" s="173">
        <v>0</v>
      </c>
      <c r="BD310" s="173">
        <v>0</v>
      </c>
      <c r="BE310" s="173">
        <v>0</v>
      </c>
      <c r="BF310" s="173">
        <v>0</v>
      </c>
      <c r="BG310" s="173">
        <v>0</v>
      </c>
      <c r="BH310" s="173">
        <v>0</v>
      </c>
      <c r="BI310" s="173">
        <v>0</v>
      </c>
      <c r="BJ310" s="173">
        <v>0</v>
      </c>
      <c r="BK310" s="173">
        <v>0</v>
      </c>
      <c r="BL310" s="173">
        <v>0</v>
      </c>
      <c r="BM310" s="173">
        <v>0</v>
      </c>
      <c r="BN310" s="173">
        <v>0</v>
      </c>
      <c r="BO310" s="173">
        <v>0</v>
      </c>
      <c r="BP310" s="173">
        <v>0</v>
      </c>
      <c r="BQ310" s="173">
        <v>0</v>
      </c>
      <c r="BR310" s="173">
        <v>16128582.84</v>
      </c>
      <c r="BS310" s="173">
        <v>16128582.84</v>
      </c>
      <c r="BT310" s="174">
        <v>0</v>
      </c>
      <c r="BU310" s="173">
        <v>1394760.49999999</v>
      </c>
      <c r="BV310" s="173">
        <v>16128582.84</v>
      </c>
      <c r="BW310" s="173">
        <v>0</v>
      </c>
      <c r="BX310" s="173">
        <v>0</v>
      </c>
      <c r="BY310" s="173">
        <v>0</v>
      </c>
      <c r="BZ310" s="173">
        <v>0</v>
      </c>
      <c r="CA310" s="173">
        <v>0</v>
      </c>
      <c r="CB310" s="173">
        <v>0</v>
      </c>
      <c r="CC310" s="173">
        <v>0</v>
      </c>
      <c r="CD310" s="173">
        <v>0</v>
      </c>
      <c r="CE310" s="173">
        <v>0</v>
      </c>
      <c r="CF310" s="173">
        <v>0</v>
      </c>
      <c r="CG310" s="173">
        <v>0</v>
      </c>
      <c r="CH310" s="173">
        <v>0</v>
      </c>
      <c r="CI310" s="173">
        <v>0</v>
      </c>
      <c r="CJ310" s="173">
        <v>0</v>
      </c>
      <c r="CK310" s="173">
        <v>0</v>
      </c>
      <c r="CL310" s="173">
        <v>0</v>
      </c>
      <c r="CM310" s="173">
        <v>0</v>
      </c>
      <c r="CN310" s="173">
        <v>0</v>
      </c>
      <c r="CO310" s="173">
        <v>0</v>
      </c>
      <c r="CP310" s="173">
        <v>0</v>
      </c>
      <c r="CQ310" s="173">
        <v>0</v>
      </c>
      <c r="CR310" s="173">
        <v>0</v>
      </c>
      <c r="CS310" s="173">
        <v>0</v>
      </c>
      <c r="CT310" s="173">
        <v>0</v>
      </c>
      <c r="CU310" s="173">
        <v>0</v>
      </c>
      <c r="CV310" s="173">
        <v>0</v>
      </c>
      <c r="CW310" s="173">
        <v>0</v>
      </c>
      <c r="CX310" s="173">
        <v>0</v>
      </c>
      <c r="CY310" s="173">
        <v>16128582.84</v>
      </c>
      <c r="CZ310" s="173">
        <v>16128582.84</v>
      </c>
      <c r="DA310" s="175" t="s">
        <v>1173</v>
      </c>
    </row>
    <row r="311" spans="1:105" x14ac:dyDescent="0.2">
      <c r="A311" s="167" t="s">
        <v>402</v>
      </c>
    </row>
    <row r="312" spans="1:105" x14ac:dyDescent="0.2">
      <c r="A312" s="170" t="s">
        <v>403</v>
      </c>
    </row>
    <row r="313" spans="1:105" x14ac:dyDescent="0.2">
      <c r="A313" s="167" t="s">
        <v>404</v>
      </c>
      <c r="B313" s="166">
        <v>8.77</v>
      </c>
      <c r="C313" s="166">
        <v>8.77</v>
      </c>
      <c r="D313" s="166">
        <v>0</v>
      </c>
      <c r="E313" s="166">
        <v>0</v>
      </c>
      <c r="F313" s="166">
        <v>0</v>
      </c>
      <c r="G313" s="166">
        <v>0</v>
      </c>
      <c r="H313" s="166">
        <v>0</v>
      </c>
      <c r="I313" s="166">
        <v>0</v>
      </c>
      <c r="J313" s="166">
        <v>0</v>
      </c>
      <c r="K313" s="166">
        <v>0</v>
      </c>
      <c r="L313" s="166">
        <v>0</v>
      </c>
      <c r="M313" s="166">
        <v>0</v>
      </c>
      <c r="N313" s="166">
        <v>0</v>
      </c>
      <c r="O313" s="166">
        <v>0</v>
      </c>
      <c r="P313" s="166">
        <v>0</v>
      </c>
      <c r="Q313" s="166">
        <v>0</v>
      </c>
      <c r="R313" s="166">
        <v>0</v>
      </c>
      <c r="S313" s="166">
        <v>0</v>
      </c>
      <c r="T313" s="166">
        <v>0</v>
      </c>
      <c r="U313" s="166">
        <v>0</v>
      </c>
      <c r="V313" s="166">
        <v>0</v>
      </c>
      <c r="W313" s="166">
        <v>0</v>
      </c>
      <c r="X313" s="166">
        <v>0</v>
      </c>
      <c r="Y313" s="166">
        <v>0</v>
      </c>
      <c r="Z313" s="166">
        <v>0</v>
      </c>
      <c r="AA313" s="166">
        <v>0</v>
      </c>
      <c r="AB313" s="166">
        <v>0</v>
      </c>
      <c r="AC313" s="166">
        <v>0</v>
      </c>
      <c r="AD313" s="166">
        <v>0</v>
      </c>
      <c r="AE313" s="166">
        <v>0</v>
      </c>
      <c r="AF313" s="166">
        <v>0</v>
      </c>
      <c r="AG313" s="166">
        <v>0</v>
      </c>
      <c r="AH313" s="166">
        <v>0</v>
      </c>
      <c r="AI313" s="166">
        <v>0</v>
      </c>
      <c r="AJ313" s="166">
        <v>0</v>
      </c>
      <c r="AK313" s="166">
        <v>0</v>
      </c>
      <c r="AL313" s="166">
        <v>0</v>
      </c>
      <c r="AM313" s="166">
        <v>0</v>
      </c>
      <c r="AN313" s="166">
        <v>0</v>
      </c>
      <c r="AO313" s="166">
        <v>0</v>
      </c>
      <c r="AP313" s="166">
        <v>0</v>
      </c>
      <c r="AQ313" s="166">
        <v>0</v>
      </c>
      <c r="AR313" s="166">
        <v>0</v>
      </c>
      <c r="AS313" s="166">
        <v>0</v>
      </c>
      <c r="AT313" s="166">
        <v>0</v>
      </c>
      <c r="AU313" s="166">
        <v>0</v>
      </c>
      <c r="AV313" s="166">
        <v>0</v>
      </c>
      <c r="AW313" s="166">
        <v>0</v>
      </c>
      <c r="AX313" s="166">
        <v>0</v>
      </c>
      <c r="AY313" s="166">
        <v>0</v>
      </c>
      <c r="AZ313" s="166">
        <v>0</v>
      </c>
      <c r="BA313" s="166">
        <v>0</v>
      </c>
      <c r="BB313" s="166">
        <v>0</v>
      </c>
      <c r="BC313" s="166">
        <v>0</v>
      </c>
      <c r="BD313" s="166">
        <v>0</v>
      </c>
      <c r="BE313" s="166">
        <v>0</v>
      </c>
      <c r="BF313" s="166">
        <v>0</v>
      </c>
      <c r="BG313" s="166">
        <v>0</v>
      </c>
      <c r="BH313" s="166">
        <v>0</v>
      </c>
      <c r="BI313" s="166">
        <v>0</v>
      </c>
      <c r="BJ313" s="166">
        <v>0</v>
      </c>
      <c r="BK313" s="166">
        <v>0</v>
      </c>
      <c r="BL313" s="166">
        <v>0</v>
      </c>
      <c r="BM313" s="166">
        <v>0</v>
      </c>
      <c r="BN313" s="166">
        <v>0</v>
      </c>
      <c r="BO313" s="166">
        <v>0</v>
      </c>
      <c r="BP313" s="166">
        <v>0</v>
      </c>
      <c r="BQ313" s="166">
        <v>0</v>
      </c>
      <c r="BR313" s="166">
        <v>8.77</v>
      </c>
      <c r="BS313" s="166">
        <v>8.77</v>
      </c>
      <c r="BT313" s="168">
        <v>1</v>
      </c>
      <c r="BU313" s="166">
        <v>0</v>
      </c>
      <c r="BV313" s="166">
        <v>8.77</v>
      </c>
      <c r="BW313" s="166">
        <v>0</v>
      </c>
      <c r="BX313" s="166">
        <v>0</v>
      </c>
      <c r="BY313" s="166">
        <v>0</v>
      </c>
      <c r="BZ313" s="166">
        <v>0</v>
      </c>
      <c r="CA313" s="166">
        <v>0</v>
      </c>
      <c r="CB313" s="166">
        <v>0</v>
      </c>
      <c r="CC313" s="166">
        <v>0</v>
      </c>
      <c r="CD313" s="166">
        <v>0</v>
      </c>
      <c r="CE313" s="166">
        <v>0</v>
      </c>
      <c r="CF313" s="166">
        <v>0</v>
      </c>
      <c r="CG313" s="166">
        <v>0</v>
      </c>
      <c r="CH313" s="166">
        <v>0</v>
      </c>
      <c r="CI313" s="166">
        <v>0</v>
      </c>
      <c r="CJ313" s="166">
        <v>0</v>
      </c>
      <c r="CK313" s="166">
        <v>0</v>
      </c>
      <c r="CL313" s="166">
        <v>0</v>
      </c>
      <c r="CM313" s="166">
        <v>0</v>
      </c>
      <c r="CN313" s="166">
        <v>0</v>
      </c>
      <c r="CO313" s="166">
        <v>0</v>
      </c>
      <c r="CP313" s="166">
        <v>0</v>
      </c>
      <c r="CQ313" s="166">
        <v>0</v>
      </c>
      <c r="CR313" s="166">
        <v>0</v>
      </c>
      <c r="CS313" s="166">
        <v>0</v>
      </c>
      <c r="CT313" s="166">
        <v>0</v>
      </c>
      <c r="CU313" s="166">
        <v>0</v>
      </c>
      <c r="CV313" s="166">
        <v>0</v>
      </c>
      <c r="CW313" s="166">
        <v>0</v>
      </c>
      <c r="CX313" s="166">
        <v>0</v>
      </c>
      <c r="CY313" s="166">
        <v>8.77</v>
      </c>
      <c r="CZ313" s="166">
        <v>8.77</v>
      </c>
    </row>
    <row r="314" spans="1:105" x14ac:dyDescent="0.2">
      <c r="A314" s="167" t="s">
        <v>1174</v>
      </c>
      <c r="B314" s="166">
        <v>6797750.5</v>
      </c>
      <c r="C314" s="166">
        <v>6797750.5</v>
      </c>
      <c r="D314" s="166">
        <v>0</v>
      </c>
      <c r="E314" s="166">
        <v>0</v>
      </c>
      <c r="F314" s="166">
        <v>0</v>
      </c>
      <c r="G314" s="166">
        <v>0</v>
      </c>
      <c r="H314" s="166">
        <v>0</v>
      </c>
      <c r="I314" s="166">
        <v>0</v>
      </c>
      <c r="J314" s="166">
        <v>0</v>
      </c>
      <c r="K314" s="166">
        <v>0</v>
      </c>
      <c r="L314" s="166">
        <v>0</v>
      </c>
      <c r="M314" s="166">
        <v>0</v>
      </c>
      <c r="N314" s="166">
        <v>0</v>
      </c>
      <c r="O314" s="166">
        <v>0</v>
      </c>
      <c r="P314" s="166">
        <v>0</v>
      </c>
      <c r="Q314" s="166">
        <v>0</v>
      </c>
      <c r="R314" s="166">
        <v>0</v>
      </c>
      <c r="S314" s="166">
        <v>0</v>
      </c>
      <c r="T314" s="166">
        <v>0</v>
      </c>
      <c r="U314" s="166">
        <v>0</v>
      </c>
      <c r="V314" s="166">
        <v>0</v>
      </c>
      <c r="W314" s="166">
        <v>0</v>
      </c>
      <c r="X314" s="166">
        <v>0</v>
      </c>
      <c r="Y314" s="166">
        <v>0</v>
      </c>
      <c r="Z314" s="166">
        <v>0</v>
      </c>
      <c r="AA314" s="166">
        <v>0</v>
      </c>
      <c r="AB314" s="166">
        <v>0</v>
      </c>
      <c r="AC314" s="166">
        <v>0</v>
      </c>
      <c r="AD314" s="166">
        <v>0</v>
      </c>
      <c r="AE314" s="166">
        <v>0</v>
      </c>
      <c r="AF314" s="166">
        <v>0</v>
      </c>
      <c r="AG314" s="166">
        <v>0</v>
      </c>
      <c r="AH314" s="166">
        <v>0</v>
      </c>
      <c r="AI314" s="166">
        <v>0</v>
      </c>
      <c r="AJ314" s="166">
        <v>0</v>
      </c>
      <c r="AK314" s="166">
        <v>0</v>
      </c>
      <c r="AL314" s="166">
        <v>0</v>
      </c>
      <c r="AM314" s="166">
        <v>0</v>
      </c>
      <c r="AN314" s="166">
        <v>0</v>
      </c>
      <c r="AO314" s="166">
        <v>0</v>
      </c>
      <c r="AP314" s="166">
        <v>0</v>
      </c>
      <c r="AQ314" s="166">
        <v>0</v>
      </c>
      <c r="AR314" s="166">
        <v>0</v>
      </c>
      <c r="AS314" s="166">
        <v>0</v>
      </c>
      <c r="AT314" s="166">
        <v>0</v>
      </c>
      <c r="AU314" s="166">
        <v>0</v>
      </c>
      <c r="AV314" s="166">
        <v>0</v>
      </c>
      <c r="AW314" s="166">
        <v>0</v>
      </c>
      <c r="AX314" s="166">
        <v>0</v>
      </c>
      <c r="AY314" s="166">
        <v>0</v>
      </c>
      <c r="AZ314" s="166">
        <v>0</v>
      </c>
      <c r="BA314" s="166">
        <v>0</v>
      </c>
      <c r="BB314" s="166">
        <v>0</v>
      </c>
      <c r="BC314" s="166">
        <v>0</v>
      </c>
      <c r="BD314" s="166">
        <v>0</v>
      </c>
      <c r="BE314" s="166">
        <v>0</v>
      </c>
      <c r="BF314" s="166">
        <v>0</v>
      </c>
      <c r="BG314" s="166">
        <v>0</v>
      </c>
      <c r="BH314" s="166">
        <v>0</v>
      </c>
      <c r="BI314" s="166">
        <v>0</v>
      </c>
      <c r="BJ314" s="166">
        <v>0</v>
      </c>
      <c r="BK314" s="166">
        <v>0</v>
      </c>
      <c r="BL314" s="166">
        <v>0</v>
      </c>
      <c r="BM314" s="166">
        <v>0</v>
      </c>
      <c r="BN314" s="166">
        <v>0</v>
      </c>
      <c r="BO314" s="166">
        <v>0</v>
      </c>
      <c r="BP314" s="166">
        <v>0</v>
      </c>
      <c r="BQ314" s="166">
        <v>0</v>
      </c>
      <c r="BR314" s="166">
        <v>6797750.5</v>
      </c>
      <c r="BS314" s="166">
        <v>6797750.5</v>
      </c>
      <c r="BT314" s="168">
        <v>1</v>
      </c>
      <c r="BU314" s="166">
        <v>1123639.71</v>
      </c>
      <c r="BV314" s="166">
        <v>6797750.5</v>
      </c>
      <c r="BW314" s="166">
        <v>0</v>
      </c>
      <c r="BX314" s="166">
        <v>0</v>
      </c>
      <c r="BY314" s="166">
        <v>0</v>
      </c>
      <c r="BZ314" s="166">
        <v>0</v>
      </c>
      <c r="CA314" s="166">
        <v>0</v>
      </c>
      <c r="CB314" s="166">
        <v>0</v>
      </c>
      <c r="CC314" s="166">
        <v>0</v>
      </c>
      <c r="CD314" s="166">
        <v>0</v>
      </c>
      <c r="CE314" s="166">
        <v>0</v>
      </c>
      <c r="CF314" s="166">
        <v>0</v>
      </c>
      <c r="CG314" s="166">
        <v>0</v>
      </c>
      <c r="CH314" s="166">
        <v>0</v>
      </c>
      <c r="CI314" s="166">
        <v>0</v>
      </c>
      <c r="CJ314" s="166">
        <v>0</v>
      </c>
      <c r="CK314" s="166">
        <v>0</v>
      </c>
      <c r="CL314" s="166">
        <v>0</v>
      </c>
      <c r="CM314" s="166">
        <v>0</v>
      </c>
      <c r="CN314" s="166">
        <v>0</v>
      </c>
      <c r="CO314" s="166">
        <v>0</v>
      </c>
      <c r="CP314" s="166">
        <v>0</v>
      </c>
      <c r="CQ314" s="166">
        <v>0</v>
      </c>
      <c r="CR314" s="166">
        <v>0</v>
      </c>
      <c r="CS314" s="166">
        <v>0</v>
      </c>
      <c r="CT314" s="166">
        <v>0</v>
      </c>
      <c r="CU314" s="166">
        <v>0</v>
      </c>
      <c r="CV314" s="166">
        <v>0</v>
      </c>
      <c r="CW314" s="166">
        <v>0</v>
      </c>
      <c r="CX314" s="166">
        <v>0</v>
      </c>
      <c r="CY314" s="166">
        <v>6797750.5</v>
      </c>
      <c r="CZ314" s="166">
        <v>6797750.5</v>
      </c>
    </row>
    <row r="315" spans="1:105" x14ac:dyDescent="0.2">
      <c r="A315" s="167" t="s">
        <v>1175</v>
      </c>
      <c r="B315" s="166">
        <v>232377.139999999</v>
      </c>
      <c r="C315" s="166">
        <v>232377.139999999</v>
      </c>
      <c r="D315" s="166">
        <v>0</v>
      </c>
      <c r="E315" s="166">
        <v>0</v>
      </c>
      <c r="F315" s="166">
        <v>0</v>
      </c>
      <c r="G315" s="166">
        <v>0</v>
      </c>
      <c r="H315" s="166">
        <v>0</v>
      </c>
      <c r="I315" s="166">
        <v>0</v>
      </c>
      <c r="J315" s="166">
        <v>0</v>
      </c>
      <c r="K315" s="166">
        <v>0</v>
      </c>
      <c r="L315" s="166">
        <v>0</v>
      </c>
      <c r="M315" s="166">
        <v>0</v>
      </c>
      <c r="N315" s="166">
        <v>0</v>
      </c>
      <c r="O315" s="166">
        <v>0</v>
      </c>
      <c r="P315" s="166">
        <v>0</v>
      </c>
      <c r="Q315" s="166">
        <v>0</v>
      </c>
      <c r="R315" s="166">
        <v>0</v>
      </c>
      <c r="S315" s="166">
        <v>0</v>
      </c>
      <c r="T315" s="166">
        <v>0</v>
      </c>
      <c r="U315" s="166">
        <v>0</v>
      </c>
      <c r="V315" s="166">
        <v>0</v>
      </c>
      <c r="W315" s="166">
        <v>0</v>
      </c>
      <c r="X315" s="166">
        <v>0</v>
      </c>
      <c r="Y315" s="166">
        <v>0</v>
      </c>
      <c r="Z315" s="166">
        <v>0</v>
      </c>
      <c r="AA315" s="166">
        <v>0</v>
      </c>
      <c r="AB315" s="166">
        <v>0</v>
      </c>
      <c r="AC315" s="166">
        <v>0</v>
      </c>
      <c r="AD315" s="166">
        <v>0</v>
      </c>
      <c r="AE315" s="166">
        <v>0</v>
      </c>
      <c r="AF315" s="166">
        <v>0</v>
      </c>
      <c r="AG315" s="166">
        <v>0</v>
      </c>
      <c r="AH315" s="166">
        <v>0</v>
      </c>
      <c r="AI315" s="166">
        <v>0</v>
      </c>
      <c r="AJ315" s="166">
        <v>0</v>
      </c>
      <c r="AK315" s="166">
        <v>0</v>
      </c>
      <c r="AL315" s="166">
        <v>0</v>
      </c>
      <c r="AM315" s="166">
        <v>0</v>
      </c>
      <c r="AN315" s="166">
        <v>0</v>
      </c>
      <c r="AO315" s="166">
        <v>0</v>
      </c>
      <c r="AP315" s="166">
        <v>0</v>
      </c>
      <c r="AQ315" s="166">
        <v>0</v>
      </c>
      <c r="AR315" s="166">
        <v>0</v>
      </c>
      <c r="AS315" s="166">
        <v>0</v>
      </c>
      <c r="AT315" s="166">
        <v>0</v>
      </c>
      <c r="AU315" s="166">
        <v>0</v>
      </c>
      <c r="AV315" s="166">
        <v>0</v>
      </c>
      <c r="AW315" s="166">
        <v>0</v>
      </c>
      <c r="AX315" s="166">
        <v>0</v>
      </c>
      <c r="AY315" s="166">
        <v>0</v>
      </c>
      <c r="AZ315" s="166">
        <v>0</v>
      </c>
      <c r="BA315" s="166">
        <v>0</v>
      </c>
      <c r="BB315" s="166">
        <v>0</v>
      </c>
      <c r="BC315" s="166">
        <v>0</v>
      </c>
      <c r="BD315" s="166">
        <v>0</v>
      </c>
      <c r="BE315" s="166">
        <v>0</v>
      </c>
      <c r="BF315" s="166">
        <v>0</v>
      </c>
      <c r="BG315" s="166">
        <v>0</v>
      </c>
      <c r="BH315" s="166">
        <v>0</v>
      </c>
      <c r="BI315" s="166">
        <v>0</v>
      </c>
      <c r="BJ315" s="166">
        <v>0</v>
      </c>
      <c r="BK315" s="166">
        <v>0</v>
      </c>
      <c r="BL315" s="166">
        <v>0</v>
      </c>
      <c r="BM315" s="166">
        <v>0</v>
      </c>
      <c r="BN315" s="166">
        <v>0</v>
      </c>
      <c r="BO315" s="166">
        <v>0</v>
      </c>
      <c r="BP315" s="166">
        <v>0</v>
      </c>
      <c r="BQ315" s="166">
        <v>0</v>
      </c>
      <c r="BR315" s="166">
        <v>232377.139999999</v>
      </c>
      <c r="BS315" s="166">
        <v>232377.139999999</v>
      </c>
      <c r="BT315" s="168">
        <v>1</v>
      </c>
      <c r="BU315" s="166">
        <v>42332.86</v>
      </c>
      <c r="BV315" s="166">
        <v>232377.139999999</v>
      </c>
      <c r="BW315" s="166">
        <v>0</v>
      </c>
      <c r="BX315" s="166">
        <v>0</v>
      </c>
      <c r="BY315" s="166">
        <v>0</v>
      </c>
      <c r="BZ315" s="166">
        <v>0</v>
      </c>
      <c r="CA315" s="166">
        <v>0</v>
      </c>
      <c r="CB315" s="166">
        <v>0</v>
      </c>
      <c r="CC315" s="166">
        <v>0</v>
      </c>
      <c r="CD315" s="166">
        <v>0</v>
      </c>
      <c r="CE315" s="166">
        <v>0</v>
      </c>
      <c r="CF315" s="166">
        <v>0</v>
      </c>
      <c r="CG315" s="166">
        <v>0</v>
      </c>
      <c r="CH315" s="166">
        <v>0</v>
      </c>
      <c r="CI315" s="166">
        <v>0</v>
      </c>
      <c r="CJ315" s="166">
        <v>0</v>
      </c>
      <c r="CK315" s="166">
        <v>0</v>
      </c>
      <c r="CL315" s="166">
        <v>0</v>
      </c>
      <c r="CM315" s="166">
        <v>0</v>
      </c>
      <c r="CN315" s="166">
        <v>0</v>
      </c>
      <c r="CO315" s="166">
        <v>0</v>
      </c>
      <c r="CP315" s="166">
        <v>0</v>
      </c>
      <c r="CQ315" s="166">
        <v>0</v>
      </c>
      <c r="CR315" s="166">
        <v>0</v>
      </c>
      <c r="CS315" s="166">
        <v>0</v>
      </c>
      <c r="CT315" s="166">
        <v>0</v>
      </c>
      <c r="CU315" s="166">
        <v>0</v>
      </c>
      <c r="CV315" s="166">
        <v>0</v>
      </c>
      <c r="CW315" s="166">
        <v>0</v>
      </c>
      <c r="CX315" s="166">
        <v>0</v>
      </c>
      <c r="CY315" s="166">
        <v>232377.139999999</v>
      </c>
      <c r="CZ315" s="166">
        <v>232377.139999999</v>
      </c>
    </row>
    <row r="316" spans="1:105" x14ac:dyDescent="0.2">
      <c r="A316" s="167" t="s">
        <v>1176</v>
      </c>
      <c r="B316" s="166">
        <v>303841.8</v>
      </c>
      <c r="C316" s="166">
        <v>303841.8</v>
      </c>
      <c r="D316" s="166">
        <v>0</v>
      </c>
      <c r="E316" s="166">
        <v>0</v>
      </c>
      <c r="F316" s="166">
        <v>0</v>
      </c>
      <c r="G316" s="166">
        <v>0</v>
      </c>
      <c r="H316" s="166">
        <v>0</v>
      </c>
      <c r="I316" s="166">
        <v>0</v>
      </c>
      <c r="J316" s="166">
        <v>0</v>
      </c>
      <c r="K316" s="166">
        <v>0</v>
      </c>
      <c r="L316" s="166">
        <v>0</v>
      </c>
      <c r="M316" s="166">
        <v>0</v>
      </c>
      <c r="N316" s="166">
        <v>0</v>
      </c>
      <c r="O316" s="166">
        <v>0</v>
      </c>
      <c r="P316" s="166">
        <v>0</v>
      </c>
      <c r="Q316" s="166">
        <v>0</v>
      </c>
      <c r="R316" s="166">
        <v>0</v>
      </c>
      <c r="S316" s="166">
        <v>0</v>
      </c>
      <c r="T316" s="166">
        <v>0</v>
      </c>
      <c r="U316" s="166">
        <v>0</v>
      </c>
      <c r="V316" s="166">
        <v>0</v>
      </c>
      <c r="W316" s="166">
        <v>0</v>
      </c>
      <c r="X316" s="166">
        <v>0</v>
      </c>
      <c r="Y316" s="166">
        <v>0</v>
      </c>
      <c r="Z316" s="166">
        <v>0</v>
      </c>
      <c r="AA316" s="166">
        <v>0</v>
      </c>
      <c r="AB316" s="166">
        <v>0</v>
      </c>
      <c r="AC316" s="166">
        <v>0</v>
      </c>
      <c r="AD316" s="166">
        <v>0</v>
      </c>
      <c r="AE316" s="166">
        <v>0</v>
      </c>
      <c r="AF316" s="166">
        <v>0</v>
      </c>
      <c r="AG316" s="166">
        <v>0</v>
      </c>
      <c r="AH316" s="166">
        <v>0</v>
      </c>
      <c r="AI316" s="166">
        <v>0</v>
      </c>
      <c r="AJ316" s="166">
        <v>0</v>
      </c>
      <c r="AK316" s="166">
        <v>0</v>
      </c>
      <c r="AL316" s="166">
        <v>0</v>
      </c>
      <c r="AM316" s="166">
        <v>0</v>
      </c>
      <c r="AN316" s="166">
        <v>0</v>
      </c>
      <c r="AO316" s="166">
        <v>0</v>
      </c>
      <c r="AP316" s="166">
        <v>0</v>
      </c>
      <c r="AQ316" s="166">
        <v>0</v>
      </c>
      <c r="AR316" s="166">
        <v>0</v>
      </c>
      <c r="AS316" s="166">
        <v>0</v>
      </c>
      <c r="AT316" s="166">
        <v>0</v>
      </c>
      <c r="AU316" s="166">
        <v>0</v>
      </c>
      <c r="AV316" s="166">
        <v>0</v>
      </c>
      <c r="AW316" s="166">
        <v>0</v>
      </c>
      <c r="AX316" s="166">
        <v>0</v>
      </c>
      <c r="AY316" s="166">
        <v>0</v>
      </c>
      <c r="AZ316" s="166">
        <v>0</v>
      </c>
      <c r="BA316" s="166">
        <v>0</v>
      </c>
      <c r="BB316" s="166">
        <v>0</v>
      </c>
      <c r="BC316" s="166">
        <v>0</v>
      </c>
      <c r="BD316" s="166">
        <v>0</v>
      </c>
      <c r="BE316" s="166">
        <v>0</v>
      </c>
      <c r="BF316" s="166">
        <v>0</v>
      </c>
      <c r="BG316" s="166">
        <v>0</v>
      </c>
      <c r="BH316" s="166">
        <v>0</v>
      </c>
      <c r="BI316" s="166">
        <v>0</v>
      </c>
      <c r="BJ316" s="166">
        <v>0</v>
      </c>
      <c r="BK316" s="166">
        <v>0</v>
      </c>
      <c r="BL316" s="166">
        <v>0</v>
      </c>
      <c r="BM316" s="166">
        <v>0</v>
      </c>
      <c r="BN316" s="166">
        <v>0</v>
      </c>
      <c r="BO316" s="166">
        <v>0</v>
      </c>
      <c r="BP316" s="166">
        <v>0</v>
      </c>
      <c r="BQ316" s="166">
        <v>0</v>
      </c>
      <c r="BR316" s="166">
        <v>303841.8</v>
      </c>
      <c r="BS316" s="166">
        <v>303841.8</v>
      </c>
      <c r="BT316" s="168">
        <v>1</v>
      </c>
      <c r="BU316" s="166">
        <v>10742.369999999901</v>
      </c>
      <c r="BV316" s="166">
        <v>303841.8</v>
      </c>
      <c r="BW316" s="166">
        <v>0</v>
      </c>
      <c r="BX316" s="166">
        <v>0</v>
      </c>
      <c r="BY316" s="166">
        <v>0</v>
      </c>
      <c r="BZ316" s="166">
        <v>0</v>
      </c>
      <c r="CA316" s="166">
        <v>0</v>
      </c>
      <c r="CB316" s="166">
        <v>0</v>
      </c>
      <c r="CC316" s="166">
        <v>0</v>
      </c>
      <c r="CD316" s="166">
        <v>0</v>
      </c>
      <c r="CE316" s="166">
        <v>0</v>
      </c>
      <c r="CF316" s="166">
        <v>0</v>
      </c>
      <c r="CG316" s="166">
        <v>0</v>
      </c>
      <c r="CH316" s="166">
        <v>0</v>
      </c>
      <c r="CI316" s="166">
        <v>0</v>
      </c>
      <c r="CJ316" s="166">
        <v>0</v>
      </c>
      <c r="CK316" s="166">
        <v>0</v>
      </c>
      <c r="CL316" s="166">
        <v>0</v>
      </c>
      <c r="CM316" s="166">
        <v>0</v>
      </c>
      <c r="CN316" s="166">
        <v>0</v>
      </c>
      <c r="CO316" s="166">
        <v>0</v>
      </c>
      <c r="CP316" s="166">
        <v>0</v>
      </c>
      <c r="CQ316" s="166">
        <v>0</v>
      </c>
      <c r="CR316" s="166">
        <v>0</v>
      </c>
      <c r="CS316" s="166">
        <v>0</v>
      </c>
      <c r="CT316" s="166">
        <v>0</v>
      </c>
      <c r="CU316" s="166">
        <v>0</v>
      </c>
      <c r="CV316" s="166">
        <v>0</v>
      </c>
      <c r="CW316" s="166">
        <v>0</v>
      </c>
      <c r="CX316" s="166">
        <v>0</v>
      </c>
      <c r="CY316" s="166">
        <v>303841.8</v>
      </c>
      <c r="CZ316" s="166">
        <v>303841.8</v>
      </c>
    </row>
    <row r="317" spans="1:105" x14ac:dyDescent="0.2">
      <c r="A317" s="172" t="s">
        <v>408</v>
      </c>
      <c r="B317" s="173">
        <v>7333978.2099999897</v>
      </c>
      <c r="C317" s="173">
        <v>7333978.2099999897</v>
      </c>
      <c r="D317" s="173">
        <v>0</v>
      </c>
      <c r="E317" s="173">
        <v>0</v>
      </c>
      <c r="F317" s="173">
        <v>0</v>
      </c>
      <c r="G317" s="173">
        <v>0</v>
      </c>
      <c r="H317" s="173">
        <v>0</v>
      </c>
      <c r="I317" s="173">
        <v>0</v>
      </c>
      <c r="J317" s="173">
        <v>0</v>
      </c>
      <c r="K317" s="173">
        <v>0</v>
      </c>
      <c r="L317" s="173">
        <v>0</v>
      </c>
      <c r="M317" s="173">
        <v>0</v>
      </c>
      <c r="N317" s="173">
        <v>0</v>
      </c>
      <c r="O317" s="173">
        <v>0</v>
      </c>
      <c r="P317" s="173">
        <v>0</v>
      </c>
      <c r="Q317" s="173">
        <v>0</v>
      </c>
      <c r="R317" s="173">
        <v>0</v>
      </c>
      <c r="S317" s="173">
        <v>0</v>
      </c>
      <c r="T317" s="173">
        <v>0</v>
      </c>
      <c r="U317" s="173">
        <v>0</v>
      </c>
      <c r="V317" s="173">
        <v>0</v>
      </c>
      <c r="W317" s="173">
        <v>0</v>
      </c>
      <c r="X317" s="173">
        <v>0</v>
      </c>
      <c r="Y317" s="173">
        <v>0</v>
      </c>
      <c r="Z317" s="173">
        <v>0</v>
      </c>
      <c r="AA317" s="173">
        <v>0</v>
      </c>
      <c r="AB317" s="173">
        <v>0</v>
      </c>
      <c r="AC317" s="173">
        <v>0</v>
      </c>
      <c r="AD317" s="173">
        <v>0</v>
      </c>
      <c r="AE317" s="173">
        <v>0</v>
      </c>
      <c r="AF317" s="173">
        <v>0</v>
      </c>
      <c r="AG317" s="173">
        <v>0</v>
      </c>
      <c r="AH317" s="173">
        <v>0</v>
      </c>
      <c r="AI317" s="173">
        <v>0</v>
      </c>
      <c r="AJ317" s="173">
        <v>0</v>
      </c>
      <c r="AK317" s="173">
        <v>0</v>
      </c>
      <c r="AL317" s="173">
        <v>0</v>
      </c>
      <c r="AM317" s="173">
        <v>0</v>
      </c>
      <c r="AN317" s="173">
        <v>0</v>
      </c>
      <c r="AO317" s="173">
        <v>0</v>
      </c>
      <c r="AP317" s="173">
        <v>0</v>
      </c>
      <c r="AQ317" s="173">
        <v>0</v>
      </c>
      <c r="AR317" s="173">
        <v>0</v>
      </c>
      <c r="AS317" s="173">
        <v>0</v>
      </c>
      <c r="AT317" s="173">
        <v>0</v>
      </c>
      <c r="AU317" s="173">
        <v>0</v>
      </c>
      <c r="AV317" s="173">
        <v>0</v>
      </c>
      <c r="AW317" s="173">
        <v>0</v>
      </c>
      <c r="AX317" s="173">
        <v>0</v>
      </c>
      <c r="AY317" s="173">
        <v>0</v>
      </c>
      <c r="AZ317" s="173">
        <v>0</v>
      </c>
      <c r="BA317" s="173">
        <v>0</v>
      </c>
      <c r="BB317" s="173">
        <v>0</v>
      </c>
      <c r="BC317" s="173">
        <v>0</v>
      </c>
      <c r="BD317" s="173">
        <v>0</v>
      </c>
      <c r="BE317" s="173">
        <v>0</v>
      </c>
      <c r="BF317" s="173">
        <v>0</v>
      </c>
      <c r="BG317" s="173">
        <v>0</v>
      </c>
      <c r="BH317" s="173">
        <v>0</v>
      </c>
      <c r="BI317" s="173">
        <v>0</v>
      </c>
      <c r="BJ317" s="173">
        <v>0</v>
      </c>
      <c r="BK317" s="173">
        <v>0</v>
      </c>
      <c r="BL317" s="173">
        <v>0</v>
      </c>
      <c r="BM317" s="173">
        <v>0</v>
      </c>
      <c r="BN317" s="173">
        <v>0</v>
      </c>
      <c r="BO317" s="173">
        <v>0</v>
      </c>
      <c r="BP317" s="173">
        <v>0</v>
      </c>
      <c r="BQ317" s="173">
        <v>0</v>
      </c>
      <c r="BR317" s="173">
        <v>7333978.2099999897</v>
      </c>
      <c r="BS317" s="173">
        <v>7333978.21</v>
      </c>
      <c r="BT317" s="174">
        <v>0</v>
      </c>
      <c r="BU317" s="173">
        <v>1176714.94</v>
      </c>
      <c r="BV317" s="173">
        <v>7333978.21</v>
      </c>
      <c r="BW317" s="173">
        <v>0</v>
      </c>
      <c r="BX317" s="173">
        <v>0</v>
      </c>
      <c r="BY317" s="173">
        <v>0</v>
      </c>
      <c r="BZ317" s="173">
        <v>0</v>
      </c>
      <c r="CA317" s="173">
        <v>0</v>
      </c>
      <c r="CB317" s="173">
        <v>0</v>
      </c>
      <c r="CC317" s="173">
        <v>0</v>
      </c>
      <c r="CD317" s="173">
        <v>0</v>
      </c>
      <c r="CE317" s="173">
        <v>0</v>
      </c>
      <c r="CF317" s="173">
        <v>0</v>
      </c>
      <c r="CG317" s="173">
        <v>0</v>
      </c>
      <c r="CH317" s="173">
        <v>0</v>
      </c>
      <c r="CI317" s="173">
        <v>0</v>
      </c>
      <c r="CJ317" s="173">
        <v>0</v>
      </c>
      <c r="CK317" s="173">
        <v>0</v>
      </c>
      <c r="CL317" s="173">
        <v>0</v>
      </c>
      <c r="CM317" s="173">
        <v>0</v>
      </c>
      <c r="CN317" s="173">
        <v>0</v>
      </c>
      <c r="CO317" s="173">
        <v>0</v>
      </c>
      <c r="CP317" s="173">
        <v>0</v>
      </c>
      <c r="CQ317" s="173">
        <v>0</v>
      </c>
      <c r="CR317" s="173">
        <v>0</v>
      </c>
      <c r="CS317" s="173">
        <v>0</v>
      </c>
      <c r="CT317" s="173">
        <v>0</v>
      </c>
      <c r="CU317" s="173">
        <v>0</v>
      </c>
      <c r="CV317" s="173">
        <v>0</v>
      </c>
      <c r="CW317" s="173">
        <v>0</v>
      </c>
      <c r="CX317" s="173">
        <v>0</v>
      </c>
      <c r="CY317" s="173">
        <v>7333978.2099999897</v>
      </c>
      <c r="CZ317" s="173">
        <v>7333978.21</v>
      </c>
      <c r="DA317" s="175" t="s">
        <v>1177</v>
      </c>
    </row>
    <row r="318" spans="1:105" x14ac:dyDescent="0.2">
      <c r="A318" s="167" t="s">
        <v>409</v>
      </c>
    </row>
    <row r="319" spans="1:105" x14ac:dyDescent="0.2">
      <c r="A319" s="170" t="s">
        <v>410</v>
      </c>
    </row>
    <row r="320" spans="1:105" x14ac:dyDescent="0.2">
      <c r="A320" s="167" t="s">
        <v>1178</v>
      </c>
      <c r="B320" s="166">
        <v>77505869.439999998</v>
      </c>
      <c r="C320" s="166">
        <v>77505869.439999998</v>
      </c>
      <c r="D320" s="166">
        <v>0</v>
      </c>
      <c r="E320" s="166">
        <v>0</v>
      </c>
      <c r="F320" s="166">
        <v>0</v>
      </c>
      <c r="G320" s="166">
        <v>0</v>
      </c>
      <c r="H320" s="166">
        <v>0</v>
      </c>
      <c r="I320" s="166">
        <v>0</v>
      </c>
      <c r="J320" s="166">
        <v>0</v>
      </c>
      <c r="K320" s="166">
        <v>0</v>
      </c>
      <c r="L320" s="166">
        <v>0</v>
      </c>
      <c r="M320" s="166">
        <v>0</v>
      </c>
      <c r="N320" s="166">
        <v>0</v>
      </c>
      <c r="O320" s="166">
        <v>0</v>
      </c>
      <c r="P320" s="166">
        <v>0</v>
      </c>
      <c r="Q320" s="166">
        <v>0</v>
      </c>
      <c r="R320" s="166">
        <v>0</v>
      </c>
      <c r="S320" s="166">
        <v>0</v>
      </c>
      <c r="T320" s="166">
        <v>0</v>
      </c>
      <c r="U320" s="166">
        <v>0</v>
      </c>
      <c r="V320" s="166">
        <v>0</v>
      </c>
      <c r="W320" s="166">
        <v>0</v>
      </c>
      <c r="X320" s="166">
        <v>0</v>
      </c>
      <c r="Y320" s="166">
        <v>0</v>
      </c>
      <c r="Z320" s="166">
        <v>0</v>
      </c>
      <c r="AA320" s="166">
        <v>0</v>
      </c>
      <c r="AB320" s="166">
        <v>0</v>
      </c>
      <c r="AC320" s="166">
        <v>0</v>
      </c>
      <c r="AD320" s="166">
        <v>0</v>
      </c>
      <c r="AE320" s="166">
        <v>0</v>
      </c>
      <c r="AF320" s="166">
        <v>0</v>
      </c>
      <c r="AG320" s="166">
        <v>0</v>
      </c>
      <c r="AH320" s="166">
        <v>0</v>
      </c>
      <c r="AI320" s="166">
        <v>0</v>
      </c>
      <c r="AJ320" s="166">
        <v>0</v>
      </c>
      <c r="AK320" s="166">
        <v>0</v>
      </c>
      <c r="AL320" s="166">
        <v>0</v>
      </c>
      <c r="AM320" s="166">
        <v>0</v>
      </c>
      <c r="AN320" s="166">
        <v>0</v>
      </c>
      <c r="AO320" s="166">
        <v>0</v>
      </c>
      <c r="AP320" s="166">
        <v>0</v>
      </c>
      <c r="AQ320" s="166">
        <v>0</v>
      </c>
      <c r="AR320" s="166">
        <v>0</v>
      </c>
      <c r="AS320" s="166">
        <v>0</v>
      </c>
      <c r="AT320" s="166">
        <v>0</v>
      </c>
      <c r="AU320" s="166">
        <v>0</v>
      </c>
      <c r="AV320" s="166">
        <v>0</v>
      </c>
      <c r="AW320" s="166">
        <v>0</v>
      </c>
      <c r="AX320" s="166">
        <v>0</v>
      </c>
      <c r="AY320" s="166">
        <v>0</v>
      </c>
      <c r="AZ320" s="166">
        <v>0</v>
      </c>
      <c r="BA320" s="166">
        <v>0</v>
      </c>
      <c r="BB320" s="166">
        <v>0</v>
      </c>
      <c r="BC320" s="166">
        <v>0</v>
      </c>
      <c r="BD320" s="166">
        <v>0</v>
      </c>
      <c r="BE320" s="166">
        <v>0</v>
      </c>
      <c r="BF320" s="166">
        <v>0</v>
      </c>
      <c r="BG320" s="166">
        <v>0</v>
      </c>
      <c r="BH320" s="166">
        <v>0</v>
      </c>
      <c r="BI320" s="166">
        <v>0</v>
      </c>
      <c r="BJ320" s="166">
        <v>0</v>
      </c>
      <c r="BK320" s="166">
        <v>0</v>
      </c>
      <c r="BL320" s="166">
        <v>0</v>
      </c>
      <c r="BM320" s="166">
        <v>0</v>
      </c>
      <c r="BN320" s="166">
        <v>0</v>
      </c>
      <c r="BO320" s="166">
        <v>0</v>
      </c>
      <c r="BP320" s="166">
        <v>0</v>
      </c>
      <c r="BQ320" s="166">
        <v>0</v>
      </c>
      <c r="BR320" s="166">
        <v>77505869.439999998</v>
      </c>
      <c r="BS320" s="166">
        <v>77505869.439999998</v>
      </c>
      <c r="BT320" s="168">
        <v>0.96779000000000004</v>
      </c>
      <c r="BU320" s="166">
        <v>18926447.370093498</v>
      </c>
      <c r="BV320" s="166">
        <v>75009405.385337606</v>
      </c>
      <c r="BW320" s="166">
        <v>0</v>
      </c>
      <c r="BX320" s="166">
        <v>0</v>
      </c>
      <c r="BY320" s="166">
        <v>0</v>
      </c>
      <c r="BZ320" s="166">
        <v>0</v>
      </c>
      <c r="CA320" s="166">
        <v>0</v>
      </c>
      <c r="CB320" s="166">
        <v>0</v>
      </c>
      <c r="CC320" s="166">
        <v>0</v>
      </c>
      <c r="CD320" s="166">
        <v>0</v>
      </c>
      <c r="CE320" s="166">
        <v>0</v>
      </c>
      <c r="CF320" s="166">
        <v>0</v>
      </c>
      <c r="CG320" s="166">
        <v>0</v>
      </c>
      <c r="CH320" s="166">
        <v>0</v>
      </c>
      <c r="CI320" s="166">
        <v>0</v>
      </c>
      <c r="CJ320" s="166">
        <v>0</v>
      </c>
      <c r="CK320" s="166">
        <v>0</v>
      </c>
      <c r="CL320" s="166">
        <v>0</v>
      </c>
      <c r="CM320" s="166">
        <v>0</v>
      </c>
      <c r="CN320" s="166">
        <v>0</v>
      </c>
      <c r="CO320" s="166">
        <v>0</v>
      </c>
      <c r="CP320" s="166">
        <v>0</v>
      </c>
      <c r="CQ320" s="166">
        <v>0</v>
      </c>
      <c r="CR320" s="166">
        <v>0</v>
      </c>
      <c r="CS320" s="166">
        <v>0</v>
      </c>
      <c r="CT320" s="166">
        <v>0</v>
      </c>
      <c r="CU320" s="166">
        <v>0</v>
      </c>
      <c r="CV320" s="166">
        <v>0</v>
      </c>
      <c r="CW320" s="166">
        <v>0</v>
      </c>
      <c r="CX320" s="166">
        <v>0</v>
      </c>
      <c r="CY320" s="166">
        <v>75009405.385337606</v>
      </c>
      <c r="CZ320" s="166">
        <v>75009405.385337606</v>
      </c>
    </row>
    <row r="321" spans="1:104" x14ac:dyDescent="0.2">
      <c r="A321" s="167" t="s">
        <v>1179</v>
      </c>
      <c r="B321" s="166">
        <v>0</v>
      </c>
      <c r="C321" s="166">
        <v>0</v>
      </c>
      <c r="D321" s="166">
        <v>0</v>
      </c>
      <c r="E321" s="166">
        <v>0</v>
      </c>
      <c r="F321" s="166">
        <v>0</v>
      </c>
      <c r="G321" s="166">
        <v>0</v>
      </c>
      <c r="H321" s="166">
        <v>0</v>
      </c>
      <c r="I321" s="166">
        <v>0</v>
      </c>
      <c r="J321" s="166">
        <v>0</v>
      </c>
      <c r="K321" s="166">
        <v>0</v>
      </c>
      <c r="L321" s="166">
        <v>0</v>
      </c>
      <c r="M321" s="166">
        <v>0</v>
      </c>
      <c r="N321" s="166">
        <v>0</v>
      </c>
      <c r="O321" s="166">
        <v>0</v>
      </c>
      <c r="P321" s="166">
        <v>0</v>
      </c>
      <c r="Q321" s="166">
        <v>0</v>
      </c>
      <c r="R321" s="166">
        <v>0</v>
      </c>
      <c r="S321" s="166">
        <v>0</v>
      </c>
      <c r="T321" s="166">
        <v>0</v>
      </c>
      <c r="U321" s="166">
        <v>0</v>
      </c>
      <c r="V321" s="166">
        <v>0</v>
      </c>
      <c r="W321" s="166">
        <v>0</v>
      </c>
      <c r="X321" s="166">
        <v>0</v>
      </c>
      <c r="Y321" s="166">
        <v>0</v>
      </c>
      <c r="Z321" s="166">
        <v>0</v>
      </c>
      <c r="AA321" s="166">
        <v>0</v>
      </c>
      <c r="AB321" s="166">
        <v>0</v>
      </c>
      <c r="AC321" s="166">
        <v>0</v>
      </c>
      <c r="AD321" s="166">
        <v>0</v>
      </c>
      <c r="AE321" s="166">
        <v>0</v>
      </c>
      <c r="AF321" s="166">
        <v>0</v>
      </c>
      <c r="AG321" s="166">
        <v>0</v>
      </c>
      <c r="AH321" s="166">
        <v>0</v>
      </c>
      <c r="AI321" s="166">
        <v>0</v>
      </c>
      <c r="AJ321" s="166">
        <v>0</v>
      </c>
      <c r="AK321" s="166">
        <v>0</v>
      </c>
      <c r="AL321" s="166">
        <v>0</v>
      </c>
      <c r="AM321" s="166">
        <v>0</v>
      </c>
      <c r="AN321" s="166">
        <v>0</v>
      </c>
      <c r="AO321" s="166">
        <v>0</v>
      </c>
      <c r="AP321" s="166">
        <v>0</v>
      </c>
      <c r="AQ321" s="166">
        <v>0</v>
      </c>
      <c r="AR321" s="166">
        <v>0</v>
      </c>
      <c r="AS321" s="166">
        <v>0</v>
      </c>
      <c r="AT321" s="166">
        <v>0</v>
      </c>
      <c r="AU321" s="166">
        <v>0</v>
      </c>
      <c r="AV321" s="166">
        <v>0</v>
      </c>
      <c r="AW321" s="166">
        <v>0</v>
      </c>
      <c r="AX321" s="166">
        <v>0</v>
      </c>
      <c r="AY321" s="166">
        <v>0</v>
      </c>
      <c r="AZ321" s="166">
        <v>0</v>
      </c>
      <c r="BA321" s="166">
        <v>0</v>
      </c>
      <c r="BB321" s="166">
        <v>0</v>
      </c>
      <c r="BC321" s="166">
        <v>0</v>
      </c>
      <c r="BD321" s="166">
        <v>0</v>
      </c>
      <c r="BE321" s="166">
        <v>0</v>
      </c>
      <c r="BF321" s="166">
        <v>0</v>
      </c>
      <c r="BG321" s="166">
        <v>0</v>
      </c>
      <c r="BH321" s="166">
        <v>0</v>
      </c>
      <c r="BI321" s="166">
        <v>0</v>
      </c>
      <c r="BJ321" s="166">
        <v>0</v>
      </c>
      <c r="BK321" s="166">
        <v>0</v>
      </c>
      <c r="BL321" s="166">
        <v>0</v>
      </c>
      <c r="BM321" s="166">
        <v>0</v>
      </c>
      <c r="BN321" s="166">
        <v>0</v>
      </c>
      <c r="BO321" s="166">
        <v>0</v>
      </c>
      <c r="BP321" s="166">
        <v>0</v>
      </c>
      <c r="BQ321" s="166">
        <v>0</v>
      </c>
      <c r="BR321" s="166">
        <v>0</v>
      </c>
      <c r="BS321" s="166">
        <v>0</v>
      </c>
      <c r="BT321" s="168">
        <v>0</v>
      </c>
      <c r="BU321" s="166">
        <v>0</v>
      </c>
      <c r="BV321" s="166">
        <v>0</v>
      </c>
      <c r="BW321" s="166">
        <v>0</v>
      </c>
      <c r="BX321" s="166">
        <v>0</v>
      </c>
      <c r="BY321" s="166">
        <v>0</v>
      </c>
      <c r="BZ321" s="166">
        <v>0</v>
      </c>
      <c r="CA321" s="166">
        <v>0</v>
      </c>
      <c r="CB321" s="166">
        <v>0</v>
      </c>
      <c r="CC321" s="166">
        <v>0</v>
      </c>
      <c r="CD321" s="166">
        <v>0</v>
      </c>
      <c r="CE321" s="166">
        <v>0</v>
      </c>
      <c r="CF321" s="166">
        <v>0</v>
      </c>
      <c r="CG321" s="166">
        <v>0</v>
      </c>
      <c r="CH321" s="166">
        <v>0</v>
      </c>
      <c r="CI321" s="166">
        <v>0</v>
      </c>
      <c r="CJ321" s="166">
        <v>0</v>
      </c>
      <c r="CK321" s="166">
        <v>0</v>
      </c>
      <c r="CL321" s="166">
        <v>0</v>
      </c>
      <c r="CM321" s="166">
        <v>0</v>
      </c>
      <c r="CN321" s="166">
        <v>0</v>
      </c>
      <c r="CO321" s="166">
        <v>0</v>
      </c>
      <c r="CP321" s="166">
        <v>0</v>
      </c>
      <c r="CQ321" s="166">
        <v>0</v>
      </c>
      <c r="CR321" s="166">
        <v>0</v>
      </c>
      <c r="CS321" s="166">
        <v>0</v>
      </c>
      <c r="CT321" s="166">
        <v>0</v>
      </c>
      <c r="CU321" s="166">
        <v>0</v>
      </c>
      <c r="CV321" s="166">
        <v>0</v>
      </c>
      <c r="CW321" s="166">
        <v>0</v>
      </c>
      <c r="CX321" s="166">
        <v>0</v>
      </c>
      <c r="CY321" s="166">
        <v>0</v>
      </c>
      <c r="CZ321" s="166">
        <v>0</v>
      </c>
    </row>
    <row r="322" spans="1:104" x14ac:dyDescent="0.2">
      <c r="A322" s="167" t="s">
        <v>413</v>
      </c>
      <c r="B322" s="166">
        <v>77505869.439999998</v>
      </c>
      <c r="C322" s="166">
        <v>77505869.439999998</v>
      </c>
      <c r="D322" s="166">
        <v>0</v>
      </c>
      <c r="E322" s="166">
        <v>0</v>
      </c>
      <c r="F322" s="166">
        <v>0</v>
      </c>
      <c r="G322" s="166">
        <v>0</v>
      </c>
      <c r="H322" s="166">
        <v>0</v>
      </c>
      <c r="I322" s="166">
        <v>0</v>
      </c>
      <c r="J322" s="166">
        <v>0</v>
      </c>
      <c r="K322" s="166">
        <v>0</v>
      </c>
      <c r="L322" s="166">
        <v>0</v>
      </c>
      <c r="M322" s="166">
        <v>0</v>
      </c>
      <c r="N322" s="166">
        <v>0</v>
      </c>
      <c r="O322" s="166">
        <v>0</v>
      </c>
      <c r="P322" s="166">
        <v>0</v>
      </c>
      <c r="Q322" s="166">
        <v>0</v>
      </c>
      <c r="R322" s="166">
        <v>0</v>
      </c>
      <c r="S322" s="166">
        <v>0</v>
      </c>
      <c r="T322" s="166">
        <v>0</v>
      </c>
      <c r="U322" s="166">
        <v>0</v>
      </c>
      <c r="V322" s="166">
        <v>0</v>
      </c>
      <c r="W322" s="166">
        <v>0</v>
      </c>
      <c r="X322" s="166">
        <v>0</v>
      </c>
      <c r="Y322" s="166">
        <v>0</v>
      </c>
      <c r="Z322" s="166">
        <v>0</v>
      </c>
      <c r="AA322" s="166">
        <v>0</v>
      </c>
      <c r="AB322" s="166">
        <v>0</v>
      </c>
      <c r="AC322" s="166">
        <v>0</v>
      </c>
      <c r="AD322" s="166">
        <v>0</v>
      </c>
      <c r="AE322" s="166">
        <v>0</v>
      </c>
      <c r="AF322" s="166">
        <v>0</v>
      </c>
      <c r="AG322" s="166">
        <v>0</v>
      </c>
      <c r="AH322" s="166">
        <v>0</v>
      </c>
      <c r="AI322" s="166">
        <v>0</v>
      </c>
      <c r="AJ322" s="166">
        <v>0</v>
      </c>
      <c r="AK322" s="166">
        <v>0</v>
      </c>
      <c r="AL322" s="166">
        <v>0</v>
      </c>
      <c r="AM322" s="166">
        <v>0</v>
      </c>
      <c r="AN322" s="166">
        <v>0</v>
      </c>
      <c r="AO322" s="166">
        <v>0</v>
      </c>
      <c r="AP322" s="166">
        <v>0</v>
      </c>
      <c r="AQ322" s="166">
        <v>0</v>
      </c>
      <c r="AR322" s="166">
        <v>0</v>
      </c>
      <c r="AS322" s="166">
        <v>0</v>
      </c>
      <c r="AT322" s="166">
        <v>0</v>
      </c>
      <c r="AU322" s="166">
        <v>0</v>
      </c>
      <c r="AV322" s="166">
        <v>0</v>
      </c>
      <c r="AW322" s="166">
        <v>0</v>
      </c>
      <c r="AX322" s="166">
        <v>0</v>
      </c>
      <c r="AY322" s="166">
        <v>0</v>
      </c>
      <c r="AZ322" s="166">
        <v>0</v>
      </c>
      <c r="BA322" s="166">
        <v>0</v>
      </c>
      <c r="BB322" s="166">
        <v>0</v>
      </c>
      <c r="BC322" s="166">
        <v>0</v>
      </c>
      <c r="BD322" s="166">
        <v>0</v>
      </c>
      <c r="BE322" s="166">
        <v>0</v>
      </c>
      <c r="BF322" s="166">
        <v>0</v>
      </c>
      <c r="BG322" s="166">
        <v>0</v>
      </c>
      <c r="BH322" s="166">
        <v>0</v>
      </c>
      <c r="BI322" s="166">
        <v>0</v>
      </c>
      <c r="BJ322" s="166">
        <v>0</v>
      </c>
      <c r="BK322" s="166">
        <v>0</v>
      </c>
      <c r="BL322" s="166">
        <v>0</v>
      </c>
      <c r="BM322" s="166">
        <v>0</v>
      </c>
      <c r="BN322" s="166">
        <v>0</v>
      </c>
      <c r="BO322" s="166">
        <v>0</v>
      </c>
      <c r="BP322" s="166">
        <v>0</v>
      </c>
      <c r="BQ322" s="166">
        <v>0</v>
      </c>
      <c r="BR322" s="166">
        <v>77505869.439999998</v>
      </c>
      <c r="BS322" s="166">
        <v>77505869.439999998</v>
      </c>
      <c r="BT322" s="168">
        <v>0</v>
      </c>
      <c r="BU322" s="166">
        <v>18926447.370093498</v>
      </c>
      <c r="BV322" s="166">
        <v>75009405.385337606</v>
      </c>
      <c r="BW322" s="166">
        <v>0</v>
      </c>
      <c r="BX322" s="166">
        <v>0</v>
      </c>
      <c r="BY322" s="166">
        <v>0</v>
      </c>
      <c r="BZ322" s="166">
        <v>0</v>
      </c>
      <c r="CA322" s="166">
        <v>0</v>
      </c>
      <c r="CB322" s="166">
        <v>0</v>
      </c>
      <c r="CC322" s="166">
        <v>0</v>
      </c>
      <c r="CD322" s="166">
        <v>0</v>
      </c>
      <c r="CE322" s="166">
        <v>0</v>
      </c>
      <c r="CF322" s="166">
        <v>0</v>
      </c>
      <c r="CG322" s="166">
        <v>0</v>
      </c>
      <c r="CH322" s="166">
        <v>0</v>
      </c>
      <c r="CI322" s="166">
        <v>0</v>
      </c>
      <c r="CJ322" s="166">
        <v>0</v>
      </c>
      <c r="CK322" s="166">
        <v>0</v>
      </c>
      <c r="CL322" s="166">
        <v>0</v>
      </c>
      <c r="CM322" s="166">
        <v>0</v>
      </c>
      <c r="CN322" s="166">
        <v>0</v>
      </c>
      <c r="CO322" s="166">
        <v>0</v>
      </c>
      <c r="CP322" s="166">
        <v>0</v>
      </c>
      <c r="CQ322" s="166">
        <v>0</v>
      </c>
      <c r="CR322" s="166">
        <v>0</v>
      </c>
      <c r="CS322" s="166">
        <v>0</v>
      </c>
      <c r="CT322" s="166">
        <v>0</v>
      </c>
      <c r="CU322" s="166">
        <v>0</v>
      </c>
      <c r="CV322" s="166">
        <v>0</v>
      </c>
      <c r="CW322" s="166">
        <v>0</v>
      </c>
      <c r="CX322" s="166">
        <v>0</v>
      </c>
      <c r="CY322" s="166">
        <v>75009405.385337606</v>
      </c>
      <c r="CZ322" s="166">
        <v>75009405.385337606</v>
      </c>
    </row>
    <row r="323" spans="1:104" x14ac:dyDescent="0.2">
      <c r="A323" s="167" t="s">
        <v>414</v>
      </c>
    </row>
    <row r="324" spans="1:104" x14ac:dyDescent="0.2">
      <c r="A324" s="167" t="s">
        <v>1180</v>
      </c>
      <c r="B324" s="166">
        <v>50113751.520000003</v>
      </c>
      <c r="C324" s="166">
        <v>50113751.520000003</v>
      </c>
      <c r="D324" s="166">
        <v>0</v>
      </c>
      <c r="E324" s="166">
        <v>0</v>
      </c>
      <c r="F324" s="166">
        <v>0</v>
      </c>
      <c r="G324" s="166">
        <v>0</v>
      </c>
      <c r="H324" s="166">
        <v>0</v>
      </c>
      <c r="I324" s="166">
        <v>0</v>
      </c>
      <c r="J324" s="166">
        <v>0</v>
      </c>
      <c r="K324" s="166">
        <v>0</v>
      </c>
      <c r="L324" s="166">
        <v>0</v>
      </c>
      <c r="M324" s="166">
        <v>0</v>
      </c>
      <c r="N324" s="166">
        <v>0</v>
      </c>
      <c r="O324" s="166">
        <v>0</v>
      </c>
      <c r="P324" s="166">
        <v>0</v>
      </c>
      <c r="Q324" s="166">
        <v>0</v>
      </c>
      <c r="R324" s="166">
        <v>0</v>
      </c>
      <c r="S324" s="166">
        <v>0</v>
      </c>
      <c r="T324" s="166">
        <v>0</v>
      </c>
      <c r="U324" s="166">
        <v>0</v>
      </c>
      <c r="V324" s="166">
        <v>0</v>
      </c>
      <c r="W324" s="166">
        <v>0</v>
      </c>
      <c r="X324" s="166">
        <v>0</v>
      </c>
      <c r="Y324" s="166">
        <v>0</v>
      </c>
      <c r="Z324" s="166">
        <v>0</v>
      </c>
      <c r="AA324" s="166">
        <v>0</v>
      </c>
      <c r="AB324" s="166">
        <v>0</v>
      </c>
      <c r="AC324" s="166">
        <v>0</v>
      </c>
      <c r="AD324" s="166">
        <v>0</v>
      </c>
      <c r="AE324" s="166">
        <v>0</v>
      </c>
      <c r="AF324" s="166">
        <v>0</v>
      </c>
      <c r="AG324" s="166">
        <v>0</v>
      </c>
      <c r="AH324" s="166">
        <v>0</v>
      </c>
      <c r="AI324" s="166">
        <v>0</v>
      </c>
      <c r="AJ324" s="166">
        <v>0</v>
      </c>
      <c r="AK324" s="166">
        <v>0</v>
      </c>
      <c r="AL324" s="166">
        <v>0</v>
      </c>
      <c r="AM324" s="166">
        <v>0</v>
      </c>
      <c r="AN324" s="166">
        <v>0</v>
      </c>
      <c r="AO324" s="166">
        <v>0</v>
      </c>
      <c r="AP324" s="166">
        <v>0</v>
      </c>
      <c r="AQ324" s="166">
        <v>0</v>
      </c>
      <c r="AR324" s="166">
        <v>0</v>
      </c>
      <c r="AS324" s="166">
        <v>0</v>
      </c>
      <c r="AT324" s="166">
        <v>0</v>
      </c>
      <c r="AU324" s="166">
        <v>0</v>
      </c>
      <c r="AV324" s="166">
        <v>0</v>
      </c>
      <c r="AW324" s="166">
        <v>0</v>
      </c>
      <c r="AX324" s="166">
        <v>0</v>
      </c>
      <c r="AY324" s="166">
        <v>0</v>
      </c>
      <c r="AZ324" s="166">
        <v>0</v>
      </c>
      <c r="BA324" s="166">
        <v>0</v>
      </c>
      <c r="BB324" s="166">
        <v>0</v>
      </c>
      <c r="BC324" s="166">
        <v>0</v>
      </c>
      <c r="BD324" s="166">
        <v>0</v>
      </c>
      <c r="BE324" s="166">
        <v>0</v>
      </c>
      <c r="BF324" s="166">
        <v>0</v>
      </c>
      <c r="BG324" s="166">
        <v>0</v>
      </c>
      <c r="BH324" s="166">
        <v>0</v>
      </c>
      <c r="BI324" s="166">
        <v>0</v>
      </c>
      <c r="BJ324" s="166">
        <v>0</v>
      </c>
      <c r="BK324" s="166">
        <v>0</v>
      </c>
      <c r="BL324" s="166">
        <v>0</v>
      </c>
      <c r="BM324" s="166">
        <v>0</v>
      </c>
      <c r="BN324" s="166">
        <v>0</v>
      </c>
      <c r="BO324" s="166">
        <v>0</v>
      </c>
      <c r="BP324" s="166">
        <v>0</v>
      </c>
      <c r="BQ324" s="166">
        <v>0</v>
      </c>
      <c r="BR324" s="166">
        <v>50113751.520000003</v>
      </c>
      <c r="BS324" s="166">
        <v>50113751.520000003</v>
      </c>
      <c r="BT324" s="168">
        <v>0.96779000000000004</v>
      </c>
      <c r="BU324" s="166">
        <v>4622095.9978614002</v>
      </c>
      <c r="BV324" s="166">
        <v>48499587.583540797</v>
      </c>
      <c r="BW324" s="166">
        <v>0</v>
      </c>
      <c r="BX324" s="166">
        <v>0</v>
      </c>
      <c r="BY324" s="166">
        <v>0</v>
      </c>
      <c r="BZ324" s="166">
        <v>0</v>
      </c>
      <c r="CA324" s="166">
        <v>0</v>
      </c>
      <c r="CB324" s="166">
        <v>0</v>
      </c>
      <c r="CC324" s="166">
        <v>0</v>
      </c>
      <c r="CD324" s="166">
        <v>0</v>
      </c>
      <c r="CE324" s="166">
        <v>0</v>
      </c>
      <c r="CF324" s="166">
        <v>0</v>
      </c>
      <c r="CG324" s="166">
        <v>0</v>
      </c>
      <c r="CH324" s="166">
        <v>0</v>
      </c>
      <c r="CI324" s="166">
        <v>0</v>
      </c>
      <c r="CJ324" s="166">
        <v>0</v>
      </c>
      <c r="CK324" s="166">
        <v>0</v>
      </c>
      <c r="CL324" s="166">
        <v>0</v>
      </c>
      <c r="CM324" s="166">
        <v>0</v>
      </c>
      <c r="CN324" s="166">
        <v>0</v>
      </c>
      <c r="CO324" s="166">
        <v>0</v>
      </c>
      <c r="CP324" s="166">
        <v>0</v>
      </c>
      <c r="CQ324" s="166">
        <v>0</v>
      </c>
      <c r="CR324" s="166">
        <v>0</v>
      </c>
      <c r="CS324" s="166">
        <v>0</v>
      </c>
      <c r="CT324" s="166">
        <v>0</v>
      </c>
      <c r="CU324" s="166">
        <v>0</v>
      </c>
      <c r="CV324" s="166">
        <v>0</v>
      </c>
      <c r="CW324" s="166">
        <v>0</v>
      </c>
      <c r="CX324" s="166">
        <v>0</v>
      </c>
      <c r="CY324" s="166">
        <v>48499587.583540797</v>
      </c>
      <c r="CZ324" s="166">
        <v>48499587.583540797</v>
      </c>
    </row>
    <row r="325" spans="1:104" x14ac:dyDescent="0.2">
      <c r="A325" s="167" t="s">
        <v>1181</v>
      </c>
      <c r="B325" s="166">
        <v>0</v>
      </c>
      <c r="C325" s="166">
        <v>0</v>
      </c>
      <c r="D325" s="166">
        <v>0</v>
      </c>
      <c r="E325" s="166">
        <v>0</v>
      </c>
      <c r="F325" s="166">
        <v>0</v>
      </c>
      <c r="G325" s="166">
        <v>0</v>
      </c>
      <c r="H325" s="166">
        <v>0</v>
      </c>
      <c r="I325" s="166">
        <v>0</v>
      </c>
      <c r="J325" s="166">
        <v>0</v>
      </c>
      <c r="K325" s="166">
        <v>0</v>
      </c>
      <c r="L325" s="166">
        <v>0</v>
      </c>
      <c r="M325" s="166">
        <v>0</v>
      </c>
      <c r="N325" s="166">
        <v>0</v>
      </c>
      <c r="O325" s="166">
        <v>0</v>
      </c>
      <c r="P325" s="166">
        <v>0</v>
      </c>
      <c r="Q325" s="166">
        <v>0</v>
      </c>
      <c r="R325" s="166">
        <v>0</v>
      </c>
      <c r="S325" s="166">
        <v>0</v>
      </c>
      <c r="T325" s="166">
        <v>0</v>
      </c>
      <c r="U325" s="166">
        <v>0</v>
      </c>
      <c r="V325" s="166">
        <v>0</v>
      </c>
      <c r="W325" s="166">
        <v>0</v>
      </c>
      <c r="X325" s="166">
        <v>0</v>
      </c>
      <c r="Y325" s="166">
        <v>0</v>
      </c>
      <c r="Z325" s="166">
        <v>0</v>
      </c>
      <c r="AA325" s="166">
        <v>0</v>
      </c>
      <c r="AB325" s="166">
        <v>0</v>
      </c>
      <c r="AC325" s="166">
        <v>0</v>
      </c>
      <c r="AD325" s="166">
        <v>0</v>
      </c>
      <c r="AE325" s="166">
        <v>0</v>
      </c>
      <c r="AF325" s="166">
        <v>0</v>
      </c>
      <c r="AG325" s="166">
        <v>0</v>
      </c>
      <c r="AH325" s="166">
        <v>0</v>
      </c>
      <c r="AI325" s="166">
        <v>0</v>
      </c>
      <c r="AJ325" s="166">
        <v>0</v>
      </c>
      <c r="AK325" s="166">
        <v>0</v>
      </c>
      <c r="AL325" s="166">
        <v>0</v>
      </c>
      <c r="AM325" s="166">
        <v>0</v>
      </c>
      <c r="AN325" s="166">
        <v>0</v>
      </c>
      <c r="AO325" s="166">
        <v>0</v>
      </c>
      <c r="AP325" s="166">
        <v>0</v>
      </c>
      <c r="AQ325" s="166">
        <v>0</v>
      </c>
      <c r="AR325" s="166">
        <v>0</v>
      </c>
      <c r="AS325" s="166">
        <v>0</v>
      </c>
      <c r="AT325" s="166">
        <v>0</v>
      </c>
      <c r="AU325" s="166">
        <v>0</v>
      </c>
      <c r="AV325" s="166">
        <v>0</v>
      </c>
      <c r="AW325" s="166">
        <v>0</v>
      </c>
      <c r="AX325" s="166">
        <v>0</v>
      </c>
      <c r="AY325" s="166">
        <v>0</v>
      </c>
      <c r="AZ325" s="166">
        <v>0</v>
      </c>
      <c r="BA325" s="166">
        <v>0</v>
      </c>
      <c r="BB325" s="166">
        <v>0</v>
      </c>
      <c r="BC325" s="166">
        <v>0</v>
      </c>
      <c r="BD325" s="166">
        <v>0</v>
      </c>
      <c r="BE325" s="166">
        <v>0</v>
      </c>
      <c r="BF325" s="166">
        <v>0</v>
      </c>
      <c r="BG325" s="166">
        <v>0</v>
      </c>
      <c r="BH325" s="166">
        <v>0</v>
      </c>
      <c r="BI325" s="166">
        <v>0</v>
      </c>
      <c r="BJ325" s="166">
        <v>0</v>
      </c>
      <c r="BK325" s="166">
        <v>0</v>
      </c>
      <c r="BL325" s="166">
        <v>0</v>
      </c>
      <c r="BM325" s="166">
        <v>0</v>
      </c>
      <c r="BN325" s="166">
        <v>0</v>
      </c>
      <c r="BO325" s="166">
        <v>0</v>
      </c>
      <c r="BP325" s="166">
        <v>0</v>
      </c>
      <c r="BQ325" s="166">
        <v>0</v>
      </c>
      <c r="BR325" s="166">
        <v>0</v>
      </c>
      <c r="BS325" s="166">
        <v>0</v>
      </c>
      <c r="BT325" s="168">
        <v>0</v>
      </c>
      <c r="BU325" s="166">
        <v>0</v>
      </c>
      <c r="BV325" s="166">
        <v>0</v>
      </c>
      <c r="BW325" s="166">
        <v>0</v>
      </c>
      <c r="BX325" s="166">
        <v>0</v>
      </c>
      <c r="BY325" s="166">
        <v>0</v>
      </c>
      <c r="BZ325" s="166">
        <v>0</v>
      </c>
      <c r="CA325" s="166">
        <v>0</v>
      </c>
      <c r="CB325" s="166">
        <v>0</v>
      </c>
      <c r="CC325" s="166">
        <v>0</v>
      </c>
      <c r="CD325" s="166">
        <v>0</v>
      </c>
      <c r="CE325" s="166">
        <v>0</v>
      </c>
      <c r="CF325" s="166">
        <v>0</v>
      </c>
      <c r="CG325" s="166">
        <v>0</v>
      </c>
      <c r="CH325" s="166">
        <v>0</v>
      </c>
      <c r="CI325" s="166">
        <v>0</v>
      </c>
      <c r="CJ325" s="166">
        <v>0</v>
      </c>
      <c r="CK325" s="166">
        <v>0</v>
      </c>
      <c r="CL325" s="166">
        <v>0</v>
      </c>
      <c r="CM325" s="166">
        <v>0</v>
      </c>
      <c r="CN325" s="166">
        <v>0</v>
      </c>
      <c r="CO325" s="166">
        <v>0</v>
      </c>
      <c r="CP325" s="166">
        <v>0</v>
      </c>
      <c r="CQ325" s="166">
        <v>0</v>
      </c>
      <c r="CR325" s="166">
        <v>0</v>
      </c>
      <c r="CS325" s="166">
        <v>0</v>
      </c>
      <c r="CT325" s="166">
        <v>0</v>
      </c>
      <c r="CU325" s="166">
        <v>0</v>
      </c>
      <c r="CV325" s="166">
        <v>0</v>
      </c>
      <c r="CW325" s="166">
        <v>0</v>
      </c>
      <c r="CX325" s="166">
        <v>0</v>
      </c>
      <c r="CY325" s="166">
        <v>0</v>
      </c>
      <c r="CZ325" s="166">
        <v>0</v>
      </c>
    </row>
    <row r="326" spans="1:104" x14ac:dyDescent="0.2">
      <c r="A326" s="167" t="s">
        <v>1182</v>
      </c>
      <c r="B326" s="166">
        <v>50113751.520000003</v>
      </c>
      <c r="C326" s="166">
        <v>50113751.520000003</v>
      </c>
      <c r="D326" s="166">
        <v>0</v>
      </c>
      <c r="E326" s="166">
        <v>0</v>
      </c>
      <c r="F326" s="166">
        <v>0</v>
      </c>
      <c r="G326" s="166">
        <v>0</v>
      </c>
      <c r="H326" s="166">
        <v>0</v>
      </c>
      <c r="I326" s="166">
        <v>0</v>
      </c>
      <c r="J326" s="166">
        <v>0</v>
      </c>
      <c r="K326" s="166">
        <v>0</v>
      </c>
      <c r="L326" s="166">
        <v>0</v>
      </c>
      <c r="M326" s="166">
        <v>0</v>
      </c>
      <c r="N326" s="166">
        <v>0</v>
      </c>
      <c r="O326" s="166">
        <v>0</v>
      </c>
      <c r="P326" s="166">
        <v>0</v>
      </c>
      <c r="Q326" s="166">
        <v>0</v>
      </c>
      <c r="R326" s="166">
        <v>0</v>
      </c>
      <c r="S326" s="166">
        <v>0</v>
      </c>
      <c r="T326" s="166">
        <v>0</v>
      </c>
      <c r="U326" s="166">
        <v>0</v>
      </c>
      <c r="V326" s="166">
        <v>0</v>
      </c>
      <c r="W326" s="166">
        <v>0</v>
      </c>
      <c r="X326" s="166">
        <v>0</v>
      </c>
      <c r="Y326" s="166">
        <v>0</v>
      </c>
      <c r="Z326" s="166">
        <v>0</v>
      </c>
      <c r="AA326" s="166">
        <v>0</v>
      </c>
      <c r="AB326" s="166">
        <v>0</v>
      </c>
      <c r="AC326" s="166">
        <v>0</v>
      </c>
      <c r="AD326" s="166">
        <v>0</v>
      </c>
      <c r="AE326" s="166">
        <v>0</v>
      </c>
      <c r="AF326" s="166">
        <v>0</v>
      </c>
      <c r="AG326" s="166">
        <v>0</v>
      </c>
      <c r="AH326" s="166">
        <v>0</v>
      </c>
      <c r="AI326" s="166">
        <v>0</v>
      </c>
      <c r="AJ326" s="166">
        <v>0</v>
      </c>
      <c r="AK326" s="166">
        <v>0</v>
      </c>
      <c r="AL326" s="166">
        <v>0</v>
      </c>
      <c r="AM326" s="166">
        <v>0</v>
      </c>
      <c r="AN326" s="166">
        <v>0</v>
      </c>
      <c r="AO326" s="166">
        <v>0</v>
      </c>
      <c r="AP326" s="166">
        <v>0</v>
      </c>
      <c r="AQ326" s="166">
        <v>0</v>
      </c>
      <c r="AR326" s="166">
        <v>0</v>
      </c>
      <c r="AS326" s="166">
        <v>0</v>
      </c>
      <c r="AT326" s="166">
        <v>0</v>
      </c>
      <c r="AU326" s="166">
        <v>0</v>
      </c>
      <c r="AV326" s="166">
        <v>0</v>
      </c>
      <c r="AW326" s="166">
        <v>0</v>
      </c>
      <c r="AX326" s="166">
        <v>0</v>
      </c>
      <c r="AY326" s="166">
        <v>0</v>
      </c>
      <c r="AZ326" s="166">
        <v>0</v>
      </c>
      <c r="BA326" s="166">
        <v>0</v>
      </c>
      <c r="BB326" s="166">
        <v>0</v>
      </c>
      <c r="BC326" s="166">
        <v>0</v>
      </c>
      <c r="BD326" s="166">
        <v>0</v>
      </c>
      <c r="BE326" s="166">
        <v>0</v>
      </c>
      <c r="BF326" s="166">
        <v>0</v>
      </c>
      <c r="BG326" s="166">
        <v>0</v>
      </c>
      <c r="BH326" s="166">
        <v>0</v>
      </c>
      <c r="BI326" s="166">
        <v>0</v>
      </c>
      <c r="BJ326" s="166">
        <v>0</v>
      </c>
      <c r="BK326" s="166">
        <v>0</v>
      </c>
      <c r="BL326" s="166">
        <v>0</v>
      </c>
      <c r="BM326" s="166">
        <v>0</v>
      </c>
      <c r="BN326" s="166">
        <v>0</v>
      </c>
      <c r="BO326" s="166">
        <v>0</v>
      </c>
      <c r="BP326" s="166">
        <v>0</v>
      </c>
      <c r="BQ326" s="166">
        <v>0</v>
      </c>
      <c r="BR326" s="166">
        <v>50113751.520000003</v>
      </c>
      <c r="BS326" s="166">
        <v>50113751.520000003</v>
      </c>
      <c r="BT326" s="168">
        <v>0</v>
      </c>
      <c r="BU326" s="166">
        <v>4622095.9978614002</v>
      </c>
      <c r="BV326" s="166">
        <v>48499587.583540797</v>
      </c>
      <c r="BW326" s="166">
        <v>0</v>
      </c>
      <c r="BX326" s="166">
        <v>0</v>
      </c>
      <c r="BY326" s="166">
        <v>0</v>
      </c>
      <c r="BZ326" s="166">
        <v>0</v>
      </c>
      <c r="CA326" s="166">
        <v>0</v>
      </c>
      <c r="CB326" s="166">
        <v>0</v>
      </c>
      <c r="CC326" s="166">
        <v>0</v>
      </c>
      <c r="CD326" s="166">
        <v>0</v>
      </c>
      <c r="CE326" s="166">
        <v>0</v>
      </c>
      <c r="CF326" s="166">
        <v>0</v>
      </c>
      <c r="CG326" s="166">
        <v>0</v>
      </c>
      <c r="CH326" s="166">
        <v>0</v>
      </c>
      <c r="CI326" s="166">
        <v>0</v>
      </c>
      <c r="CJ326" s="166">
        <v>0</v>
      </c>
      <c r="CK326" s="166">
        <v>0</v>
      </c>
      <c r="CL326" s="166">
        <v>0</v>
      </c>
      <c r="CM326" s="166">
        <v>0</v>
      </c>
      <c r="CN326" s="166">
        <v>0</v>
      </c>
      <c r="CO326" s="166">
        <v>0</v>
      </c>
      <c r="CP326" s="166">
        <v>0</v>
      </c>
      <c r="CQ326" s="166">
        <v>0</v>
      </c>
      <c r="CR326" s="166">
        <v>0</v>
      </c>
      <c r="CS326" s="166">
        <v>0</v>
      </c>
      <c r="CT326" s="166">
        <v>0</v>
      </c>
      <c r="CU326" s="166">
        <v>0</v>
      </c>
      <c r="CV326" s="166">
        <v>0</v>
      </c>
      <c r="CW326" s="166">
        <v>0</v>
      </c>
      <c r="CX326" s="166">
        <v>0</v>
      </c>
      <c r="CY326" s="166">
        <v>48499587.583540797</v>
      </c>
      <c r="CZ326" s="166">
        <v>48499587.583540797</v>
      </c>
    </row>
    <row r="327" spans="1:104" x14ac:dyDescent="0.2">
      <c r="A327" s="167" t="s">
        <v>418</v>
      </c>
    </row>
    <row r="328" spans="1:104" x14ac:dyDescent="0.2">
      <c r="A328" s="167" t="s">
        <v>419</v>
      </c>
      <c r="B328" s="166">
        <v>45332.81</v>
      </c>
      <c r="C328" s="166">
        <v>45332.81</v>
      </c>
      <c r="D328" s="166">
        <v>0</v>
      </c>
      <c r="E328" s="166">
        <v>0</v>
      </c>
      <c r="F328" s="166">
        <v>0</v>
      </c>
      <c r="G328" s="166">
        <v>0</v>
      </c>
      <c r="H328" s="166">
        <v>0</v>
      </c>
      <c r="I328" s="166">
        <v>0</v>
      </c>
      <c r="J328" s="166">
        <v>0</v>
      </c>
      <c r="K328" s="166">
        <v>0</v>
      </c>
      <c r="L328" s="166">
        <v>0</v>
      </c>
      <c r="M328" s="166">
        <v>0</v>
      </c>
      <c r="N328" s="166">
        <v>0</v>
      </c>
      <c r="O328" s="166">
        <v>0</v>
      </c>
      <c r="P328" s="166">
        <v>0</v>
      </c>
      <c r="Q328" s="166">
        <v>0</v>
      </c>
      <c r="R328" s="166">
        <v>0</v>
      </c>
      <c r="S328" s="166">
        <v>0</v>
      </c>
      <c r="T328" s="166">
        <v>0</v>
      </c>
      <c r="U328" s="166">
        <v>0</v>
      </c>
      <c r="V328" s="166">
        <v>0</v>
      </c>
      <c r="W328" s="166">
        <v>0</v>
      </c>
      <c r="X328" s="166">
        <v>0</v>
      </c>
      <c r="Y328" s="166">
        <v>0</v>
      </c>
      <c r="Z328" s="166">
        <v>0</v>
      </c>
      <c r="AA328" s="166">
        <v>0</v>
      </c>
      <c r="AB328" s="166">
        <v>0</v>
      </c>
      <c r="AC328" s="166">
        <v>0</v>
      </c>
      <c r="AD328" s="166">
        <v>0</v>
      </c>
      <c r="AE328" s="166">
        <v>0</v>
      </c>
      <c r="AF328" s="166">
        <v>0</v>
      </c>
      <c r="AG328" s="166">
        <v>0</v>
      </c>
      <c r="AH328" s="166">
        <v>0</v>
      </c>
      <c r="AI328" s="166">
        <v>0</v>
      </c>
      <c r="AJ328" s="166">
        <v>0</v>
      </c>
      <c r="AK328" s="166">
        <v>0</v>
      </c>
      <c r="AL328" s="166">
        <v>0</v>
      </c>
      <c r="AM328" s="166">
        <v>0</v>
      </c>
      <c r="AN328" s="166">
        <v>0</v>
      </c>
      <c r="AO328" s="166">
        <v>0</v>
      </c>
      <c r="AP328" s="166">
        <v>0</v>
      </c>
      <c r="AQ328" s="166">
        <v>0</v>
      </c>
      <c r="AR328" s="166">
        <v>0</v>
      </c>
      <c r="AS328" s="166">
        <v>0</v>
      </c>
      <c r="AT328" s="166">
        <v>0</v>
      </c>
      <c r="AU328" s="166">
        <v>0</v>
      </c>
      <c r="AV328" s="166">
        <v>0</v>
      </c>
      <c r="AW328" s="166">
        <v>0</v>
      </c>
      <c r="AX328" s="166">
        <v>0</v>
      </c>
      <c r="AY328" s="166">
        <v>0</v>
      </c>
      <c r="AZ328" s="166">
        <v>0</v>
      </c>
      <c r="BA328" s="166">
        <v>0</v>
      </c>
      <c r="BB328" s="166">
        <v>0</v>
      </c>
      <c r="BC328" s="166">
        <v>0</v>
      </c>
      <c r="BD328" s="166">
        <v>0</v>
      </c>
      <c r="BE328" s="166">
        <v>0</v>
      </c>
      <c r="BF328" s="166">
        <v>0</v>
      </c>
      <c r="BG328" s="166">
        <v>0</v>
      </c>
      <c r="BH328" s="166">
        <v>0</v>
      </c>
      <c r="BI328" s="166">
        <v>0</v>
      </c>
      <c r="BJ328" s="166">
        <v>0</v>
      </c>
      <c r="BK328" s="166">
        <v>0</v>
      </c>
      <c r="BL328" s="166">
        <v>0</v>
      </c>
      <c r="BM328" s="166">
        <v>0</v>
      </c>
      <c r="BN328" s="166">
        <v>0</v>
      </c>
      <c r="BO328" s="166">
        <v>0</v>
      </c>
      <c r="BP328" s="166">
        <v>0</v>
      </c>
      <c r="BQ328" s="166">
        <v>0</v>
      </c>
      <c r="BR328" s="166">
        <v>45332.81</v>
      </c>
      <c r="BS328" s="166">
        <v>45332.81</v>
      </c>
      <c r="BT328" s="168">
        <v>0.96779000000000004</v>
      </c>
      <c r="BU328" s="166">
        <v>4746.0131262999903</v>
      </c>
      <c r="BV328" s="166">
        <v>43872.640189899997</v>
      </c>
      <c r="BW328" s="166">
        <v>0</v>
      </c>
      <c r="BX328" s="166">
        <v>0</v>
      </c>
      <c r="BY328" s="166">
        <v>0</v>
      </c>
      <c r="BZ328" s="166">
        <v>0</v>
      </c>
      <c r="CA328" s="166">
        <v>0</v>
      </c>
      <c r="CB328" s="166">
        <v>0</v>
      </c>
      <c r="CC328" s="166">
        <v>0</v>
      </c>
      <c r="CD328" s="166">
        <v>0</v>
      </c>
      <c r="CE328" s="166">
        <v>0</v>
      </c>
      <c r="CF328" s="166">
        <v>0</v>
      </c>
      <c r="CG328" s="166">
        <v>0</v>
      </c>
      <c r="CH328" s="166">
        <v>0</v>
      </c>
      <c r="CI328" s="166">
        <v>0</v>
      </c>
      <c r="CJ328" s="166">
        <v>0</v>
      </c>
      <c r="CK328" s="166">
        <v>0</v>
      </c>
      <c r="CL328" s="166">
        <v>0</v>
      </c>
      <c r="CM328" s="166">
        <v>0</v>
      </c>
      <c r="CN328" s="166">
        <v>0</v>
      </c>
      <c r="CO328" s="166">
        <v>0</v>
      </c>
      <c r="CP328" s="166">
        <v>0</v>
      </c>
      <c r="CQ328" s="166">
        <v>0</v>
      </c>
      <c r="CR328" s="166">
        <v>0</v>
      </c>
      <c r="CS328" s="166">
        <v>0</v>
      </c>
      <c r="CT328" s="166">
        <v>0</v>
      </c>
      <c r="CU328" s="166">
        <v>0</v>
      </c>
      <c r="CV328" s="166">
        <v>0</v>
      </c>
      <c r="CW328" s="166">
        <v>0</v>
      </c>
      <c r="CX328" s="166">
        <v>0</v>
      </c>
      <c r="CY328" s="166">
        <v>43872.640189899997</v>
      </c>
      <c r="CZ328" s="166">
        <v>43872.640189899997</v>
      </c>
    </row>
    <row r="329" spans="1:104" x14ac:dyDescent="0.2">
      <c r="A329" s="167" t="s">
        <v>420</v>
      </c>
    </row>
    <row r="330" spans="1:104" x14ac:dyDescent="0.2">
      <c r="A330" s="167" t="s">
        <v>1183</v>
      </c>
      <c r="B330" s="166">
        <v>32487367.329999901</v>
      </c>
      <c r="C330" s="166">
        <v>32487367.329999901</v>
      </c>
      <c r="D330" s="166">
        <v>0</v>
      </c>
      <c r="E330" s="166">
        <v>0</v>
      </c>
      <c r="F330" s="166">
        <v>0</v>
      </c>
      <c r="G330" s="166">
        <v>0</v>
      </c>
      <c r="H330" s="166">
        <v>0</v>
      </c>
      <c r="I330" s="166">
        <v>0</v>
      </c>
      <c r="J330" s="166">
        <v>0</v>
      </c>
      <c r="K330" s="166">
        <v>0</v>
      </c>
      <c r="L330" s="166">
        <v>0</v>
      </c>
      <c r="M330" s="166">
        <v>0</v>
      </c>
      <c r="N330" s="166">
        <v>0</v>
      </c>
      <c r="O330" s="166">
        <v>0</v>
      </c>
      <c r="P330" s="166">
        <v>0</v>
      </c>
      <c r="Q330" s="166">
        <v>0</v>
      </c>
      <c r="R330" s="166">
        <v>0</v>
      </c>
      <c r="S330" s="166">
        <v>0</v>
      </c>
      <c r="T330" s="166">
        <v>0</v>
      </c>
      <c r="U330" s="166">
        <v>0</v>
      </c>
      <c r="V330" s="166">
        <v>0</v>
      </c>
      <c r="W330" s="166">
        <v>0</v>
      </c>
      <c r="X330" s="166">
        <v>0</v>
      </c>
      <c r="Y330" s="166">
        <v>0</v>
      </c>
      <c r="Z330" s="166">
        <v>0</v>
      </c>
      <c r="AA330" s="166">
        <v>0</v>
      </c>
      <c r="AB330" s="166">
        <v>0</v>
      </c>
      <c r="AC330" s="166">
        <v>0</v>
      </c>
      <c r="AD330" s="166">
        <v>0</v>
      </c>
      <c r="AE330" s="166">
        <v>0</v>
      </c>
      <c r="AF330" s="166">
        <v>0</v>
      </c>
      <c r="AG330" s="166">
        <v>0</v>
      </c>
      <c r="AH330" s="166">
        <v>0</v>
      </c>
      <c r="AI330" s="166">
        <v>0</v>
      </c>
      <c r="AJ330" s="166">
        <v>0</v>
      </c>
      <c r="AK330" s="166">
        <v>0</v>
      </c>
      <c r="AL330" s="166">
        <v>0</v>
      </c>
      <c r="AM330" s="166">
        <v>0</v>
      </c>
      <c r="AN330" s="166">
        <v>0</v>
      </c>
      <c r="AO330" s="166">
        <v>0</v>
      </c>
      <c r="AP330" s="166">
        <v>0</v>
      </c>
      <c r="AQ330" s="166">
        <v>0</v>
      </c>
      <c r="AR330" s="166">
        <v>0</v>
      </c>
      <c r="AS330" s="166">
        <v>0</v>
      </c>
      <c r="AT330" s="166">
        <v>0</v>
      </c>
      <c r="AU330" s="166">
        <v>0</v>
      </c>
      <c r="AV330" s="166">
        <v>0</v>
      </c>
      <c r="AW330" s="166">
        <v>0</v>
      </c>
      <c r="AX330" s="166">
        <v>0</v>
      </c>
      <c r="AY330" s="166">
        <v>0</v>
      </c>
      <c r="AZ330" s="166">
        <v>0</v>
      </c>
      <c r="BA330" s="166">
        <v>0</v>
      </c>
      <c r="BB330" s="166">
        <v>0</v>
      </c>
      <c r="BC330" s="166">
        <v>0</v>
      </c>
      <c r="BD330" s="166">
        <v>0</v>
      </c>
      <c r="BE330" s="166">
        <v>0</v>
      </c>
      <c r="BF330" s="166">
        <v>0</v>
      </c>
      <c r="BG330" s="166">
        <v>0</v>
      </c>
      <c r="BH330" s="166">
        <v>0</v>
      </c>
      <c r="BI330" s="166">
        <v>0</v>
      </c>
      <c r="BJ330" s="166">
        <v>0</v>
      </c>
      <c r="BK330" s="166">
        <v>0</v>
      </c>
      <c r="BL330" s="166">
        <v>0</v>
      </c>
      <c r="BM330" s="166">
        <v>0</v>
      </c>
      <c r="BN330" s="166">
        <v>0</v>
      </c>
      <c r="BO330" s="166">
        <v>0</v>
      </c>
      <c r="BP330" s="166">
        <v>0</v>
      </c>
      <c r="BQ330" s="166">
        <v>0</v>
      </c>
      <c r="BR330" s="166">
        <v>32487367.329999901</v>
      </c>
      <c r="BS330" s="166">
        <v>32487367.329999901</v>
      </c>
      <c r="BT330" s="168">
        <v>0.96779000000000004</v>
      </c>
      <c r="BU330" s="166">
        <v>11168345.492750701</v>
      </c>
      <c r="BV330" s="166">
        <v>31440949.228300601</v>
      </c>
      <c r="BW330" s="166">
        <v>0</v>
      </c>
      <c r="BX330" s="166">
        <v>0</v>
      </c>
      <c r="BY330" s="166">
        <v>0</v>
      </c>
      <c r="BZ330" s="166">
        <v>0</v>
      </c>
      <c r="CA330" s="166">
        <v>0</v>
      </c>
      <c r="CB330" s="166">
        <v>0</v>
      </c>
      <c r="CC330" s="166">
        <v>0</v>
      </c>
      <c r="CD330" s="166">
        <v>0</v>
      </c>
      <c r="CE330" s="166">
        <v>0</v>
      </c>
      <c r="CF330" s="166">
        <v>0</v>
      </c>
      <c r="CG330" s="166">
        <v>0</v>
      </c>
      <c r="CH330" s="166">
        <v>0</v>
      </c>
      <c r="CI330" s="166">
        <v>0</v>
      </c>
      <c r="CJ330" s="166">
        <v>0</v>
      </c>
      <c r="CK330" s="166">
        <v>0</v>
      </c>
      <c r="CL330" s="166">
        <v>0</v>
      </c>
      <c r="CM330" s="166">
        <v>0</v>
      </c>
      <c r="CN330" s="166">
        <v>0</v>
      </c>
      <c r="CO330" s="166">
        <v>0</v>
      </c>
      <c r="CP330" s="166">
        <v>0</v>
      </c>
      <c r="CQ330" s="166">
        <v>0</v>
      </c>
      <c r="CR330" s="166">
        <v>0</v>
      </c>
      <c r="CS330" s="166">
        <v>0</v>
      </c>
      <c r="CT330" s="166">
        <v>0</v>
      </c>
      <c r="CU330" s="166">
        <v>0</v>
      </c>
      <c r="CV330" s="166">
        <v>0</v>
      </c>
      <c r="CW330" s="166">
        <v>0</v>
      </c>
      <c r="CX330" s="166">
        <v>0</v>
      </c>
      <c r="CY330" s="166">
        <v>31440949.228300601</v>
      </c>
      <c r="CZ330" s="166">
        <v>31440949.228300601</v>
      </c>
    </row>
    <row r="331" spans="1:104" x14ac:dyDescent="0.2">
      <c r="A331" s="167" t="s">
        <v>422</v>
      </c>
      <c r="B331" s="166">
        <v>0</v>
      </c>
      <c r="C331" s="166">
        <v>0</v>
      </c>
      <c r="D331" s="166">
        <v>0</v>
      </c>
      <c r="E331" s="166">
        <v>0</v>
      </c>
      <c r="F331" s="166">
        <v>0</v>
      </c>
      <c r="G331" s="166">
        <v>0</v>
      </c>
      <c r="H331" s="166">
        <v>0</v>
      </c>
      <c r="I331" s="166">
        <v>0</v>
      </c>
      <c r="J331" s="166">
        <v>0</v>
      </c>
      <c r="K331" s="166">
        <v>0</v>
      </c>
      <c r="L331" s="166">
        <v>0</v>
      </c>
      <c r="M331" s="166">
        <v>0</v>
      </c>
      <c r="N331" s="166">
        <v>0</v>
      </c>
      <c r="O331" s="166">
        <v>0</v>
      </c>
      <c r="P331" s="166">
        <v>0</v>
      </c>
      <c r="Q331" s="166">
        <v>0</v>
      </c>
      <c r="R331" s="166">
        <v>0</v>
      </c>
      <c r="S331" s="166">
        <v>0</v>
      </c>
      <c r="T331" s="166">
        <v>0</v>
      </c>
      <c r="U331" s="166">
        <v>0</v>
      </c>
      <c r="V331" s="166">
        <v>0</v>
      </c>
      <c r="W331" s="166">
        <v>0</v>
      </c>
      <c r="X331" s="166">
        <v>0</v>
      </c>
      <c r="Y331" s="166">
        <v>0</v>
      </c>
      <c r="Z331" s="166">
        <v>0</v>
      </c>
      <c r="AA331" s="166">
        <v>0</v>
      </c>
      <c r="AB331" s="166">
        <v>0</v>
      </c>
      <c r="AC331" s="166">
        <v>0</v>
      </c>
      <c r="AD331" s="166">
        <v>0</v>
      </c>
      <c r="AE331" s="166">
        <v>0</v>
      </c>
      <c r="AF331" s="166">
        <v>0</v>
      </c>
      <c r="AG331" s="166">
        <v>0</v>
      </c>
      <c r="AH331" s="166">
        <v>0</v>
      </c>
      <c r="AI331" s="166">
        <v>0</v>
      </c>
      <c r="AJ331" s="166">
        <v>0</v>
      </c>
      <c r="AK331" s="166">
        <v>0</v>
      </c>
      <c r="AL331" s="166">
        <v>0</v>
      </c>
      <c r="AM331" s="166">
        <v>0</v>
      </c>
      <c r="AN331" s="166">
        <v>0</v>
      </c>
      <c r="AO331" s="166">
        <v>0</v>
      </c>
      <c r="AP331" s="166">
        <v>0</v>
      </c>
      <c r="AQ331" s="166">
        <v>0</v>
      </c>
      <c r="AR331" s="166">
        <v>0</v>
      </c>
      <c r="AS331" s="166">
        <v>0</v>
      </c>
      <c r="AT331" s="166">
        <v>0</v>
      </c>
      <c r="AU331" s="166">
        <v>0</v>
      </c>
      <c r="AV331" s="166">
        <v>0</v>
      </c>
      <c r="AW331" s="166">
        <v>0</v>
      </c>
      <c r="AX331" s="166">
        <v>0</v>
      </c>
      <c r="AY331" s="166">
        <v>0</v>
      </c>
      <c r="AZ331" s="166">
        <v>0</v>
      </c>
      <c r="BA331" s="166">
        <v>0</v>
      </c>
      <c r="BB331" s="166">
        <v>0</v>
      </c>
      <c r="BC331" s="166">
        <v>0</v>
      </c>
      <c r="BD331" s="166">
        <v>0</v>
      </c>
      <c r="BE331" s="166">
        <v>0</v>
      </c>
      <c r="BF331" s="166">
        <v>0</v>
      </c>
      <c r="BG331" s="166">
        <v>0</v>
      </c>
      <c r="BH331" s="166">
        <v>0</v>
      </c>
      <c r="BI331" s="166">
        <v>0</v>
      </c>
      <c r="BJ331" s="166">
        <v>0</v>
      </c>
      <c r="BK331" s="166">
        <v>0</v>
      </c>
      <c r="BL331" s="166">
        <v>0</v>
      </c>
      <c r="BM331" s="166">
        <v>0</v>
      </c>
      <c r="BN331" s="166">
        <v>0</v>
      </c>
      <c r="BO331" s="166">
        <v>0</v>
      </c>
      <c r="BP331" s="166">
        <v>0</v>
      </c>
      <c r="BQ331" s="166">
        <v>0</v>
      </c>
      <c r="BR331" s="166">
        <v>0</v>
      </c>
      <c r="BS331" s="166">
        <v>0</v>
      </c>
      <c r="BT331" s="168">
        <v>0</v>
      </c>
      <c r="BU331" s="166">
        <v>0</v>
      </c>
      <c r="BV331" s="166">
        <v>0</v>
      </c>
      <c r="BW331" s="166">
        <v>0</v>
      </c>
      <c r="BX331" s="166">
        <v>0</v>
      </c>
      <c r="BY331" s="166">
        <v>0</v>
      </c>
      <c r="BZ331" s="166">
        <v>0</v>
      </c>
      <c r="CA331" s="166">
        <v>0</v>
      </c>
      <c r="CB331" s="166">
        <v>0</v>
      </c>
      <c r="CC331" s="166">
        <v>0</v>
      </c>
      <c r="CD331" s="166">
        <v>0</v>
      </c>
      <c r="CE331" s="166">
        <v>0</v>
      </c>
      <c r="CF331" s="166">
        <v>0</v>
      </c>
      <c r="CG331" s="166">
        <v>0</v>
      </c>
      <c r="CH331" s="166">
        <v>0</v>
      </c>
      <c r="CI331" s="166">
        <v>0</v>
      </c>
      <c r="CJ331" s="166">
        <v>0</v>
      </c>
      <c r="CK331" s="166">
        <v>0</v>
      </c>
      <c r="CL331" s="166">
        <v>0</v>
      </c>
      <c r="CM331" s="166">
        <v>0</v>
      </c>
      <c r="CN331" s="166">
        <v>0</v>
      </c>
      <c r="CO331" s="166">
        <v>0</v>
      </c>
      <c r="CP331" s="166">
        <v>0</v>
      </c>
      <c r="CQ331" s="166">
        <v>0</v>
      </c>
      <c r="CR331" s="166">
        <v>0</v>
      </c>
      <c r="CS331" s="166">
        <v>0</v>
      </c>
      <c r="CT331" s="166">
        <v>0</v>
      </c>
      <c r="CU331" s="166">
        <v>0</v>
      </c>
      <c r="CV331" s="166">
        <v>0</v>
      </c>
      <c r="CW331" s="166">
        <v>0</v>
      </c>
      <c r="CX331" s="166">
        <v>0</v>
      </c>
      <c r="CY331" s="166">
        <v>0</v>
      </c>
      <c r="CZ331" s="166">
        <v>0</v>
      </c>
    </row>
    <row r="332" spans="1:104" x14ac:dyDescent="0.2">
      <c r="A332" s="167" t="s">
        <v>705</v>
      </c>
      <c r="B332" s="166">
        <v>0</v>
      </c>
      <c r="C332" s="166">
        <v>0</v>
      </c>
      <c r="D332" s="166">
        <v>0</v>
      </c>
      <c r="E332" s="166">
        <v>0</v>
      </c>
      <c r="F332" s="166">
        <v>0</v>
      </c>
      <c r="G332" s="166">
        <v>0</v>
      </c>
      <c r="H332" s="166">
        <v>0</v>
      </c>
      <c r="I332" s="166">
        <v>0</v>
      </c>
      <c r="J332" s="166">
        <v>0</v>
      </c>
      <c r="K332" s="166">
        <v>0</v>
      </c>
      <c r="L332" s="166">
        <v>0</v>
      </c>
      <c r="M332" s="166">
        <v>0</v>
      </c>
      <c r="N332" s="166">
        <v>0</v>
      </c>
      <c r="O332" s="166">
        <v>0</v>
      </c>
      <c r="P332" s="166">
        <v>0</v>
      </c>
      <c r="Q332" s="166">
        <v>0</v>
      </c>
      <c r="R332" s="166">
        <v>0</v>
      </c>
      <c r="S332" s="166">
        <v>0</v>
      </c>
      <c r="T332" s="166">
        <v>0</v>
      </c>
      <c r="U332" s="166">
        <v>0</v>
      </c>
      <c r="V332" s="166">
        <v>0</v>
      </c>
      <c r="W332" s="166">
        <v>0</v>
      </c>
      <c r="X332" s="166">
        <v>0</v>
      </c>
      <c r="Y332" s="166">
        <v>0</v>
      </c>
      <c r="Z332" s="166">
        <v>0</v>
      </c>
      <c r="AA332" s="166">
        <v>0</v>
      </c>
      <c r="AB332" s="166">
        <v>0</v>
      </c>
      <c r="AC332" s="166">
        <v>0</v>
      </c>
      <c r="AD332" s="166">
        <v>0</v>
      </c>
      <c r="AE332" s="166">
        <v>0</v>
      </c>
      <c r="AF332" s="166">
        <v>0</v>
      </c>
      <c r="AG332" s="166">
        <v>0</v>
      </c>
      <c r="AH332" s="166">
        <v>0</v>
      </c>
      <c r="AI332" s="166">
        <v>0</v>
      </c>
      <c r="AJ332" s="166">
        <v>0</v>
      </c>
      <c r="AK332" s="166">
        <v>0</v>
      </c>
      <c r="AL332" s="166">
        <v>0</v>
      </c>
      <c r="AM332" s="166">
        <v>0</v>
      </c>
      <c r="AN332" s="166">
        <v>0</v>
      </c>
      <c r="AO332" s="166">
        <v>0</v>
      </c>
      <c r="AP332" s="166">
        <v>0</v>
      </c>
      <c r="AQ332" s="166">
        <v>0</v>
      </c>
      <c r="AR332" s="166">
        <v>0</v>
      </c>
      <c r="AS332" s="166">
        <v>0</v>
      </c>
      <c r="AT332" s="166">
        <v>0</v>
      </c>
      <c r="AU332" s="166">
        <v>0</v>
      </c>
      <c r="AV332" s="166">
        <v>0</v>
      </c>
      <c r="AW332" s="166">
        <v>0</v>
      </c>
      <c r="AX332" s="166">
        <v>0</v>
      </c>
      <c r="AY332" s="166">
        <v>0</v>
      </c>
      <c r="AZ332" s="166">
        <v>0</v>
      </c>
      <c r="BA332" s="166">
        <v>0</v>
      </c>
      <c r="BB332" s="166">
        <v>0</v>
      </c>
      <c r="BC332" s="166">
        <v>0</v>
      </c>
      <c r="BD332" s="166">
        <v>0</v>
      </c>
      <c r="BE332" s="166">
        <v>0</v>
      </c>
      <c r="BF332" s="166">
        <v>0</v>
      </c>
      <c r="BG332" s="166">
        <v>0</v>
      </c>
      <c r="BH332" s="166">
        <v>0</v>
      </c>
      <c r="BI332" s="166">
        <v>0</v>
      </c>
      <c r="BJ332" s="166">
        <v>0</v>
      </c>
      <c r="BK332" s="166">
        <v>0</v>
      </c>
      <c r="BL332" s="166">
        <v>0</v>
      </c>
      <c r="BM332" s="166">
        <v>0</v>
      </c>
      <c r="BN332" s="166">
        <v>0</v>
      </c>
      <c r="BO332" s="166">
        <v>0</v>
      </c>
      <c r="BP332" s="166">
        <v>0</v>
      </c>
      <c r="BQ332" s="166">
        <v>0</v>
      </c>
      <c r="BR332" s="166">
        <v>0</v>
      </c>
      <c r="BS332" s="166">
        <v>0</v>
      </c>
      <c r="BT332" s="166">
        <v>1000</v>
      </c>
      <c r="BU332" s="166">
        <v>0</v>
      </c>
      <c r="BV332" s="166">
        <v>0</v>
      </c>
      <c r="BW332" s="166">
        <v>0</v>
      </c>
      <c r="BX332" s="166">
        <v>0</v>
      </c>
      <c r="BY332" s="166">
        <v>0</v>
      </c>
      <c r="BZ332" s="166">
        <v>0</v>
      </c>
      <c r="CA332" s="166">
        <v>0</v>
      </c>
      <c r="CB332" s="166">
        <v>0</v>
      </c>
      <c r="CC332" s="166">
        <v>0</v>
      </c>
      <c r="CD332" s="166">
        <v>0</v>
      </c>
      <c r="CE332" s="166">
        <v>0</v>
      </c>
      <c r="CF332" s="166">
        <v>0</v>
      </c>
      <c r="CG332" s="166">
        <v>0</v>
      </c>
      <c r="CH332" s="166">
        <v>0</v>
      </c>
      <c r="CI332" s="166">
        <v>0</v>
      </c>
      <c r="CJ332" s="166">
        <v>0</v>
      </c>
      <c r="CK332" s="166">
        <v>0</v>
      </c>
      <c r="CL332" s="166">
        <v>0</v>
      </c>
      <c r="CM332" s="166">
        <v>0</v>
      </c>
      <c r="CN332" s="166">
        <v>0</v>
      </c>
      <c r="CO332" s="166">
        <v>0</v>
      </c>
      <c r="CP332" s="166">
        <v>0</v>
      </c>
      <c r="CQ332" s="166">
        <v>0</v>
      </c>
      <c r="CR332" s="166">
        <v>0</v>
      </c>
      <c r="CS332" s="166">
        <v>0</v>
      </c>
      <c r="CT332" s="166">
        <v>0</v>
      </c>
      <c r="CU332" s="166">
        <v>0</v>
      </c>
      <c r="CV332" s="166">
        <v>0</v>
      </c>
      <c r="CW332" s="166">
        <v>0</v>
      </c>
      <c r="CX332" s="166">
        <v>0</v>
      </c>
      <c r="CY332" s="166">
        <v>0</v>
      </c>
      <c r="CZ332" s="166">
        <v>0</v>
      </c>
    </row>
    <row r="333" spans="1:104" x14ac:dyDescent="0.2">
      <c r="A333" s="167" t="s">
        <v>423</v>
      </c>
      <c r="B333" s="166">
        <v>32487367.329999901</v>
      </c>
      <c r="C333" s="166">
        <v>32487367.329999901</v>
      </c>
      <c r="D333" s="166">
        <v>0</v>
      </c>
      <c r="E333" s="166">
        <v>0</v>
      </c>
      <c r="F333" s="166">
        <v>0</v>
      </c>
      <c r="G333" s="166">
        <v>0</v>
      </c>
      <c r="H333" s="166">
        <v>0</v>
      </c>
      <c r="I333" s="166">
        <v>0</v>
      </c>
      <c r="J333" s="166">
        <v>0</v>
      </c>
      <c r="K333" s="166">
        <v>0</v>
      </c>
      <c r="L333" s="166">
        <v>0</v>
      </c>
      <c r="M333" s="166">
        <v>0</v>
      </c>
      <c r="N333" s="166">
        <v>0</v>
      </c>
      <c r="O333" s="166">
        <v>0</v>
      </c>
      <c r="P333" s="166">
        <v>0</v>
      </c>
      <c r="Q333" s="166">
        <v>0</v>
      </c>
      <c r="R333" s="166">
        <v>0</v>
      </c>
      <c r="S333" s="166">
        <v>0</v>
      </c>
      <c r="T333" s="166">
        <v>0</v>
      </c>
      <c r="U333" s="166">
        <v>0</v>
      </c>
      <c r="V333" s="166">
        <v>0</v>
      </c>
      <c r="W333" s="166">
        <v>0</v>
      </c>
      <c r="X333" s="166">
        <v>0</v>
      </c>
      <c r="Y333" s="166">
        <v>0</v>
      </c>
      <c r="Z333" s="166">
        <v>0</v>
      </c>
      <c r="AA333" s="166">
        <v>0</v>
      </c>
      <c r="AB333" s="166">
        <v>0</v>
      </c>
      <c r="AC333" s="166">
        <v>0</v>
      </c>
      <c r="AD333" s="166">
        <v>0</v>
      </c>
      <c r="AE333" s="166">
        <v>0</v>
      </c>
      <c r="AF333" s="166">
        <v>0</v>
      </c>
      <c r="AG333" s="166">
        <v>0</v>
      </c>
      <c r="AH333" s="166">
        <v>0</v>
      </c>
      <c r="AI333" s="166">
        <v>0</v>
      </c>
      <c r="AJ333" s="166">
        <v>0</v>
      </c>
      <c r="AK333" s="166">
        <v>0</v>
      </c>
      <c r="AL333" s="166">
        <v>0</v>
      </c>
      <c r="AM333" s="166">
        <v>0</v>
      </c>
      <c r="AN333" s="166">
        <v>0</v>
      </c>
      <c r="AO333" s="166">
        <v>0</v>
      </c>
      <c r="AP333" s="166">
        <v>0</v>
      </c>
      <c r="AQ333" s="166">
        <v>0</v>
      </c>
      <c r="AR333" s="166">
        <v>0</v>
      </c>
      <c r="AS333" s="166">
        <v>0</v>
      </c>
      <c r="AT333" s="166">
        <v>0</v>
      </c>
      <c r="AU333" s="166">
        <v>0</v>
      </c>
      <c r="AV333" s="166">
        <v>0</v>
      </c>
      <c r="AW333" s="166">
        <v>0</v>
      </c>
      <c r="AX333" s="166">
        <v>0</v>
      </c>
      <c r="AY333" s="166">
        <v>0</v>
      </c>
      <c r="AZ333" s="166">
        <v>0</v>
      </c>
      <c r="BA333" s="166">
        <v>0</v>
      </c>
      <c r="BB333" s="166">
        <v>0</v>
      </c>
      <c r="BC333" s="166">
        <v>0</v>
      </c>
      <c r="BD333" s="166">
        <v>0</v>
      </c>
      <c r="BE333" s="166">
        <v>0</v>
      </c>
      <c r="BF333" s="166">
        <v>0</v>
      </c>
      <c r="BG333" s="166">
        <v>0</v>
      </c>
      <c r="BH333" s="166">
        <v>0</v>
      </c>
      <c r="BI333" s="166">
        <v>0</v>
      </c>
      <c r="BJ333" s="166">
        <v>0</v>
      </c>
      <c r="BK333" s="166">
        <v>0</v>
      </c>
      <c r="BL333" s="166">
        <v>0</v>
      </c>
      <c r="BM333" s="166">
        <v>0</v>
      </c>
      <c r="BN333" s="166">
        <v>0</v>
      </c>
      <c r="BO333" s="166">
        <v>0</v>
      </c>
      <c r="BP333" s="166">
        <v>0</v>
      </c>
      <c r="BQ333" s="166">
        <v>0</v>
      </c>
      <c r="BR333" s="166">
        <v>32487367.329999901</v>
      </c>
      <c r="BS333" s="166">
        <v>32487367.329999901</v>
      </c>
      <c r="BT333" s="168">
        <v>0</v>
      </c>
      <c r="BU333" s="166">
        <v>11168345.492750701</v>
      </c>
      <c r="BV333" s="166">
        <v>31440949.228300601</v>
      </c>
      <c r="BW333" s="166">
        <v>0</v>
      </c>
      <c r="BX333" s="166">
        <v>0</v>
      </c>
      <c r="BY333" s="166">
        <v>0</v>
      </c>
      <c r="BZ333" s="166">
        <v>0</v>
      </c>
      <c r="CA333" s="166">
        <v>0</v>
      </c>
      <c r="CB333" s="166">
        <v>0</v>
      </c>
      <c r="CC333" s="166">
        <v>0</v>
      </c>
      <c r="CD333" s="166">
        <v>0</v>
      </c>
      <c r="CE333" s="166">
        <v>0</v>
      </c>
      <c r="CF333" s="166">
        <v>0</v>
      </c>
      <c r="CG333" s="166">
        <v>0</v>
      </c>
      <c r="CH333" s="166">
        <v>0</v>
      </c>
      <c r="CI333" s="166">
        <v>0</v>
      </c>
      <c r="CJ333" s="166">
        <v>0</v>
      </c>
      <c r="CK333" s="166">
        <v>0</v>
      </c>
      <c r="CL333" s="166">
        <v>0</v>
      </c>
      <c r="CM333" s="166">
        <v>0</v>
      </c>
      <c r="CN333" s="166">
        <v>0</v>
      </c>
      <c r="CO333" s="166">
        <v>0</v>
      </c>
      <c r="CP333" s="166">
        <v>0</v>
      </c>
      <c r="CQ333" s="166">
        <v>0</v>
      </c>
      <c r="CR333" s="166">
        <v>0</v>
      </c>
      <c r="CS333" s="166">
        <v>0</v>
      </c>
      <c r="CT333" s="166">
        <v>0</v>
      </c>
      <c r="CU333" s="166">
        <v>0</v>
      </c>
      <c r="CV333" s="166">
        <v>0</v>
      </c>
      <c r="CW333" s="166">
        <v>0</v>
      </c>
      <c r="CX333" s="166">
        <v>0</v>
      </c>
      <c r="CY333" s="166">
        <v>31440949.228300601</v>
      </c>
      <c r="CZ333" s="166">
        <v>31440949.228300601</v>
      </c>
    </row>
    <row r="334" spans="1:104" x14ac:dyDescent="0.2">
      <c r="A334" s="167" t="s">
        <v>1184</v>
      </c>
    </row>
    <row r="335" spans="1:104" x14ac:dyDescent="0.2">
      <c r="A335" s="167" t="s">
        <v>1185</v>
      </c>
      <c r="B335" s="166">
        <v>20936215.859999999</v>
      </c>
      <c r="C335" s="166">
        <v>20936215.859999999</v>
      </c>
      <c r="D335" s="166">
        <v>0</v>
      </c>
      <c r="E335" s="166">
        <v>0</v>
      </c>
      <c r="F335" s="166">
        <v>0</v>
      </c>
      <c r="G335" s="166">
        <v>0</v>
      </c>
      <c r="H335" s="166">
        <v>0</v>
      </c>
      <c r="I335" s="166">
        <v>0</v>
      </c>
      <c r="J335" s="166">
        <v>0</v>
      </c>
      <c r="K335" s="166">
        <v>0</v>
      </c>
      <c r="L335" s="166">
        <v>0</v>
      </c>
      <c r="M335" s="166">
        <v>0</v>
      </c>
      <c r="N335" s="166">
        <v>0</v>
      </c>
      <c r="O335" s="166">
        <v>0</v>
      </c>
      <c r="P335" s="166">
        <v>0</v>
      </c>
      <c r="Q335" s="166">
        <v>0</v>
      </c>
      <c r="R335" s="166">
        <v>0</v>
      </c>
      <c r="S335" s="166">
        <v>0</v>
      </c>
      <c r="T335" s="166">
        <v>0</v>
      </c>
      <c r="U335" s="166">
        <v>0</v>
      </c>
      <c r="V335" s="166">
        <v>0</v>
      </c>
      <c r="W335" s="166">
        <v>0</v>
      </c>
      <c r="X335" s="166">
        <v>0</v>
      </c>
      <c r="Y335" s="166">
        <v>0</v>
      </c>
      <c r="Z335" s="166">
        <v>0</v>
      </c>
      <c r="AA335" s="166">
        <v>0</v>
      </c>
      <c r="AB335" s="166">
        <v>0</v>
      </c>
      <c r="AC335" s="166">
        <v>0</v>
      </c>
      <c r="AD335" s="166">
        <v>0</v>
      </c>
      <c r="AE335" s="166">
        <v>0</v>
      </c>
      <c r="AF335" s="166">
        <v>0</v>
      </c>
      <c r="AG335" s="166">
        <v>0</v>
      </c>
      <c r="AH335" s="166">
        <v>0</v>
      </c>
      <c r="AI335" s="166">
        <v>0</v>
      </c>
      <c r="AJ335" s="166">
        <v>0</v>
      </c>
      <c r="AK335" s="166">
        <v>0</v>
      </c>
      <c r="AL335" s="166">
        <v>0</v>
      </c>
      <c r="AM335" s="166">
        <v>0</v>
      </c>
      <c r="AN335" s="166">
        <v>0</v>
      </c>
      <c r="AO335" s="166">
        <v>0</v>
      </c>
      <c r="AP335" s="166">
        <v>0</v>
      </c>
      <c r="AQ335" s="166">
        <v>0</v>
      </c>
      <c r="AR335" s="166">
        <v>0</v>
      </c>
      <c r="AS335" s="166">
        <v>0</v>
      </c>
      <c r="AT335" s="166">
        <v>0</v>
      </c>
      <c r="AU335" s="166">
        <v>0</v>
      </c>
      <c r="AV335" s="166">
        <v>0</v>
      </c>
      <c r="AW335" s="166">
        <v>0</v>
      </c>
      <c r="AX335" s="166">
        <v>0</v>
      </c>
      <c r="AY335" s="166">
        <v>0</v>
      </c>
      <c r="AZ335" s="166">
        <v>0</v>
      </c>
      <c r="BA335" s="166">
        <v>0</v>
      </c>
      <c r="BB335" s="166">
        <v>0</v>
      </c>
      <c r="BC335" s="166">
        <v>0</v>
      </c>
      <c r="BD335" s="166">
        <v>0</v>
      </c>
      <c r="BE335" s="166">
        <v>0</v>
      </c>
      <c r="BF335" s="166">
        <v>0</v>
      </c>
      <c r="BG335" s="166">
        <v>0</v>
      </c>
      <c r="BH335" s="166">
        <v>0</v>
      </c>
      <c r="BI335" s="166">
        <v>0</v>
      </c>
      <c r="BJ335" s="166">
        <v>0</v>
      </c>
      <c r="BK335" s="166">
        <v>0</v>
      </c>
      <c r="BL335" s="166">
        <v>0</v>
      </c>
      <c r="BM335" s="166">
        <v>0</v>
      </c>
      <c r="BN335" s="166">
        <v>0</v>
      </c>
      <c r="BO335" s="166">
        <v>0</v>
      </c>
      <c r="BP335" s="166">
        <v>0</v>
      </c>
      <c r="BQ335" s="166">
        <v>0</v>
      </c>
      <c r="BR335" s="166">
        <v>20936215.859999999</v>
      </c>
      <c r="BS335" s="166">
        <v>20936215.859999999</v>
      </c>
      <c r="BT335" s="168">
        <v>0.92822207233613596</v>
      </c>
      <c r="BU335" s="166">
        <v>-744605.32584307203</v>
      </c>
      <c r="BV335" s="166">
        <v>19431910.651212201</v>
      </c>
      <c r="BW335" s="166">
        <v>0</v>
      </c>
      <c r="BX335" s="166">
        <v>0</v>
      </c>
      <c r="BY335" s="166">
        <v>0</v>
      </c>
      <c r="BZ335" s="166">
        <v>0</v>
      </c>
      <c r="CA335" s="166">
        <v>0</v>
      </c>
      <c r="CB335" s="166">
        <v>0</v>
      </c>
      <c r="CC335" s="166">
        <v>0</v>
      </c>
      <c r="CD335" s="166">
        <v>0</v>
      </c>
      <c r="CE335" s="166">
        <v>0</v>
      </c>
      <c r="CF335" s="166">
        <v>0</v>
      </c>
      <c r="CG335" s="166">
        <v>0</v>
      </c>
      <c r="CH335" s="166">
        <v>0</v>
      </c>
      <c r="CI335" s="166">
        <v>0</v>
      </c>
      <c r="CJ335" s="166">
        <v>0</v>
      </c>
      <c r="CK335" s="166">
        <v>0</v>
      </c>
      <c r="CL335" s="166">
        <v>0</v>
      </c>
      <c r="CM335" s="166">
        <v>0</v>
      </c>
      <c r="CN335" s="166">
        <v>0</v>
      </c>
      <c r="CO335" s="166">
        <v>0</v>
      </c>
      <c r="CP335" s="166">
        <v>0</v>
      </c>
      <c r="CQ335" s="166">
        <v>0</v>
      </c>
      <c r="CR335" s="166">
        <v>0</v>
      </c>
      <c r="CS335" s="166">
        <v>0</v>
      </c>
      <c r="CT335" s="166">
        <v>0</v>
      </c>
      <c r="CU335" s="166">
        <v>0</v>
      </c>
      <c r="CV335" s="166">
        <v>0</v>
      </c>
      <c r="CW335" s="166">
        <v>0</v>
      </c>
      <c r="CX335" s="166">
        <v>0</v>
      </c>
      <c r="CY335" s="166">
        <v>19431910.651212201</v>
      </c>
      <c r="CZ335" s="166">
        <v>19431910.651212201</v>
      </c>
    </row>
    <row r="336" spans="1:104" x14ac:dyDescent="0.2">
      <c r="A336" s="167" t="s">
        <v>426</v>
      </c>
      <c r="B336" s="166">
        <v>0</v>
      </c>
      <c r="C336" s="166">
        <v>0</v>
      </c>
      <c r="D336" s="166">
        <v>0</v>
      </c>
      <c r="E336" s="166">
        <v>0</v>
      </c>
      <c r="F336" s="166">
        <v>0</v>
      </c>
      <c r="G336" s="166">
        <v>0</v>
      </c>
      <c r="H336" s="166">
        <v>0</v>
      </c>
      <c r="I336" s="166">
        <v>0</v>
      </c>
      <c r="J336" s="166">
        <v>0</v>
      </c>
      <c r="K336" s="166">
        <v>0</v>
      </c>
      <c r="L336" s="166">
        <v>0</v>
      </c>
      <c r="M336" s="166">
        <v>0</v>
      </c>
      <c r="N336" s="166">
        <v>0</v>
      </c>
      <c r="O336" s="166">
        <v>0</v>
      </c>
      <c r="P336" s="166">
        <v>0</v>
      </c>
      <c r="Q336" s="166">
        <v>0</v>
      </c>
      <c r="R336" s="166">
        <v>0</v>
      </c>
      <c r="S336" s="166">
        <v>0</v>
      </c>
      <c r="T336" s="166">
        <v>0</v>
      </c>
      <c r="U336" s="166">
        <v>0</v>
      </c>
      <c r="V336" s="166">
        <v>0</v>
      </c>
      <c r="W336" s="166">
        <v>0</v>
      </c>
      <c r="X336" s="166">
        <v>0</v>
      </c>
      <c r="Y336" s="166">
        <v>0</v>
      </c>
      <c r="Z336" s="166">
        <v>0</v>
      </c>
      <c r="AA336" s="166">
        <v>0</v>
      </c>
      <c r="AB336" s="166">
        <v>0</v>
      </c>
      <c r="AC336" s="166">
        <v>0</v>
      </c>
      <c r="AD336" s="166">
        <v>0</v>
      </c>
      <c r="AE336" s="166">
        <v>0</v>
      </c>
      <c r="AF336" s="166">
        <v>0</v>
      </c>
      <c r="AG336" s="166">
        <v>0</v>
      </c>
      <c r="AH336" s="166">
        <v>0</v>
      </c>
      <c r="AI336" s="166">
        <v>0</v>
      </c>
      <c r="AJ336" s="166">
        <v>0</v>
      </c>
      <c r="AK336" s="166">
        <v>0</v>
      </c>
      <c r="AL336" s="166">
        <v>0</v>
      </c>
      <c r="AM336" s="166">
        <v>0</v>
      </c>
      <c r="AN336" s="166">
        <v>0</v>
      </c>
      <c r="AO336" s="166">
        <v>0</v>
      </c>
      <c r="AP336" s="166">
        <v>0</v>
      </c>
      <c r="AQ336" s="166">
        <v>0</v>
      </c>
      <c r="AR336" s="166">
        <v>0</v>
      </c>
      <c r="AS336" s="166">
        <v>0</v>
      </c>
      <c r="AT336" s="166">
        <v>0</v>
      </c>
      <c r="AU336" s="166">
        <v>0</v>
      </c>
      <c r="AV336" s="166">
        <v>0</v>
      </c>
      <c r="AW336" s="166">
        <v>0</v>
      </c>
      <c r="AX336" s="166">
        <v>0</v>
      </c>
      <c r="AY336" s="166">
        <v>0</v>
      </c>
      <c r="AZ336" s="166">
        <v>0</v>
      </c>
      <c r="BA336" s="166">
        <v>0</v>
      </c>
      <c r="BB336" s="166">
        <v>0</v>
      </c>
      <c r="BC336" s="166">
        <v>0</v>
      </c>
      <c r="BD336" s="166">
        <v>0</v>
      </c>
      <c r="BE336" s="166">
        <v>0</v>
      </c>
      <c r="BF336" s="166">
        <v>0</v>
      </c>
      <c r="BG336" s="166">
        <v>0</v>
      </c>
      <c r="BH336" s="166">
        <v>0</v>
      </c>
      <c r="BI336" s="166">
        <v>0</v>
      </c>
      <c r="BJ336" s="166">
        <v>0</v>
      </c>
      <c r="BK336" s="166">
        <v>0</v>
      </c>
      <c r="BL336" s="166">
        <v>0</v>
      </c>
      <c r="BM336" s="166">
        <v>0</v>
      </c>
      <c r="BN336" s="166">
        <v>0</v>
      </c>
      <c r="BO336" s="166">
        <v>0</v>
      </c>
      <c r="BP336" s="166">
        <v>0</v>
      </c>
      <c r="BQ336" s="166">
        <v>0</v>
      </c>
      <c r="BR336" s="166">
        <v>0</v>
      </c>
      <c r="BS336" s="166">
        <v>0</v>
      </c>
      <c r="BT336" s="168">
        <v>1</v>
      </c>
      <c r="BU336" s="166">
        <v>0</v>
      </c>
      <c r="BV336" s="166">
        <v>0</v>
      </c>
      <c r="BW336" s="166">
        <v>0</v>
      </c>
      <c r="BX336" s="166">
        <v>0</v>
      </c>
      <c r="BY336" s="166">
        <v>0</v>
      </c>
      <c r="BZ336" s="166">
        <v>0</v>
      </c>
      <c r="CA336" s="166">
        <v>0</v>
      </c>
      <c r="CB336" s="166">
        <v>0</v>
      </c>
      <c r="CC336" s="166">
        <v>0</v>
      </c>
      <c r="CD336" s="166">
        <v>0</v>
      </c>
      <c r="CE336" s="166">
        <v>0</v>
      </c>
      <c r="CF336" s="166">
        <v>0</v>
      </c>
      <c r="CG336" s="166">
        <v>0</v>
      </c>
      <c r="CH336" s="166">
        <v>0</v>
      </c>
      <c r="CI336" s="166">
        <v>0</v>
      </c>
      <c r="CJ336" s="166">
        <v>0</v>
      </c>
      <c r="CK336" s="166">
        <v>0</v>
      </c>
      <c r="CL336" s="166">
        <v>0</v>
      </c>
      <c r="CM336" s="166">
        <v>0</v>
      </c>
      <c r="CN336" s="166">
        <v>0</v>
      </c>
      <c r="CO336" s="166">
        <v>0</v>
      </c>
      <c r="CP336" s="166">
        <v>0</v>
      </c>
      <c r="CQ336" s="166">
        <v>0</v>
      </c>
      <c r="CR336" s="166">
        <v>0</v>
      </c>
      <c r="CS336" s="166">
        <v>0</v>
      </c>
      <c r="CT336" s="166">
        <v>0</v>
      </c>
      <c r="CU336" s="166">
        <v>0</v>
      </c>
      <c r="CV336" s="166">
        <v>0</v>
      </c>
      <c r="CW336" s="166">
        <v>0</v>
      </c>
      <c r="CX336" s="166">
        <v>0</v>
      </c>
      <c r="CY336" s="166">
        <v>0</v>
      </c>
      <c r="CZ336" s="166">
        <v>0</v>
      </c>
    </row>
    <row r="337" spans="1:104" x14ac:dyDescent="0.2">
      <c r="A337" s="167" t="s">
        <v>427</v>
      </c>
      <c r="B337" s="166">
        <v>0</v>
      </c>
      <c r="C337" s="166">
        <v>0</v>
      </c>
      <c r="D337" s="166">
        <v>0</v>
      </c>
      <c r="E337" s="166">
        <v>0</v>
      </c>
      <c r="F337" s="166">
        <v>0</v>
      </c>
      <c r="G337" s="166">
        <v>0</v>
      </c>
      <c r="H337" s="166">
        <v>0</v>
      </c>
      <c r="I337" s="166">
        <v>0</v>
      </c>
      <c r="J337" s="166">
        <v>0</v>
      </c>
      <c r="K337" s="166">
        <v>0</v>
      </c>
      <c r="L337" s="166">
        <v>0</v>
      </c>
      <c r="M337" s="166">
        <v>0</v>
      </c>
      <c r="N337" s="166">
        <v>0</v>
      </c>
      <c r="O337" s="166">
        <v>0</v>
      </c>
      <c r="P337" s="166">
        <v>0</v>
      </c>
      <c r="Q337" s="166">
        <v>0</v>
      </c>
      <c r="R337" s="166">
        <v>0</v>
      </c>
      <c r="S337" s="166">
        <v>0</v>
      </c>
      <c r="T337" s="166">
        <v>0</v>
      </c>
      <c r="U337" s="166">
        <v>0</v>
      </c>
      <c r="V337" s="166">
        <v>0</v>
      </c>
      <c r="W337" s="166">
        <v>0</v>
      </c>
      <c r="X337" s="166">
        <v>0</v>
      </c>
      <c r="Y337" s="166">
        <v>0</v>
      </c>
      <c r="Z337" s="166">
        <v>0</v>
      </c>
      <c r="AA337" s="166">
        <v>0</v>
      </c>
      <c r="AB337" s="166">
        <v>0</v>
      </c>
      <c r="AC337" s="166">
        <v>0</v>
      </c>
      <c r="AD337" s="166">
        <v>0</v>
      </c>
      <c r="AE337" s="166">
        <v>0</v>
      </c>
      <c r="AF337" s="166">
        <v>0</v>
      </c>
      <c r="AG337" s="166">
        <v>0</v>
      </c>
      <c r="AH337" s="166">
        <v>0</v>
      </c>
      <c r="AI337" s="166">
        <v>0</v>
      </c>
      <c r="AJ337" s="166">
        <v>0</v>
      </c>
      <c r="AK337" s="166">
        <v>0</v>
      </c>
      <c r="AL337" s="166">
        <v>0</v>
      </c>
      <c r="AM337" s="166">
        <v>0</v>
      </c>
      <c r="AN337" s="166">
        <v>0</v>
      </c>
      <c r="AO337" s="166">
        <v>0</v>
      </c>
      <c r="AP337" s="166">
        <v>0</v>
      </c>
      <c r="AQ337" s="166">
        <v>0</v>
      </c>
      <c r="AR337" s="166">
        <v>0</v>
      </c>
      <c r="AS337" s="166">
        <v>0</v>
      </c>
      <c r="AT337" s="166">
        <v>0</v>
      </c>
      <c r="AU337" s="166">
        <v>0</v>
      </c>
      <c r="AV337" s="166">
        <v>0</v>
      </c>
      <c r="AW337" s="166">
        <v>0</v>
      </c>
      <c r="AX337" s="166">
        <v>0</v>
      </c>
      <c r="AY337" s="166">
        <v>0</v>
      </c>
      <c r="AZ337" s="166">
        <v>0</v>
      </c>
      <c r="BA337" s="166">
        <v>0</v>
      </c>
      <c r="BB337" s="166">
        <v>0</v>
      </c>
      <c r="BC337" s="166">
        <v>0</v>
      </c>
      <c r="BD337" s="166">
        <v>0</v>
      </c>
      <c r="BE337" s="166">
        <v>0</v>
      </c>
      <c r="BF337" s="166">
        <v>0</v>
      </c>
      <c r="BG337" s="166">
        <v>0</v>
      </c>
      <c r="BH337" s="166">
        <v>0</v>
      </c>
      <c r="BI337" s="166">
        <v>0</v>
      </c>
      <c r="BJ337" s="166">
        <v>0</v>
      </c>
      <c r="BK337" s="166">
        <v>0</v>
      </c>
      <c r="BL337" s="166">
        <v>0</v>
      </c>
      <c r="BM337" s="166">
        <v>0</v>
      </c>
      <c r="BN337" s="166">
        <v>0</v>
      </c>
      <c r="BO337" s="166">
        <v>0</v>
      </c>
      <c r="BP337" s="166">
        <v>0</v>
      </c>
      <c r="BQ337" s="166">
        <v>0</v>
      </c>
      <c r="BR337" s="166">
        <v>0</v>
      </c>
      <c r="BS337" s="166">
        <v>0</v>
      </c>
      <c r="BT337" s="168">
        <v>0</v>
      </c>
      <c r="BU337" s="166">
        <v>0</v>
      </c>
      <c r="BV337" s="166">
        <v>0</v>
      </c>
      <c r="BW337" s="166">
        <v>0</v>
      </c>
      <c r="BX337" s="166">
        <v>0</v>
      </c>
      <c r="BY337" s="166">
        <v>0</v>
      </c>
      <c r="BZ337" s="166">
        <v>0</v>
      </c>
      <c r="CA337" s="166">
        <v>0</v>
      </c>
      <c r="CB337" s="166">
        <v>0</v>
      </c>
      <c r="CC337" s="166">
        <v>0</v>
      </c>
      <c r="CD337" s="166">
        <v>0</v>
      </c>
      <c r="CE337" s="166">
        <v>0</v>
      </c>
      <c r="CF337" s="166">
        <v>0</v>
      </c>
      <c r="CG337" s="166">
        <v>0</v>
      </c>
      <c r="CH337" s="166">
        <v>0</v>
      </c>
      <c r="CI337" s="166">
        <v>0</v>
      </c>
      <c r="CJ337" s="166">
        <v>0</v>
      </c>
      <c r="CK337" s="166">
        <v>0</v>
      </c>
      <c r="CL337" s="166">
        <v>0</v>
      </c>
      <c r="CM337" s="166">
        <v>0</v>
      </c>
      <c r="CN337" s="166">
        <v>0</v>
      </c>
      <c r="CO337" s="166">
        <v>0</v>
      </c>
      <c r="CP337" s="166">
        <v>0</v>
      </c>
      <c r="CQ337" s="166">
        <v>0</v>
      </c>
      <c r="CR337" s="166">
        <v>0</v>
      </c>
      <c r="CS337" s="166">
        <v>0</v>
      </c>
      <c r="CT337" s="166">
        <v>0</v>
      </c>
      <c r="CU337" s="166">
        <v>0</v>
      </c>
      <c r="CV337" s="166">
        <v>0</v>
      </c>
      <c r="CW337" s="166">
        <v>0</v>
      </c>
      <c r="CX337" s="166">
        <v>0</v>
      </c>
      <c r="CY337" s="166">
        <v>0</v>
      </c>
      <c r="CZ337" s="166">
        <v>0</v>
      </c>
    </row>
    <row r="338" spans="1:104" x14ac:dyDescent="0.2">
      <c r="A338" s="167" t="s">
        <v>1186</v>
      </c>
      <c r="B338" s="166">
        <v>20936215.859999999</v>
      </c>
      <c r="C338" s="166">
        <v>20936215.859999999</v>
      </c>
      <c r="D338" s="166">
        <v>0</v>
      </c>
      <c r="E338" s="166">
        <v>0</v>
      </c>
      <c r="F338" s="166">
        <v>0</v>
      </c>
      <c r="G338" s="166">
        <v>0</v>
      </c>
      <c r="H338" s="166">
        <v>0</v>
      </c>
      <c r="I338" s="166">
        <v>0</v>
      </c>
      <c r="J338" s="166">
        <v>0</v>
      </c>
      <c r="K338" s="166">
        <v>0</v>
      </c>
      <c r="L338" s="166">
        <v>0</v>
      </c>
      <c r="M338" s="166">
        <v>0</v>
      </c>
      <c r="N338" s="166">
        <v>0</v>
      </c>
      <c r="O338" s="166">
        <v>0</v>
      </c>
      <c r="P338" s="166">
        <v>0</v>
      </c>
      <c r="Q338" s="166">
        <v>0</v>
      </c>
      <c r="R338" s="166">
        <v>0</v>
      </c>
      <c r="S338" s="166">
        <v>0</v>
      </c>
      <c r="T338" s="166">
        <v>0</v>
      </c>
      <c r="U338" s="166">
        <v>0</v>
      </c>
      <c r="V338" s="166">
        <v>0</v>
      </c>
      <c r="W338" s="166">
        <v>0</v>
      </c>
      <c r="X338" s="166">
        <v>0</v>
      </c>
      <c r="Y338" s="166">
        <v>0</v>
      </c>
      <c r="Z338" s="166">
        <v>0</v>
      </c>
      <c r="AA338" s="166">
        <v>0</v>
      </c>
      <c r="AB338" s="166">
        <v>0</v>
      </c>
      <c r="AC338" s="166">
        <v>0</v>
      </c>
      <c r="AD338" s="166">
        <v>0</v>
      </c>
      <c r="AE338" s="166">
        <v>0</v>
      </c>
      <c r="AF338" s="166">
        <v>0</v>
      </c>
      <c r="AG338" s="166">
        <v>0</v>
      </c>
      <c r="AH338" s="166">
        <v>0</v>
      </c>
      <c r="AI338" s="166">
        <v>0</v>
      </c>
      <c r="AJ338" s="166">
        <v>0</v>
      </c>
      <c r="AK338" s="166">
        <v>0</v>
      </c>
      <c r="AL338" s="166">
        <v>0</v>
      </c>
      <c r="AM338" s="166">
        <v>0</v>
      </c>
      <c r="AN338" s="166">
        <v>0</v>
      </c>
      <c r="AO338" s="166">
        <v>0</v>
      </c>
      <c r="AP338" s="166">
        <v>0</v>
      </c>
      <c r="AQ338" s="166">
        <v>0</v>
      </c>
      <c r="AR338" s="166">
        <v>0</v>
      </c>
      <c r="AS338" s="166">
        <v>0</v>
      </c>
      <c r="AT338" s="166">
        <v>0</v>
      </c>
      <c r="AU338" s="166">
        <v>0</v>
      </c>
      <c r="AV338" s="166">
        <v>0</v>
      </c>
      <c r="AW338" s="166">
        <v>0</v>
      </c>
      <c r="AX338" s="166">
        <v>0</v>
      </c>
      <c r="AY338" s="166">
        <v>0</v>
      </c>
      <c r="AZ338" s="166">
        <v>0</v>
      </c>
      <c r="BA338" s="166">
        <v>0</v>
      </c>
      <c r="BB338" s="166">
        <v>0</v>
      </c>
      <c r="BC338" s="166">
        <v>0</v>
      </c>
      <c r="BD338" s="166">
        <v>0</v>
      </c>
      <c r="BE338" s="166">
        <v>0</v>
      </c>
      <c r="BF338" s="166">
        <v>0</v>
      </c>
      <c r="BG338" s="166">
        <v>0</v>
      </c>
      <c r="BH338" s="166">
        <v>0</v>
      </c>
      <c r="BI338" s="166">
        <v>0</v>
      </c>
      <c r="BJ338" s="166">
        <v>0</v>
      </c>
      <c r="BK338" s="166">
        <v>0</v>
      </c>
      <c r="BL338" s="166">
        <v>0</v>
      </c>
      <c r="BM338" s="166">
        <v>0</v>
      </c>
      <c r="BN338" s="166">
        <v>0</v>
      </c>
      <c r="BO338" s="166">
        <v>0</v>
      </c>
      <c r="BP338" s="166">
        <v>0</v>
      </c>
      <c r="BQ338" s="166">
        <v>0</v>
      </c>
      <c r="BR338" s="166">
        <v>20936215.859999999</v>
      </c>
      <c r="BS338" s="166">
        <v>20936215.859999999</v>
      </c>
      <c r="BT338" s="168">
        <v>0</v>
      </c>
      <c r="BU338" s="166">
        <v>-744605.32584307203</v>
      </c>
      <c r="BV338" s="166">
        <v>19431910.651212201</v>
      </c>
      <c r="BW338" s="166">
        <v>0</v>
      </c>
      <c r="BX338" s="166">
        <v>0</v>
      </c>
      <c r="BY338" s="166">
        <v>0</v>
      </c>
      <c r="BZ338" s="166">
        <v>0</v>
      </c>
      <c r="CA338" s="166">
        <v>0</v>
      </c>
      <c r="CB338" s="166">
        <v>0</v>
      </c>
      <c r="CC338" s="166">
        <v>0</v>
      </c>
      <c r="CD338" s="166">
        <v>0</v>
      </c>
      <c r="CE338" s="166">
        <v>0</v>
      </c>
      <c r="CF338" s="166">
        <v>0</v>
      </c>
      <c r="CG338" s="166">
        <v>0</v>
      </c>
      <c r="CH338" s="166">
        <v>0</v>
      </c>
      <c r="CI338" s="166">
        <v>0</v>
      </c>
      <c r="CJ338" s="166">
        <v>0</v>
      </c>
      <c r="CK338" s="166">
        <v>0</v>
      </c>
      <c r="CL338" s="166">
        <v>0</v>
      </c>
      <c r="CM338" s="166">
        <v>0</v>
      </c>
      <c r="CN338" s="166">
        <v>0</v>
      </c>
      <c r="CO338" s="166">
        <v>0</v>
      </c>
      <c r="CP338" s="166">
        <v>0</v>
      </c>
      <c r="CQ338" s="166">
        <v>0</v>
      </c>
      <c r="CR338" s="166">
        <v>0</v>
      </c>
      <c r="CS338" s="166">
        <v>0</v>
      </c>
      <c r="CT338" s="166">
        <v>0</v>
      </c>
      <c r="CU338" s="166">
        <v>0</v>
      </c>
      <c r="CV338" s="166">
        <v>0</v>
      </c>
      <c r="CW338" s="166">
        <v>0</v>
      </c>
      <c r="CX338" s="166">
        <v>0</v>
      </c>
      <c r="CY338" s="166">
        <v>19431910.651212201</v>
      </c>
      <c r="CZ338" s="166">
        <v>19431910.651212201</v>
      </c>
    </row>
    <row r="339" spans="1:104" x14ac:dyDescent="0.2">
      <c r="A339" s="167" t="s">
        <v>1187</v>
      </c>
    </row>
    <row r="340" spans="1:104" x14ac:dyDescent="0.2">
      <c r="A340" s="167" t="s">
        <v>1188</v>
      </c>
      <c r="B340" s="166">
        <v>3335298.11</v>
      </c>
      <c r="C340" s="166">
        <v>3335298.11</v>
      </c>
      <c r="D340" s="166">
        <v>0</v>
      </c>
      <c r="E340" s="166">
        <v>0</v>
      </c>
      <c r="F340" s="166">
        <v>0</v>
      </c>
      <c r="G340" s="166">
        <v>0</v>
      </c>
      <c r="H340" s="166">
        <v>0</v>
      </c>
      <c r="I340" s="166">
        <v>0</v>
      </c>
      <c r="J340" s="166">
        <v>0</v>
      </c>
      <c r="K340" s="166">
        <v>0</v>
      </c>
      <c r="L340" s="166">
        <v>0</v>
      </c>
      <c r="M340" s="166">
        <v>0</v>
      </c>
      <c r="N340" s="166">
        <v>0</v>
      </c>
      <c r="O340" s="166">
        <v>0</v>
      </c>
      <c r="P340" s="166">
        <v>0</v>
      </c>
      <c r="Q340" s="166">
        <v>0</v>
      </c>
      <c r="R340" s="166">
        <v>0</v>
      </c>
      <c r="S340" s="166">
        <v>0</v>
      </c>
      <c r="T340" s="166">
        <v>0</v>
      </c>
      <c r="U340" s="166">
        <v>0</v>
      </c>
      <c r="V340" s="166">
        <v>0</v>
      </c>
      <c r="W340" s="166">
        <v>0</v>
      </c>
      <c r="X340" s="166">
        <v>0</v>
      </c>
      <c r="Y340" s="166">
        <v>0</v>
      </c>
      <c r="Z340" s="166">
        <v>0</v>
      </c>
      <c r="AA340" s="166">
        <v>0</v>
      </c>
      <c r="AB340" s="166">
        <v>0</v>
      </c>
      <c r="AC340" s="166">
        <v>0</v>
      </c>
      <c r="AD340" s="166">
        <v>0</v>
      </c>
      <c r="AE340" s="166">
        <v>0</v>
      </c>
      <c r="AF340" s="166">
        <v>0</v>
      </c>
      <c r="AG340" s="166">
        <v>0</v>
      </c>
      <c r="AH340" s="166">
        <v>0</v>
      </c>
      <c r="AI340" s="166">
        <v>0</v>
      </c>
      <c r="AJ340" s="166">
        <v>0</v>
      </c>
      <c r="AK340" s="166">
        <v>0</v>
      </c>
      <c r="AL340" s="166">
        <v>0</v>
      </c>
      <c r="AM340" s="166">
        <v>0</v>
      </c>
      <c r="AN340" s="166">
        <v>0</v>
      </c>
      <c r="AO340" s="166">
        <v>0</v>
      </c>
      <c r="AP340" s="166">
        <v>0</v>
      </c>
      <c r="AQ340" s="166">
        <v>0</v>
      </c>
      <c r="AR340" s="166">
        <v>0</v>
      </c>
      <c r="AS340" s="166">
        <v>0</v>
      </c>
      <c r="AT340" s="166">
        <v>0</v>
      </c>
      <c r="AU340" s="166">
        <v>0</v>
      </c>
      <c r="AV340" s="166">
        <v>0</v>
      </c>
      <c r="AW340" s="166">
        <v>0</v>
      </c>
      <c r="AX340" s="166">
        <v>0</v>
      </c>
      <c r="AY340" s="166">
        <v>0</v>
      </c>
      <c r="AZ340" s="166">
        <v>0</v>
      </c>
      <c r="BA340" s="166">
        <v>0</v>
      </c>
      <c r="BB340" s="166">
        <v>0</v>
      </c>
      <c r="BC340" s="166">
        <v>0</v>
      </c>
      <c r="BD340" s="166">
        <v>0</v>
      </c>
      <c r="BE340" s="166">
        <v>0</v>
      </c>
      <c r="BF340" s="166">
        <v>0</v>
      </c>
      <c r="BG340" s="166">
        <v>0</v>
      </c>
      <c r="BH340" s="166">
        <v>0</v>
      </c>
      <c r="BI340" s="166">
        <v>0</v>
      </c>
      <c r="BJ340" s="166">
        <v>0</v>
      </c>
      <c r="BK340" s="166">
        <v>0</v>
      </c>
      <c r="BL340" s="166">
        <v>0</v>
      </c>
      <c r="BM340" s="166">
        <v>0</v>
      </c>
      <c r="BN340" s="166">
        <v>0</v>
      </c>
      <c r="BO340" s="166">
        <v>0</v>
      </c>
      <c r="BP340" s="166">
        <v>0</v>
      </c>
      <c r="BQ340" s="166">
        <v>0</v>
      </c>
      <c r="BR340" s="166">
        <v>3335298.11</v>
      </c>
      <c r="BS340" s="166">
        <v>3335298.11</v>
      </c>
      <c r="BT340" s="168">
        <v>0</v>
      </c>
      <c r="BU340" s="166">
        <v>0</v>
      </c>
      <c r="BV340" s="166">
        <v>0</v>
      </c>
      <c r="BW340" s="166">
        <v>0</v>
      </c>
      <c r="BX340" s="166">
        <v>0</v>
      </c>
      <c r="BY340" s="166">
        <v>0</v>
      </c>
      <c r="BZ340" s="166">
        <v>0</v>
      </c>
      <c r="CA340" s="166">
        <v>0</v>
      </c>
      <c r="CB340" s="166">
        <v>0</v>
      </c>
      <c r="CC340" s="166">
        <v>0</v>
      </c>
      <c r="CD340" s="166">
        <v>0</v>
      </c>
      <c r="CE340" s="166">
        <v>0</v>
      </c>
      <c r="CF340" s="166">
        <v>0</v>
      </c>
      <c r="CG340" s="166">
        <v>0</v>
      </c>
      <c r="CH340" s="166">
        <v>0</v>
      </c>
      <c r="CI340" s="166">
        <v>0</v>
      </c>
      <c r="CJ340" s="166">
        <v>0</v>
      </c>
      <c r="CK340" s="166">
        <v>0</v>
      </c>
      <c r="CL340" s="166">
        <v>0</v>
      </c>
      <c r="CM340" s="166">
        <v>0</v>
      </c>
      <c r="CN340" s="166">
        <v>0</v>
      </c>
      <c r="CO340" s="166">
        <v>0</v>
      </c>
      <c r="CP340" s="166">
        <v>0</v>
      </c>
      <c r="CQ340" s="166">
        <v>0</v>
      </c>
      <c r="CR340" s="166">
        <v>0</v>
      </c>
      <c r="CS340" s="166">
        <v>0</v>
      </c>
      <c r="CT340" s="166">
        <v>0</v>
      </c>
      <c r="CU340" s="166">
        <v>0</v>
      </c>
      <c r="CV340" s="166">
        <v>0</v>
      </c>
      <c r="CW340" s="166">
        <v>0</v>
      </c>
      <c r="CX340" s="166">
        <v>0</v>
      </c>
      <c r="CY340" s="166">
        <v>0</v>
      </c>
      <c r="CZ340" s="166">
        <v>0</v>
      </c>
    </row>
    <row r="341" spans="1:104" x14ac:dyDescent="0.2">
      <c r="A341" s="167" t="s">
        <v>431</v>
      </c>
      <c r="B341" s="166">
        <v>0</v>
      </c>
      <c r="C341" s="166">
        <v>0</v>
      </c>
      <c r="D341" s="166">
        <v>0</v>
      </c>
      <c r="E341" s="166">
        <v>0</v>
      </c>
      <c r="F341" s="166">
        <v>0</v>
      </c>
      <c r="G341" s="166">
        <v>0</v>
      </c>
      <c r="H341" s="166">
        <v>0</v>
      </c>
      <c r="I341" s="166">
        <v>0</v>
      </c>
      <c r="J341" s="166">
        <v>0</v>
      </c>
      <c r="K341" s="166">
        <v>0</v>
      </c>
      <c r="L341" s="166">
        <v>0</v>
      </c>
      <c r="M341" s="166">
        <v>0</v>
      </c>
      <c r="N341" s="166">
        <v>0</v>
      </c>
      <c r="O341" s="166">
        <v>0</v>
      </c>
      <c r="P341" s="166">
        <v>0</v>
      </c>
      <c r="Q341" s="166">
        <v>0</v>
      </c>
      <c r="R341" s="166">
        <v>0</v>
      </c>
      <c r="S341" s="166">
        <v>0</v>
      </c>
      <c r="T341" s="166">
        <v>0</v>
      </c>
      <c r="U341" s="166">
        <v>0</v>
      </c>
      <c r="V341" s="166">
        <v>0</v>
      </c>
      <c r="W341" s="166">
        <v>0</v>
      </c>
      <c r="X341" s="166">
        <v>0</v>
      </c>
      <c r="Y341" s="166">
        <v>0</v>
      </c>
      <c r="Z341" s="166">
        <v>0</v>
      </c>
      <c r="AA341" s="166">
        <v>0</v>
      </c>
      <c r="AB341" s="166">
        <v>0</v>
      </c>
      <c r="AC341" s="166">
        <v>0</v>
      </c>
      <c r="AD341" s="166">
        <v>0</v>
      </c>
      <c r="AE341" s="166">
        <v>0</v>
      </c>
      <c r="AF341" s="166">
        <v>0</v>
      </c>
      <c r="AG341" s="166">
        <v>0</v>
      </c>
      <c r="AH341" s="166">
        <v>0</v>
      </c>
      <c r="AI341" s="166">
        <v>0</v>
      </c>
      <c r="AJ341" s="166">
        <v>0</v>
      </c>
      <c r="AK341" s="166">
        <v>0</v>
      </c>
      <c r="AL341" s="166">
        <v>0</v>
      </c>
      <c r="AM341" s="166">
        <v>0</v>
      </c>
      <c r="AN341" s="166">
        <v>0</v>
      </c>
      <c r="AO341" s="166">
        <v>0</v>
      </c>
      <c r="AP341" s="166">
        <v>0</v>
      </c>
      <c r="AQ341" s="166">
        <v>0</v>
      </c>
      <c r="AR341" s="166">
        <v>0</v>
      </c>
      <c r="AS341" s="166">
        <v>0</v>
      </c>
      <c r="AT341" s="166">
        <v>0</v>
      </c>
      <c r="AU341" s="166">
        <v>0</v>
      </c>
      <c r="AV341" s="166">
        <v>0</v>
      </c>
      <c r="AW341" s="166">
        <v>0</v>
      </c>
      <c r="AX341" s="166">
        <v>0</v>
      </c>
      <c r="AY341" s="166">
        <v>0</v>
      </c>
      <c r="AZ341" s="166">
        <v>0</v>
      </c>
      <c r="BA341" s="166">
        <v>0</v>
      </c>
      <c r="BB341" s="166">
        <v>0</v>
      </c>
      <c r="BC341" s="166">
        <v>0</v>
      </c>
      <c r="BD341" s="166">
        <v>0</v>
      </c>
      <c r="BE341" s="166">
        <v>0</v>
      </c>
      <c r="BF341" s="166">
        <v>0</v>
      </c>
      <c r="BG341" s="166">
        <v>0</v>
      </c>
      <c r="BH341" s="166">
        <v>0</v>
      </c>
      <c r="BI341" s="166">
        <v>0</v>
      </c>
      <c r="BJ341" s="166">
        <v>0</v>
      </c>
      <c r="BK341" s="166">
        <v>0</v>
      </c>
      <c r="BL341" s="166">
        <v>0</v>
      </c>
      <c r="BM341" s="166">
        <v>0</v>
      </c>
      <c r="BN341" s="166">
        <v>0</v>
      </c>
      <c r="BO341" s="166">
        <v>0</v>
      </c>
      <c r="BP341" s="166">
        <v>0</v>
      </c>
      <c r="BQ341" s="166">
        <v>0</v>
      </c>
      <c r="BR341" s="166">
        <v>0</v>
      </c>
      <c r="BS341" s="166">
        <v>0</v>
      </c>
      <c r="BT341" s="168">
        <v>1</v>
      </c>
      <c r="BU341" s="166">
        <v>0</v>
      </c>
      <c r="BV341" s="166">
        <v>0</v>
      </c>
      <c r="BW341" s="166">
        <v>0</v>
      </c>
      <c r="BX341" s="166">
        <v>0</v>
      </c>
      <c r="BY341" s="166">
        <v>0</v>
      </c>
      <c r="BZ341" s="166">
        <v>0</v>
      </c>
      <c r="CA341" s="166">
        <v>0</v>
      </c>
      <c r="CB341" s="166">
        <v>0</v>
      </c>
      <c r="CC341" s="166">
        <v>0</v>
      </c>
      <c r="CD341" s="166">
        <v>0</v>
      </c>
      <c r="CE341" s="166">
        <v>0</v>
      </c>
      <c r="CF341" s="166">
        <v>0</v>
      </c>
      <c r="CG341" s="166">
        <v>0</v>
      </c>
      <c r="CH341" s="166">
        <v>0</v>
      </c>
      <c r="CI341" s="166">
        <v>0</v>
      </c>
      <c r="CJ341" s="166">
        <v>0</v>
      </c>
      <c r="CK341" s="166">
        <v>0</v>
      </c>
      <c r="CL341" s="166">
        <v>0</v>
      </c>
      <c r="CM341" s="166">
        <v>0</v>
      </c>
      <c r="CN341" s="166">
        <v>0</v>
      </c>
      <c r="CO341" s="166">
        <v>0</v>
      </c>
      <c r="CP341" s="166">
        <v>0</v>
      </c>
      <c r="CQ341" s="166">
        <v>0</v>
      </c>
      <c r="CR341" s="166">
        <v>0</v>
      </c>
      <c r="CS341" s="166">
        <v>0</v>
      </c>
      <c r="CT341" s="166">
        <v>0</v>
      </c>
      <c r="CU341" s="166">
        <v>0</v>
      </c>
      <c r="CV341" s="166">
        <v>0</v>
      </c>
      <c r="CW341" s="166">
        <v>0</v>
      </c>
      <c r="CX341" s="166">
        <v>0</v>
      </c>
      <c r="CY341" s="166">
        <v>0</v>
      </c>
      <c r="CZ341" s="166">
        <v>0</v>
      </c>
    </row>
    <row r="342" spans="1:104" x14ac:dyDescent="0.2">
      <c r="A342" s="167" t="s">
        <v>432</v>
      </c>
      <c r="B342" s="166">
        <v>362600788.53999901</v>
      </c>
      <c r="C342" s="166">
        <v>362600788.53999901</v>
      </c>
      <c r="D342" s="166">
        <v>0</v>
      </c>
      <c r="E342" s="166">
        <v>0</v>
      </c>
      <c r="F342" s="166">
        <v>0</v>
      </c>
      <c r="G342" s="166">
        <v>0</v>
      </c>
      <c r="H342" s="166">
        <v>0</v>
      </c>
      <c r="I342" s="166">
        <v>0</v>
      </c>
      <c r="J342" s="166">
        <v>0</v>
      </c>
      <c r="K342" s="166">
        <v>0</v>
      </c>
      <c r="L342" s="166">
        <v>0</v>
      </c>
      <c r="M342" s="166">
        <v>0</v>
      </c>
      <c r="N342" s="166">
        <v>0</v>
      </c>
      <c r="O342" s="166">
        <v>0</v>
      </c>
      <c r="P342" s="166">
        <v>0</v>
      </c>
      <c r="Q342" s="166">
        <v>0</v>
      </c>
      <c r="R342" s="166">
        <v>0</v>
      </c>
      <c r="S342" s="166">
        <v>0</v>
      </c>
      <c r="T342" s="166">
        <v>0</v>
      </c>
      <c r="U342" s="166">
        <v>0</v>
      </c>
      <c r="V342" s="166">
        <v>0</v>
      </c>
      <c r="W342" s="166">
        <v>0</v>
      </c>
      <c r="X342" s="166">
        <v>0</v>
      </c>
      <c r="Y342" s="166">
        <v>0</v>
      </c>
      <c r="Z342" s="166">
        <v>0</v>
      </c>
      <c r="AA342" s="166">
        <v>0</v>
      </c>
      <c r="AB342" s="166">
        <v>0</v>
      </c>
      <c r="AC342" s="166">
        <v>0</v>
      </c>
      <c r="AD342" s="166">
        <v>0</v>
      </c>
      <c r="AE342" s="166">
        <v>0</v>
      </c>
      <c r="AF342" s="166">
        <v>0</v>
      </c>
      <c r="AG342" s="166">
        <v>0</v>
      </c>
      <c r="AH342" s="166">
        <v>0</v>
      </c>
      <c r="AI342" s="166">
        <v>0</v>
      </c>
      <c r="AJ342" s="166">
        <v>0</v>
      </c>
      <c r="AK342" s="166">
        <v>0</v>
      </c>
      <c r="AL342" s="166">
        <v>0</v>
      </c>
      <c r="AM342" s="166">
        <v>0</v>
      </c>
      <c r="AN342" s="166">
        <v>0</v>
      </c>
      <c r="AO342" s="166">
        <v>0</v>
      </c>
      <c r="AP342" s="166">
        <v>0</v>
      </c>
      <c r="AQ342" s="166">
        <v>0</v>
      </c>
      <c r="AR342" s="166">
        <v>0</v>
      </c>
      <c r="AS342" s="166">
        <v>0</v>
      </c>
      <c r="AT342" s="166">
        <v>0</v>
      </c>
      <c r="AU342" s="166">
        <v>0</v>
      </c>
      <c r="AV342" s="166">
        <v>0</v>
      </c>
      <c r="AW342" s="166">
        <v>0</v>
      </c>
      <c r="AX342" s="166">
        <v>0</v>
      </c>
      <c r="AY342" s="166">
        <v>0</v>
      </c>
      <c r="AZ342" s="166">
        <v>-362600788.53999901</v>
      </c>
      <c r="BA342" s="166">
        <v>0</v>
      </c>
      <c r="BB342" s="166">
        <v>0</v>
      </c>
      <c r="BC342" s="166">
        <v>0</v>
      </c>
      <c r="BD342" s="166">
        <v>0</v>
      </c>
      <c r="BE342" s="166">
        <v>0</v>
      </c>
      <c r="BF342" s="166">
        <v>0</v>
      </c>
      <c r="BG342" s="166">
        <v>0</v>
      </c>
      <c r="BH342" s="166">
        <v>0</v>
      </c>
      <c r="BI342" s="166">
        <v>0</v>
      </c>
      <c r="BJ342" s="166">
        <v>0</v>
      </c>
      <c r="BK342" s="166">
        <v>0</v>
      </c>
      <c r="BL342" s="166">
        <v>0</v>
      </c>
      <c r="BM342" s="166">
        <v>0</v>
      </c>
      <c r="BN342" s="166">
        <v>0</v>
      </c>
      <c r="BO342" s="166">
        <v>0</v>
      </c>
      <c r="BP342" s="166">
        <v>0</v>
      </c>
      <c r="BQ342" s="166">
        <v>-362600788.53999901</v>
      </c>
      <c r="BR342" s="166">
        <v>362600788.53999901</v>
      </c>
      <c r="BS342" s="166">
        <v>0</v>
      </c>
      <c r="BT342" s="168">
        <v>1</v>
      </c>
      <c r="BU342" s="166">
        <v>31087056.300000001</v>
      </c>
      <c r="BV342" s="166">
        <v>362600788.53999901</v>
      </c>
      <c r="BW342" s="166">
        <v>0</v>
      </c>
      <c r="BX342" s="166">
        <v>0</v>
      </c>
      <c r="BY342" s="166">
        <v>0</v>
      </c>
      <c r="BZ342" s="166">
        <v>0</v>
      </c>
      <c r="CA342" s="166">
        <v>0</v>
      </c>
      <c r="CB342" s="166">
        <v>0</v>
      </c>
      <c r="CC342" s="166">
        <v>0</v>
      </c>
      <c r="CD342" s="166">
        <v>0</v>
      </c>
      <c r="CE342" s="166">
        <v>0</v>
      </c>
      <c r="CF342" s="166">
        <v>0</v>
      </c>
      <c r="CG342" s="166">
        <v>0</v>
      </c>
      <c r="CH342" s="166">
        <v>0</v>
      </c>
      <c r="CI342" s="166">
        <v>0</v>
      </c>
      <c r="CJ342" s="166">
        <v>-362600788.53999901</v>
      </c>
      <c r="CK342" s="166">
        <v>0</v>
      </c>
      <c r="CL342" s="166">
        <v>0</v>
      </c>
      <c r="CM342" s="166">
        <v>0</v>
      </c>
      <c r="CN342" s="166">
        <v>0</v>
      </c>
      <c r="CO342" s="166">
        <v>0</v>
      </c>
      <c r="CP342" s="166">
        <v>0</v>
      </c>
      <c r="CQ342" s="166">
        <v>0</v>
      </c>
      <c r="CR342" s="166">
        <v>0</v>
      </c>
      <c r="CS342" s="166">
        <v>0</v>
      </c>
      <c r="CT342" s="166">
        <v>0</v>
      </c>
      <c r="CU342" s="166">
        <v>0</v>
      </c>
      <c r="CV342" s="166">
        <v>0</v>
      </c>
      <c r="CW342" s="166">
        <v>0</v>
      </c>
      <c r="CX342" s="166">
        <v>-362600788.53999901</v>
      </c>
      <c r="CY342" s="166">
        <v>0</v>
      </c>
      <c r="CZ342" s="166">
        <v>0</v>
      </c>
    </row>
    <row r="343" spans="1:104" x14ac:dyDescent="0.2">
      <c r="A343" s="167" t="s">
        <v>433</v>
      </c>
      <c r="B343" s="166">
        <v>365936086.64999998</v>
      </c>
      <c r="C343" s="166">
        <v>365936086.64999998</v>
      </c>
      <c r="D343" s="166">
        <v>0</v>
      </c>
      <c r="E343" s="166">
        <v>0</v>
      </c>
      <c r="F343" s="166">
        <v>0</v>
      </c>
      <c r="G343" s="166">
        <v>0</v>
      </c>
      <c r="H343" s="166">
        <v>0</v>
      </c>
      <c r="I343" s="166">
        <v>0</v>
      </c>
      <c r="J343" s="166">
        <v>0</v>
      </c>
      <c r="K343" s="166">
        <v>0</v>
      </c>
      <c r="L343" s="166">
        <v>0</v>
      </c>
      <c r="M343" s="166">
        <v>0</v>
      </c>
      <c r="N343" s="166">
        <v>0</v>
      </c>
      <c r="O343" s="166">
        <v>0</v>
      </c>
      <c r="P343" s="166">
        <v>0</v>
      </c>
      <c r="Q343" s="166">
        <v>0</v>
      </c>
      <c r="R343" s="166">
        <v>0</v>
      </c>
      <c r="S343" s="166">
        <v>0</v>
      </c>
      <c r="T343" s="166">
        <v>0</v>
      </c>
      <c r="U343" s="166">
        <v>0</v>
      </c>
      <c r="V343" s="166">
        <v>0</v>
      </c>
      <c r="W343" s="166">
        <v>0</v>
      </c>
      <c r="X343" s="166">
        <v>0</v>
      </c>
      <c r="Y343" s="166">
        <v>0</v>
      </c>
      <c r="Z343" s="166">
        <v>0</v>
      </c>
      <c r="AA343" s="166">
        <v>0</v>
      </c>
      <c r="AB343" s="166">
        <v>0</v>
      </c>
      <c r="AC343" s="166">
        <v>0</v>
      </c>
      <c r="AD343" s="166">
        <v>0</v>
      </c>
      <c r="AE343" s="166">
        <v>0</v>
      </c>
      <c r="AF343" s="166">
        <v>0</v>
      </c>
      <c r="AG343" s="166">
        <v>0</v>
      </c>
      <c r="AH343" s="166">
        <v>0</v>
      </c>
      <c r="AI343" s="166">
        <v>0</v>
      </c>
      <c r="AJ343" s="166">
        <v>0</v>
      </c>
      <c r="AK343" s="166">
        <v>0</v>
      </c>
      <c r="AL343" s="166">
        <v>0</v>
      </c>
      <c r="AM343" s="166">
        <v>0</v>
      </c>
      <c r="AN343" s="166">
        <v>0</v>
      </c>
      <c r="AO343" s="166">
        <v>0</v>
      </c>
      <c r="AP343" s="166">
        <v>0</v>
      </c>
      <c r="AQ343" s="166">
        <v>0</v>
      </c>
      <c r="AR343" s="166">
        <v>0</v>
      </c>
      <c r="AS343" s="166">
        <v>0</v>
      </c>
      <c r="AT343" s="166">
        <v>0</v>
      </c>
      <c r="AU343" s="166">
        <v>0</v>
      </c>
      <c r="AV343" s="166">
        <v>0</v>
      </c>
      <c r="AW343" s="166">
        <v>0</v>
      </c>
      <c r="AX343" s="166">
        <v>0</v>
      </c>
      <c r="AY343" s="166">
        <v>0</v>
      </c>
      <c r="AZ343" s="166">
        <v>-362600788.53999901</v>
      </c>
      <c r="BA343" s="166">
        <v>0</v>
      </c>
      <c r="BB343" s="166">
        <v>0</v>
      </c>
      <c r="BC343" s="166">
        <v>0</v>
      </c>
      <c r="BD343" s="166">
        <v>0</v>
      </c>
      <c r="BE343" s="166">
        <v>0</v>
      </c>
      <c r="BF343" s="166">
        <v>0</v>
      </c>
      <c r="BG343" s="166">
        <v>0</v>
      </c>
      <c r="BH343" s="166">
        <v>0</v>
      </c>
      <c r="BI343" s="166">
        <v>0</v>
      </c>
      <c r="BJ343" s="166">
        <v>0</v>
      </c>
      <c r="BK343" s="166">
        <v>0</v>
      </c>
      <c r="BL343" s="166">
        <v>0</v>
      </c>
      <c r="BM343" s="166">
        <v>0</v>
      </c>
      <c r="BN343" s="166">
        <v>0</v>
      </c>
      <c r="BO343" s="166">
        <v>0</v>
      </c>
      <c r="BP343" s="166">
        <v>0</v>
      </c>
      <c r="BQ343" s="166">
        <v>-362600788.53999901</v>
      </c>
      <c r="BR343" s="166">
        <v>365936086.64999998</v>
      </c>
      <c r="BS343" s="166">
        <v>3335298.11</v>
      </c>
      <c r="BT343" s="168">
        <v>0</v>
      </c>
      <c r="BU343" s="166">
        <v>31087056.300000001</v>
      </c>
      <c r="BV343" s="166">
        <v>362600788.53999901</v>
      </c>
      <c r="BW343" s="166">
        <v>0</v>
      </c>
      <c r="BX343" s="166">
        <v>0</v>
      </c>
      <c r="BY343" s="166">
        <v>0</v>
      </c>
      <c r="BZ343" s="166">
        <v>0</v>
      </c>
      <c r="CA343" s="166">
        <v>0</v>
      </c>
      <c r="CB343" s="166">
        <v>0</v>
      </c>
      <c r="CC343" s="166">
        <v>0</v>
      </c>
      <c r="CD343" s="166">
        <v>0</v>
      </c>
      <c r="CE343" s="166">
        <v>0</v>
      </c>
      <c r="CF343" s="166">
        <v>0</v>
      </c>
      <c r="CG343" s="166">
        <v>0</v>
      </c>
      <c r="CH343" s="166">
        <v>0</v>
      </c>
      <c r="CI343" s="166">
        <v>0</v>
      </c>
      <c r="CJ343" s="166">
        <v>-362600788.53999901</v>
      </c>
      <c r="CK343" s="166">
        <v>0</v>
      </c>
      <c r="CL343" s="166">
        <v>0</v>
      </c>
      <c r="CM343" s="166">
        <v>0</v>
      </c>
      <c r="CN343" s="166">
        <v>0</v>
      </c>
      <c r="CO343" s="166">
        <v>0</v>
      </c>
      <c r="CP343" s="166">
        <v>0</v>
      </c>
      <c r="CQ343" s="166">
        <v>0</v>
      </c>
      <c r="CR343" s="166">
        <v>0</v>
      </c>
      <c r="CS343" s="166">
        <v>0</v>
      </c>
      <c r="CT343" s="166">
        <v>0</v>
      </c>
      <c r="CU343" s="166">
        <v>0</v>
      </c>
      <c r="CV343" s="166">
        <v>0</v>
      </c>
      <c r="CW343" s="166">
        <v>0</v>
      </c>
      <c r="CX343" s="166">
        <v>-362600788.53999901</v>
      </c>
      <c r="CY343" s="166">
        <v>0</v>
      </c>
      <c r="CZ343" s="166">
        <v>0</v>
      </c>
    </row>
    <row r="344" spans="1:104" x14ac:dyDescent="0.2">
      <c r="A344" s="167" t="s">
        <v>434</v>
      </c>
    </row>
    <row r="345" spans="1:104" x14ac:dyDescent="0.2">
      <c r="A345" s="167" t="s">
        <v>1189</v>
      </c>
      <c r="B345" s="166">
        <v>7611652.1599999899</v>
      </c>
      <c r="C345" s="166">
        <v>7611652.1599999899</v>
      </c>
      <c r="D345" s="166">
        <v>0</v>
      </c>
      <c r="E345" s="166">
        <v>0</v>
      </c>
      <c r="F345" s="166">
        <v>0</v>
      </c>
      <c r="G345" s="166">
        <v>0</v>
      </c>
      <c r="H345" s="166">
        <v>0</v>
      </c>
      <c r="I345" s="166">
        <v>0</v>
      </c>
      <c r="J345" s="166">
        <v>0</v>
      </c>
      <c r="K345" s="166">
        <v>0</v>
      </c>
      <c r="L345" s="166">
        <v>0</v>
      </c>
      <c r="M345" s="166">
        <v>0</v>
      </c>
      <c r="N345" s="166">
        <v>0</v>
      </c>
      <c r="O345" s="166">
        <v>0</v>
      </c>
      <c r="P345" s="166">
        <v>0</v>
      </c>
      <c r="Q345" s="166">
        <v>0</v>
      </c>
      <c r="R345" s="166">
        <v>0</v>
      </c>
      <c r="S345" s="166">
        <v>0</v>
      </c>
      <c r="T345" s="166">
        <v>0</v>
      </c>
      <c r="U345" s="166">
        <v>0</v>
      </c>
      <c r="V345" s="166">
        <v>0</v>
      </c>
      <c r="W345" s="166">
        <v>0</v>
      </c>
      <c r="X345" s="166">
        <v>0</v>
      </c>
      <c r="Y345" s="166">
        <v>0</v>
      </c>
      <c r="Z345" s="166">
        <v>0</v>
      </c>
      <c r="AA345" s="166">
        <v>0</v>
      </c>
      <c r="AB345" s="166">
        <v>0</v>
      </c>
      <c r="AC345" s="166">
        <v>0</v>
      </c>
      <c r="AD345" s="166">
        <v>0</v>
      </c>
      <c r="AE345" s="166">
        <v>0</v>
      </c>
      <c r="AF345" s="166">
        <v>0</v>
      </c>
      <c r="AG345" s="166">
        <v>0</v>
      </c>
      <c r="AH345" s="166">
        <v>0</v>
      </c>
      <c r="AI345" s="166">
        <v>0</v>
      </c>
      <c r="AJ345" s="166">
        <v>0</v>
      </c>
      <c r="AK345" s="166">
        <v>0</v>
      </c>
      <c r="AL345" s="166">
        <v>0</v>
      </c>
      <c r="AM345" s="166">
        <v>0</v>
      </c>
      <c r="AN345" s="166">
        <v>0</v>
      </c>
      <c r="AO345" s="166">
        <v>0</v>
      </c>
      <c r="AP345" s="166">
        <v>0</v>
      </c>
      <c r="AQ345" s="166">
        <v>0</v>
      </c>
      <c r="AR345" s="166">
        <v>0</v>
      </c>
      <c r="AS345" s="166">
        <v>0</v>
      </c>
      <c r="AT345" s="166">
        <v>0</v>
      </c>
      <c r="AU345" s="166">
        <v>0</v>
      </c>
      <c r="AV345" s="166">
        <v>0</v>
      </c>
      <c r="AW345" s="166">
        <v>0</v>
      </c>
      <c r="AX345" s="166">
        <v>0</v>
      </c>
      <c r="AY345" s="166">
        <v>0</v>
      </c>
      <c r="AZ345" s="166">
        <v>0</v>
      </c>
      <c r="BA345" s="166">
        <v>0</v>
      </c>
      <c r="BB345" s="166">
        <v>0</v>
      </c>
      <c r="BC345" s="166">
        <v>0</v>
      </c>
      <c r="BD345" s="166">
        <v>0</v>
      </c>
      <c r="BE345" s="166">
        <v>0</v>
      </c>
      <c r="BF345" s="166">
        <v>0</v>
      </c>
      <c r="BG345" s="166">
        <v>0</v>
      </c>
      <c r="BH345" s="166">
        <v>0</v>
      </c>
      <c r="BI345" s="166">
        <v>0</v>
      </c>
      <c r="BJ345" s="166">
        <v>0</v>
      </c>
      <c r="BK345" s="166">
        <v>0</v>
      </c>
      <c r="BL345" s="166">
        <v>0</v>
      </c>
      <c r="BM345" s="166">
        <v>0</v>
      </c>
      <c r="BN345" s="166">
        <v>0</v>
      </c>
      <c r="BO345" s="166">
        <v>0</v>
      </c>
      <c r="BP345" s="166">
        <v>0</v>
      </c>
      <c r="BQ345" s="166">
        <v>0</v>
      </c>
      <c r="BR345" s="166">
        <v>7611652.1599999899</v>
      </c>
      <c r="BS345" s="166">
        <v>7611652.1599999899</v>
      </c>
      <c r="BT345" s="168">
        <v>0.96779000000000004</v>
      </c>
      <c r="BU345" s="166">
        <v>94216.698551799898</v>
      </c>
      <c r="BV345" s="166">
        <v>7366480.8439263999</v>
      </c>
      <c r="BW345" s="166">
        <v>0</v>
      </c>
      <c r="BX345" s="166">
        <v>0</v>
      </c>
      <c r="BY345" s="166">
        <v>0</v>
      </c>
      <c r="BZ345" s="166">
        <v>0</v>
      </c>
      <c r="CA345" s="166">
        <v>0</v>
      </c>
      <c r="CB345" s="166">
        <v>0</v>
      </c>
      <c r="CC345" s="166">
        <v>0</v>
      </c>
      <c r="CD345" s="166">
        <v>0</v>
      </c>
      <c r="CE345" s="166">
        <v>0</v>
      </c>
      <c r="CF345" s="166">
        <v>0</v>
      </c>
      <c r="CG345" s="166">
        <v>0</v>
      </c>
      <c r="CH345" s="166">
        <v>0</v>
      </c>
      <c r="CI345" s="166">
        <v>0</v>
      </c>
      <c r="CJ345" s="166">
        <v>0</v>
      </c>
      <c r="CK345" s="166">
        <v>0</v>
      </c>
      <c r="CL345" s="166">
        <v>0</v>
      </c>
      <c r="CM345" s="166">
        <v>0</v>
      </c>
      <c r="CN345" s="166">
        <v>0</v>
      </c>
      <c r="CO345" s="166">
        <v>0</v>
      </c>
      <c r="CP345" s="166">
        <v>0</v>
      </c>
      <c r="CQ345" s="166">
        <v>0</v>
      </c>
      <c r="CR345" s="166">
        <v>0</v>
      </c>
      <c r="CS345" s="166">
        <v>0</v>
      </c>
      <c r="CT345" s="166">
        <v>0</v>
      </c>
      <c r="CU345" s="166">
        <v>0</v>
      </c>
      <c r="CV345" s="166">
        <v>0</v>
      </c>
      <c r="CW345" s="166">
        <v>0</v>
      </c>
      <c r="CX345" s="166">
        <v>0</v>
      </c>
      <c r="CY345" s="166">
        <v>7366480.8439263999</v>
      </c>
      <c r="CZ345" s="166">
        <v>7366480.8439263999</v>
      </c>
    </row>
    <row r="346" spans="1:104" x14ac:dyDescent="0.2">
      <c r="A346" s="167" t="s">
        <v>1190</v>
      </c>
    </row>
    <row r="347" spans="1:104" x14ac:dyDescent="0.2">
      <c r="A347" s="167" t="s">
        <v>1191</v>
      </c>
      <c r="B347" s="166">
        <v>859433.34999998403</v>
      </c>
      <c r="C347" s="166">
        <v>859433.34999998403</v>
      </c>
      <c r="D347" s="166">
        <v>0</v>
      </c>
      <c r="E347" s="166">
        <v>0</v>
      </c>
      <c r="F347" s="166">
        <v>0</v>
      </c>
      <c r="G347" s="166">
        <v>0</v>
      </c>
      <c r="H347" s="166">
        <v>0</v>
      </c>
      <c r="I347" s="166">
        <v>0</v>
      </c>
      <c r="J347" s="166">
        <v>0</v>
      </c>
      <c r="K347" s="166">
        <v>0</v>
      </c>
      <c r="L347" s="166">
        <v>0</v>
      </c>
      <c r="M347" s="166">
        <v>0</v>
      </c>
      <c r="N347" s="166">
        <v>0</v>
      </c>
      <c r="O347" s="166">
        <v>0</v>
      </c>
      <c r="P347" s="166">
        <v>0</v>
      </c>
      <c r="Q347" s="166">
        <v>0</v>
      </c>
      <c r="R347" s="166">
        <v>0</v>
      </c>
      <c r="S347" s="166">
        <v>0</v>
      </c>
      <c r="T347" s="166">
        <v>0</v>
      </c>
      <c r="U347" s="166">
        <v>0</v>
      </c>
      <c r="V347" s="166">
        <v>0</v>
      </c>
      <c r="W347" s="166">
        <v>0</v>
      </c>
      <c r="X347" s="166">
        <v>0</v>
      </c>
      <c r="Y347" s="166">
        <v>0</v>
      </c>
      <c r="Z347" s="166">
        <v>0</v>
      </c>
      <c r="AA347" s="166">
        <v>0</v>
      </c>
      <c r="AB347" s="166">
        <v>0</v>
      </c>
      <c r="AC347" s="166">
        <v>0</v>
      </c>
      <c r="AD347" s="166">
        <v>0</v>
      </c>
      <c r="AE347" s="166">
        <v>0</v>
      </c>
      <c r="AF347" s="166">
        <v>0</v>
      </c>
      <c r="AG347" s="166">
        <v>0</v>
      </c>
      <c r="AH347" s="166">
        <v>0</v>
      </c>
      <c r="AI347" s="166">
        <v>0</v>
      </c>
      <c r="AJ347" s="166">
        <v>0</v>
      </c>
      <c r="AK347" s="166">
        <v>0</v>
      </c>
      <c r="AL347" s="166">
        <v>0</v>
      </c>
      <c r="AM347" s="166">
        <v>0</v>
      </c>
      <c r="AN347" s="166">
        <v>0</v>
      </c>
      <c r="AO347" s="166">
        <v>0</v>
      </c>
      <c r="AP347" s="166">
        <v>0</v>
      </c>
      <c r="AQ347" s="166">
        <v>0</v>
      </c>
      <c r="AR347" s="166">
        <v>0</v>
      </c>
      <c r="AS347" s="166">
        <v>0</v>
      </c>
      <c r="AT347" s="166">
        <v>0</v>
      </c>
      <c r="AU347" s="166">
        <v>0</v>
      </c>
      <c r="AV347" s="166">
        <v>0</v>
      </c>
      <c r="AW347" s="166">
        <v>0</v>
      </c>
      <c r="AX347" s="166">
        <v>0</v>
      </c>
      <c r="AY347" s="166">
        <v>0</v>
      </c>
      <c r="AZ347" s="166">
        <v>0</v>
      </c>
      <c r="BA347" s="166">
        <v>0</v>
      </c>
      <c r="BB347" s="166">
        <v>0</v>
      </c>
      <c r="BC347" s="166">
        <v>0</v>
      </c>
      <c r="BD347" s="166">
        <v>0</v>
      </c>
      <c r="BE347" s="166">
        <v>0</v>
      </c>
      <c r="BF347" s="166">
        <v>0</v>
      </c>
      <c r="BG347" s="166">
        <v>0</v>
      </c>
      <c r="BH347" s="166">
        <v>0</v>
      </c>
      <c r="BI347" s="166">
        <v>0</v>
      </c>
      <c r="BJ347" s="166">
        <v>0</v>
      </c>
      <c r="BK347" s="166">
        <v>0</v>
      </c>
      <c r="BL347" s="166">
        <v>0</v>
      </c>
      <c r="BM347" s="166">
        <v>0</v>
      </c>
      <c r="BN347" s="166">
        <v>0</v>
      </c>
      <c r="BO347" s="166">
        <v>0</v>
      </c>
      <c r="BP347" s="166">
        <v>0</v>
      </c>
      <c r="BQ347" s="166">
        <v>0</v>
      </c>
      <c r="BR347" s="166">
        <v>859433.34999998403</v>
      </c>
      <c r="BS347" s="166">
        <v>859433.34999998403</v>
      </c>
      <c r="BT347" s="168">
        <v>0.96779000000000004</v>
      </c>
      <c r="BU347" s="166">
        <v>7335689.2017809004</v>
      </c>
      <c r="BV347" s="166">
        <v>831751.00179648295</v>
      </c>
      <c r="BW347" s="166">
        <v>0</v>
      </c>
      <c r="BX347" s="166">
        <v>0</v>
      </c>
      <c r="BY347" s="166">
        <v>0</v>
      </c>
      <c r="BZ347" s="166">
        <v>0</v>
      </c>
      <c r="CA347" s="166">
        <v>0</v>
      </c>
      <c r="CB347" s="166">
        <v>0</v>
      </c>
      <c r="CC347" s="166">
        <v>0</v>
      </c>
      <c r="CD347" s="166">
        <v>0</v>
      </c>
      <c r="CE347" s="166">
        <v>0</v>
      </c>
      <c r="CF347" s="166">
        <v>0</v>
      </c>
      <c r="CG347" s="166">
        <v>0</v>
      </c>
      <c r="CH347" s="166">
        <v>0</v>
      </c>
      <c r="CI347" s="166">
        <v>0</v>
      </c>
      <c r="CJ347" s="166">
        <v>0</v>
      </c>
      <c r="CK347" s="166">
        <v>0</v>
      </c>
      <c r="CL347" s="166">
        <v>0</v>
      </c>
      <c r="CM347" s="166">
        <v>0</v>
      </c>
      <c r="CN347" s="166">
        <v>0</v>
      </c>
      <c r="CO347" s="166">
        <v>0</v>
      </c>
      <c r="CP347" s="166">
        <v>0</v>
      </c>
      <c r="CQ347" s="166">
        <v>0</v>
      </c>
      <c r="CR347" s="166">
        <v>0</v>
      </c>
      <c r="CS347" s="166">
        <v>0</v>
      </c>
      <c r="CT347" s="166">
        <v>0</v>
      </c>
      <c r="CU347" s="166">
        <v>0</v>
      </c>
      <c r="CV347" s="166">
        <v>0</v>
      </c>
      <c r="CW347" s="166">
        <v>0</v>
      </c>
      <c r="CX347" s="166">
        <v>0</v>
      </c>
      <c r="CY347" s="166">
        <v>831751.00179648295</v>
      </c>
      <c r="CZ347" s="166">
        <v>831751.00179648295</v>
      </c>
    </row>
    <row r="348" spans="1:104" x14ac:dyDescent="0.2">
      <c r="A348" s="167" t="s">
        <v>1192</v>
      </c>
      <c r="B348" s="166">
        <v>0</v>
      </c>
      <c r="C348" s="166">
        <v>0</v>
      </c>
      <c r="D348" s="166">
        <v>0</v>
      </c>
      <c r="E348" s="166">
        <v>0</v>
      </c>
      <c r="F348" s="166">
        <v>0</v>
      </c>
      <c r="G348" s="166">
        <v>0</v>
      </c>
      <c r="H348" s="166">
        <v>0</v>
      </c>
      <c r="I348" s="166">
        <v>0</v>
      </c>
      <c r="J348" s="166">
        <v>0</v>
      </c>
      <c r="K348" s="166">
        <v>0</v>
      </c>
      <c r="L348" s="166">
        <v>0</v>
      </c>
      <c r="M348" s="166">
        <v>0</v>
      </c>
      <c r="N348" s="166">
        <v>0</v>
      </c>
      <c r="O348" s="166">
        <v>0</v>
      </c>
      <c r="P348" s="166">
        <v>0</v>
      </c>
      <c r="Q348" s="166">
        <v>0</v>
      </c>
      <c r="R348" s="166">
        <v>0</v>
      </c>
      <c r="S348" s="166">
        <v>0</v>
      </c>
      <c r="T348" s="166">
        <v>0</v>
      </c>
      <c r="U348" s="166">
        <v>0</v>
      </c>
      <c r="V348" s="166">
        <v>0</v>
      </c>
      <c r="W348" s="166">
        <v>0</v>
      </c>
      <c r="X348" s="166">
        <v>0</v>
      </c>
      <c r="Y348" s="166">
        <v>0</v>
      </c>
      <c r="Z348" s="166">
        <v>0</v>
      </c>
      <c r="AA348" s="166">
        <v>0</v>
      </c>
      <c r="AB348" s="166">
        <v>0</v>
      </c>
      <c r="AC348" s="166">
        <v>0</v>
      </c>
      <c r="AD348" s="166">
        <v>0</v>
      </c>
      <c r="AE348" s="166">
        <v>0</v>
      </c>
      <c r="AF348" s="166">
        <v>0</v>
      </c>
      <c r="AG348" s="166">
        <v>0</v>
      </c>
      <c r="AH348" s="166">
        <v>0</v>
      </c>
      <c r="AI348" s="166">
        <v>0</v>
      </c>
      <c r="AJ348" s="166">
        <v>0</v>
      </c>
      <c r="AK348" s="166">
        <v>0</v>
      </c>
      <c r="AL348" s="166">
        <v>0</v>
      </c>
      <c r="AM348" s="166">
        <v>0</v>
      </c>
      <c r="AN348" s="166">
        <v>0</v>
      </c>
      <c r="AO348" s="166">
        <v>0</v>
      </c>
      <c r="AP348" s="166">
        <v>0</v>
      </c>
      <c r="AQ348" s="166">
        <v>0</v>
      </c>
      <c r="AR348" s="166">
        <v>0</v>
      </c>
      <c r="AS348" s="166">
        <v>0</v>
      </c>
      <c r="AT348" s="166">
        <v>0</v>
      </c>
      <c r="AU348" s="166">
        <v>0</v>
      </c>
      <c r="AV348" s="166">
        <v>0</v>
      </c>
      <c r="AW348" s="166">
        <v>0</v>
      </c>
      <c r="AX348" s="166">
        <v>0</v>
      </c>
      <c r="AY348" s="166">
        <v>0</v>
      </c>
      <c r="AZ348" s="166">
        <v>0</v>
      </c>
      <c r="BA348" s="166">
        <v>0</v>
      </c>
      <c r="BB348" s="166">
        <v>0</v>
      </c>
      <c r="BC348" s="166">
        <v>0</v>
      </c>
      <c r="BD348" s="166">
        <v>0</v>
      </c>
      <c r="BE348" s="166">
        <v>0</v>
      </c>
      <c r="BF348" s="166">
        <v>0</v>
      </c>
      <c r="BG348" s="166">
        <v>0</v>
      </c>
      <c r="BH348" s="166">
        <v>0</v>
      </c>
      <c r="BI348" s="166">
        <v>0</v>
      </c>
      <c r="BJ348" s="166">
        <v>0</v>
      </c>
      <c r="BK348" s="166">
        <v>0</v>
      </c>
      <c r="BL348" s="166">
        <v>0</v>
      </c>
      <c r="BM348" s="166">
        <v>0</v>
      </c>
      <c r="BN348" s="166">
        <v>0</v>
      </c>
      <c r="BO348" s="166">
        <v>0</v>
      </c>
      <c r="BP348" s="166">
        <v>0</v>
      </c>
      <c r="BQ348" s="166">
        <v>0</v>
      </c>
      <c r="BR348" s="166">
        <v>0</v>
      </c>
      <c r="BS348" s="166">
        <v>0</v>
      </c>
      <c r="BT348" s="168">
        <v>0</v>
      </c>
      <c r="BU348" s="166">
        <v>0</v>
      </c>
      <c r="BV348" s="166">
        <v>0</v>
      </c>
      <c r="BW348" s="166">
        <v>0</v>
      </c>
      <c r="BX348" s="166">
        <v>0</v>
      </c>
      <c r="BY348" s="166">
        <v>0</v>
      </c>
      <c r="BZ348" s="166">
        <v>0</v>
      </c>
      <c r="CA348" s="166">
        <v>0</v>
      </c>
      <c r="CB348" s="166">
        <v>0</v>
      </c>
      <c r="CC348" s="166">
        <v>0</v>
      </c>
      <c r="CD348" s="166">
        <v>0</v>
      </c>
      <c r="CE348" s="166">
        <v>0</v>
      </c>
      <c r="CF348" s="166">
        <v>0</v>
      </c>
      <c r="CG348" s="166">
        <v>0</v>
      </c>
      <c r="CH348" s="166">
        <v>0</v>
      </c>
      <c r="CI348" s="166">
        <v>0</v>
      </c>
      <c r="CJ348" s="166">
        <v>0</v>
      </c>
      <c r="CK348" s="166">
        <v>0</v>
      </c>
      <c r="CL348" s="166">
        <v>0</v>
      </c>
      <c r="CM348" s="166">
        <v>0</v>
      </c>
      <c r="CN348" s="166">
        <v>0</v>
      </c>
      <c r="CO348" s="166">
        <v>0</v>
      </c>
      <c r="CP348" s="166">
        <v>0</v>
      </c>
      <c r="CQ348" s="166">
        <v>0</v>
      </c>
      <c r="CR348" s="166">
        <v>0</v>
      </c>
      <c r="CS348" s="166">
        <v>0</v>
      </c>
      <c r="CT348" s="166">
        <v>0</v>
      </c>
      <c r="CU348" s="166">
        <v>0</v>
      </c>
      <c r="CV348" s="166">
        <v>0</v>
      </c>
      <c r="CW348" s="166">
        <v>0</v>
      </c>
      <c r="CX348" s="166">
        <v>0</v>
      </c>
      <c r="CY348" s="166">
        <v>0</v>
      </c>
      <c r="CZ348" s="166">
        <v>0</v>
      </c>
    </row>
    <row r="349" spans="1:104" x14ac:dyDescent="0.2">
      <c r="A349" s="167" t="s">
        <v>1193</v>
      </c>
      <c r="B349" s="166">
        <v>859433.34999998403</v>
      </c>
      <c r="C349" s="166">
        <v>859433.34999998403</v>
      </c>
      <c r="D349" s="166">
        <v>0</v>
      </c>
      <c r="E349" s="166">
        <v>0</v>
      </c>
      <c r="F349" s="166">
        <v>0</v>
      </c>
      <c r="G349" s="166">
        <v>0</v>
      </c>
      <c r="H349" s="166">
        <v>0</v>
      </c>
      <c r="I349" s="166">
        <v>0</v>
      </c>
      <c r="J349" s="166">
        <v>0</v>
      </c>
      <c r="K349" s="166">
        <v>0</v>
      </c>
      <c r="L349" s="166">
        <v>0</v>
      </c>
      <c r="M349" s="166">
        <v>0</v>
      </c>
      <c r="N349" s="166">
        <v>0</v>
      </c>
      <c r="O349" s="166">
        <v>0</v>
      </c>
      <c r="P349" s="166">
        <v>0</v>
      </c>
      <c r="Q349" s="166">
        <v>0</v>
      </c>
      <c r="R349" s="166">
        <v>0</v>
      </c>
      <c r="S349" s="166">
        <v>0</v>
      </c>
      <c r="T349" s="166">
        <v>0</v>
      </c>
      <c r="U349" s="166">
        <v>0</v>
      </c>
      <c r="V349" s="166">
        <v>0</v>
      </c>
      <c r="W349" s="166">
        <v>0</v>
      </c>
      <c r="X349" s="166">
        <v>0</v>
      </c>
      <c r="Y349" s="166">
        <v>0</v>
      </c>
      <c r="Z349" s="166">
        <v>0</v>
      </c>
      <c r="AA349" s="166">
        <v>0</v>
      </c>
      <c r="AB349" s="166">
        <v>0</v>
      </c>
      <c r="AC349" s="166">
        <v>0</v>
      </c>
      <c r="AD349" s="166">
        <v>0</v>
      </c>
      <c r="AE349" s="166">
        <v>0</v>
      </c>
      <c r="AF349" s="166">
        <v>0</v>
      </c>
      <c r="AG349" s="166">
        <v>0</v>
      </c>
      <c r="AH349" s="166">
        <v>0</v>
      </c>
      <c r="AI349" s="166">
        <v>0</v>
      </c>
      <c r="AJ349" s="166">
        <v>0</v>
      </c>
      <c r="AK349" s="166">
        <v>0</v>
      </c>
      <c r="AL349" s="166">
        <v>0</v>
      </c>
      <c r="AM349" s="166">
        <v>0</v>
      </c>
      <c r="AN349" s="166">
        <v>0</v>
      </c>
      <c r="AO349" s="166">
        <v>0</v>
      </c>
      <c r="AP349" s="166">
        <v>0</v>
      </c>
      <c r="AQ349" s="166">
        <v>0</v>
      </c>
      <c r="AR349" s="166">
        <v>0</v>
      </c>
      <c r="AS349" s="166">
        <v>0</v>
      </c>
      <c r="AT349" s="166">
        <v>0</v>
      </c>
      <c r="AU349" s="166">
        <v>0</v>
      </c>
      <c r="AV349" s="166">
        <v>0</v>
      </c>
      <c r="AW349" s="166">
        <v>0</v>
      </c>
      <c r="AX349" s="166">
        <v>0</v>
      </c>
      <c r="AY349" s="166">
        <v>0</v>
      </c>
      <c r="AZ349" s="166">
        <v>0</v>
      </c>
      <c r="BA349" s="166">
        <v>0</v>
      </c>
      <c r="BB349" s="166">
        <v>0</v>
      </c>
      <c r="BC349" s="166">
        <v>0</v>
      </c>
      <c r="BD349" s="166">
        <v>0</v>
      </c>
      <c r="BE349" s="166">
        <v>0</v>
      </c>
      <c r="BF349" s="166">
        <v>0</v>
      </c>
      <c r="BG349" s="166">
        <v>0</v>
      </c>
      <c r="BH349" s="166">
        <v>0</v>
      </c>
      <c r="BI349" s="166">
        <v>0</v>
      </c>
      <c r="BJ349" s="166">
        <v>0</v>
      </c>
      <c r="BK349" s="166">
        <v>0</v>
      </c>
      <c r="BL349" s="166">
        <v>0</v>
      </c>
      <c r="BM349" s="166">
        <v>0</v>
      </c>
      <c r="BN349" s="166">
        <v>0</v>
      </c>
      <c r="BO349" s="166">
        <v>0</v>
      </c>
      <c r="BP349" s="166">
        <v>0</v>
      </c>
      <c r="BQ349" s="166">
        <v>0</v>
      </c>
      <c r="BR349" s="166">
        <v>859433.34999998403</v>
      </c>
      <c r="BS349" s="166">
        <v>859433.34999998403</v>
      </c>
      <c r="BT349" s="168">
        <v>0</v>
      </c>
      <c r="BU349" s="166">
        <v>7335689.2017809004</v>
      </c>
      <c r="BV349" s="166">
        <v>831751.00179648295</v>
      </c>
      <c r="BW349" s="166">
        <v>0</v>
      </c>
      <c r="BX349" s="166">
        <v>0</v>
      </c>
      <c r="BY349" s="166">
        <v>0</v>
      </c>
      <c r="BZ349" s="166">
        <v>0</v>
      </c>
      <c r="CA349" s="166">
        <v>0</v>
      </c>
      <c r="CB349" s="166">
        <v>0</v>
      </c>
      <c r="CC349" s="166">
        <v>0</v>
      </c>
      <c r="CD349" s="166">
        <v>0</v>
      </c>
      <c r="CE349" s="166">
        <v>0</v>
      </c>
      <c r="CF349" s="166">
        <v>0</v>
      </c>
      <c r="CG349" s="166">
        <v>0</v>
      </c>
      <c r="CH349" s="166">
        <v>0</v>
      </c>
      <c r="CI349" s="166">
        <v>0</v>
      </c>
      <c r="CJ349" s="166">
        <v>0</v>
      </c>
      <c r="CK349" s="166">
        <v>0</v>
      </c>
      <c r="CL349" s="166">
        <v>0</v>
      </c>
      <c r="CM349" s="166">
        <v>0</v>
      </c>
      <c r="CN349" s="166">
        <v>0</v>
      </c>
      <c r="CO349" s="166">
        <v>0</v>
      </c>
      <c r="CP349" s="166">
        <v>0</v>
      </c>
      <c r="CQ349" s="166">
        <v>0</v>
      </c>
      <c r="CR349" s="166">
        <v>0</v>
      </c>
      <c r="CS349" s="166">
        <v>0</v>
      </c>
      <c r="CT349" s="166">
        <v>0</v>
      </c>
      <c r="CU349" s="166">
        <v>0</v>
      </c>
      <c r="CV349" s="166">
        <v>0</v>
      </c>
      <c r="CW349" s="166">
        <v>0</v>
      </c>
      <c r="CX349" s="166">
        <v>0</v>
      </c>
      <c r="CY349" s="166">
        <v>831751.00179648295</v>
      </c>
      <c r="CZ349" s="166">
        <v>831751.00179648295</v>
      </c>
    </row>
    <row r="350" spans="1:104" x14ac:dyDescent="0.2">
      <c r="A350" s="167" t="s">
        <v>1194</v>
      </c>
    </row>
    <row r="351" spans="1:104" x14ac:dyDescent="0.2">
      <c r="A351" s="167" t="s">
        <v>441</v>
      </c>
      <c r="B351" s="166">
        <v>0</v>
      </c>
      <c r="C351" s="166">
        <v>0</v>
      </c>
      <c r="D351" s="166">
        <v>0</v>
      </c>
      <c r="E351" s="166">
        <v>0</v>
      </c>
      <c r="F351" s="166">
        <v>0</v>
      </c>
      <c r="G351" s="166">
        <v>0</v>
      </c>
      <c r="H351" s="166">
        <v>0</v>
      </c>
      <c r="I351" s="166">
        <v>0</v>
      </c>
      <c r="J351" s="166">
        <v>0</v>
      </c>
      <c r="K351" s="166">
        <v>0</v>
      </c>
      <c r="L351" s="166">
        <v>0</v>
      </c>
      <c r="M351" s="166">
        <v>0</v>
      </c>
      <c r="N351" s="166">
        <v>0</v>
      </c>
      <c r="O351" s="166">
        <v>0</v>
      </c>
      <c r="P351" s="166">
        <v>0</v>
      </c>
      <c r="Q351" s="166">
        <v>0</v>
      </c>
      <c r="R351" s="166">
        <v>0</v>
      </c>
      <c r="S351" s="166">
        <v>0</v>
      </c>
      <c r="T351" s="166">
        <v>0</v>
      </c>
      <c r="U351" s="166">
        <v>0</v>
      </c>
      <c r="V351" s="166">
        <v>0</v>
      </c>
      <c r="W351" s="166">
        <v>0</v>
      </c>
      <c r="X351" s="166">
        <v>0</v>
      </c>
      <c r="Y351" s="166">
        <v>0</v>
      </c>
      <c r="Z351" s="166">
        <v>0</v>
      </c>
      <c r="AA351" s="166">
        <v>0</v>
      </c>
      <c r="AB351" s="166">
        <v>0</v>
      </c>
      <c r="AC351" s="166">
        <v>0</v>
      </c>
      <c r="AD351" s="166">
        <v>0</v>
      </c>
      <c r="AE351" s="166">
        <v>0</v>
      </c>
      <c r="AF351" s="166">
        <v>0</v>
      </c>
      <c r="AG351" s="166">
        <v>0</v>
      </c>
      <c r="AH351" s="166">
        <v>0</v>
      </c>
      <c r="AI351" s="166">
        <v>0</v>
      </c>
      <c r="AJ351" s="166">
        <v>0</v>
      </c>
      <c r="AK351" s="166">
        <v>0</v>
      </c>
      <c r="AL351" s="166">
        <v>0</v>
      </c>
      <c r="AM351" s="166">
        <v>0</v>
      </c>
      <c r="AN351" s="166">
        <v>0</v>
      </c>
      <c r="AO351" s="166">
        <v>0</v>
      </c>
      <c r="AP351" s="166">
        <v>0</v>
      </c>
      <c r="AQ351" s="166">
        <v>0</v>
      </c>
      <c r="AR351" s="166">
        <v>0</v>
      </c>
      <c r="AS351" s="166">
        <v>0</v>
      </c>
      <c r="AT351" s="166">
        <v>0</v>
      </c>
      <c r="AU351" s="166">
        <v>0</v>
      </c>
      <c r="AV351" s="166">
        <v>0</v>
      </c>
      <c r="AW351" s="166">
        <v>0</v>
      </c>
      <c r="AX351" s="166">
        <v>0</v>
      </c>
      <c r="AY351" s="166">
        <v>0</v>
      </c>
      <c r="AZ351" s="166">
        <v>0</v>
      </c>
      <c r="BA351" s="166">
        <v>0</v>
      </c>
      <c r="BB351" s="166">
        <v>0</v>
      </c>
      <c r="BC351" s="166">
        <v>0</v>
      </c>
      <c r="BD351" s="166">
        <v>0</v>
      </c>
      <c r="BE351" s="166">
        <v>0</v>
      </c>
      <c r="BF351" s="166">
        <v>0</v>
      </c>
      <c r="BG351" s="166">
        <v>0</v>
      </c>
      <c r="BH351" s="166">
        <v>0</v>
      </c>
      <c r="BI351" s="166">
        <v>0</v>
      </c>
      <c r="BJ351" s="166">
        <v>0</v>
      </c>
      <c r="BK351" s="166">
        <v>0</v>
      </c>
      <c r="BL351" s="166">
        <v>0</v>
      </c>
      <c r="BM351" s="166">
        <v>0</v>
      </c>
      <c r="BN351" s="166">
        <v>0</v>
      </c>
      <c r="BO351" s="166">
        <v>0</v>
      </c>
      <c r="BP351" s="166">
        <v>0</v>
      </c>
      <c r="BQ351" s="166">
        <v>0</v>
      </c>
      <c r="BR351" s="166">
        <v>0</v>
      </c>
      <c r="BS351" s="166">
        <v>0</v>
      </c>
      <c r="BT351" s="168">
        <v>0.96779000000000004</v>
      </c>
      <c r="BU351" s="166">
        <v>0</v>
      </c>
      <c r="BV351" s="166">
        <v>0</v>
      </c>
      <c r="BW351" s="166">
        <v>0</v>
      </c>
      <c r="BX351" s="166">
        <v>0</v>
      </c>
      <c r="BY351" s="166">
        <v>0</v>
      </c>
      <c r="BZ351" s="166">
        <v>0</v>
      </c>
      <c r="CA351" s="166">
        <v>0</v>
      </c>
      <c r="CB351" s="166">
        <v>0</v>
      </c>
      <c r="CC351" s="166">
        <v>0</v>
      </c>
      <c r="CD351" s="166">
        <v>0</v>
      </c>
      <c r="CE351" s="166">
        <v>0</v>
      </c>
      <c r="CF351" s="166">
        <v>0</v>
      </c>
      <c r="CG351" s="166">
        <v>0</v>
      </c>
      <c r="CH351" s="166">
        <v>0</v>
      </c>
      <c r="CI351" s="166">
        <v>0</v>
      </c>
      <c r="CJ351" s="166">
        <v>0</v>
      </c>
      <c r="CK351" s="166">
        <v>0</v>
      </c>
      <c r="CL351" s="166">
        <v>0</v>
      </c>
      <c r="CM351" s="166">
        <v>0</v>
      </c>
      <c r="CN351" s="166">
        <v>0</v>
      </c>
      <c r="CO351" s="166">
        <v>0</v>
      </c>
      <c r="CP351" s="166">
        <v>0</v>
      </c>
      <c r="CQ351" s="166">
        <v>0</v>
      </c>
      <c r="CR351" s="166">
        <v>0</v>
      </c>
      <c r="CS351" s="166">
        <v>0</v>
      </c>
      <c r="CT351" s="166">
        <v>0</v>
      </c>
      <c r="CU351" s="166">
        <v>0</v>
      </c>
      <c r="CV351" s="166">
        <v>0</v>
      </c>
      <c r="CW351" s="166">
        <v>0</v>
      </c>
      <c r="CX351" s="166">
        <v>0</v>
      </c>
      <c r="CY351" s="166">
        <v>0</v>
      </c>
      <c r="CZ351" s="166">
        <v>0</v>
      </c>
    </row>
    <row r="352" spans="1:104" x14ac:dyDescent="0.2">
      <c r="A352" s="167" t="s">
        <v>442</v>
      </c>
    </row>
    <row r="353" spans="1:105" x14ac:dyDescent="0.2">
      <c r="A353" s="167" t="s">
        <v>1195</v>
      </c>
      <c r="B353" s="166">
        <v>7119817.25</v>
      </c>
      <c r="C353" s="166">
        <v>7119817.25</v>
      </c>
      <c r="D353" s="166">
        <v>0</v>
      </c>
      <c r="E353" s="166">
        <v>0</v>
      </c>
      <c r="F353" s="166">
        <v>0</v>
      </c>
      <c r="G353" s="166">
        <v>0</v>
      </c>
      <c r="H353" s="166">
        <v>0</v>
      </c>
      <c r="I353" s="166">
        <v>0</v>
      </c>
      <c r="J353" s="166">
        <v>0</v>
      </c>
      <c r="K353" s="166">
        <v>0</v>
      </c>
      <c r="L353" s="166">
        <v>0</v>
      </c>
      <c r="M353" s="166">
        <v>0</v>
      </c>
      <c r="N353" s="166">
        <v>0</v>
      </c>
      <c r="O353" s="166">
        <v>0</v>
      </c>
      <c r="P353" s="166">
        <v>0</v>
      </c>
      <c r="Q353" s="166">
        <v>0</v>
      </c>
      <c r="R353" s="166">
        <v>0</v>
      </c>
      <c r="S353" s="166">
        <v>0</v>
      </c>
      <c r="T353" s="166">
        <v>0</v>
      </c>
      <c r="U353" s="166">
        <v>0</v>
      </c>
      <c r="V353" s="166">
        <v>0</v>
      </c>
      <c r="W353" s="166">
        <v>0</v>
      </c>
      <c r="X353" s="166">
        <v>0</v>
      </c>
      <c r="Y353" s="166">
        <v>0</v>
      </c>
      <c r="Z353" s="166">
        <v>0</v>
      </c>
      <c r="AA353" s="166">
        <v>0</v>
      </c>
      <c r="AB353" s="166">
        <v>0</v>
      </c>
      <c r="AC353" s="166">
        <v>0</v>
      </c>
      <c r="AD353" s="166">
        <v>0</v>
      </c>
      <c r="AE353" s="166">
        <v>0</v>
      </c>
      <c r="AF353" s="166">
        <v>0</v>
      </c>
      <c r="AG353" s="166">
        <v>0</v>
      </c>
      <c r="AH353" s="166">
        <v>0</v>
      </c>
      <c r="AI353" s="166">
        <v>0</v>
      </c>
      <c r="AJ353" s="166">
        <v>0</v>
      </c>
      <c r="AK353" s="166">
        <v>0</v>
      </c>
      <c r="AL353" s="166">
        <v>0</v>
      </c>
      <c r="AM353" s="166">
        <v>0</v>
      </c>
      <c r="AN353" s="166">
        <v>0</v>
      </c>
      <c r="AO353" s="166">
        <v>0</v>
      </c>
      <c r="AP353" s="166">
        <v>0</v>
      </c>
      <c r="AQ353" s="166">
        <v>0</v>
      </c>
      <c r="AR353" s="166">
        <v>0</v>
      </c>
      <c r="AS353" s="166">
        <v>0</v>
      </c>
      <c r="AT353" s="166">
        <v>0</v>
      </c>
      <c r="AU353" s="166">
        <v>0</v>
      </c>
      <c r="AV353" s="166">
        <v>0</v>
      </c>
      <c r="AW353" s="166">
        <v>0</v>
      </c>
      <c r="AX353" s="166">
        <v>0</v>
      </c>
      <c r="AY353" s="166">
        <v>0</v>
      </c>
      <c r="AZ353" s="166">
        <v>0</v>
      </c>
      <c r="BA353" s="166">
        <v>0</v>
      </c>
      <c r="BB353" s="166">
        <v>0</v>
      </c>
      <c r="BC353" s="166">
        <v>0</v>
      </c>
      <c r="BD353" s="166">
        <v>0</v>
      </c>
      <c r="BE353" s="166">
        <v>0</v>
      </c>
      <c r="BF353" s="166">
        <v>0</v>
      </c>
      <c r="BG353" s="166">
        <v>0</v>
      </c>
      <c r="BH353" s="166">
        <v>0</v>
      </c>
      <c r="BI353" s="166">
        <v>0</v>
      </c>
      <c r="BJ353" s="166">
        <v>0</v>
      </c>
      <c r="BK353" s="166">
        <v>0</v>
      </c>
      <c r="BL353" s="166">
        <v>0</v>
      </c>
      <c r="BM353" s="166">
        <v>0</v>
      </c>
      <c r="BN353" s="166">
        <v>0</v>
      </c>
      <c r="BO353" s="166">
        <v>0</v>
      </c>
      <c r="BP353" s="166">
        <v>0</v>
      </c>
      <c r="BQ353" s="166">
        <v>0</v>
      </c>
      <c r="BR353" s="166">
        <v>7119817.25</v>
      </c>
      <c r="BS353" s="166">
        <v>7119817.25</v>
      </c>
      <c r="BT353" s="168">
        <v>1</v>
      </c>
      <c r="BU353" s="166">
        <v>369172.04</v>
      </c>
      <c r="BV353" s="166">
        <v>7119817.25</v>
      </c>
      <c r="BW353" s="166">
        <v>0</v>
      </c>
      <c r="BX353" s="166">
        <v>0</v>
      </c>
      <c r="BY353" s="166">
        <v>0</v>
      </c>
      <c r="BZ353" s="166">
        <v>0</v>
      </c>
      <c r="CA353" s="166">
        <v>0</v>
      </c>
      <c r="CB353" s="166">
        <v>0</v>
      </c>
      <c r="CC353" s="166">
        <v>0</v>
      </c>
      <c r="CD353" s="166">
        <v>0</v>
      </c>
      <c r="CE353" s="166">
        <v>0</v>
      </c>
      <c r="CF353" s="166">
        <v>0</v>
      </c>
      <c r="CG353" s="166">
        <v>0</v>
      </c>
      <c r="CH353" s="166">
        <v>0</v>
      </c>
      <c r="CI353" s="166">
        <v>0</v>
      </c>
      <c r="CJ353" s="166">
        <v>0</v>
      </c>
      <c r="CK353" s="166">
        <v>0</v>
      </c>
      <c r="CL353" s="166">
        <v>0</v>
      </c>
      <c r="CM353" s="166">
        <v>0</v>
      </c>
      <c r="CN353" s="166">
        <v>0</v>
      </c>
      <c r="CO353" s="166">
        <v>0</v>
      </c>
      <c r="CP353" s="166">
        <v>0</v>
      </c>
      <c r="CQ353" s="166">
        <v>0</v>
      </c>
      <c r="CR353" s="166">
        <v>0</v>
      </c>
      <c r="CS353" s="166">
        <v>0</v>
      </c>
      <c r="CT353" s="166">
        <v>0</v>
      </c>
      <c r="CU353" s="166">
        <v>0</v>
      </c>
      <c r="CV353" s="166">
        <v>0</v>
      </c>
      <c r="CW353" s="166">
        <v>0</v>
      </c>
      <c r="CX353" s="166">
        <v>0</v>
      </c>
      <c r="CY353" s="166">
        <v>7119817.25</v>
      </c>
      <c r="CZ353" s="166">
        <v>7119817.25</v>
      </c>
    </row>
    <row r="354" spans="1:105" x14ac:dyDescent="0.2">
      <c r="A354" s="167" t="s">
        <v>1196</v>
      </c>
      <c r="B354" s="166">
        <v>0</v>
      </c>
      <c r="C354" s="166">
        <v>0</v>
      </c>
      <c r="D354" s="166">
        <v>0</v>
      </c>
      <c r="E354" s="166">
        <v>0</v>
      </c>
      <c r="F354" s="166">
        <v>0</v>
      </c>
      <c r="G354" s="166">
        <v>0</v>
      </c>
      <c r="H354" s="166">
        <v>0</v>
      </c>
      <c r="I354" s="166">
        <v>0</v>
      </c>
      <c r="J354" s="166">
        <v>0</v>
      </c>
      <c r="K354" s="166">
        <v>0</v>
      </c>
      <c r="L354" s="166">
        <v>0</v>
      </c>
      <c r="M354" s="166">
        <v>0</v>
      </c>
      <c r="N354" s="166">
        <v>0</v>
      </c>
      <c r="O354" s="166">
        <v>0</v>
      </c>
      <c r="P354" s="166">
        <v>0</v>
      </c>
      <c r="Q354" s="166">
        <v>0</v>
      </c>
      <c r="R354" s="166">
        <v>0</v>
      </c>
      <c r="S354" s="166">
        <v>0</v>
      </c>
      <c r="T354" s="166">
        <v>0</v>
      </c>
      <c r="U354" s="166">
        <v>0</v>
      </c>
      <c r="V354" s="166">
        <v>0</v>
      </c>
      <c r="W354" s="166">
        <v>0</v>
      </c>
      <c r="X354" s="166">
        <v>0</v>
      </c>
      <c r="Y354" s="166">
        <v>0</v>
      </c>
      <c r="Z354" s="166">
        <v>0</v>
      </c>
      <c r="AA354" s="166">
        <v>0</v>
      </c>
      <c r="AB354" s="166">
        <v>0</v>
      </c>
      <c r="AC354" s="166">
        <v>0</v>
      </c>
      <c r="AD354" s="166">
        <v>0</v>
      </c>
      <c r="AE354" s="166">
        <v>0</v>
      </c>
      <c r="AF354" s="166">
        <v>0</v>
      </c>
      <c r="AG354" s="166">
        <v>0</v>
      </c>
      <c r="AH354" s="166">
        <v>0</v>
      </c>
      <c r="AI354" s="166">
        <v>0</v>
      </c>
      <c r="AJ354" s="166">
        <v>0</v>
      </c>
      <c r="AK354" s="166">
        <v>0</v>
      </c>
      <c r="AL354" s="166">
        <v>0</v>
      </c>
      <c r="AM354" s="166">
        <v>0</v>
      </c>
      <c r="AN354" s="166">
        <v>0</v>
      </c>
      <c r="AO354" s="166">
        <v>0</v>
      </c>
      <c r="AP354" s="166">
        <v>0</v>
      </c>
      <c r="AQ354" s="166">
        <v>0</v>
      </c>
      <c r="AR354" s="166">
        <v>0</v>
      </c>
      <c r="AS354" s="166">
        <v>0</v>
      </c>
      <c r="AT354" s="166">
        <v>0</v>
      </c>
      <c r="AU354" s="166">
        <v>0</v>
      </c>
      <c r="AV354" s="166">
        <v>0</v>
      </c>
      <c r="AW354" s="166">
        <v>0</v>
      </c>
      <c r="AX354" s="166">
        <v>0</v>
      </c>
      <c r="AY354" s="166">
        <v>0</v>
      </c>
      <c r="AZ354" s="166">
        <v>0</v>
      </c>
      <c r="BA354" s="166">
        <v>0</v>
      </c>
      <c r="BB354" s="166">
        <v>0</v>
      </c>
      <c r="BC354" s="166">
        <v>0</v>
      </c>
      <c r="BD354" s="166">
        <v>0</v>
      </c>
      <c r="BE354" s="166">
        <v>0</v>
      </c>
      <c r="BF354" s="166">
        <v>0</v>
      </c>
      <c r="BG354" s="166">
        <v>0</v>
      </c>
      <c r="BH354" s="166">
        <v>0</v>
      </c>
      <c r="BI354" s="166">
        <v>0</v>
      </c>
      <c r="BJ354" s="166">
        <v>0</v>
      </c>
      <c r="BK354" s="166">
        <v>0</v>
      </c>
      <c r="BL354" s="166">
        <v>0</v>
      </c>
      <c r="BM354" s="166">
        <v>0</v>
      </c>
      <c r="BN354" s="166">
        <v>0</v>
      </c>
      <c r="BO354" s="166">
        <v>0</v>
      </c>
      <c r="BP354" s="166">
        <v>0</v>
      </c>
      <c r="BQ354" s="166">
        <v>0</v>
      </c>
      <c r="BR354" s="166">
        <v>0</v>
      </c>
      <c r="BS354" s="166">
        <v>0</v>
      </c>
      <c r="BT354" s="168">
        <v>0</v>
      </c>
      <c r="BU354" s="166">
        <v>0</v>
      </c>
      <c r="BV354" s="166">
        <v>0</v>
      </c>
      <c r="BW354" s="166">
        <v>0</v>
      </c>
      <c r="BX354" s="166">
        <v>0</v>
      </c>
      <c r="BY354" s="166">
        <v>0</v>
      </c>
      <c r="BZ354" s="166">
        <v>0</v>
      </c>
      <c r="CA354" s="166">
        <v>0</v>
      </c>
      <c r="CB354" s="166">
        <v>0</v>
      </c>
      <c r="CC354" s="166">
        <v>0</v>
      </c>
      <c r="CD354" s="166">
        <v>0</v>
      </c>
      <c r="CE354" s="166">
        <v>0</v>
      </c>
      <c r="CF354" s="166">
        <v>0</v>
      </c>
      <c r="CG354" s="166">
        <v>0</v>
      </c>
      <c r="CH354" s="166">
        <v>0</v>
      </c>
      <c r="CI354" s="166">
        <v>0</v>
      </c>
      <c r="CJ354" s="166">
        <v>0</v>
      </c>
      <c r="CK354" s="166">
        <v>0</v>
      </c>
      <c r="CL354" s="166">
        <v>0</v>
      </c>
      <c r="CM354" s="166">
        <v>0</v>
      </c>
      <c r="CN354" s="166">
        <v>0</v>
      </c>
      <c r="CO354" s="166">
        <v>0</v>
      </c>
      <c r="CP354" s="166">
        <v>0</v>
      </c>
      <c r="CQ354" s="166">
        <v>0</v>
      </c>
      <c r="CR354" s="166">
        <v>0</v>
      </c>
      <c r="CS354" s="166">
        <v>0</v>
      </c>
      <c r="CT354" s="166">
        <v>0</v>
      </c>
      <c r="CU354" s="166">
        <v>0</v>
      </c>
      <c r="CV354" s="166">
        <v>0</v>
      </c>
      <c r="CW354" s="166">
        <v>0</v>
      </c>
      <c r="CX354" s="166">
        <v>0</v>
      </c>
      <c r="CY354" s="166">
        <v>0</v>
      </c>
      <c r="CZ354" s="166">
        <v>0</v>
      </c>
    </row>
    <row r="355" spans="1:105" x14ac:dyDescent="0.2">
      <c r="A355" s="167" t="s">
        <v>445</v>
      </c>
      <c r="B355" s="166">
        <v>0</v>
      </c>
      <c r="C355" s="166">
        <v>0</v>
      </c>
      <c r="D355" s="166">
        <v>0</v>
      </c>
      <c r="E355" s="166">
        <v>0</v>
      </c>
      <c r="F355" s="166">
        <v>0</v>
      </c>
      <c r="G355" s="166">
        <v>0</v>
      </c>
      <c r="H355" s="166">
        <v>0</v>
      </c>
      <c r="I355" s="166">
        <v>0</v>
      </c>
      <c r="J355" s="166">
        <v>0</v>
      </c>
      <c r="K355" s="166">
        <v>0</v>
      </c>
      <c r="L355" s="166">
        <v>0</v>
      </c>
      <c r="M355" s="166">
        <v>0</v>
      </c>
      <c r="N355" s="166">
        <v>0</v>
      </c>
      <c r="O355" s="166">
        <v>0</v>
      </c>
      <c r="P355" s="166">
        <v>0</v>
      </c>
      <c r="Q355" s="166">
        <v>0</v>
      </c>
      <c r="R355" s="166">
        <v>0</v>
      </c>
      <c r="S355" s="166">
        <v>0</v>
      </c>
      <c r="T355" s="166">
        <v>0</v>
      </c>
      <c r="U355" s="166">
        <v>0</v>
      </c>
      <c r="V355" s="166">
        <v>0</v>
      </c>
      <c r="W355" s="166">
        <v>0</v>
      </c>
      <c r="X355" s="166">
        <v>0</v>
      </c>
      <c r="Y355" s="166">
        <v>0</v>
      </c>
      <c r="Z355" s="166">
        <v>0</v>
      </c>
      <c r="AA355" s="166">
        <v>0</v>
      </c>
      <c r="AB355" s="166">
        <v>0</v>
      </c>
      <c r="AC355" s="166">
        <v>0</v>
      </c>
      <c r="AD355" s="166">
        <v>0</v>
      </c>
      <c r="AE355" s="166">
        <v>0</v>
      </c>
      <c r="AF355" s="166">
        <v>0</v>
      </c>
      <c r="AG355" s="166">
        <v>0</v>
      </c>
      <c r="AH355" s="166">
        <v>0</v>
      </c>
      <c r="AI355" s="166">
        <v>0</v>
      </c>
      <c r="AJ355" s="166">
        <v>0</v>
      </c>
      <c r="AK355" s="166">
        <v>0</v>
      </c>
      <c r="AL355" s="166">
        <v>0</v>
      </c>
      <c r="AM355" s="166">
        <v>0</v>
      </c>
      <c r="AN355" s="166">
        <v>0</v>
      </c>
      <c r="AO355" s="166">
        <v>0</v>
      </c>
      <c r="AP355" s="166">
        <v>0</v>
      </c>
      <c r="AQ355" s="166">
        <v>0</v>
      </c>
      <c r="AR355" s="166">
        <v>0</v>
      </c>
      <c r="AS355" s="166">
        <v>0</v>
      </c>
      <c r="AT355" s="166">
        <v>0</v>
      </c>
      <c r="AU355" s="166">
        <v>0</v>
      </c>
      <c r="AV355" s="166">
        <v>0</v>
      </c>
      <c r="AW355" s="166">
        <v>0</v>
      </c>
      <c r="AX355" s="166">
        <v>-4665344.2699999996</v>
      </c>
      <c r="AY355" s="166">
        <v>0</v>
      </c>
      <c r="AZ355" s="166">
        <v>0</v>
      </c>
      <c r="BA355" s="166">
        <v>0</v>
      </c>
      <c r="BB355" s="166">
        <v>0</v>
      </c>
      <c r="BC355" s="166">
        <v>0</v>
      </c>
      <c r="BD355" s="166">
        <v>0</v>
      </c>
      <c r="BE355" s="166">
        <v>0</v>
      </c>
      <c r="BF355" s="166">
        <v>0</v>
      </c>
      <c r="BG355" s="166">
        <v>0</v>
      </c>
      <c r="BH355" s="166">
        <v>0</v>
      </c>
      <c r="BI355" s="166">
        <v>0</v>
      </c>
      <c r="BJ355" s="166">
        <v>0</v>
      </c>
      <c r="BK355" s="166">
        <v>0</v>
      </c>
      <c r="BL355" s="166">
        <v>0</v>
      </c>
      <c r="BM355" s="166">
        <v>0</v>
      </c>
      <c r="BN355" s="166">
        <v>0</v>
      </c>
      <c r="BO355" s="166">
        <v>-4665344.2699999996</v>
      </c>
      <c r="BP355" s="166">
        <v>0</v>
      </c>
      <c r="BQ355" s="166">
        <v>0</v>
      </c>
      <c r="BR355" s="166">
        <v>0</v>
      </c>
      <c r="BS355" s="166">
        <v>-4665344.2699999996</v>
      </c>
      <c r="BT355" s="168">
        <v>1</v>
      </c>
      <c r="BU355" s="166">
        <v>0</v>
      </c>
      <c r="BV355" s="166">
        <v>0</v>
      </c>
      <c r="BW355" s="166">
        <v>0</v>
      </c>
      <c r="BX355" s="166">
        <v>0</v>
      </c>
      <c r="BY355" s="166">
        <v>0</v>
      </c>
      <c r="BZ355" s="166">
        <v>0</v>
      </c>
      <c r="CA355" s="166">
        <v>0</v>
      </c>
      <c r="CB355" s="166">
        <v>0</v>
      </c>
      <c r="CC355" s="166">
        <v>0</v>
      </c>
      <c r="CD355" s="166">
        <v>0</v>
      </c>
      <c r="CE355" s="166">
        <v>0</v>
      </c>
      <c r="CF355" s="166">
        <v>0</v>
      </c>
      <c r="CG355" s="166">
        <v>0</v>
      </c>
      <c r="CH355" s="166">
        <v>-4665344.2699999996</v>
      </c>
      <c r="CI355" s="166">
        <v>0</v>
      </c>
      <c r="CJ355" s="166">
        <v>0</v>
      </c>
      <c r="CK355" s="166">
        <v>0</v>
      </c>
      <c r="CL355" s="166">
        <v>0</v>
      </c>
      <c r="CM355" s="166">
        <v>0</v>
      </c>
      <c r="CN355" s="166">
        <v>0</v>
      </c>
      <c r="CO355" s="166">
        <v>0</v>
      </c>
      <c r="CP355" s="166">
        <v>0</v>
      </c>
      <c r="CQ355" s="166">
        <v>0</v>
      </c>
      <c r="CR355" s="166">
        <v>0</v>
      </c>
      <c r="CS355" s="166">
        <v>0</v>
      </c>
      <c r="CT355" s="166">
        <v>0</v>
      </c>
      <c r="CU355" s="166">
        <v>0</v>
      </c>
      <c r="CV355" s="166">
        <v>-4665344.2699999996</v>
      </c>
      <c r="CW355" s="166">
        <v>0</v>
      </c>
      <c r="CX355" s="166">
        <v>0</v>
      </c>
      <c r="CY355" s="166">
        <v>-4665344.2699999996</v>
      </c>
      <c r="CZ355" s="166">
        <v>-4665344.2699999996</v>
      </c>
    </row>
    <row r="356" spans="1:105" x14ac:dyDescent="0.2">
      <c r="A356" s="167" t="s">
        <v>1197</v>
      </c>
      <c r="B356" s="166">
        <v>7119817.25</v>
      </c>
      <c r="C356" s="166">
        <v>7119817.25</v>
      </c>
      <c r="D356" s="166">
        <v>0</v>
      </c>
      <c r="E356" s="166">
        <v>0</v>
      </c>
      <c r="F356" s="166">
        <v>0</v>
      </c>
      <c r="G356" s="166">
        <v>0</v>
      </c>
      <c r="H356" s="166">
        <v>0</v>
      </c>
      <c r="I356" s="166">
        <v>0</v>
      </c>
      <c r="J356" s="166">
        <v>0</v>
      </c>
      <c r="K356" s="166">
        <v>0</v>
      </c>
      <c r="L356" s="166">
        <v>0</v>
      </c>
      <c r="M356" s="166">
        <v>0</v>
      </c>
      <c r="N356" s="166">
        <v>0</v>
      </c>
      <c r="O356" s="166">
        <v>0</v>
      </c>
      <c r="P356" s="166">
        <v>0</v>
      </c>
      <c r="Q356" s="166">
        <v>0</v>
      </c>
      <c r="R356" s="166">
        <v>0</v>
      </c>
      <c r="S356" s="166">
        <v>0</v>
      </c>
      <c r="T356" s="166">
        <v>0</v>
      </c>
      <c r="U356" s="166">
        <v>0</v>
      </c>
      <c r="V356" s="166">
        <v>0</v>
      </c>
      <c r="W356" s="166">
        <v>0</v>
      </c>
      <c r="X356" s="166">
        <v>0</v>
      </c>
      <c r="Y356" s="166">
        <v>0</v>
      </c>
      <c r="Z356" s="166">
        <v>0</v>
      </c>
      <c r="AA356" s="166">
        <v>0</v>
      </c>
      <c r="AB356" s="166">
        <v>0</v>
      </c>
      <c r="AC356" s="166">
        <v>0</v>
      </c>
      <c r="AD356" s="166">
        <v>0</v>
      </c>
      <c r="AE356" s="166">
        <v>0</v>
      </c>
      <c r="AF356" s="166">
        <v>0</v>
      </c>
      <c r="AG356" s="166">
        <v>0</v>
      </c>
      <c r="AH356" s="166">
        <v>0</v>
      </c>
      <c r="AI356" s="166">
        <v>0</v>
      </c>
      <c r="AJ356" s="166">
        <v>0</v>
      </c>
      <c r="AK356" s="166">
        <v>0</v>
      </c>
      <c r="AL356" s="166">
        <v>0</v>
      </c>
      <c r="AM356" s="166">
        <v>0</v>
      </c>
      <c r="AN356" s="166">
        <v>0</v>
      </c>
      <c r="AO356" s="166">
        <v>0</v>
      </c>
      <c r="AP356" s="166">
        <v>0</v>
      </c>
      <c r="AQ356" s="166">
        <v>0</v>
      </c>
      <c r="AR356" s="166">
        <v>0</v>
      </c>
      <c r="AS356" s="166">
        <v>0</v>
      </c>
      <c r="AT356" s="166">
        <v>0</v>
      </c>
      <c r="AU356" s="166">
        <v>0</v>
      </c>
      <c r="AV356" s="166">
        <v>0</v>
      </c>
      <c r="AW356" s="166">
        <v>0</v>
      </c>
      <c r="AX356" s="166">
        <v>-4665344.2699999996</v>
      </c>
      <c r="AY356" s="166">
        <v>0</v>
      </c>
      <c r="AZ356" s="166">
        <v>0</v>
      </c>
      <c r="BA356" s="166">
        <v>0</v>
      </c>
      <c r="BB356" s="166">
        <v>0</v>
      </c>
      <c r="BC356" s="166">
        <v>0</v>
      </c>
      <c r="BD356" s="166">
        <v>0</v>
      </c>
      <c r="BE356" s="166">
        <v>0</v>
      </c>
      <c r="BF356" s="166">
        <v>0</v>
      </c>
      <c r="BG356" s="166">
        <v>0</v>
      </c>
      <c r="BH356" s="166">
        <v>0</v>
      </c>
      <c r="BI356" s="166">
        <v>0</v>
      </c>
      <c r="BJ356" s="166">
        <v>0</v>
      </c>
      <c r="BK356" s="166">
        <v>0</v>
      </c>
      <c r="BL356" s="166">
        <v>0</v>
      </c>
      <c r="BM356" s="166">
        <v>0</v>
      </c>
      <c r="BN356" s="166">
        <v>0</v>
      </c>
      <c r="BO356" s="166">
        <v>-4665344.2699999996</v>
      </c>
      <c r="BP356" s="166">
        <v>0</v>
      </c>
      <c r="BQ356" s="166">
        <v>0</v>
      </c>
      <c r="BR356" s="166">
        <v>7119817.25</v>
      </c>
      <c r="BS356" s="166">
        <v>2454472.98</v>
      </c>
      <c r="BT356" s="168">
        <v>0</v>
      </c>
      <c r="BU356" s="166">
        <v>369172.04</v>
      </c>
      <c r="BV356" s="166">
        <v>7119817.25</v>
      </c>
      <c r="BW356" s="166">
        <v>0</v>
      </c>
      <c r="BX356" s="166">
        <v>0</v>
      </c>
      <c r="BY356" s="166">
        <v>0</v>
      </c>
      <c r="BZ356" s="166">
        <v>0</v>
      </c>
      <c r="CA356" s="166">
        <v>0</v>
      </c>
      <c r="CB356" s="166">
        <v>0</v>
      </c>
      <c r="CC356" s="166">
        <v>0</v>
      </c>
      <c r="CD356" s="166">
        <v>0</v>
      </c>
      <c r="CE356" s="166">
        <v>0</v>
      </c>
      <c r="CF356" s="166">
        <v>0</v>
      </c>
      <c r="CG356" s="166">
        <v>0</v>
      </c>
      <c r="CH356" s="166">
        <v>-4665344.2699999996</v>
      </c>
      <c r="CI356" s="166">
        <v>0</v>
      </c>
      <c r="CJ356" s="166">
        <v>0</v>
      </c>
      <c r="CK356" s="166">
        <v>0</v>
      </c>
      <c r="CL356" s="166">
        <v>0</v>
      </c>
      <c r="CM356" s="166">
        <v>0</v>
      </c>
      <c r="CN356" s="166">
        <v>0</v>
      </c>
      <c r="CO356" s="166">
        <v>0</v>
      </c>
      <c r="CP356" s="166">
        <v>0</v>
      </c>
      <c r="CQ356" s="166">
        <v>0</v>
      </c>
      <c r="CR356" s="166">
        <v>0</v>
      </c>
      <c r="CS356" s="166">
        <v>0</v>
      </c>
      <c r="CT356" s="166">
        <v>0</v>
      </c>
      <c r="CU356" s="166">
        <v>0</v>
      </c>
      <c r="CV356" s="166">
        <v>-4665344.2699999996</v>
      </c>
      <c r="CW356" s="166">
        <v>0</v>
      </c>
      <c r="CX356" s="166">
        <v>0</v>
      </c>
      <c r="CY356" s="166">
        <v>2454472.9799999902</v>
      </c>
      <c r="CZ356" s="166">
        <v>2454472.98</v>
      </c>
    </row>
    <row r="357" spans="1:105" x14ac:dyDescent="0.2">
      <c r="A357" s="167" t="s">
        <v>447</v>
      </c>
    </row>
    <row r="358" spans="1:105" x14ac:dyDescent="0.2">
      <c r="A358" s="167" t="s">
        <v>1198</v>
      </c>
      <c r="B358" s="166">
        <v>-1202195.3700000001</v>
      </c>
      <c r="C358" s="166">
        <v>-1202195.3700000001</v>
      </c>
      <c r="D358" s="166">
        <v>0</v>
      </c>
      <c r="E358" s="166">
        <v>0</v>
      </c>
      <c r="F358" s="166">
        <v>0</v>
      </c>
      <c r="G358" s="166">
        <v>0</v>
      </c>
      <c r="H358" s="166">
        <v>0</v>
      </c>
      <c r="I358" s="166">
        <v>0</v>
      </c>
      <c r="J358" s="166">
        <v>0</v>
      </c>
      <c r="K358" s="166">
        <v>0</v>
      </c>
      <c r="L358" s="166">
        <v>0</v>
      </c>
      <c r="M358" s="166">
        <v>0</v>
      </c>
      <c r="N358" s="166">
        <v>0</v>
      </c>
      <c r="O358" s="166">
        <v>0</v>
      </c>
      <c r="P358" s="166">
        <v>0</v>
      </c>
      <c r="Q358" s="166">
        <v>0</v>
      </c>
      <c r="R358" s="166">
        <v>0</v>
      </c>
      <c r="S358" s="166">
        <v>0</v>
      </c>
      <c r="T358" s="166">
        <v>0</v>
      </c>
      <c r="U358" s="166">
        <v>0</v>
      </c>
      <c r="V358" s="166">
        <v>0</v>
      </c>
      <c r="W358" s="166">
        <v>0</v>
      </c>
      <c r="X358" s="166">
        <v>0</v>
      </c>
      <c r="Y358" s="166">
        <v>0</v>
      </c>
      <c r="Z358" s="166">
        <v>0</v>
      </c>
      <c r="AA358" s="166">
        <v>0</v>
      </c>
      <c r="AB358" s="166">
        <v>0</v>
      </c>
      <c r="AC358" s="166">
        <v>0</v>
      </c>
      <c r="AD358" s="166">
        <v>0</v>
      </c>
      <c r="AE358" s="166">
        <v>0</v>
      </c>
      <c r="AF358" s="166">
        <v>0</v>
      </c>
      <c r="AG358" s="166">
        <v>0</v>
      </c>
      <c r="AH358" s="166">
        <v>0</v>
      </c>
      <c r="AI358" s="166">
        <v>0</v>
      </c>
      <c r="AJ358" s="166">
        <v>0</v>
      </c>
      <c r="AK358" s="166">
        <v>0</v>
      </c>
      <c r="AL358" s="166">
        <v>0</v>
      </c>
      <c r="AM358" s="166">
        <v>0</v>
      </c>
      <c r="AN358" s="166">
        <v>0</v>
      </c>
      <c r="AO358" s="166">
        <v>0</v>
      </c>
      <c r="AP358" s="166">
        <v>0</v>
      </c>
      <c r="AQ358" s="166">
        <v>0</v>
      </c>
      <c r="AR358" s="166">
        <v>0</v>
      </c>
      <c r="AS358" s="166">
        <v>0</v>
      </c>
      <c r="AT358" s="166">
        <v>0</v>
      </c>
      <c r="AU358" s="166">
        <v>0</v>
      </c>
      <c r="AV358" s="166">
        <v>0</v>
      </c>
      <c r="AW358" s="166">
        <v>0</v>
      </c>
      <c r="AX358" s="166">
        <v>0</v>
      </c>
      <c r="AY358" s="166">
        <v>0</v>
      </c>
      <c r="AZ358" s="166">
        <v>0</v>
      </c>
      <c r="BA358" s="166">
        <v>0</v>
      </c>
      <c r="BB358" s="166">
        <v>0</v>
      </c>
      <c r="BC358" s="166">
        <v>0</v>
      </c>
      <c r="BD358" s="166">
        <v>0</v>
      </c>
      <c r="BE358" s="166">
        <v>0</v>
      </c>
      <c r="BF358" s="166">
        <v>0</v>
      </c>
      <c r="BG358" s="166">
        <v>0</v>
      </c>
      <c r="BH358" s="166">
        <v>0</v>
      </c>
      <c r="BI358" s="166">
        <v>0</v>
      </c>
      <c r="BJ358" s="166">
        <v>0</v>
      </c>
      <c r="BK358" s="166">
        <v>0</v>
      </c>
      <c r="BL358" s="166">
        <v>0</v>
      </c>
      <c r="BM358" s="166">
        <v>0</v>
      </c>
      <c r="BN358" s="166">
        <v>0</v>
      </c>
      <c r="BO358" s="166">
        <v>0</v>
      </c>
      <c r="BP358" s="166">
        <v>0</v>
      </c>
      <c r="BQ358" s="166">
        <v>0</v>
      </c>
      <c r="BR358" s="166">
        <v>-1202195.3700000001</v>
      </c>
      <c r="BS358" s="166">
        <v>-1202195.3700000001</v>
      </c>
      <c r="BT358" s="168">
        <v>0.96779000000000004</v>
      </c>
      <c r="BU358" s="166">
        <v>-97834.781466800006</v>
      </c>
      <c r="BV358" s="166">
        <v>-1163472.6571322901</v>
      </c>
      <c r="BW358" s="166">
        <v>0</v>
      </c>
      <c r="BX358" s="166">
        <v>0</v>
      </c>
      <c r="BY358" s="166">
        <v>0</v>
      </c>
      <c r="BZ358" s="166">
        <v>0</v>
      </c>
      <c r="CA358" s="166">
        <v>0</v>
      </c>
      <c r="CB358" s="166">
        <v>0</v>
      </c>
      <c r="CC358" s="166">
        <v>0</v>
      </c>
      <c r="CD358" s="166">
        <v>0</v>
      </c>
      <c r="CE358" s="166">
        <v>0</v>
      </c>
      <c r="CF358" s="166">
        <v>0</v>
      </c>
      <c r="CG358" s="166">
        <v>0</v>
      </c>
      <c r="CH358" s="166">
        <v>0</v>
      </c>
      <c r="CI358" s="166">
        <v>0</v>
      </c>
      <c r="CJ358" s="166">
        <v>0</v>
      </c>
      <c r="CK358" s="166">
        <v>0</v>
      </c>
      <c r="CL358" s="166">
        <v>0</v>
      </c>
      <c r="CM358" s="166">
        <v>0</v>
      </c>
      <c r="CN358" s="166">
        <v>0</v>
      </c>
      <c r="CO358" s="166">
        <v>0</v>
      </c>
      <c r="CP358" s="166">
        <v>0</v>
      </c>
      <c r="CQ358" s="166">
        <v>0</v>
      </c>
      <c r="CR358" s="166">
        <v>0</v>
      </c>
      <c r="CS358" s="166">
        <v>0</v>
      </c>
      <c r="CT358" s="166">
        <v>0</v>
      </c>
      <c r="CU358" s="166">
        <v>0</v>
      </c>
      <c r="CV358" s="166">
        <v>0</v>
      </c>
      <c r="CW358" s="166">
        <v>0</v>
      </c>
      <c r="CX358" s="166">
        <v>0</v>
      </c>
      <c r="CY358" s="166">
        <v>-1163472.6571322901</v>
      </c>
      <c r="CZ358" s="166">
        <v>-1163472.6571322901</v>
      </c>
    </row>
    <row r="359" spans="1:105" x14ac:dyDescent="0.2">
      <c r="A359" s="167" t="s">
        <v>449</v>
      </c>
    </row>
    <row r="360" spans="1:105" x14ac:dyDescent="0.2">
      <c r="A360" s="176" t="s">
        <v>1199</v>
      </c>
      <c r="B360" s="173">
        <v>-7615542.4499999899</v>
      </c>
      <c r="C360" s="173">
        <v>-7615542.4499999899</v>
      </c>
      <c r="D360" s="173">
        <v>0</v>
      </c>
      <c r="E360" s="173">
        <v>0</v>
      </c>
      <c r="F360" s="173">
        <v>0</v>
      </c>
      <c r="G360" s="173">
        <v>0</v>
      </c>
      <c r="H360" s="173">
        <v>0</v>
      </c>
      <c r="I360" s="173">
        <v>0</v>
      </c>
      <c r="J360" s="173">
        <v>0</v>
      </c>
      <c r="K360" s="173">
        <v>0</v>
      </c>
      <c r="L360" s="173">
        <v>0</v>
      </c>
      <c r="M360" s="173">
        <v>0</v>
      </c>
      <c r="N360" s="173">
        <v>0</v>
      </c>
      <c r="O360" s="173">
        <v>0</v>
      </c>
      <c r="P360" s="173">
        <v>0</v>
      </c>
      <c r="Q360" s="173">
        <v>0</v>
      </c>
      <c r="R360" s="173">
        <v>0</v>
      </c>
      <c r="S360" s="173">
        <v>0</v>
      </c>
      <c r="T360" s="173">
        <v>0</v>
      </c>
      <c r="U360" s="173">
        <v>0</v>
      </c>
      <c r="V360" s="173">
        <v>0</v>
      </c>
      <c r="W360" s="173">
        <v>0</v>
      </c>
      <c r="X360" s="173">
        <v>0</v>
      </c>
      <c r="Y360" s="173">
        <v>0</v>
      </c>
      <c r="Z360" s="173">
        <v>0</v>
      </c>
      <c r="AA360" s="173">
        <v>0</v>
      </c>
      <c r="AB360" s="173">
        <v>0</v>
      </c>
      <c r="AC360" s="173">
        <v>0</v>
      </c>
      <c r="AD360" s="173">
        <v>0</v>
      </c>
      <c r="AE360" s="173">
        <v>0</v>
      </c>
      <c r="AF360" s="173">
        <v>0</v>
      </c>
      <c r="AG360" s="173">
        <v>0</v>
      </c>
      <c r="AH360" s="173">
        <v>0</v>
      </c>
      <c r="AI360" s="173">
        <v>0</v>
      </c>
      <c r="AJ360" s="173">
        <v>0</v>
      </c>
      <c r="AK360" s="173">
        <v>0</v>
      </c>
      <c r="AL360" s="173">
        <v>0</v>
      </c>
      <c r="AM360" s="173">
        <v>0</v>
      </c>
      <c r="AN360" s="173">
        <v>0</v>
      </c>
      <c r="AO360" s="173">
        <v>0</v>
      </c>
      <c r="AP360" s="173">
        <v>0</v>
      </c>
      <c r="AQ360" s="173">
        <v>0</v>
      </c>
      <c r="AR360" s="173">
        <v>0</v>
      </c>
      <c r="AS360" s="173">
        <v>0</v>
      </c>
      <c r="AT360" s="173">
        <v>0</v>
      </c>
      <c r="AU360" s="173">
        <v>0</v>
      </c>
      <c r="AV360" s="173">
        <v>0</v>
      </c>
      <c r="AW360" s="173">
        <v>0</v>
      </c>
      <c r="AX360" s="173">
        <v>0</v>
      </c>
      <c r="AY360" s="173">
        <v>0</v>
      </c>
      <c r="AZ360" s="173">
        <v>0</v>
      </c>
      <c r="BA360" s="173">
        <v>0</v>
      </c>
      <c r="BB360" s="173">
        <v>0</v>
      </c>
      <c r="BC360" s="173">
        <v>0</v>
      </c>
      <c r="BD360" s="173">
        <v>0</v>
      </c>
      <c r="BE360" s="173">
        <v>0</v>
      </c>
      <c r="BF360" s="173">
        <v>0</v>
      </c>
      <c r="BG360" s="173">
        <v>0</v>
      </c>
      <c r="BH360" s="173">
        <v>0</v>
      </c>
      <c r="BI360" s="173">
        <v>0</v>
      </c>
      <c r="BJ360" s="173">
        <v>0</v>
      </c>
      <c r="BK360" s="173">
        <v>0</v>
      </c>
      <c r="BL360" s="173">
        <v>0</v>
      </c>
      <c r="BM360" s="173">
        <v>0</v>
      </c>
      <c r="BN360" s="173">
        <v>0</v>
      </c>
      <c r="BO360" s="173">
        <v>0</v>
      </c>
      <c r="BP360" s="173">
        <v>0</v>
      </c>
      <c r="BQ360" s="173">
        <v>0</v>
      </c>
      <c r="BR360" s="173">
        <v>-7615542.4499999899</v>
      </c>
      <c r="BS360" s="173">
        <v>-7615542.4499999899</v>
      </c>
      <c r="BT360" s="174">
        <v>0.96779000000000004</v>
      </c>
      <c r="BU360" s="173">
        <v>-223883.87385219999</v>
      </c>
      <c r="BV360" s="173">
        <v>-7370245.8276854996</v>
      </c>
      <c r="BW360" s="173">
        <v>0</v>
      </c>
      <c r="BX360" s="173">
        <v>0</v>
      </c>
      <c r="BY360" s="173">
        <v>0</v>
      </c>
      <c r="BZ360" s="173">
        <v>0</v>
      </c>
      <c r="CA360" s="173">
        <v>0</v>
      </c>
      <c r="CB360" s="173">
        <v>0</v>
      </c>
      <c r="CC360" s="173">
        <v>0</v>
      </c>
      <c r="CD360" s="173">
        <v>0</v>
      </c>
      <c r="CE360" s="173">
        <v>0</v>
      </c>
      <c r="CF360" s="173">
        <v>0</v>
      </c>
      <c r="CG360" s="173">
        <v>0</v>
      </c>
      <c r="CH360" s="173">
        <v>0</v>
      </c>
      <c r="CI360" s="173">
        <v>0</v>
      </c>
      <c r="CJ360" s="173">
        <v>0</v>
      </c>
      <c r="CK360" s="173">
        <v>0</v>
      </c>
      <c r="CL360" s="173">
        <v>0</v>
      </c>
      <c r="CM360" s="173">
        <v>0</v>
      </c>
      <c r="CN360" s="173">
        <v>0</v>
      </c>
      <c r="CO360" s="173">
        <v>0</v>
      </c>
      <c r="CP360" s="173">
        <v>0</v>
      </c>
      <c r="CQ360" s="173">
        <v>0</v>
      </c>
      <c r="CR360" s="173">
        <v>0</v>
      </c>
      <c r="CS360" s="173">
        <v>0</v>
      </c>
      <c r="CT360" s="173">
        <v>0</v>
      </c>
      <c r="CU360" s="173">
        <v>0</v>
      </c>
      <c r="CV360" s="173">
        <v>0</v>
      </c>
      <c r="CW360" s="173">
        <v>0</v>
      </c>
      <c r="CX360" s="173">
        <v>0</v>
      </c>
      <c r="CY360" s="173">
        <v>-7370245.8276854996</v>
      </c>
      <c r="CZ360" s="173">
        <v>-7370245.8276854996</v>
      </c>
      <c r="DA360" s="175" t="s">
        <v>1177</v>
      </c>
    </row>
    <row r="361" spans="1:105" x14ac:dyDescent="0.2">
      <c r="A361" s="167" t="s">
        <v>451</v>
      </c>
    </row>
    <row r="362" spans="1:105" x14ac:dyDescent="0.2">
      <c r="A362" s="167" t="s">
        <v>1200</v>
      </c>
      <c r="B362" s="166">
        <v>22620905.239999998</v>
      </c>
      <c r="C362" s="166">
        <v>22620905.239999998</v>
      </c>
      <c r="D362" s="166">
        <v>0</v>
      </c>
      <c r="E362" s="166">
        <v>0</v>
      </c>
      <c r="F362" s="166">
        <v>0</v>
      </c>
      <c r="G362" s="166">
        <v>0</v>
      </c>
      <c r="H362" s="166">
        <v>0</v>
      </c>
      <c r="I362" s="166">
        <v>0</v>
      </c>
      <c r="J362" s="166">
        <v>0</v>
      </c>
      <c r="K362" s="166">
        <v>0</v>
      </c>
      <c r="L362" s="166">
        <v>0</v>
      </c>
      <c r="M362" s="166">
        <v>0</v>
      </c>
      <c r="N362" s="166">
        <v>0</v>
      </c>
      <c r="O362" s="166">
        <v>0</v>
      </c>
      <c r="P362" s="166">
        <v>0</v>
      </c>
      <c r="Q362" s="166">
        <v>0</v>
      </c>
      <c r="R362" s="166">
        <v>0</v>
      </c>
      <c r="S362" s="166">
        <v>0</v>
      </c>
      <c r="T362" s="166">
        <v>0</v>
      </c>
      <c r="U362" s="166">
        <v>0</v>
      </c>
      <c r="V362" s="166">
        <v>0</v>
      </c>
      <c r="W362" s="166">
        <v>0</v>
      </c>
      <c r="X362" s="166">
        <v>0</v>
      </c>
      <c r="Y362" s="166">
        <v>0</v>
      </c>
      <c r="Z362" s="166">
        <v>0</v>
      </c>
      <c r="AA362" s="166">
        <v>0</v>
      </c>
      <c r="AB362" s="166">
        <v>0</v>
      </c>
      <c r="AC362" s="166">
        <v>0</v>
      </c>
      <c r="AD362" s="166">
        <v>0</v>
      </c>
      <c r="AE362" s="166">
        <v>0</v>
      </c>
      <c r="AF362" s="166">
        <v>0</v>
      </c>
      <c r="AG362" s="166">
        <v>0</v>
      </c>
      <c r="AH362" s="166">
        <v>0</v>
      </c>
      <c r="AI362" s="166">
        <v>0</v>
      </c>
      <c r="AJ362" s="166">
        <v>0</v>
      </c>
      <c r="AK362" s="166">
        <v>0</v>
      </c>
      <c r="AL362" s="166">
        <v>0</v>
      </c>
      <c r="AM362" s="166">
        <v>0</v>
      </c>
      <c r="AN362" s="166">
        <v>0</v>
      </c>
      <c r="AO362" s="166">
        <v>0</v>
      </c>
      <c r="AP362" s="166">
        <v>0</v>
      </c>
      <c r="AQ362" s="166">
        <v>0</v>
      </c>
      <c r="AR362" s="166">
        <v>0</v>
      </c>
      <c r="AS362" s="166">
        <v>0</v>
      </c>
      <c r="AT362" s="166">
        <v>0</v>
      </c>
      <c r="AU362" s="166">
        <v>0</v>
      </c>
      <c r="AV362" s="166">
        <v>0</v>
      </c>
      <c r="AW362" s="166">
        <v>0</v>
      </c>
      <c r="AX362" s="166">
        <v>0</v>
      </c>
      <c r="AY362" s="166">
        <v>0</v>
      </c>
      <c r="AZ362" s="166">
        <v>0</v>
      </c>
      <c r="BA362" s="166">
        <v>0</v>
      </c>
      <c r="BB362" s="166">
        <v>0</v>
      </c>
      <c r="BC362" s="166">
        <v>0</v>
      </c>
      <c r="BD362" s="166">
        <v>0</v>
      </c>
      <c r="BE362" s="166">
        <v>0</v>
      </c>
      <c r="BF362" s="166">
        <v>0</v>
      </c>
      <c r="BG362" s="166">
        <v>0</v>
      </c>
      <c r="BH362" s="166">
        <v>0</v>
      </c>
      <c r="BI362" s="166">
        <v>0</v>
      </c>
      <c r="BJ362" s="166">
        <v>0</v>
      </c>
      <c r="BK362" s="166">
        <v>0</v>
      </c>
      <c r="BL362" s="166">
        <v>0</v>
      </c>
      <c r="BM362" s="166">
        <v>0</v>
      </c>
      <c r="BN362" s="166">
        <v>0</v>
      </c>
      <c r="BO362" s="166">
        <v>0</v>
      </c>
      <c r="BP362" s="166">
        <v>0</v>
      </c>
      <c r="BQ362" s="166">
        <v>0</v>
      </c>
      <c r="BR362" s="166">
        <v>22620905.239999998</v>
      </c>
      <c r="BS362" s="166">
        <v>22620905.239999998</v>
      </c>
      <c r="BT362" s="168">
        <v>0.96779000000000004</v>
      </c>
      <c r="BU362" s="166">
        <v>1978095.83732149</v>
      </c>
      <c r="BV362" s="166">
        <v>21892285.882219501</v>
      </c>
      <c r="BW362" s="166">
        <v>0</v>
      </c>
      <c r="BX362" s="166">
        <v>0</v>
      </c>
      <c r="BY362" s="166">
        <v>0</v>
      </c>
      <c r="BZ362" s="166">
        <v>0</v>
      </c>
      <c r="CA362" s="166">
        <v>0</v>
      </c>
      <c r="CB362" s="166">
        <v>0</v>
      </c>
      <c r="CC362" s="166">
        <v>0</v>
      </c>
      <c r="CD362" s="166">
        <v>0</v>
      </c>
      <c r="CE362" s="166">
        <v>0</v>
      </c>
      <c r="CF362" s="166">
        <v>0</v>
      </c>
      <c r="CG362" s="166">
        <v>0</v>
      </c>
      <c r="CH362" s="166">
        <v>0</v>
      </c>
      <c r="CI362" s="166">
        <v>0</v>
      </c>
      <c r="CJ362" s="166">
        <v>0</v>
      </c>
      <c r="CK362" s="166">
        <v>0</v>
      </c>
      <c r="CL362" s="166">
        <v>0</v>
      </c>
      <c r="CM362" s="166">
        <v>0</v>
      </c>
      <c r="CN362" s="166">
        <v>0</v>
      </c>
      <c r="CO362" s="166">
        <v>0</v>
      </c>
      <c r="CP362" s="166">
        <v>0</v>
      </c>
      <c r="CQ362" s="166">
        <v>0</v>
      </c>
      <c r="CR362" s="166">
        <v>0</v>
      </c>
      <c r="CS362" s="166">
        <v>0</v>
      </c>
      <c r="CT362" s="166">
        <v>0</v>
      </c>
      <c r="CU362" s="166">
        <v>0</v>
      </c>
      <c r="CV362" s="166">
        <v>0</v>
      </c>
      <c r="CW362" s="166">
        <v>0</v>
      </c>
      <c r="CX362" s="166">
        <v>0</v>
      </c>
      <c r="CY362" s="166">
        <v>21892285.882219501</v>
      </c>
      <c r="CZ362" s="166">
        <v>21892285.882219501</v>
      </c>
    </row>
    <row r="363" spans="1:105" x14ac:dyDescent="0.2">
      <c r="A363" s="167" t="s">
        <v>453</v>
      </c>
    </row>
    <row r="364" spans="1:105" x14ac:dyDescent="0.2">
      <c r="A364" s="167" t="s">
        <v>1201</v>
      </c>
      <c r="B364" s="166">
        <v>138787.88</v>
      </c>
      <c r="C364" s="166">
        <v>138787.88</v>
      </c>
      <c r="D364" s="166">
        <v>0</v>
      </c>
      <c r="E364" s="166">
        <v>0</v>
      </c>
      <c r="F364" s="166">
        <v>0</v>
      </c>
      <c r="G364" s="166">
        <v>0</v>
      </c>
      <c r="H364" s="166">
        <v>0</v>
      </c>
      <c r="I364" s="166">
        <v>0</v>
      </c>
      <c r="J364" s="166">
        <v>0</v>
      </c>
      <c r="K364" s="166">
        <v>0</v>
      </c>
      <c r="L364" s="166">
        <v>0</v>
      </c>
      <c r="M364" s="166">
        <v>0</v>
      </c>
      <c r="N364" s="166">
        <v>0</v>
      </c>
      <c r="O364" s="166">
        <v>0</v>
      </c>
      <c r="P364" s="166">
        <v>0</v>
      </c>
      <c r="Q364" s="166">
        <v>0</v>
      </c>
      <c r="R364" s="166">
        <v>0</v>
      </c>
      <c r="S364" s="166">
        <v>0</v>
      </c>
      <c r="T364" s="166">
        <v>0</v>
      </c>
      <c r="U364" s="166">
        <v>0</v>
      </c>
      <c r="V364" s="166">
        <v>0</v>
      </c>
      <c r="W364" s="166">
        <v>0</v>
      </c>
      <c r="X364" s="166">
        <v>0</v>
      </c>
      <c r="Y364" s="166">
        <v>0</v>
      </c>
      <c r="Z364" s="166">
        <v>0</v>
      </c>
      <c r="AA364" s="166">
        <v>0</v>
      </c>
      <c r="AB364" s="166">
        <v>0</v>
      </c>
      <c r="AC364" s="166">
        <v>0</v>
      </c>
      <c r="AD364" s="166">
        <v>0</v>
      </c>
      <c r="AE364" s="166">
        <v>0</v>
      </c>
      <c r="AF364" s="166">
        <v>0</v>
      </c>
      <c r="AG364" s="166">
        <v>0</v>
      </c>
      <c r="AH364" s="166">
        <v>0</v>
      </c>
      <c r="AI364" s="166">
        <v>0</v>
      </c>
      <c r="AJ364" s="166">
        <v>0</v>
      </c>
      <c r="AK364" s="166">
        <v>0</v>
      </c>
      <c r="AL364" s="166">
        <v>0</v>
      </c>
      <c r="AM364" s="166">
        <v>0</v>
      </c>
      <c r="AN364" s="166">
        <v>0</v>
      </c>
      <c r="AO364" s="166">
        <v>0</v>
      </c>
      <c r="AP364" s="166">
        <v>0</v>
      </c>
      <c r="AQ364" s="166">
        <v>0</v>
      </c>
      <c r="AR364" s="166">
        <v>0</v>
      </c>
      <c r="AS364" s="166">
        <v>0</v>
      </c>
      <c r="AT364" s="166">
        <v>0</v>
      </c>
      <c r="AU364" s="166">
        <v>0</v>
      </c>
      <c r="AV364" s="166">
        <v>0</v>
      </c>
      <c r="AW364" s="166">
        <v>0</v>
      </c>
      <c r="AX364" s="166">
        <v>0</v>
      </c>
      <c r="AY364" s="166">
        <v>0</v>
      </c>
      <c r="AZ364" s="166">
        <v>0</v>
      </c>
      <c r="BA364" s="166">
        <v>0</v>
      </c>
      <c r="BB364" s="166">
        <v>0</v>
      </c>
      <c r="BC364" s="166">
        <v>0</v>
      </c>
      <c r="BD364" s="166">
        <v>0</v>
      </c>
      <c r="BE364" s="166">
        <v>0</v>
      </c>
      <c r="BF364" s="166">
        <v>0</v>
      </c>
      <c r="BG364" s="166">
        <v>0</v>
      </c>
      <c r="BH364" s="166">
        <v>0</v>
      </c>
      <c r="BI364" s="166">
        <v>0</v>
      </c>
      <c r="BJ364" s="166">
        <v>0</v>
      </c>
      <c r="BK364" s="166">
        <v>0</v>
      </c>
      <c r="BL364" s="166">
        <v>0</v>
      </c>
      <c r="BM364" s="166">
        <v>0</v>
      </c>
      <c r="BN364" s="166">
        <v>0</v>
      </c>
      <c r="BO364" s="166">
        <v>0</v>
      </c>
      <c r="BP364" s="166">
        <v>0</v>
      </c>
      <c r="BQ364" s="166">
        <v>0</v>
      </c>
      <c r="BR364" s="166">
        <v>138787.88</v>
      </c>
      <c r="BS364" s="166">
        <v>138787.88</v>
      </c>
      <c r="BT364" s="168">
        <v>0.96779000000000004</v>
      </c>
      <c r="BU364" s="166">
        <v>24036.1001852999</v>
      </c>
      <c r="BV364" s="166">
        <v>134317.52238519999</v>
      </c>
      <c r="BW364" s="166">
        <v>0</v>
      </c>
      <c r="BX364" s="166">
        <v>0</v>
      </c>
      <c r="BY364" s="166">
        <v>0</v>
      </c>
      <c r="BZ364" s="166">
        <v>0</v>
      </c>
      <c r="CA364" s="166">
        <v>0</v>
      </c>
      <c r="CB364" s="166">
        <v>0</v>
      </c>
      <c r="CC364" s="166">
        <v>0</v>
      </c>
      <c r="CD364" s="166">
        <v>0</v>
      </c>
      <c r="CE364" s="166">
        <v>0</v>
      </c>
      <c r="CF364" s="166">
        <v>0</v>
      </c>
      <c r="CG364" s="166">
        <v>0</v>
      </c>
      <c r="CH364" s="166">
        <v>0</v>
      </c>
      <c r="CI364" s="166">
        <v>0</v>
      </c>
      <c r="CJ364" s="166">
        <v>0</v>
      </c>
      <c r="CK364" s="166">
        <v>0</v>
      </c>
      <c r="CL364" s="166">
        <v>0</v>
      </c>
      <c r="CM364" s="166">
        <v>0</v>
      </c>
      <c r="CN364" s="166">
        <v>0</v>
      </c>
      <c r="CO364" s="166">
        <v>0</v>
      </c>
      <c r="CP364" s="166">
        <v>0</v>
      </c>
      <c r="CQ364" s="166">
        <v>0</v>
      </c>
      <c r="CR364" s="166">
        <v>0</v>
      </c>
      <c r="CS364" s="166">
        <v>0</v>
      </c>
      <c r="CT364" s="166">
        <v>0</v>
      </c>
      <c r="CU364" s="166">
        <v>0</v>
      </c>
      <c r="CV364" s="166">
        <v>0</v>
      </c>
      <c r="CW364" s="166">
        <v>0</v>
      </c>
      <c r="CX364" s="166">
        <v>0</v>
      </c>
      <c r="CY364" s="166">
        <v>134317.52238519999</v>
      </c>
      <c r="CZ364" s="166">
        <v>134317.52238519999</v>
      </c>
    </row>
    <row r="365" spans="1:105" x14ac:dyDescent="0.2">
      <c r="A365" s="176" t="s">
        <v>1202</v>
      </c>
      <c r="B365" s="173">
        <v>576557481.66999996</v>
      </c>
      <c r="C365" s="173">
        <v>576557481.66999996</v>
      </c>
      <c r="D365" s="173">
        <v>0</v>
      </c>
      <c r="E365" s="173">
        <v>0</v>
      </c>
      <c r="F365" s="173">
        <v>0</v>
      </c>
      <c r="G365" s="173">
        <v>0</v>
      </c>
      <c r="H365" s="173">
        <v>0</v>
      </c>
      <c r="I365" s="173">
        <v>0</v>
      </c>
      <c r="J365" s="173">
        <v>0</v>
      </c>
      <c r="K365" s="173">
        <v>0</v>
      </c>
      <c r="L365" s="173">
        <v>0</v>
      </c>
      <c r="M365" s="173">
        <v>0</v>
      </c>
      <c r="N365" s="173">
        <v>0</v>
      </c>
      <c r="O365" s="173">
        <v>0</v>
      </c>
      <c r="P365" s="173">
        <v>0</v>
      </c>
      <c r="Q365" s="173">
        <v>0</v>
      </c>
      <c r="R365" s="173">
        <v>0</v>
      </c>
      <c r="S365" s="173">
        <v>0</v>
      </c>
      <c r="T365" s="173">
        <v>0</v>
      </c>
      <c r="U365" s="173">
        <v>0</v>
      </c>
      <c r="V365" s="173">
        <v>0</v>
      </c>
      <c r="W365" s="173">
        <v>0</v>
      </c>
      <c r="X365" s="173">
        <v>0</v>
      </c>
      <c r="Y365" s="173">
        <v>0</v>
      </c>
      <c r="Z365" s="173">
        <v>0</v>
      </c>
      <c r="AA365" s="173">
        <v>0</v>
      </c>
      <c r="AB365" s="173">
        <v>0</v>
      </c>
      <c r="AC365" s="173">
        <v>0</v>
      </c>
      <c r="AD365" s="173">
        <v>0</v>
      </c>
      <c r="AE365" s="173">
        <v>0</v>
      </c>
      <c r="AF365" s="173">
        <v>0</v>
      </c>
      <c r="AG365" s="173">
        <v>0</v>
      </c>
      <c r="AH365" s="173">
        <v>0</v>
      </c>
      <c r="AI365" s="173">
        <v>0</v>
      </c>
      <c r="AJ365" s="173">
        <v>0</v>
      </c>
      <c r="AK365" s="173">
        <v>0</v>
      </c>
      <c r="AL365" s="173">
        <v>0</v>
      </c>
      <c r="AM365" s="173">
        <v>0</v>
      </c>
      <c r="AN365" s="173">
        <v>0</v>
      </c>
      <c r="AO365" s="173">
        <v>0</v>
      </c>
      <c r="AP365" s="173">
        <v>0</v>
      </c>
      <c r="AQ365" s="173">
        <v>0</v>
      </c>
      <c r="AR365" s="173">
        <v>0</v>
      </c>
      <c r="AS365" s="173">
        <v>0</v>
      </c>
      <c r="AT365" s="173">
        <v>0</v>
      </c>
      <c r="AU365" s="173">
        <v>0</v>
      </c>
      <c r="AV365" s="173">
        <v>0</v>
      </c>
      <c r="AW365" s="173">
        <v>0</v>
      </c>
      <c r="AX365" s="173">
        <v>-4665344.2699999996</v>
      </c>
      <c r="AY365" s="173">
        <v>0</v>
      </c>
      <c r="AZ365" s="173">
        <v>-362600788.53999901</v>
      </c>
      <c r="BA365" s="173">
        <v>0</v>
      </c>
      <c r="BB365" s="173">
        <v>0</v>
      </c>
      <c r="BC365" s="173">
        <v>0</v>
      </c>
      <c r="BD365" s="173">
        <v>0</v>
      </c>
      <c r="BE365" s="173">
        <v>0</v>
      </c>
      <c r="BF365" s="173">
        <v>0</v>
      </c>
      <c r="BG365" s="173">
        <v>0</v>
      </c>
      <c r="BH365" s="173">
        <v>0</v>
      </c>
      <c r="BI365" s="173">
        <v>0</v>
      </c>
      <c r="BJ365" s="173">
        <v>0</v>
      </c>
      <c r="BK365" s="173">
        <v>0</v>
      </c>
      <c r="BL365" s="173">
        <v>0</v>
      </c>
      <c r="BM365" s="173">
        <v>0</v>
      </c>
      <c r="BN365" s="173">
        <v>0</v>
      </c>
      <c r="BO365" s="173">
        <v>-4665344.2699999996</v>
      </c>
      <c r="BP365" s="173">
        <v>0</v>
      </c>
      <c r="BQ365" s="173">
        <v>-362600788.53999901</v>
      </c>
      <c r="BR365" s="173">
        <v>576557481.66999996</v>
      </c>
      <c r="BS365" s="173">
        <v>209291348.859999</v>
      </c>
      <c r="BT365" s="174">
        <v>0</v>
      </c>
      <c r="BU365" s="173">
        <v>74543577.070509404</v>
      </c>
      <c r="BV365" s="173">
        <v>565837448.04409099</v>
      </c>
      <c r="BW365" s="173">
        <v>0</v>
      </c>
      <c r="BX365" s="173">
        <v>0</v>
      </c>
      <c r="BY365" s="173">
        <v>0</v>
      </c>
      <c r="BZ365" s="173">
        <v>0</v>
      </c>
      <c r="CA365" s="173">
        <v>0</v>
      </c>
      <c r="CB365" s="173">
        <v>0</v>
      </c>
      <c r="CC365" s="173">
        <v>0</v>
      </c>
      <c r="CD365" s="173">
        <v>0</v>
      </c>
      <c r="CE365" s="173">
        <v>0</v>
      </c>
      <c r="CF365" s="173">
        <v>0</v>
      </c>
      <c r="CG365" s="173">
        <v>0</v>
      </c>
      <c r="CH365" s="173">
        <v>-4665344.2699999996</v>
      </c>
      <c r="CI365" s="173">
        <v>0</v>
      </c>
      <c r="CJ365" s="173">
        <v>-362600788.53999901</v>
      </c>
      <c r="CK365" s="173">
        <v>0</v>
      </c>
      <c r="CL365" s="173">
        <v>0</v>
      </c>
      <c r="CM365" s="173">
        <v>0</v>
      </c>
      <c r="CN365" s="173">
        <v>0</v>
      </c>
      <c r="CO365" s="173">
        <v>0</v>
      </c>
      <c r="CP365" s="173">
        <v>0</v>
      </c>
      <c r="CQ365" s="173">
        <v>0</v>
      </c>
      <c r="CR365" s="173">
        <v>0</v>
      </c>
      <c r="CS365" s="173">
        <v>0</v>
      </c>
      <c r="CT365" s="173">
        <v>0</v>
      </c>
      <c r="CU365" s="173">
        <v>0</v>
      </c>
      <c r="CV365" s="173">
        <v>-4665344.2699999996</v>
      </c>
      <c r="CW365" s="173">
        <v>0</v>
      </c>
      <c r="CX365" s="173">
        <v>-362600788.53999901</v>
      </c>
      <c r="CY365" s="173">
        <v>198571315.23409101</v>
      </c>
      <c r="CZ365" s="173">
        <v>198571315.23409101</v>
      </c>
      <c r="DA365" s="175" t="s">
        <v>1203</v>
      </c>
    </row>
    <row r="366" spans="1:105" x14ac:dyDescent="0.2">
      <c r="A366" s="167" t="s">
        <v>455</v>
      </c>
    </row>
    <row r="367" spans="1:105" x14ac:dyDescent="0.2">
      <c r="A367" s="167" t="s">
        <v>1204</v>
      </c>
      <c r="B367" s="166">
        <v>0</v>
      </c>
      <c r="C367" s="166">
        <v>0</v>
      </c>
      <c r="D367" s="166">
        <v>0</v>
      </c>
      <c r="E367" s="166">
        <v>0</v>
      </c>
      <c r="F367" s="166">
        <v>0</v>
      </c>
      <c r="G367" s="166">
        <v>0</v>
      </c>
      <c r="H367" s="166">
        <v>0</v>
      </c>
      <c r="I367" s="166">
        <v>0</v>
      </c>
      <c r="J367" s="166">
        <v>0</v>
      </c>
      <c r="K367" s="166">
        <v>0</v>
      </c>
      <c r="L367" s="166">
        <v>0</v>
      </c>
      <c r="M367" s="166">
        <v>0</v>
      </c>
      <c r="N367" s="166">
        <v>0</v>
      </c>
      <c r="O367" s="166">
        <v>0</v>
      </c>
      <c r="P367" s="166">
        <v>0</v>
      </c>
      <c r="Q367" s="166">
        <v>0</v>
      </c>
      <c r="R367" s="166">
        <v>0</v>
      </c>
      <c r="S367" s="166">
        <v>0</v>
      </c>
      <c r="T367" s="166">
        <v>0</v>
      </c>
      <c r="U367" s="166">
        <v>0</v>
      </c>
      <c r="V367" s="166">
        <v>0</v>
      </c>
      <c r="W367" s="166">
        <v>0</v>
      </c>
      <c r="X367" s="166">
        <v>0</v>
      </c>
      <c r="Y367" s="166">
        <v>0</v>
      </c>
      <c r="Z367" s="166">
        <v>0</v>
      </c>
      <c r="AA367" s="166">
        <v>0</v>
      </c>
      <c r="AB367" s="166">
        <v>0</v>
      </c>
      <c r="AC367" s="166">
        <v>0</v>
      </c>
      <c r="AD367" s="166">
        <v>0</v>
      </c>
      <c r="AE367" s="166">
        <v>0</v>
      </c>
      <c r="AF367" s="166">
        <v>0</v>
      </c>
      <c r="AG367" s="166">
        <v>0</v>
      </c>
      <c r="AH367" s="166">
        <v>0</v>
      </c>
      <c r="AI367" s="166">
        <v>0</v>
      </c>
      <c r="AJ367" s="166">
        <v>0</v>
      </c>
      <c r="AK367" s="166">
        <v>0</v>
      </c>
      <c r="AL367" s="166">
        <v>0</v>
      </c>
      <c r="AM367" s="166">
        <v>0</v>
      </c>
      <c r="AN367" s="166">
        <v>0</v>
      </c>
      <c r="AO367" s="166">
        <v>0</v>
      </c>
      <c r="AP367" s="166">
        <v>0</v>
      </c>
      <c r="AQ367" s="166">
        <v>0</v>
      </c>
      <c r="AR367" s="166">
        <v>0</v>
      </c>
      <c r="AS367" s="166">
        <v>0</v>
      </c>
      <c r="AT367" s="166">
        <v>0</v>
      </c>
      <c r="AU367" s="166">
        <v>0</v>
      </c>
      <c r="AV367" s="166">
        <v>0</v>
      </c>
      <c r="AW367" s="166">
        <v>0</v>
      </c>
      <c r="AX367" s="166">
        <v>0</v>
      </c>
      <c r="AY367" s="166">
        <v>0</v>
      </c>
      <c r="AZ367" s="166">
        <v>0</v>
      </c>
      <c r="BA367" s="166">
        <v>0</v>
      </c>
      <c r="BB367" s="166">
        <v>0</v>
      </c>
      <c r="BC367" s="166">
        <v>0</v>
      </c>
      <c r="BD367" s="166">
        <v>0</v>
      </c>
      <c r="BE367" s="166">
        <v>0</v>
      </c>
      <c r="BF367" s="166">
        <v>0</v>
      </c>
      <c r="BG367" s="166">
        <v>0</v>
      </c>
      <c r="BH367" s="166">
        <v>0</v>
      </c>
      <c r="BI367" s="166">
        <v>0</v>
      </c>
      <c r="BJ367" s="166">
        <v>0</v>
      </c>
      <c r="BK367" s="166">
        <v>0</v>
      </c>
      <c r="BL367" s="166">
        <v>0</v>
      </c>
      <c r="BM367" s="166">
        <v>0</v>
      </c>
      <c r="BN367" s="166">
        <v>0</v>
      </c>
      <c r="BO367" s="166">
        <v>0</v>
      </c>
      <c r="BP367" s="166">
        <v>0</v>
      </c>
      <c r="BQ367" s="166">
        <v>0</v>
      </c>
      <c r="BR367" s="166">
        <v>0</v>
      </c>
      <c r="BS367" s="166">
        <v>0</v>
      </c>
      <c r="BT367" s="168">
        <v>0.96779000000000004</v>
      </c>
      <c r="BU367" s="166">
        <v>0</v>
      </c>
      <c r="BV367" s="166">
        <v>0</v>
      </c>
      <c r="BW367" s="166">
        <v>0</v>
      </c>
      <c r="BX367" s="166">
        <v>0</v>
      </c>
      <c r="BY367" s="166">
        <v>0</v>
      </c>
      <c r="BZ367" s="166">
        <v>0</v>
      </c>
      <c r="CA367" s="166">
        <v>0</v>
      </c>
      <c r="CB367" s="166">
        <v>0</v>
      </c>
      <c r="CC367" s="166">
        <v>0</v>
      </c>
      <c r="CD367" s="166">
        <v>0</v>
      </c>
      <c r="CE367" s="166">
        <v>0</v>
      </c>
      <c r="CF367" s="166">
        <v>0</v>
      </c>
      <c r="CG367" s="166">
        <v>0</v>
      </c>
      <c r="CH367" s="166">
        <v>0</v>
      </c>
      <c r="CI367" s="166">
        <v>0</v>
      </c>
      <c r="CJ367" s="166">
        <v>0</v>
      </c>
      <c r="CK367" s="166">
        <v>0</v>
      </c>
      <c r="CL367" s="166">
        <v>0</v>
      </c>
      <c r="CM367" s="166">
        <v>0</v>
      </c>
      <c r="CN367" s="166">
        <v>0</v>
      </c>
      <c r="CO367" s="166">
        <v>0</v>
      </c>
      <c r="CP367" s="166">
        <v>0</v>
      </c>
      <c r="CQ367" s="166">
        <v>0</v>
      </c>
      <c r="CR367" s="166">
        <v>0</v>
      </c>
      <c r="CS367" s="166">
        <v>0</v>
      </c>
      <c r="CT367" s="166">
        <v>0</v>
      </c>
      <c r="CU367" s="166">
        <v>0</v>
      </c>
      <c r="CV367" s="166">
        <v>0</v>
      </c>
      <c r="CW367" s="166">
        <v>0</v>
      </c>
      <c r="CX367" s="166">
        <v>0</v>
      </c>
      <c r="CY367" s="166">
        <v>0</v>
      </c>
      <c r="CZ367" s="166">
        <v>0</v>
      </c>
    </row>
    <row r="368" spans="1:105" x14ac:dyDescent="0.2">
      <c r="A368" s="167" t="s">
        <v>457</v>
      </c>
    </row>
    <row r="369" spans="1:104" x14ac:dyDescent="0.2">
      <c r="A369" s="170" t="s">
        <v>458</v>
      </c>
      <c r="B369" s="166">
        <v>965956096.94366097</v>
      </c>
      <c r="C369" s="166">
        <v>965956096.94366097</v>
      </c>
      <c r="D369" s="166">
        <v>0</v>
      </c>
      <c r="E369" s="166">
        <v>0</v>
      </c>
      <c r="F369" s="166">
        <v>0</v>
      </c>
      <c r="G369" s="166">
        <v>0</v>
      </c>
      <c r="H369" s="166">
        <v>0</v>
      </c>
      <c r="I369" s="166">
        <v>0</v>
      </c>
      <c r="J369" s="166">
        <v>0</v>
      </c>
      <c r="K369" s="166">
        <v>0</v>
      </c>
      <c r="L369" s="166">
        <v>0</v>
      </c>
      <c r="M369" s="166">
        <v>0</v>
      </c>
      <c r="N369" s="166">
        <v>0</v>
      </c>
      <c r="O369" s="166">
        <v>0</v>
      </c>
      <c r="P369" s="166">
        <v>0</v>
      </c>
      <c r="Q369" s="166">
        <v>0</v>
      </c>
      <c r="R369" s="166">
        <v>0</v>
      </c>
      <c r="S369" s="166">
        <v>0</v>
      </c>
      <c r="T369" s="166">
        <v>0</v>
      </c>
      <c r="U369" s="166">
        <v>0</v>
      </c>
      <c r="V369" s="166">
        <v>0</v>
      </c>
      <c r="W369" s="166">
        <v>0</v>
      </c>
      <c r="X369" s="166">
        <v>0</v>
      </c>
      <c r="Y369" s="166">
        <v>0</v>
      </c>
      <c r="Z369" s="166">
        <v>0</v>
      </c>
      <c r="AA369" s="166">
        <v>0</v>
      </c>
      <c r="AB369" s="166">
        <v>0</v>
      </c>
      <c r="AC369" s="166">
        <v>0</v>
      </c>
      <c r="AD369" s="166">
        <v>0</v>
      </c>
      <c r="AE369" s="166">
        <v>0</v>
      </c>
      <c r="AF369" s="166">
        <v>0</v>
      </c>
      <c r="AG369" s="166">
        <v>0</v>
      </c>
      <c r="AH369" s="166">
        <v>0</v>
      </c>
      <c r="AI369" s="166">
        <v>0</v>
      </c>
      <c r="AJ369" s="166">
        <v>0</v>
      </c>
      <c r="AK369" s="166">
        <v>0</v>
      </c>
      <c r="AL369" s="166">
        <v>0</v>
      </c>
      <c r="AM369" s="166">
        <v>0</v>
      </c>
      <c r="AN369" s="166">
        <v>0</v>
      </c>
      <c r="AO369" s="166">
        <v>0</v>
      </c>
      <c r="AP369" s="166">
        <v>0</v>
      </c>
      <c r="AQ369" s="166">
        <v>0</v>
      </c>
      <c r="AR369" s="166">
        <v>0</v>
      </c>
      <c r="AS369" s="166">
        <v>0</v>
      </c>
      <c r="AT369" s="166">
        <v>0</v>
      </c>
      <c r="AU369" s="166">
        <v>0</v>
      </c>
      <c r="AV369" s="166">
        <v>0</v>
      </c>
      <c r="AW369" s="166">
        <v>0</v>
      </c>
      <c r="AX369" s="166">
        <v>-4665344.2699999996</v>
      </c>
      <c r="AY369" s="166">
        <v>0</v>
      </c>
      <c r="AZ369" s="166">
        <v>-362600788.53999901</v>
      </c>
      <c r="BA369" s="166">
        <v>0</v>
      </c>
      <c r="BB369" s="166">
        <v>0</v>
      </c>
      <c r="BC369" s="166">
        <v>0</v>
      </c>
      <c r="BD369" s="166">
        <v>0</v>
      </c>
      <c r="BE369" s="166">
        <v>0</v>
      </c>
      <c r="BF369" s="166">
        <v>0</v>
      </c>
      <c r="BG369" s="166">
        <v>0</v>
      </c>
      <c r="BH369" s="166">
        <v>0</v>
      </c>
      <c r="BI369" s="166">
        <v>0</v>
      </c>
      <c r="BJ369" s="166">
        <v>0</v>
      </c>
      <c r="BK369" s="166">
        <v>0</v>
      </c>
      <c r="BL369" s="166">
        <v>0</v>
      </c>
      <c r="BM369" s="166">
        <v>0</v>
      </c>
      <c r="BN369" s="166">
        <v>0</v>
      </c>
      <c r="BO369" s="166">
        <v>-4665344.2699999996</v>
      </c>
      <c r="BP369" s="166">
        <v>0</v>
      </c>
      <c r="BQ369" s="166">
        <v>-362600788.53999901</v>
      </c>
      <c r="BR369" s="166">
        <v>965956096.94366097</v>
      </c>
      <c r="BS369" s="166">
        <v>598689964.13366103</v>
      </c>
      <c r="BT369" s="168">
        <v>0</v>
      </c>
      <c r="BU369" s="166">
        <v>103323993.963007</v>
      </c>
      <c r="BV369" s="166">
        <v>944981520.86251295</v>
      </c>
      <c r="BW369" s="166">
        <v>0</v>
      </c>
      <c r="BX369" s="166">
        <v>0</v>
      </c>
      <c r="BY369" s="166">
        <v>0</v>
      </c>
      <c r="BZ369" s="166">
        <v>0</v>
      </c>
      <c r="CA369" s="166">
        <v>0</v>
      </c>
      <c r="CB369" s="166">
        <v>0</v>
      </c>
      <c r="CC369" s="166">
        <v>0</v>
      </c>
      <c r="CD369" s="166">
        <v>0</v>
      </c>
      <c r="CE369" s="166">
        <v>0</v>
      </c>
      <c r="CF369" s="166">
        <v>0</v>
      </c>
      <c r="CG369" s="166">
        <v>0</v>
      </c>
      <c r="CH369" s="166">
        <v>-4665344.2699999996</v>
      </c>
      <c r="CI369" s="166">
        <v>0</v>
      </c>
      <c r="CJ369" s="166">
        <v>-362600788.53999901</v>
      </c>
      <c r="CK369" s="166">
        <v>0</v>
      </c>
      <c r="CL369" s="166">
        <v>0</v>
      </c>
      <c r="CM369" s="166">
        <v>0</v>
      </c>
      <c r="CN369" s="166">
        <v>0</v>
      </c>
      <c r="CO369" s="166">
        <v>0</v>
      </c>
      <c r="CP369" s="166">
        <v>0</v>
      </c>
      <c r="CQ369" s="166">
        <v>0</v>
      </c>
      <c r="CR369" s="166">
        <v>0</v>
      </c>
      <c r="CS369" s="166">
        <v>0</v>
      </c>
      <c r="CT369" s="166">
        <v>0</v>
      </c>
      <c r="CU369" s="166">
        <v>0</v>
      </c>
      <c r="CV369" s="166">
        <v>-4665344.2699999996</v>
      </c>
      <c r="CW369" s="166">
        <v>0</v>
      </c>
      <c r="CX369" s="166">
        <v>-362600788.53999901</v>
      </c>
      <c r="CY369" s="166">
        <v>577715388.052513</v>
      </c>
      <c r="CZ369" s="166">
        <v>577715388.052513</v>
      </c>
    </row>
    <row r="370" spans="1:104" x14ac:dyDescent="0.2">
      <c r="A370" s="167" t="s">
        <v>459</v>
      </c>
    </row>
    <row r="371" spans="1:104" x14ac:dyDescent="0.2">
      <c r="A371" s="170" t="s">
        <v>460</v>
      </c>
    </row>
    <row r="372" spans="1:104" x14ac:dyDescent="0.2">
      <c r="A372" s="167" t="s">
        <v>461</v>
      </c>
      <c r="B372" s="166">
        <v>108836554.09999999</v>
      </c>
      <c r="C372" s="166">
        <v>108836554.09999999</v>
      </c>
      <c r="D372" s="166">
        <v>0</v>
      </c>
      <c r="E372" s="166">
        <v>0</v>
      </c>
      <c r="F372" s="166">
        <v>0</v>
      </c>
      <c r="G372" s="166">
        <v>0</v>
      </c>
      <c r="H372" s="166">
        <v>0</v>
      </c>
      <c r="I372" s="166">
        <v>0</v>
      </c>
      <c r="J372" s="166">
        <v>0</v>
      </c>
      <c r="K372" s="166">
        <v>0</v>
      </c>
      <c r="L372" s="166">
        <v>0</v>
      </c>
      <c r="M372" s="166">
        <v>0</v>
      </c>
      <c r="N372" s="166">
        <v>0</v>
      </c>
      <c r="O372" s="166">
        <v>0</v>
      </c>
      <c r="P372" s="166">
        <v>0</v>
      </c>
      <c r="Q372" s="166">
        <v>0</v>
      </c>
      <c r="R372" s="166">
        <v>-108836554.09999999</v>
      </c>
      <c r="S372" s="166">
        <v>0</v>
      </c>
      <c r="T372" s="166">
        <v>0</v>
      </c>
      <c r="U372" s="166">
        <v>0</v>
      </c>
      <c r="V372" s="166">
        <v>0</v>
      </c>
      <c r="W372" s="166">
        <v>0</v>
      </c>
      <c r="X372" s="166">
        <v>0</v>
      </c>
      <c r="Y372" s="166">
        <v>0</v>
      </c>
      <c r="Z372" s="166">
        <v>0</v>
      </c>
      <c r="AA372" s="166">
        <v>0</v>
      </c>
      <c r="AB372" s="166">
        <v>0</v>
      </c>
      <c r="AC372" s="166">
        <v>0</v>
      </c>
      <c r="AD372" s="166">
        <v>0</v>
      </c>
      <c r="AE372" s="166">
        <v>0</v>
      </c>
      <c r="AF372" s="166">
        <v>0</v>
      </c>
      <c r="AG372" s="166">
        <v>0</v>
      </c>
      <c r="AH372" s="166">
        <v>0</v>
      </c>
      <c r="AI372" s="166">
        <v>0</v>
      </c>
      <c r="AJ372" s="166">
        <v>0</v>
      </c>
      <c r="AK372" s="166">
        <v>0</v>
      </c>
      <c r="AL372" s="166">
        <v>0</v>
      </c>
      <c r="AM372" s="166">
        <v>0</v>
      </c>
      <c r="AN372" s="166">
        <v>0</v>
      </c>
      <c r="AO372" s="166">
        <v>0</v>
      </c>
      <c r="AP372" s="166">
        <v>0</v>
      </c>
      <c r="AQ372" s="166">
        <v>0</v>
      </c>
      <c r="AR372" s="166">
        <v>0</v>
      </c>
      <c r="AS372" s="166">
        <v>0</v>
      </c>
      <c r="AT372" s="166">
        <v>0</v>
      </c>
      <c r="AU372" s="166">
        <v>0</v>
      </c>
      <c r="AV372" s="166">
        <v>0</v>
      </c>
      <c r="AW372" s="166">
        <v>0</v>
      </c>
      <c r="AX372" s="166">
        <v>0</v>
      </c>
      <c r="AY372" s="166">
        <v>0</v>
      </c>
      <c r="AZ372" s="166">
        <v>0</v>
      </c>
      <c r="BA372" s="166">
        <v>0</v>
      </c>
      <c r="BB372" s="166">
        <v>0</v>
      </c>
      <c r="BC372" s="166">
        <v>0</v>
      </c>
      <c r="BD372" s="166">
        <v>0</v>
      </c>
      <c r="BE372" s="166">
        <v>0</v>
      </c>
      <c r="BF372" s="166">
        <v>0</v>
      </c>
      <c r="BG372" s="166">
        <v>-108836554.09999999</v>
      </c>
      <c r="BH372" s="166">
        <v>0</v>
      </c>
      <c r="BI372" s="166">
        <v>0</v>
      </c>
      <c r="BJ372" s="166">
        <v>0</v>
      </c>
      <c r="BK372" s="166">
        <v>0</v>
      </c>
      <c r="BL372" s="166">
        <v>0</v>
      </c>
      <c r="BM372" s="166">
        <v>0</v>
      </c>
      <c r="BN372" s="166">
        <v>0</v>
      </c>
      <c r="BO372" s="166">
        <v>0</v>
      </c>
      <c r="BP372" s="166">
        <v>0</v>
      </c>
      <c r="BQ372" s="166">
        <v>0</v>
      </c>
      <c r="BR372" s="166">
        <v>108836554.09999999</v>
      </c>
      <c r="BS372" s="166">
        <v>0</v>
      </c>
      <c r="BT372" s="168">
        <v>1</v>
      </c>
      <c r="BU372" s="166">
        <v>7542987.02999999</v>
      </c>
      <c r="BV372" s="166">
        <v>108836554.09999999</v>
      </c>
      <c r="BW372" s="166">
        <v>0</v>
      </c>
      <c r="BX372" s="166">
        <v>0</v>
      </c>
      <c r="BY372" s="166">
        <v>0</v>
      </c>
      <c r="BZ372" s="166">
        <v>-108836554.09999999</v>
      </c>
      <c r="CA372" s="166">
        <v>0</v>
      </c>
      <c r="CB372" s="166">
        <v>0</v>
      </c>
      <c r="CC372" s="166">
        <v>0</v>
      </c>
      <c r="CD372" s="166">
        <v>0</v>
      </c>
      <c r="CE372" s="166">
        <v>0</v>
      </c>
      <c r="CF372" s="166">
        <v>0</v>
      </c>
      <c r="CG372" s="166">
        <v>0</v>
      </c>
      <c r="CH372" s="166">
        <v>0</v>
      </c>
      <c r="CI372" s="166">
        <v>0</v>
      </c>
      <c r="CJ372" s="166">
        <v>0</v>
      </c>
      <c r="CK372" s="166">
        <v>0</v>
      </c>
      <c r="CL372" s="166">
        <v>0</v>
      </c>
      <c r="CM372" s="166">
        <v>0</v>
      </c>
      <c r="CN372" s="166">
        <v>-108836554.09999999</v>
      </c>
      <c r="CO372" s="166">
        <v>0</v>
      </c>
      <c r="CP372" s="166">
        <v>0</v>
      </c>
      <c r="CQ372" s="166">
        <v>0</v>
      </c>
      <c r="CR372" s="166">
        <v>0</v>
      </c>
      <c r="CS372" s="166">
        <v>0</v>
      </c>
      <c r="CT372" s="166">
        <v>0</v>
      </c>
      <c r="CU372" s="166">
        <v>0</v>
      </c>
      <c r="CV372" s="166">
        <v>0</v>
      </c>
      <c r="CW372" s="166">
        <v>0</v>
      </c>
      <c r="CX372" s="166">
        <v>0</v>
      </c>
      <c r="CY372" s="166">
        <v>0</v>
      </c>
      <c r="CZ372" s="166">
        <v>0</v>
      </c>
    </row>
    <row r="373" spans="1:104" x14ac:dyDescent="0.2">
      <c r="A373" s="167" t="s">
        <v>462</v>
      </c>
    </row>
    <row r="374" spans="1:104" x14ac:dyDescent="0.2">
      <c r="A374" s="167" t="s">
        <v>463</v>
      </c>
      <c r="B374" s="166">
        <v>480166.61</v>
      </c>
      <c r="C374" s="166">
        <v>480166.61</v>
      </c>
      <c r="D374" s="166">
        <v>0</v>
      </c>
      <c r="E374" s="166">
        <v>0</v>
      </c>
      <c r="F374" s="166">
        <v>0</v>
      </c>
      <c r="G374" s="166">
        <v>0</v>
      </c>
      <c r="H374" s="166">
        <v>0</v>
      </c>
      <c r="I374" s="166">
        <v>0</v>
      </c>
      <c r="J374" s="166">
        <v>0</v>
      </c>
      <c r="K374" s="166">
        <v>0</v>
      </c>
      <c r="L374" s="166">
        <v>0</v>
      </c>
      <c r="M374" s="166">
        <v>0</v>
      </c>
      <c r="N374" s="166">
        <v>0</v>
      </c>
      <c r="O374" s="166">
        <v>0</v>
      </c>
      <c r="P374" s="166">
        <v>0</v>
      </c>
      <c r="Q374" s="166">
        <v>0</v>
      </c>
      <c r="R374" s="166">
        <v>0</v>
      </c>
      <c r="S374" s="166">
        <v>0</v>
      </c>
      <c r="T374" s="166">
        <v>0</v>
      </c>
      <c r="U374" s="166">
        <v>-480166.61</v>
      </c>
      <c r="V374" s="166">
        <v>0</v>
      </c>
      <c r="W374" s="166">
        <v>0</v>
      </c>
      <c r="X374" s="166">
        <v>0</v>
      </c>
      <c r="Y374" s="166">
        <v>0</v>
      </c>
      <c r="Z374" s="166">
        <v>0</v>
      </c>
      <c r="AA374" s="166">
        <v>0</v>
      </c>
      <c r="AB374" s="166">
        <v>0</v>
      </c>
      <c r="AC374" s="166">
        <v>0</v>
      </c>
      <c r="AD374" s="166">
        <v>0</v>
      </c>
      <c r="AE374" s="166">
        <v>0</v>
      </c>
      <c r="AF374" s="166">
        <v>0</v>
      </c>
      <c r="AG374" s="166">
        <v>0</v>
      </c>
      <c r="AH374" s="166">
        <v>0</v>
      </c>
      <c r="AI374" s="166">
        <v>0</v>
      </c>
      <c r="AJ374" s="166">
        <v>0</v>
      </c>
      <c r="AK374" s="166">
        <v>0</v>
      </c>
      <c r="AL374" s="166">
        <v>0</v>
      </c>
      <c r="AM374" s="166">
        <v>0</v>
      </c>
      <c r="AN374" s="166">
        <v>0</v>
      </c>
      <c r="AO374" s="166">
        <v>0</v>
      </c>
      <c r="AP374" s="166">
        <v>0</v>
      </c>
      <c r="AQ374" s="166">
        <v>0</v>
      </c>
      <c r="AR374" s="166">
        <v>0</v>
      </c>
      <c r="AS374" s="166">
        <v>0</v>
      </c>
      <c r="AT374" s="166">
        <v>0</v>
      </c>
      <c r="AU374" s="166">
        <v>0</v>
      </c>
      <c r="AV374" s="166">
        <v>0</v>
      </c>
      <c r="AW374" s="166">
        <v>0</v>
      </c>
      <c r="AX374" s="166">
        <v>0</v>
      </c>
      <c r="AY374" s="166">
        <v>0</v>
      </c>
      <c r="AZ374" s="166">
        <v>0</v>
      </c>
      <c r="BA374" s="166">
        <v>0</v>
      </c>
      <c r="BB374" s="166">
        <v>0</v>
      </c>
      <c r="BC374" s="166">
        <v>0</v>
      </c>
      <c r="BD374" s="166">
        <v>0</v>
      </c>
      <c r="BE374" s="166">
        <v>0</v>
      </c>
      <c r="BF374" s="166">
        <v>0</v>
      </c>
      <c r="BG374" s="166">
        <v>0</v>
      </c>
      <c r="BH374" s="166">
        <v>0</v>
      </c>
      <c r="BI374" s="166">
        <v>-480166.61</v>
      </c>
      <c r="BJ374" s="166">
        <v>0</v>
      </c>
      <c r="BK374" s="166">
        <v>0</v>
      </c>
      <c r="BL374" s="166">
        <v>0</v>
      </c>
      <c r="BM374" s="166">
        <v>0</v>
      </c>
      <c r="BN374" s="166">
        <v>0</v>
      </c>
      <c r="BO374" s="166">
        <v>0</v>
      </c>
      <c r="BP374" s="166">
        <v>0</v>
      </c>
      <c r="BQ374" s="166">
        <v>0</v>
      </c>
      <c r="BR374" s="166">
        <v>480166.61</v>
      </c>
      <c r="BS374" s="166">
        <v>0</v>
      </c>
      <c r="BT374" s="168">
        <v>0.97402999999999995</v>
      </c>
      <c r="BU374" s="166">
        <v>82109.345877400003</v>
      </c>
      <c r="BV374" s="166">
        <v>467696.68313830002</v>
      </c>
      <c r="BW374" s="166">
        <v>0</v>
      </c>
      <c r="BX374" s="166">
        <v>0</v>
      </c>
      <c r="BY374" s="166">
        <v>0</v>
      </c>
      <c r="BZ374" s="166">
        <v>0</v>
      </c>
      <c r="CA374" s="166">
        <v>0</v>
      </c>
      <c r="CB374" s="166">
        <v>-467696.68313830002</v>
      </c>
      <c r="CC374" s="166">
        <v>0</v>
      </c>
      <c r="CD374" s="166">
        <v>0</v>
      </c>
      <c r="CE374" s="166">
        <v>0</v>
      </c>
      <c r="CF374" s="166">
        <v>0</v>
      </c>
      <c r="CG374" s="166">
        <v>0</v>
      </c>
      <c r="CH374" s="166">
        <v>0</v>
      </c>
      <c r="CI374" s="166">
        <v>0</v>
      </c>
      <c r="CJ374" s="166">
        <v>0</v>
      </c>
      <c r="CK374" s="166">
        <v>0</v>
      </c>
      <c r="CL374" s="166">
        <v>0</v>
      </c>
      <c r="CM374" s="166">
        <v>0</v>
      </c>
      <c r="CN374" s="166">
        <v>0</v>
      </c>
      <c r="CO374" s="166">
        <v>0</v>
      </c>
      <c r="CP374" s="166">
        <v>-467696.68313830002</v>
      </c>
      <c r="CQ374" s="166">
        <v>0</v>
      </c>
      <c r="CR374" s="166">
        <v>0</v>
      </c>
      <c r="CS374" s="166">
        <v>0</v>
      </c>
      <c r="CT374" s="166">
        <v>0</v>
      </c>
      <c r="CU374" s="166">
        <v>0</v>
      </c>
      <c r="CV374" s="166">
        <v>0</v>
      </c>
      <c r="CW374" s="166">
        <v>0</v>
      </c>
      <c r="CX374" s="166">
        <v>0</v>
      </c>
      <c r="CY374" s="166">
        <v>0</v>
      </c>
      <c r="CZ374" s="166">
        <v>0</v>
      </c>
    </row>
    <row r="375" spans="1:104" x14ac:dyDescent="0.2">
      <c r="A375" s="167" t="s">
        <v>464</v>
      </c>
      <c r="B375" s="166">
        <v>6875419.54</v>
      </c>
      <c r="C375" s="166">
        <v>6875419.54</v>
      </c>
      <c r="D375" s="166">
        <v>0</v>
      </c>
      <c r="E375" s="166">
        <v>0</v>
      </c>
      <c r="F375" s="166">
        <v>0</v>
      </c>
      <c r="G375" s="166">
        <v>0</v>
      </c>
      <c r="H375" s="166">
        <v>0</v>
      </c>
      <c r="I375" s="166">
        <v>0</v>
      </c>
      <c r="J375" s="166">
        <v>0</v>
      </c>
      <c r="K375" s="166">
        <v>0</v>
      </c>
      <c r="L375" s="166">
        <v>0</v>
      </c>
      <c r="M375" s="166">
        <v>0</v>
      </c>
      <c r="N375" s="166">
        <v>0</v>
      </c>
      <c r="O375" s="166">
        <v>0</v>
      </c>
      <c r="P375" s="166">
        <v>0</v>
      </c>
      <c r="Q375" s="166">
        <v>0</v>
      </c>
      <c r="R375" s="166">
        <v>0</v>
      </c>
      <c r="S375" s="166">
        <v>0</v>
      </c>
      <c r="T375" s="166">
        <v>0</v>
      </c>
      <c r="U375" s="166">
        <v>-6875419.54</v>
      </c>
      <c r="V375" s="166">
        <v>0</v>
      </c>
      <c r="W375" s="166">
        <v>0</v>
      </c>
      <c r="X375" s="166">
        <v>0</v>
      </c>
      <c r="Y375" s="166">
        <v>0</v>
      </c>
      <c r="Z375" s="166">
        <v>0</v>
      </c>
      <c r="AA375" s="166">
        <v>0</v>
      </c>
      <c r="AB375" s="166">
        <v>0</v>
      </c>
      <c r="AC375" s="166">
        <v>0</v>
      </c>
      <c r="AD375" s="166">
        <v>0</v>
      </c>
      <c r="AE375" s="166">
        <v>0</v>
      </c>
      <c r="AF375" s="166">
        <v>0</v>
      </c>
      <c r="AG375" s="166">
        <v>0</v>
      </c>
      <c r="AH375" s="166">
        <v>0</v>
      </c>
      <c r="AI375" s="166">
        <v>0</v>
      </c>
      <c r="AJ375" s="166">
        <v>0</v>
      </c>
      <c r="AK375" s="166">
        <v>0</v>
      </c>
      <c r="AL375" s="166">
        <v>0</v>
      </c>
      <c r="AM375" s="166">
        <v>0</v>
      </c>
      <c r="AN375" s="166">
        <v>0</v>
      </c>
      <c r="AO375" s="166">
        <v>0</v>
      </c>
      <c r="AP375" s="166">
        <v>0</v>
      </c>
      <c r="AQ375" s="166">
        <v>0</v>
      </c>
      <c r="AR375" s="166">
        <v>0</v>
      </c>
      <c r="AS375" s="166">
        <v>0</v>
      </c>
      <c r="AT375" s="166">
        <v>0</v>
      </c>
      <c r="AU375" s="166">
        <v>0</v>
      </c>
      <c r="AV375" s="166">
        <v>0</v>
      </c>
      <c r="AW375" s="166">
        <v>0</v>
      </c>
      <c r="AX375" s="166">
        <v>0</v>
      </c>
      <c r="AY375" s="166">
        <v>0</v>
      </c>
      <c r="AZ375" s="166">
        <v>0</v>
      </c>
      <c r="BA375" s="166">
        <v>0</v>
      </c>
      <c r="BB375" s="166">
        <v>0</v>
      </c>
      <c r="BC375" s="166">
        <v>0</v>
      </c>
      <c r="BD375" s="166">
        <v>0</v>
      </c>
      <c r="BE375" s="166">
        <v>0</v>
      </c>
      <c r="BF375" s="166">
        <v>0</v>
      </c>
      <c r="BG375" s="166">
        <v>0</v>
      </c>
      <c r="BH375" s="166">
        <v>0</v>
      </c>
      <c r="BI375" s="166">
        <v>-6875419.54</v>
      </c>
      <c r="BJ375" s="166">
        <v>0</v>
      </c>
      <c r="BK375" s="166">
        <v>0</v>
      </c>
      <c r="BL375" s="166">
        <v>0</v>
      </c>
      <c r="BM375" s="166">
        <v>0</v>
      </c>
      <c r="BN375" s="166">
        <v>0</v>
      </c>
      <c r="BO375" s="166">
        <v>0</v>
      </c>
      <c r="BP375" s="166">
        <v>0</v>
      </c>
      <c r="BQ375" s="166">
        <v>0</v>
      </c>
      <c r="BR375" s="166">
        <v>6875419.54</v>
      </c>
      <c r="BS375" s="166">
        <v>0</v>
      </c>
      <c r="BT375" s="168">
        <v>0.99077793652070201</v>
      </c>
      <c r="BU375" s="166">
        <v>273465.265105889</v>
      </c>
      <c r="BV375" s="166">
        <v>6801201.19221381</v>
      </c>
      <c r="BW375" s="166">
        <v>0</v>
      </c>
      <c r="BX375" s="166">
        <v>0</v>
      </c>
      <c r="BY375" s="166">
        <v>0</v>
      </c>
      <c r="BZ375" s="166">
        <v>0</v>
      </c>
      <c r="CA375" s="166">
        <v>0</v>
      </c>
      <c r="CB375" s="166">
        <v>-6801201.19221381</v>
      </c>
      <c r="CC375" s="166">
        <v>0</v>
      </c>
      <c r="CD375" s="166">
        <v>0</v>
      </c>
      <c r="CE375" s="166">
        <v>0</v>
      </c>
      <c r="CF375" s="166">
        <v>0</v>
      </c>
      <c r="CG375" s="166">
        <v>0</v>
      </c>
      <c r="CH375" s="166">
        <v>0</v>
      </c>
      <c r="CI375" s="166">
        <v>0</v>
      </c>
      <c r="CJ375" s="166">
        <v>0</v>
      </c>
      <c r="CK375" s="166">
        <v>0</v>
      </c>
      <c r="CL375" s="166">
        <v>0</v>
      </c>
      <c r="CM375" s="166">
        <v>0</v>
      </c>
      <c r="CN375" s="166">
        <v>0</v>
      </c>
      <c r="CO375" s="166">
        <v>0</v>
      </c>
      <c r="CP375" s="166">
        <v>-6801201.19221381</v>
      </c>
      <c r="CQ375" s="166">
        <v>0</v>
      </c>
      <c r="CR375" s="166">
        <v>0</v>
      </c>
      <c r="CS375" s="166">
        <v>0</v>
      </c>
      <c r="CT375" s="166">
        <v>0</v>
      </c>
      <c r="CU375" s="166">
        <v>0</v>
      </c>
      <c r="CV375" s="166">
        <v>0</v>
      </c>
      <c r="CW375" s="166">
        <v>0</v>
      </c>
      <c r="CX375" s="166">
        <v>0</v>
      </c>
      <c r="CY375" s="166">
        <v>0</v>
      </c>
      <c r="CZ375" s="166">
        <v>0</v>
      </c>
    </row>
    <row r="376" spans="1:104" x14ac:dyDescent="0.2">
      <c r="A376" s="167" t="s">
        <v>465</v>
      </c>
      <c r="B376" s="166">
        <v>0</v>
      </c>
      <c r="C376" s="166">
        <v>0</v>
      </c>
      <c r="D376" s="166">
        <v>0</v>
      </c>
      <c r="E376" s="166">
        <v>0</v>
      </c>
      <c r="F376" s="166">
        <v>0</v>
      </c>
      <c r="G376" s="166">
        <v>0</v>
      </c>
      <c r="H376" s="166">
        <v>0</v>
      </c>
      <c r="I376" s="166">
        <v>0</v>
      </c>
      <c r="J376" s="166">
        <v>0</v>
      </c>
      <c r="K376" s="166">
        <v>0</v>
      </c>
      <c r="L376" s="166">
        <v>0</v>
      </c>
      <c r="M376" s="166">
        <v>0</v>
      </c>
      <c r="N376" s="166">
        <v>0</v>
      </c>
      <c r="O376" s="166">
        <v>0</v>
      </c>
      <c r="P376" s="166">
        <v>0</v>
      </c>
      <c r="Q376" s="166">
        <v>0</v>
      </c>
      <c r="R376" s="166">
        <v>0</v>
      </c>
      <c r="S376" s="166">
        <v>0</v>
      </c>
      <c r="T376" s="166">
        <v>0</v>
      </c>
      <c r="U376" s="166">
        <v>0</v>
      </c>
      <c r="V376" s="166">
        <v>0</v>
      </c>
      <c r="W376" s="166">
        <v>0</v>
      </c>
      <c r="X376" s="166">
        <v>0</v>
      </c>
      <c r="Y376" s="166">
        <v>0</v>
      </c>
      <c r="Z376" s="166">
        <v>0</v>
      </c>
      <c r="AA376" s="166">
        <v>0</v>
      </c>
      <c r="AB376" s="166">
        <v>0</v>
      </c>
      <c r="AC376" s="166">
        <v>0</v>
      </c>
      <c r="AD376" s="166">
        <v>0</v>
      </c>
      <c r="AE376" s="166">
        <v>0</v>
      </c>
      <c r="AF376" s="166">
        <v>0</v>
      </c>
      <c r="AG376" s="166">
        <v>0</v>
      </c>
      <c r="AH376" s="166">
        <v>0</v>
      </c>
      <c r="AI376" s="166">
        <v>0</v>
      </c>
      <c r="AJ376" s="166">
        <v>0</v>
      </c>
      <c r="AK376" s="166">
        <v>0</v>
      </c>
      <c r="AL376" s="166">
        <v>0</v>
      </c>
      <c r="AM376" s="166">
        <v>0</v>
      </c>
      <c r="AN376" s="166">
        <v>0</v>
      </c>
      <c r="AO376" s="166">
        <v>0</v>
      </c>
      <c r="AP376" s="166">
        <v>0</v>
      </c>
      <c r="AQ376" s="166">
        <v>0</v>
      </c>
      <c r="AR376" s="166">
        <v>0</v>
      </c>
      <c r="AS376" s="166">
        <v>0</v>
      </c>
      <c r="AT376" s="166">
        <v>0</v>
      </c>
      <c r="AU376" s="166">
        <v>0</v>
      </c>
      <c r="AV376" s="166">
        <v>0</v>
      </c>
      <c r="AW376" s="166">
        <v>0</v>
      </c>
      <c r="AX376" s="166">
        <v>0</v>
      </c>
      <c r="AY376" s="166">
        <v>0</v>
      </c>
      <c r="AZ376" s="166">
        <v>0</v>
      </c>
      <c r="BA376" s="166">
        <v>0</v>
      </c>
      <c r="BB376" s="166">
        <v>0</v>
      </c>
      <c r="BC376" s="166">
        <v>0</v>
      </c>
      <c r="BD376" s="166">
        <v>0</v>
      </c>
      <c r="BE376" s="166">
        <v>0</v>
      </c>
      <c r="BF376" s="166">
        <v>0</v>
      </c>
      <c r="BG376" s="166">
        <v>0</v>
      </c>
      <c r="BH376" s="166">
        <v>0</v>
      </c>
      <c r="BI376" s="166">
        <v>0</v>
      </c>
      <c r="BJ376" s="166">
        <v>0</v>
      </c>
      <c r="BK376" s="166">
        <v>0</v>
      </c>
      <c r="BL376" s="166">
        <v>0</v>
      </c>
      <c r="BM376" s="166">
        <v>0</v>
      </c>
      <c r="BN376" s="166">
        <v>0</v>
      </c>
      <c r="BO376" s="166">
        <v>0</v>
      </c>
      <c r="BP376" s="166">
        <v>0</v>
      </c>
      <c r="BQ376" s="166">
        <v>0</v>
      </c>
      <c r="BR376" s="166">
        <v>0</v>
      </c>
      <c r="BS376" s="166">
        <v>0</v>
      </c>
      <c r="BT376" s="168">
        <v>1</v>
      </c>
      <c r="BU376" s="166">
        <v>0</v>
      </c>
      <c r="BV376" s="166">
        <v>0</v>
      </c>
      <c r="BW376" s="166">
        <v>0</v>
      </c>
      <c r="BX376" s="166">
        <v>0</v>
      </c>
      <c r="BY376" s="166">
        <v>0</v>
      </c>
      <c r="BZ376" s="166">
        <v>0</v>
      </c>
      <c r="CA376" s="166">
        <v>0</v>
      </c>
      <c r="CB376" s="166">
        <v>0</v>
      </c>
      <c r="CC376" s="166">
        <v>0</v>
      </c>
      <c r="CD376" s="166">
        <v>0</v>
      </c>
      <c r="CE376" s="166">
        <v>0</v>
      </c>
      <c r="CF376" s="166">
        <v>0</v>
      </c>
      <c r="CG376" s="166">
        <v>0</v>
      </c>
      <c r="CH376" s="166">
        <v>0</v>
      </c>
      <c r="CI376" s="166">
        <v>0</v>
      </c>
      <c r="CJ376" s="166">
        <v>0</v>
      </c>
      <c r="CK376" s="166">
        <v>0</v>
      </c>
      <c r="CL376" s="166">
        <v>0</v>
      </c>
      <c r="CM376" s="166">
        <v>0</v>
      </c>
      <c r="CN376" s="166">
        <v>0</v>
      </c>
      <c r="CO376" s="166">
        <v>0</v>
      </c>
      <c r="CP376" s="166">
        <v>0</v>
      </c>
      <c r="CQ376" s="166">
        <v>0</v>
      </c>
      <c r="CR376" s="166">
        <v>0</v>
      </c>
      <c r="CS376" s="166">
        <v>0</v>
      </c>
      <c r="CT376" s="166">
        <v>0</v>
      </c>
      <c r="CU376" s="166">
        <v>0</v>
      </c>
      <c r="CV376" s="166">
        <v>0</v>
      </c>
      <c r="CW376" s="166">
        <v>0</v>
      </c>
      <c r="CX376" s="166">
        <v>0</v>
      </c>
      <c r="CY376" s="166">
        <v>0</v>
      </c>
      <c r="CZ376" s="166">
        <v>0</v>
      </c>
    </row>
    <row r="377" spans="1:104" x14ac:dyDescent="0.2">
      <c r="A377" s="167" t="s">
        <v>466</v>
      </c>
      <c r="B377" s="166">
        <v>0</v>
      </c>
      <c r="C377" s="166">
        <v>0</v>
      </c>
      <c r="D377" s="166">
        <v>0</v>
      </c>
      <c r="E377" s="166">
        <v>0</v>
      </c>
      <c r="F377" s="166">
        <v>0</v>
      </c>
      <c r="G377" s="166">
        <v>0</v>
      </c>
      <c r="H377" s="166">
        <v>0</v>
      </c>
      <c r="I377" s="166">
        <v>0</v>
      </c>
      <c r="J377" s="166">
        <v>0</v>
      </c>
      <c r="K377" s="166">
        <v>0</v>
      </c>
      <c r="L377" s="166">
        <v>0</v>
      </c>
      <c r="M377" s="166">
        <v>0</v>
      </c>
      <c r="N377" s="166">
        <v>0</v>
      </c>
      <c r="O377" s="166">
        <v>0</v>
      </c>
      <c r="P377" s="166">
        <v>0</v>
      </c>
      <c r="Q377" s="166">
        <v>0</v>
      </c>
      <c r="R377" s="166">
        <v>0</v>
      </c>
      <c r="S377" s="166">
        <v>0</v>
      </c>
      <c r="T377" s="166">
        <v>0</v>
      </c>
      <c r="U377" s="166">
        <v>0</v>
      </c>
      <c r="V377" s="166">
        <v>0</v>
      </c>
      <c r="W377" s="166">
        <v>0</v>
      </c>
      <c r="X377" s="166">
        <v>0</v>
      </c>
      <c r="Y377" s="166">
        <v>0</v>
      </c>
      <c r="Z377" s="166">
        <v>0</v>
      </c>
      <c r="AA377" s="166">
        <v>0</v>
      </c>
      <c r="AB377" s="166">
        <v>0</v>
      </c>
      <c r="AC377" s="166">
        <v>0</v>
      </c>
      <c r="AD377" s="166">
        <v>0</v>
      </c>
      <c r="AE377" s="166">
        <v>0</v>
      </c>
      <c r="AF377" s="166">
        <v>0</v>
      </c>
      <c r="AG377" s="166">
        <v>0</v>
      </c>
      <c r="AH377" s="166">
        <v>0</v>
      </c>
      <c r="AI377" s="166">
        <v>0</v>
      </c>
      <c r="AJ377" s="166">
        <v>0</v>
      </c>
      <c r="AK377" s="166">
        <v>0</v>
      </c>
      <c r="AL377" s="166">
        <v>0</v>
      </c>
      <c r="AM377" s="166">
        <v>0</v>
      </c>
      <c r="AN377" s="166">
        <v>0</v>
      </c>
      <c r="AO377" s="166">
        <v>0</v>
      </c>
      <c r="AP377" s="166">
        <v>0</v>
      </c>
      <c r="AQ377" s="166">
        <v>0</v>
      </c>
      <c r="AR377" s="166">
        <v>0</v>
      </c>
      <c r="AS377" s="166">
        <v>0</v>
      </c>
      <c r="AT377" s="166">
        <v>0</v>
      </c>
      <c r="AU377" s="166">
        <v>0</v>
      </c>
      <c r="AV377" s="166">
        <v>0</v>
      </c>
      <c r="AW377" s="166">
        <v>0</v>
      </c>
      <c r="AX377" s="166">
        <v>0</v>
      </c>
      <c r="AY377" s="166">
        <v>0</v>
      </c>
      <c r="AZ377" s="166">
        <v>0</v>
      </c>
      <c r="BA377" s="166">
        <v>0</v>
      </c>
      <c r="BB377" s="166">
        <v>0</v>
      </c>
      <c r="BC377" s="166">
        <v>0</v>
      </c>
      <c r="BD377" s="166">
        <v>0</v>
      </c>
      <c r="BE377" s="166">
        <v>0</v>
      </c>
      <c r="BF377" s="166">
        <v>0</v>
      </c>
      <c r="BG377" s="166">
        <v>0</v>
      </c>
      <c r="BH377" s="166">
        <v>0</v>
      </c>
      <c r="BI377" s="166">
        <v>0</v>
      </c>
      <c r="BJ377" s="166">
        <v>0</v>
      </c>
      <c r="BK377" s="166">
        <v>0</v>
      </c>
      <c r="BL377" s="166">
        <v>0</v>
      </c>
      <c r="BM377" s="166">
        <v>0</v>
      </c>
      <c r="BN377" s="166">
        <v>0</v>
      </c>
      <c r="BO377" s="166">
        <v>0</v>
      </c>
      <c r="BP377" s="166">
        <v>0</v>
      </c>
      <c r="BQ377" s="166">
        <v>0</v>
      </c>
      <c r="BR377" s="166">
        <v>0</v>
      </c>
      <c r="BS377" s="166">
        <v>0</v>
      </c>
      <c r="BT377" s="168">
        <v>1</v>
      </c>
      <c r="BU377" s="166">
        <v>0</v>
      </c>
      <c r="BV377" s="166">
        <v>0</v>
      </c>
      <c r="BW377" s="166">
        <v>0</v>
      </c>
      <c r="BX377" s="166">
        <v>0</v>
      </c>
      <c r="BY377" s="166">
        <v>0</v>
      </c>
      <c r="BZ377" s="166">
        <v>0</v>
      </c>
      <c r="CA377" s="166">
        <v>0</v>
      </c>
      <c r="CB377" s="166">
        <v>0</v>
      </c>
      <c r="CC377" s="166">
        <v>0</v>
      </c>
      <c r="CD377" s="166">
        <v>0</v>
      </c>
      <c r="CE377" s="166">
        <v>0</v>
      </c>
      <c r="CF377" s="166">
        <v>0</v>
      </c>
      <c r="CG377" s="166">
        <v>0</v>
      </c>
      <c r="CH377" s="166">
        <v>0</v>
      </c>
      <c r="CI377" s="166">
        <v>0</v>
      </c>
      <c r="CJ377" s="166">
        <v>0</v>
      </c>
      <c r="CK377" s="166">
        <v>0</v>
      </c>
      <c r="CL377" s="166">
        <v>0</v>
      </c>
      <c r="CM377" s="166">
        <v>0</v>
      </c>
      <c r="CN377" s="166">
        <v>0</v>
      </c>
      <c r="CO377" s="166">
        <v>0</v>
      </c>
      <c r="CP377" s="166">
        <v>0</v>
      </c>
      <c r="CQ377" s="166">
        <v>0</v>
      </c>
      <c r="CR377" s="166">
        <v>0</v>
      </c>
      <c r="CS377" s="166">
        <v>0</v>
      </c>
      <c r="CT377" s="166">
        <v>0</v>
      </c>
      <c r="CU377" s="166">
        <v>0</v>
      </c>
      <c r="CV377" s="166">
        <v>0</v>
      </c>
      <c r="CW377" s="166">
        <v>0</v>
      </c>
      <c r="CX377" s="166">
        <v>0</v>
      </c>
      <c r="CY377" s="166">
        <v>0</v>
      </c>
      <c r="CZ377" s="166">
        <v>0</v>
      </c>
    </row>
    <row r="378" spans="1:104" x14ac:dyDescent="0.2">
      <c r="A378" s="170" t="s">
        <v>467</v>
      </c>
      <c r="B378" s="166">
        <v>7355586.1499999901</v>
      </c>
      <c r="C378" s="166">
        <v>7355586.1500000004</v>
      </c>
      <c r="D378" s="166">
        <v>0</v>
      </c>
      <c r="E378" s="166">
        <v>0</v>
      </c>
      <c r="F378" s="166">
        <v>0</v>
      </c>
      <c r="G378" s="166">
        <v>0</v>
      </c>
      <c r="H378" s="166">
        <v>0</v>
      </c>
      <c r="I378" s="166">
        <v>0</v>
      </c>
      <c r="J378" s="166">
        <v>0</v>
      </c>
      <c r="K378" s="166">
        <v>0</v>
      </c>
      <c r="L378" s="166">
        <v>0</v>
      </c>
      <c r="M378" s="166">
        <v>0</v>
      </c>
      <c r="N378" s="166">
        <v>0</v>
      </c>
      <c r="O378" s="166">
        <v>0</v>
      </c>
      <c r="P378" s="166">
        <v>0</v>
      </c>
      <c r="Q378" s="166">
        <v>0</v>
      </c>
      <c r="R378" s="166">
        <v>0</v>
      </c>
      <c r="S378" s="166">
        <v>0</v>
      </c>
      <c r="T378" s="166">
        <v>0</v>
      </c>
      <c r="U378" s="166">
        <v>-7355586.1499999901</v>
      </c>
      <c r="V378" s="166">
        <v>0</v>
      </c>
      <c r="W378" s="166">
        <v>0</v>
      </c>
      <c r="X378" s="166">
        <v>0</v>
      </c>
      <c r="Y378" s="166">
        <v>0</v>
      </c>
      <c r="Z378" s="166">
        <v>0</v>
      </c>
      <c r="AA378" s="166">
        <v>0</v>
      </c>
      <c r="AB378" s="166">
        <v>0</v>
      </c>
      <c r="AC378" s="166">
        <v>0</v>
      </c>
      <c r="AD378" s="166">
        <v>0</v>
      </c>
      <c r="AE378" s="166">
        <v>0</v>
      </c>
      <c r="AF378" s="166">
        <v>0</v>
      </c>
      <c r="AG378" s="166">
        <v>0</v>
      </c>
      <c r="AH378" s="166">
        <v>0</v>
      </c>
      <c r="AI378" s="166">
        <v>0</v>
      </c>
      <c r="AJ378" s="166">
        <v>0</v>
      </c>
      <c r="AK378" s="166">
        <v>0</v>
      </c>
      <c r="AL378" s="166">
        <v>0</v>
      </c>
      <c r="AM378" s="166">
        <v>0</v>
      </c>
      <c r="AN378" s="166">
        <v>0</v>
      </c>
      <c r="AO378" s="166">
        <v>0</v>
      </c>
      <c r="AP378" s="166">
        <v>0</v>
      </c>
      <c r="AQ378" s="166">
        <v>0</v>
      </c>
      <c r="AR378" s="166">
        <v>0</v>
      </c>
      <c r="AS378" s="166">
        <v>0</v>
      </c>
      <c r="AT378" s="166">
        <v>0</v>
      </c>
      <c r="AU378" s="166">
        <v>0</v>
      </c>
      <c r="AV378" s="166">
        <v>0</v>
      </c>
      <c r="AW378" s="166">
        <v>0</v>
      </c>
      <c r="AX378" s="166">
        <v>0</v>
      </c>
      <c r="AY378" s="166">
        <v>0</v>
      </c>
      <c r="AZ378" s="166">
        <v>0</v>
      </c>
      <c r="BA378" s="166">
        <v>0</v>
      </c>
      <c r="BB378" s="166">
        <v>0</v>
      </c>
      <c r="BC378" s="166">
        <v>0</v>
      </c>
      <c r="BD378" s="166">
        <v>0</v>
      </c>
      <c r="BE378" s="166">
        <v>0</v>
      </c>
      <c r="BF378" s="166">
        <v>0</v>
      </c>
      <c r="BG378" s="166">
        <v>0</v>
      </c>
      <c r="BH378" s="166">
        <v>0</v>
      </c>
      <c r="BI378" s="166">
        <v>-7355586.1500000004</v>
      </c>
      <c r="BJ378" s="166">
        <v>0</v>
      </c>
      <c r="BK378" s="166">
        <v>0</v>
      </c>
      <c r="BL378" s="166">
        <v>0</v>
      </c>
      <c r="BM378" s="166">
        <v>0</v>
      </c>
      <c r="BN378" s="166">
        <v>0</v>
      </c>
      <c r="BO378" s="166">
        <v>0</v>
      </c>
      <c r="BP378" s="166">
        <v>0</v>
      </c>
      <c r="BQ378" s="166">
        <v>0</v>
      </c>
      <c r="BR378" s="166">
        <v>1658705718.8636601</v>
      </c>
      <c r="BS378" s="166">
        <v>0</v>
      </c>
      <c r="BT378" s="168">
        <v>0</v>
      </c>
      <c r="BU378" s="166">
        <v>355574.61098328902</v>
      </c>
      <c r="BV378" s="166">
        <v>7268897.8753521098</v>
      </c>
      <c r="BW378" s="166">
        <v>0</v>
      </c>
      <c r="BX378" s="166">
        <v>0</v>
      </c>
      <c r="BY378" s="166">
        <v>0</v>
      </c>
      <c r="BZ378" s="166">
        <v>0</v>
      </c>
      <c r="CA378" s="166">
        <v>0</v>
      </c>
      <c r="CB378" s="166">
        <v>-7268897.8753521098</v>
      </c>
      <c r="CC378" s="166">
        <v>0</v>
      </c>
      <c r="CD378" s="166">
        <v>0</v>
      </c>
      <c r="CE378" s="166">
        <v>0</v>
      </c>
      <c r="CF378" s="166">
        <v>0</v>
      </c>
      <c r="CG378" s="166">
        <v>0</v>
      </c>
      <c r="CH378" s="166">
        <v>0</v>
      </c>
      <c r="CI378" s="166">
        <v>0</v>
      </c>
      <c r="CJ378" s="166">
        <v>0</v>
      </c>
      <c r="CK378" s="166">
        <v>0</v>
      </c>
      <c r="CL378" s="166">
        <v>0</v>
      </c>
      <c r="CM378" s="166">
        <v>0</v>
      </c>
      <c r="CN378" s="166">
        <v>0</v>
      </c>
      <c r="CO378" s="166">
        <v>0</v>
      </c>
      <c r="CP378" s="166">
        <v>-7268897.8753521098</v>
      </c>
      <c r="CQ378" s="166">
        <v>0</v>
      </c>
      <c r="CR378" s="166">
        <v>0</v>
      </c>
      <c r="CS378" s="166">
        <v>0</v>
      </c>
      <c r="CT378" s="166">
        <v>0</v>
      </c>
      <c r="CU378" s="166">
        <v>0</v>
      </c>
      <c r="CV378" s="166">
        <v>0</v>
      </c>
      <c r="CW378" s="166">
        <v>0</v>
      </c>
      <c r="CX378" s="166">
        <v>0</v>
      </c>
      <c r="CY378" s="166">
        <v>0</v>
      </c>
      <c r="CZ378" s="166">
        <v>0</v>
      </c>
    </row>
    <row r="379" spans="1:104" x14ac:dyDescent="0.2">
      <c r="A379" s="167" t="s">
        <v>468</v>
      </c>
    </row>
    <row r="380" spans="1:104" x14ac:dyDescent="0.2">
      <c r="A380" s="167" t="s">
        <v>469</v>
      </c>
      <c r="B380" s="166">
        <v>14151272.329999899</v>
      </c>
      <c r="C380" s="166">
        <v>14151272.329999899</v>
      </c>
      <c r="D380" s="166">
        <v>0</v>
      </c>
      <c r="E380" s="166">
        <v>0</v>
      </c>
      <c r="F380" s="166">
        <v>0</v>
      </c>
      <c r="G380" s="166">
        <v>0</v>
      </c>
      <c r="H380" s="166">
        <v>0</v>
      </c>
      <c r="I380" s="166">
        <v>0</v>
      </c>
      <c r="J380" s="166">
        <v>0</v>
      </c>
      <c r="K380" s="166">
        <v>0</v>
      </c>
      <c r="L380" s="166">
        <v>0</v>
      </c>
      <c r="M380" s="166">
        <v>0</v>
      </c>
      <c r="N380" s="166">
        <v>0</v>
      </c>
      <c r="O380" s="166">
        <v>0</v>
      </c>
      <c r="P380" s="166">
        <v>0</v>
      </c>
      <c r="Q380" s="166">
        <v>0</v>
      </c>
      <c r="R380" s="166">
        <v>0</v>
      </c>
      <c r="S380" s="166">
        <v>0</v>
      </c>
      <c r="T380" s="166">
        <v>0</v>
      </c>
      <c r="U380" s="166">
        <v>0</v>
      </c>
      <c r="V380" s="166">
        <v>0</v>
      </c>
      <c r="W380" s="166">
        <v>0</v>
      </c>
      <c r="X380" s="166">
        <v>0</v>
      </c>
      <c r="Y380" s="166">
        <v>0</v>
      </c>
      <c r="Z380" s="166">
        <v>0</v>
      </c>
      <c r="AA380" s="166">
        <v>0</v>
      </c>
      <c r="AB380" s="166">
        <v>0</v>
      </c>
      <c r="AC380" s="166">
        <v>0</v>
      </c>
      <c r="AD380" s="166">
        <v>0</v>
      </c>
      <c r="AE380" s="166">
        <v>0</v>
      </c>
      <c r="AF380" s="166">
        <v>0</v>
      </c>
      <c r="AG380" s="166">
        <v>0</v>
      </c>
      <c r="AH380" s="166">
        <v>0</v>
      </c>
      <c r="AI380" s="166">
        <v>0</v>
      </c>
      <c r="AJ380" s="166">
        <v>0</v>
      </c>
      <c r="AK380" s="166">
        <v>0</v>
      </c>
      <c r="AL380" s="166">
        <v>0</v>
      </c>
      <c r="AM380" s="166">
        <v>0</v>
      </c>
      <c r="AN380" s="166">
        <v>0</v>
      </c>
      <c r="AO380" s="166">
        <v>0</v>
      </c>
      <c r="AP380" s="166">
        <v>0</v>
      </c>
      <c r="AQ380" s="166">
        <v>0</v>
      </c>
      <c r="AR380" s="166">
        <v>0</v>
      </c>
      <c r="AS380" s="166">
        <v>0</v>
      </c>
      <c r="AT380" s="166">
        <v>0</v>
      </c>
      <c r="AU380" s="166">
        <v>0</v>
      </c>
      <c r="AV380" s="166">
        <v>0</v>
      </c>
      <c r="AW380" s="166">
        <v>0</v>
      </c>
      <c r="AX380" s="166">
        <v>0</v>
      </c>
      <c r="AY380" s="166">
        <v>-14151272.329999899</v>
      </c>
      <c r="AZ380" s="166">
        <v>0</v>
      </c>
      <c r="BA380" s="166">
        <v>0</v>
      </c>
      <c r="BB380" s="166">
        <v>0</v>
      </c>
      <c r="BC380" s="166">
        <v>0</v>
      </c>
      <c r="BD380" s="166">
        <v>0</v>
      </c>
      <c r="BE380" s="166">
        <v>0</v>
      </c>
      <c r="BF380" s="166">
        <v>0</v>
      </c>
      <c r="BG380" s="166">
        <v>0</v>
      </c>
      <c r="BH380" s="166">
        <v>0</v>
      </c>
      <c r="BI380" s="166">
        <v>0</v>
      </c>
      <c r="BJ380" s="166">
        <v>0</v>
      </c>
      <c r="BK380" s="166">
        <v>0</v>
      </c>
      <c r="BL380" s="166">
        <v>0</v>
      </c>
      <c r="BM380" s="166">
        <v>0</v>
      </c>
      <c r="BN380" s="166">
        <v>0</v>
      </c>
      <c r="BO380" s="166">
        <v>0</v>
      </c>
      <c r="BP380" s="166">
        <v>-14151272.329999899</v>
      </c>
      <c r="BQ380" s="166">
        <v>0</v>
      </c>
      <c r="BR380" s="166">
        <v>14151272.329999899</v>
      </c>
      <c r="BS380" s="166">
        <v>0</v>
      </c>
      <c r="BT380" s="168">
        <v>0.72041766170058497</v>
      </c>
      <c r="BU380" s="166">
        <v>976271.76095879602</v>
      </c>
      <c r="BV380" s="166">
        <v>10194826.522066699</v>
      </c>
      <c r="BW380" s="166">
        <v>0</v>
      </c>
      <c r="BX380" s="166">
        <v>0</v>
      </c>
      <c r="BY380" s="166">
        <v>0</v>
      </c>
      <c r="BZ380" s="166">
        <v>0</v>
      </c>
      <c r="CA380" s="166">
        <v>0</v>
      </c>
      <c r="CB380" s="166">
        <v>0</v>
      </c>
      <c r="CC380" s="166">
        <v>0</v>
      </c>
      <c r="CD380" s="166">
        <v>0</v>
      </c>
      <c r="CE380" s="166">
        <v>0</v>
      </c>
      <c r="CF380" s="166">
        <v>0</v>
      </c>
      <c r="CG380" s="166">
        <v>0</v>
      </c>
      <c r="CH380" s="166">
        <v>0</v>
      </c>
      <c r="CI380" s="166">
        <v>-10194826.522066699</v>
      </c>
      <c r="CJ380" s="166">
        <v>0</v>
      </c>
      <c r="CK380" s="166">
        <v>0</v>
      </c>
      <c r="CL380" s="166">
        <v>0</v>
      </c>
      <c r="CM380" s="166">
        <v>0</v>
      </c>
      <c r="CN380" s="166">
        <v>0</v>
      </c>
      <c r="CO380" s="166">
        <v>0</v>
      </c>
      <c r="CP380" s="166">
        <v>0</v>
      </c>
      <c r="CQ380" s="166">
        <v>0</v>
      </c>
      <c r="CR380" s="166">
        <v>0</v>
      </c>
      <c r="CS380" s="166">
        <v>0</v>
      </c>
      <c r="CT380" s="166">
        <v>0</v>
      </c>
      <c r="CU380" s="166">
        <v>0</v>
      </c>
      <c r="CV380" s="166">
        <v>0</v>
      </c>
      <c r="CW380" s="166">
        <v>-10194826.522066699</v>
      </c>
      <c r="CX380" s="166">
        <v>0</v>
      </c>
      <c r="CY380" s="166">
        <v>0</v>
      </c>
      <c r="CZ380" s="166">
        <v>0</v>
      </c>
    </row>
    <row r="381" spans="1:104" x14ac:dyDescent="0.2">
      <c r="A381" s="167" t="s">
        <v>470</v>
      </c>
      <c r="B381" s="166">
        <v>52167915.880000003</v>
      </c>
      <c r="C381" s="166">
        <v>52167915.880000003</v>
      </c>
      <c r="D381" s="166">
        <v>0</v>
      </c>
      <c r="E381" s="166">
        <v>0</v>
      </c>
      <c r="F381" s="166">
        <v>0</v>
      </c>
      <c r="G381" s="166">
        <v>0</v>
      </c>
      <c r="H381" s="166">
        <v>0</v>
      </c>
      <c r="I381" s="166">
        <v>0</v>
      </c>
      <c r="J381" s="166">
        <v>0</v>
      </c>
      <c r="K381" s="166">
        <v>0</v>
      </c>
      <c r="L381" s="166">
        <v>0</v>
      </c>
      <c r="M381" s="166">
        <v>0</v>
      </c>
      <c r="N381" s="166">
        <v>0</v>
      </c>
      <c r="O381" s="166">
        <v>0</v>
      </c>
      <c r="P381" s="166">
        <v>0</v>
      </c>
      <c r="Q381" s="166">
        <v>0</v>
      </c>
      <c r="R381" s="166">
        <v>0</v>
      </c>
      <c r="S381" s="166">
        <v>0</v>
      </c>
      <c r="T381" s="166">
        <v>0</v>
      </c>
      <c r="U381" s="166">
        <v>0</v>
      </c>
      <c r="V381" s="166">
        <v>0</v>
      </c>
      <c r="W381" s="166">
        <v>0</v>
      </c>
      <c r="X381" s="166">
        <v>0</v>
      </c>
      <c r="Y381" s="166">
        <v>0</v>
      </c>
      <c r="Z381" s="166">
        <v>0</v>
      </c>
      <c r="AA381" s="166">
        <v>0</v>
      </c>
      <c r="AB381" s="166">
        <v>0</v>
      </c>
      <c r="AC381" s="166">
        <v>0</v>
      </c>
      <c r="AD381" s="166">
        <v>0</v>
      </c>
      <c r="AE381" s="166">
        <v>0</v>
      </c>
      <c r="AF381" s="166">
        <v>0</v>
      </c>
      <c r="AG381" s="166">
        <v>0</v>
      </c>
      <c r="AH381" s="166">
        <v>0</v>
      </c>
      <c r="AI381" s="166">
        <v>0</v>
      </c>
      <c r="AJ381" s="166">
        <v>0</v>
      </c>
      <c r="AK381" s="166">
        <v>0</v>
      </c>
      <c r="AL381" s="166">
        <v>0</v>
      </c>
      <c r="AM381" s="166">
        <v>0</v>
      </c>
      <c r="AN381" s="166">
        <v>0</v>
      </c>
      <c r="AO381" s="166">
        <v>0</v>
      </c>
      <c r="AP381" s="166">
        <v>0</v>
      </c>
      <c r="AQ381" s="166">
        <v>0</v>
      </c>
      <c r="AR381" s="166">
        <v>0</v>
      </c>
      <c r="AS381" s="166">
        <v>0</v>
      </c>
      <c r="AT381" s="166">
        <v>0</v>
      </c>
      <c r="AU381" s="166">
        <v>0</v>
      </c>
      <c r="AV381" s="166">
        <v>0</v>
      </c>
      <c r="AW381" s="166">
        <v>0</v>
      </c>
      <c r="AX381" s="166">
        <v>0</v>
      </c>
      <c r="AY381" s="166">
        <v>-52167915.880000003</v>
      </c>
      <c r="AZ381" s="166">
        <v>0</v>
      </c>
      <c r="BA381" s="166">
        <v>0</v>
      </c>
      <c r="BB381" s="166">
        <v>0</v>
      </c>
      <c r="BC381" s="166">
        <v>0</v>
      </c>
      <c r="BD381" s="166">
        <v>0</v>
      </c>
      <c r="BE381" s="166">
        <v>0</v>
      </c>
      <c r="BF381" s="166">
        <v>0</v>
      </c>
      <c r="BG381" s="166">
        <v>0</v>
      </c>
      <c r="BH381" s="166">
        <v>0</v>
      </c>
      <c r="BI381" s="166">
        <v>0</v>
      </c>
      <c r="BJ381" s="166">
        <v>0</v>
      </c>
      <c r="BK381" s="166">
        <v>0</v>
      </c>
      <c r="BL381" s="166">
        <v>0</v>
      </c>
      <c r="BM381" s="166">
        <v>0</v>
      </c>
      <c r="BN381" s="166">
        <v>0</v>
      </c>
      <c r="BO381" s="166">
        <v>0</v>
      </c>
      <c r="BP381" s="166">
        <v>-52167915.880000003</v>
      </c>
      <c r="BQ381" s="166">
        <v>0</v>
      </c>
      <c r="BR381" s="166">
        <v>52167915.880000003</v>
      </c>
      <c r="BS381" s="166">
        <v>0</v>
      </c>
      <c r="BT381" s="168">
        <v>1</v>
      </c>
      <c r="BU381" s="166">
        <v>1649764.15</v>
      </c>
      <c r="BV381" s="166">
        <v>52167915.880000003</v>
      </c>
      <c r="BW381" s="166">
        <v>0</v>
      </c>
      <c r="BX381" s="166">
        <v>0</v>
      </c>
      <c r="BY381" s="166">
        <v>0</v>
      </c>
      <c r="BZ381" s="166">
        <v>0</v>
      </c>
      <c r="CA381" s="166">
        <v>0</v>
      </c>
      <c r="CB381" s="166">
        <v>0</v>
      </c>
      <c r="CC381" s="166">
        <v>0</v>
      </c>
      <c r="CD381" s="166">
        <v>0</v>
      </c>
      <c r="CE381" s="166">
        <v>0</v>
      </c>
      <c r="CF381" s="166">
        <v>0</v>
      </c>
      <c r="CG381" s="166">
        <v>0</v>
      </c>
      <c r="CH381" s="166">
        <v>0</v>
      </c>
      <c r="CI381" s="166">
        <v>-52167915.880000003</v>
      </c>
      <c r="CJ381" s="166">
        <v>0</v>
      </c>
      <c r="CK381" s="166">
        <v>0</v>
      </c>
      <c r="CL381" s="166">
        <v>0</v>
      </c>
      <c r="CM381" s="166">
        <v>0</v>
      </c>
      <c r="CN381" s="166">
        <v>0</v>
      </c>
      <c r="CO381" s="166">
        <v>0</v>
      </c>
      <c r="CP381" s="166">
        <v>0</v>
      </c>
      <c r="CQ381" s="166">
        <v>0</v>
      </c>
      <c r="CR381" s="166">
        <v>0</v>
      </c>
      <c r="CS381" s="166">
        <v>0</v>
      </c>
      <c r="CT381" s="166">
        <v>0</v>
      </c>
      <c r="CU381" s="166">
        <v>0</v>
      </c>
      <c r="CV381" s="166">
        <v>0</v>
      </c>
      <c r="CW381" s="166">
        <v>-52167915.880000003</v>
      </c>
      <c r="CX381" s="166">
        <v>0</v>
      </c>
      <c r="CY381" s="166">
        <v>0</v>
      </c>
      <c r="CZ381" s="166">
        <v>0</v>
      </c>
    </row>
    <row r="382" spans="1:104" x14ac:dyDescent="0.2">
      <c r="A382" s="170" t="s">
        <v>471</v>
      </c>
      <c r="B382" s="166">
        <v>66319188.210000001</v>
      </c>
      <c r="C382" s="166">
        <v>66319188.210000001</v>
      </c>
      <c r="D382" s="166">
        <v>0</v>
      </c>
      <c r="E382" s="166">
        <v>0</v>
      </c>
      <c r="F382" s="166">
        <v>0</v>
      </c>
      <c r="G382" s="166">
        <v>0</v>
      </c>
      <c r="H382" s="166">
        <v>0</v>
      </c>
      <c r="I382" s="166">
        <v>0</v>
      </c>
      <c r="J382" s="166">
        <v>0</v>
      </c>
      <c r="K382" s="166">
        <v>0</v>
      </c>
      <c r="L382" s="166">
        <v>0</v>
      </c>
      <c r="M382" s="166">
        <v>0</v>
      </c>
      <c r="N382" s="166">
        <v>0</v>
      </c>
      <c r="O382" s="166">
        <v>0</v>
      </c>
      <c r="P382" s="166">
        <v>0</v>
      </c>
      <c r="Q382" s="166">
        <v>0</v>
      </c>
      <c r="R382" s="166">
        <v>0</v>
      </c>
      <c r="S382" s="166">
        <v>0</v>
      </c>
      <c r="T382" s="166">
        <v>0</v>
      </c>
      <c r="U382" s="166">
        <v>0</v>
      </c>
      <c r="V382" s="166">
        <v>0</v>
      </c>
      <c r="W382" s="166">
        <v>0</v>
      </c>
      <c r="X382" s="166">
        <v>0</v>
      </c>
      <c r="Y382" s="166">
        <v>0</v>
      </c>
      <c r="Z382" s="166">
        <v>0</v>
      </c>
      <c r="AA382" s="166">
        <v>0</v>
      </c>
      <c r="AB382" s="166">
        <v>0</v>
      </c>
      <c r="AC382" s="166">
        <v>0</v>
      </c>
      <c r="AD382" s="166">
        <v>0</v>
      </c>
      <c r="AE382" s="166">
        <v>0</v>
      </c>
      <c r="AF382" s="166">
        <v>0</v>
      </c>
      <c r="AG382" s="166">
        <v>0</v>
      </c>
      <c r="AH382" s="166">
        <v>0</v>
      </c>
      <c r="AI382" s="166">
        <v>0</v>
      </c>
      <c r="AJ382" s="166">
        <v>0</v>
      </c>
      <c r="AK382" s="166">
        <v>0</v>
      </c>
      <c r="AL382" s="166">
        <v>0</v>
      </c>
      <c r="AM382" s="166">
        <v>0</v>
      </c>
      <c r="AN382" s="166">
        <v>0</v>
      </c>
      <c r="AO382" s="166">
        <v>0</v>
      </c>
      <c r="AP382" s="166">
        <v>0</v>
      </c>
      <c r="AQ382" s="166">
        <v>0</v>
      </c>
      <c r="AR382" s="166">
        <v>0</v>
      </c>
      <c r="AS382" s="166">
        <v>0</v>
      </c>
      <c r="AT382" s="166">
        <v>0</v>
      </c>
      <c r="AU382" s="166">
        <v>0</v>
      </c>
      <c r="AV382" s="166">
        <v>0</v>
      </c>
      <c r="AW382" s="166">
        <v>0</v>
      </c>
      <c r="AX382" s="166">
        <v>0</v>
      </c>
      <c r="AY382" s="166">
        <v>-66319188.210000001</v>
      </c>
      <c r="AZ382" s="166">
        <v>0</v>
      </c>
      <c r="BA382" s="166">
        <v>0</v>
      </c>
      <c r="BB382" s="166">
        <v>0</v>
      </c>
      <c r="BC382" s="166">
        <v>0</v>
      </c>
      <c r="BD382" s="166">
        <v>0</v>
      </c>
      <c r="BE382" s="166">
        <v>0</v>
      </c>
      <c r="BF382" s="166">
        <v>0</v>
      </c>
      <c r="BG382" s="166">
        <v>0</v>
      </c>
      <c r="BH382" s="166">
        <v>0</v>
      </c>
      <c r="BI382" s="166">
        <v>0</v>
      </c>
      <c r="BJ382" s="166">
        <v>0</v>
      </c>
      <c r="BK382" s="166">
        <v>0</v>
      </c>
      <c r="BL382" s="166">
        <v>0</v>
      </c>
      <c r="BM382" s="166">
        <v>0</v>
      </c>
      <c r="BN382" s="166">
        <v>0</v>
      </c>
      <c r="BO382" s="166">
        <v>0</v>
      </c>
      <c r="BP382" s="166">
        <v>-66319188.210000001</v>
      </c>
      <c r="BQ382" s="166">
        <v>0</v>
      </c>
      <c r="BR382" s="166">
        <v>66319188.210000001</v>
      </c>
      <c r="BS382" s="166">
        <v>0</v>
      </c>
      <c r="BT382" s="168">
        <v>0</v>
      </c>
      <c r="BU382" s="166">
        <v>2626035.9109587902</v>
      </c>
      <c r="BV382" s="166">
        <v>62362742.402066797</v>
      </c>
      <c r="BW382" s="166">
        <v>0</v>
      </c>
      <c r="BX382" s="166">
        <v>0</v>
      </c>
      <c r="BY382" s="166">
        <v>0</v>
      </c>
      <c r="BZ382" s="166">
        <v>0</v>
      </c>
      <c r="CA382" s="166">
        <v>0</v>
      </c>
      <c r="CB382" s="166">
        <v>0</v>
      </c>
      <c r="CC382" s="166">
        <v>0</v>
      </c>
      <c r="CD382" s="166">
        <v>0</v>
      </c>
      <c r="CE382" s="166">
        <v>0</v>
      </c>
      <c r="CF382" s="166">
        <v>0</v>
      </c>
      <c r="CG382" s="166">
        <v>0</v>
      </c>
      <c r="CH382" s="166">
        <v>0</v>
      </c>
      <c r="CI382" s="166">
        <v>-62362742.402066797</v>
      </c>
      <c r="CJ382" s="166">
        <v>0</v>
      </c>
      <c r="CK382" s="166">
        <v>0</v>
      </c>
      <c r="CL382" s="166">
        <v>0</v>
      </c>
      <c r="CM382" s="166">
        <v>0</v>
      </c>
      <c r="CN382" s="166">
        <v>0</v>
      </c>
      <c r="CO382" s="166">
        <v>0</v>
      </c>
      <c r="CP382" s="166">
        <v>0</v>
      </c>
      <c r="CQ382" s="166">
        <v>0</v>
      </c>
      <c r="CR382" s="166">
        <v>0</v>
      </c>
      <c r="CS382" s="166">
        <v>0</v>
      </c>
      <c r="CT382" s="166">
        <v>0</v>
      </c>
      <c r="CU382" s="166">
        <v>0</v>
      </c>
      <c r="CV382" s="166">
        <v>0</v>
      </c>
      <c r="CW382" s="166">
        <v>-62362742.402066797</v>
      </c>
      <c r="CX382" s="166">
        <v>0</v>
      </c>
      <c r="CY382" s="166">
        <v>0</v>
      </c>
      <c r="CZ382" s="166">
        <v>0</v>
      </c>
    </row>
    <row r="383" spans="1:104" x14ac:dyDescent="0.2">
      <c r="A383" s="167" t="s">
        <v>472</v>
      </c>
    </row>
    <row r="384" spans="1:104" x14ac:dyDescent="0.2">
      <c r="A384" s="170" t="s">
        <v>473</v>
      </c>
      <c r="B384" s="166">
        <v>1148467425.4036601</v>
      </c>
      <c r="C384" s="166">
        <v>1148467425.4036601</v>
      </c>
      <c r="D384" s="166">
        <v>0</v>
      </c>
      <c r="E384" s="166">
        <v>0</v>
      </c>
      <c r="F384" s="166">
        <v>0</v>
      </c>
      <c r="G384" s="166">
        <v>0</v>
      </c>
      <c r="H384" s="166">
        <v>0</v>
      </c>
      <c r="I384" s="166">
        <v>0</v>
      </c>
      <c r="J384" s="166">
        <v>0</v>
      </c>
      <c r="K384" s="166">
        <v>0</v>
      </c>
      <c r="L384" s="166">
        <v>0</v>
      </c>
      <c r="M384" s="166">
        <v>0</v>
      </c>
      <c r="N384" s="166">
        <v>0</v>
      </c>
      <c r="O384" s="166">
        <v>0</v>
      </c>
      <c r="P384" s="166">
        <v>0</v>
      </c>
      <c r="Q384" s="166">
        <v>0</v>
      </c>
      <c r="R384" s="166">
        <v>-108836554.09999999</v>
      </c>
      <c r="S384" s="166">
        <v>0</v>
      </c>
      <c r="T384" s="166">
        <v>0</v>
      </c>
      <c r="U384" s="166">
        <v>-7355586.1499999901</v>
      </c>
      <c r="V384" s="166">
        <v>0</v>
      </c>
      <c r="W384" s="166">
        <v>0</v>
      </c>
      <c r="X384" s="166">
        <v>0</v>
      </c>
      <c r="Y384" s="166">
        <v>0</v>
      </c>
      <c r="Z384" s="166">
        <v>0</v>
      </c>
      <c r="AA384" s="166">
        <v>0</v>
      </c>
      <c r="AB384" s="166">
        <v>0</v>
      </c>
      <c r="AC384" s="166">
        <v>0</v>
      </c>
      <c r="AD384" s="166">
        <v>0</v>
      </c>
      <c r="AE384" s="166">
        <v>0</v>
      </c>
      <c r="AF384" s="166">
        <v>0</v>
      </c>
      <c r="AG384" s="166">
        <v>0</v>
      </c>
      <c r="AH384" s="166">
        <v>0</v>
      </c>
      <c r="AI384" s="166">
        <v>0</v>
      </c>
      <c r="AJ384" s="166">
        <v>0</v>
      </c>
      <c r="AK384" s="166">
        <v>0</v>
      </c>
      <c r="AL384" s="166">
        <v>0</v>
      </c>
      <c r="AM384" s="166">
        <v>0</v>
      </c>
      <c r="AN384" s="166">
        <v>0</v>
      </c>
      <c r="AO384" s="166">
        <v>0</v>
      </c>
      <c r="AP384" s="166">
        <v>0</v>
      </c>
      <c r="AQ384" s="166">
        <v>0</v>
      </c>
      <c r="AR384" s="166">
        <v>0</v>
      </c>
      <c r="AS384" s="166">
        <v>0</v>
      </c>
      <c r="AT384" s="166">
        <v>0</v>
      </c>
      <c r="AU384" s="166">
        <v>0</v>
      </c>
      <c r="AV384" s="166">
        <v>0</v>
      </c>
      <c r="AW384" s="166">
        <v>0</v>
      </c>
      <c r="AX384" s="166">
        <v>-4665344.2699999996</v>
      </c>
      <c r="AY384" s="166">
        <v>-66319188.210000001</v>
      </c>
      <c r="AZ384" s="166">
        <v>-362600788.53999901</v>
      </c>
      <c r="BA384" s="166">
        <v>0</v>
      </c>
      <c r="BB384" s="166">
        <v>0</v>
      </c>
      <c r="BC384" s="166">
        <v>0</v>
      </c>
      <c r="BD384" s="166">
        <v>0</v>
      </c>
      <c r="BE384" s="166">
        <v>0</v>
      </c>
      <c r="BF384" s="166">
        <v>0</v>
      </c>
      <c r="BG384" s="166">
        <v>-108836554.09999999</v>
      </c>
      <c r="BH384" s="166">
        <v>0</v>
      </c>
      <c r="BI384" s="166">
        <v>-7355586.1500000004</v>
      </c>
      <c r="BJ384" s="166">
        <v>0</v>
      </c>
      <c r="BK384" s="166">
        <v>0</v>
      </c>
      <c r="BL384" s="166">
        <v>0</v>
      </c>
      <c r="BM384" s="166">
        <v>0</v>
      </c>
      <c r="BN384" s="166">
        <v>0</v>
      </c>
      <c r="BO384" s="166">
        <v>-4665344.2699999996</v>
      </c>
      <c r="BP384" s="166">
        <v>-66319188.210000001</v>
      </c>
      <c r="BQ384" s="166">
        <v>-362600788.53999901</v>
      </c>
      <c r="BR384" s="166">
        <v>1148467425.4036601</v>
      </c>
      <c r="BS384" s="166">
        <v>598689964.13366103</v>
      </c>
      <c r="BT384" s="168">
        <v>0</v>
      </c>
      <c r="BU384" s="166">
        <v>113848591.51495001</v>
      </c>
      <c r="BV384" s="166">
        <v>1123449715.2399299</v>
      </c>
      <c r="BW384" s="166">
        <v>0</v>
      </c>
      <c r="BX384" s="166">
        <v>0</v>
      </c>
      <c r="BY384" s="166">
        <v>0</v>
      </c>
      <c r="BZ384" s="166">
        <v>-108836554.09999999</v>
      </c>
      <c r="CA384" s="166">
        <v>0</v>
      </c>
      <c r="CB384" s="166">
        <v>-7268897.8753521098</v>
      </c>
      <c r="CC384" s="166">
        <v>0</v>
      </c>
      <c r="CD384" s="166">
        <v>0</v>
      </c>
      <c r="CE384" s="166">
        <v>0</v>
      </c>
      <c r="CF384" s="166">
        <v>0</v>
      </c>
      <c r="CG384" s="166">
        <v>0</v>
      </c>
      <c r="CH384" s="166">
        <v>-4665344.2699999996</v>
      </c>
      <c r="CI384" s="166">
        <v>-62362742.402066797</v>
      </c>
      <c r="CJ384" s="166">
        <v>-362600788.53999901</v>
      </c>
      <c r="CK384" s="166">
        <v>0</v>
      </c>
      <c r="CL384" s="166">
        <v>0</v>
      </c>
      <c r="CM384" s="166">
        <v>0</v>
      </c>
      <c r="CN384" s="166">
        <v>-108836554.09999999</v>
      </c>
      <c r="CO384" s="166">
        <v>0</v>
      </c>
      <c r="CP384" s="166">
        <v>-7268897.8753521098</v>
      </c>
      <c r="CQ384" s="166">
        <v>0</v>
      </c>
      <c r="CR384" s="166">
        <v>0</v>
      </c>
      <c r="CS384" s="166">
        <v>0</v>
      </c>
      <c r="CT384" s="166">
        <v>0</v>
      </c>
      <c r="CU384" s="166">
        <v>0</v>
      </c>
      <c r="CV384" s="166">
        <v>-4665344.2699999996</v>
      </c>
      <c r="CW384" s="166">
        <v>-62362742.402066797</v>
      </c>
      <c r="CX384" s="166">
        <v>-362600788.53999901</v>
      </c>
      <c r="CY384" s="166">
        <v>577715388.052513</v>
      </c>
      <c r="CZ384" s="166">
        <v>577715388.052513</v>
      </c>
    </row>
    <row r="385" spans="1:104" x14ac:dyDescent="0.2">
      <c r="A385" s="167" t="s">
        <v>474</v>
      </c>
    </row>
    <row r="386" spans="1:104" x14ac:dyDescent="0.2">
      <c r="A386" s="170" t="s">
        <v>475</v>
      </c>
    </row>
    <row r="387" spans="1:104" x14ac:dyDescent="0.2">
      <c r="A387" s="167" t="s">
        <v>476</v>
      </c>
      <c r="B387" s="166">
        <v>0</v>
      </c>
      <c r="C387" s="166">
        <v>0</v>
      </c>
      <c r="D387" s="166">
        <v>0</v>
      </c>
      <c r="E387" s="166">
        <v>0</v>
      </c>
      <c r="F387" s="166">
        <v>0</v>
      </c>
      <c r="G387" s="166">
        <v>0</v>
      </c>
      <c r="H387" s="166">
        <v>0</v>
      </c>
      <c r="I387" s="166">
        <v>0</v>
      </c>
      <c r="J387" s="166">
        <v>-3266754.3871519999</v>
      </c>
      <c r="K387" s="166">
        <v>0</v>
      </c>
      <c r="L387" s="166">
        <v>0</v>
      </c>
      <c r="M387" s="166">
        <v>0</v>
      </c>
      <c r="N387" s="166">
        <v>0</v>
      </c>
      <c r="O387" s="166">
        <v>0</v>
      </c>
      <c r="P387" s="166">
        <v>0</v>
      </c>
      <c r="Q387" s="166">
        <v>0</v>
      </c>
      <c r="R387" s="166">
        <v>0</v>
      </c>
      <c r="S387" s="166">
        <v>0</v>
      </c>
      <c r="T387" s="166">
        <v>0</v>
      </c>
      <c r="U387" s="166">
        <v>0</v>
      </c>
      <c r="V387" s="166">
        <v>0</v>
      </c>
      <c r="W387" s="166">
        <v>0</v>
      </c>
      <c r="X387" s="166">
        <v>0</v>
      </c>
      <c r="Y387" s="166">
        <v>0</v>
      </c>
      <c r="Z387" s="166">
        <v>0</v>
      </c>
      <c r="AA387" s="166">
        <v>0</v>
      </c>
      <c r="AB387" s="166">
        <v>0</v>
      </c>
      <c r="AC387" s="166">
        <v>0</v>
      </c>
      <c r="AD387" s="166">
        <v>0</v>
      </c>
      <c r="AE387" s="166">
        <v>0</v>
      </c>
      <c r="AF387" s="166">
        <v>0</v>
      </c>
      <c r="AG387" s="166">
        <v>0</v>
      </c>
      <c r="AH387" s="166">
        <v>0</v>
      </c>
      <c r="AI387" s="166">
        <v>0</v>
      </c>
      <c r="AJ387" s="166">
        <v>0</v>
      </c>
      <c r="AK387" s="166">
        <v>0</v>
      </c>
      <c r="AL387" s="166">
        <v>0</v>
      </c>
      <c r="AM387" s="166">
        <v>0</v>
      </c>
      <c r="AN387" s="166">
        <v>0</v>
      </c>
      <c r="AO387" s="166">
        <v>0</v>
      </c>
      <c r="AP387" s="166">
        <v>0</v>
      </c>
      <c r="AQ387" s="166">
        <v>0</v>
      </c>
      <c r="AR387" s="166">
        <v>0</v>
      </c>
      <c r="AS387" s="166">
        <v>0</v>
      </c>
      <c r="AT387" s="166">
        <v>0</v>
      </c>
      <c r="AU387" s="166">
        <v>0</v>
      </c>
      <c r="AV387" s="166">
        <v>0</v>
      </c>
      <c r="AW387" s="166">
        <v>0</v>
      </c>
      <c r="AX387" s="166">
        <v>0</v>
      </c>
      <c r="AY387" s="166">
        <v>0</v>
      </c>
      <c r="AZ387" s="166">
        <v>0</v>
      </c>
      <c r="BA387" s="166">
        <v>0</v>
      </c>
      <c r="BB387" s="166">
        <v>0</v>
      </c>
      <c r="BC387" s="166">
        <v>0</v>
      </c>
      <c r="BD387" s="166">
        <v>0</v>
      </c>
      <c r="BE387" s="166">
        <v>-3266754.3871519999</v>
      </c>
      <c r="BF387" s="166">
        <v>0</v>
      </c>
      <c r="BG387" s="166">
        <v>0</v>
      </c>
      <c r="BH387" s="166">
        <v>0</v>
      </c>
      <c r="BI387" s="166">
        <v>0</v>
      </c>
      <c r="BJ387" s="166">
        <v>0</v>
      </c>
      <c r="BK387" s="166">
        <v>0</v>
      </c>
      <c r="BL387" s="166">
        <v>0</v>
      </c>
      <c r="BM387" s="166">
        <v>0</v>
      </c>
      <c r="BN387" s="166">
        <v>0</v>
      </c>
      <c r="BO387" s="166">
        <v>0</v>
      </c>
      <c r="BP387" s="166">
        <v>0</v>
      </c>
      <c r="BQ387" s="166">
        <v>0</v>
      </c>
      <c r="BR387" s="166">
        <v>0</v>
      </c>
      <c r="BS387" s="166">
        <v>-3266754.3871519999</v>
      </c>
      <c r="BT387" s="168">
        <v>0.96779000000000004</v>
      </c>
      <c r="BU387" s="166">
        <v>0</v>
      </c>
      <c r="BV387" s="166">
        <v>0</v>
      </c>
      <c r="BW387" s="166">
        <v>0</v>
      </c>
      <c r="BX387" s="166">
        <v>-3161532.22834183</v>
      </c>
      <c r="BY387" s="166">
        <v>0</v>
      </c>
      <c r="BZ387" s="166">
        <v>0</v>
      </c>
      <c r="CA387" s="166">
        <v>0</v>
      </c>
      <c r="CB387" s="166">
        <v>0</v>
      </c>
      <c r="CC387" s="166">
        <v>0</v>
      </c>
      <c r="CD387" s="166">
        <v>0</v>
      </c>
      <c r="CE387" s="166">
        <v>0</v>
      </c>
      <c r="CF387" s="166">
        <v>0</v>
      </c>
      <c r="CG387" s="166">
        <v>0</v>
      </c>
      <c r="CH387" s="166">
        <v>0</v>
      </c>
      <c r="CI387" s="166">
        <v>0</v>
      </c>
      <c r="CJ387" s="166">
        <v>0</v>
      </c>
      <c r="CK387" s="166">
        <v>0</v>
      </c>
      <c r="CL387" s="166">
        <v>-3161532.22834183</v>
      </c>
      <c r="CM387" s="166">
        <v>0</v>
      </c>
      <c r="CN387" s="166">
        <v>0</v>
      </c>
      <c r="CO387" s="166">
        <v>0</v>
      </c>
      <c r="CP387" s="166">
        <v>0</v>
      </c>
      <c r="CQ387" s="166">
        <v>0</v>
      </c>
      <c r="CR387" s="166">
        <v>0</v>
      </c>
      <c r="CS387" s="166">
        <v>0</v>
      </c>
      <c r="CT387" s="166">
        <v>0</v>
      </c>
      <c r="CU387" s="166">
        <v>0</v>
      </c>
      <c r="CV387" s="166">
        <v>0</v>
      </c>
      <c r="CW387" s="166">
        <v>0</v>
      </c>
      <c r="CX387" s="166">
        <v>0</v>
      </c>
      <c r="CY387" s="166">
        <v>-3161532.22834183</v>
      </c>
      <c r="CZ387" s="166">
        <v>-3161532.22834183</v>
      </c>
    </row>
    <row r="388" spans="1:104" x14ac:dyDescent="0.2">
      <c r="A388" s="167" t="s">
        <v>477</v>
      </c>
      <c r="B388" s="166">
        <v>0</v>
      </c>
      <c r="C388" s="166">
        <v>0</v>
      </c>
      <c r="D388" s="166">
        <v>0</v>
      </c>
      <c r="E388" s="166">
        <v>0</v>
      </c>
      <c r="F388" s="166">
        <v>0</v>
      </c>
      <c r="G388" s="166">
        <v>0</v>
      </c>
      <c r="H388" s="166">
        <v>0</v>
      </c>
      <c r="I388" s="166">
        <v>0</v>
      </c>
      <c r="J388" s="166">
        <v>0</v>
      </c>
      <c r="K388" s="166">
        <v>0</v>
      </c>
      <c r="L388" s="166">
        <v>0</v>
      </c>
      <c r="M388" s="166">
        <v>0</v>
      </c>
      <c r="N388" s="166">
        <v>0</v>
      </c>
      <c r="O388" s="166">
        <v>0</v>
      </c>
      <c r="P388" s="166">
        <v>0</v>
      </c>
      <c r="Q388" s="166">
        <v>0</v>
      </c>
      <c r="R388" s="166">
        <v>0</v>
      </c>
      <c r="S388" s="166">
        <v>0</v>
      </c>
      <c r="T388" s="166">
        <v>0</v>
      </c>
      <c r="U388" s="166">
        <v>0</v>
      </c>
      <c r="V388" s="166">
        <v>0</v>
      </c>
      <c r="W388" s="166">
        <v>0</v>
      </c>
      <c r="X388" s="166">
        <v>0</v>
      </c>
      <c r="Y388" s="166">
        <v>0</v>
      </c>
      <c r="Z388" s="166">
        <v>0</v>
      </c>
      <c r="AA388" s="166">
        <v>0</v>
      </c>
      <c r="AB388" s="166">
        <v>0</v>
      </c>
      <c r="AC388" s="166">
        <v>0</v>
      </c>
      <c r="AD388" s="166">
        <v>0</v>
      </c>
      <c r="AE388" s="166">
        <v>0</v>
      </c>
      <c r="AF388" s="166">
        <v>0</v>
      </c>
      <c r="AG388" s="166">
        <v>0</v>
      </c>
      <c r="AH388" s="166">
        <v>0</v>
      </c>
      <c r="AI388" s="166">
        <v>0</v>
      </c>
      <c r="AJ388" s="166">
        <v>0</v>
      </c>
      <c r="AK388" s="166">
        <v>0</v>
      </c>
      <c r="AL388" s="166">
        <v>0</v>
      </c>
      <c r="AM388" s="166">
        <v>0</v>
      </c>
      <c r="AN388" s="166">
        <v>0</v>
      </c>
      <c r="AO388" s="166">
        <v>0</v>
      </c>
      <c r="AP388" s="166">
        <v>0</v>
      </c>
      <c r="AQ388" s="166">
        <v>0</v>
      </c>
      <c r="AR388" s="166">
        <v>-4777341.58</v>
      </c>
      <c r="AS388" s="166">
        <v>0</v>
      </c>
      <c r="AT388" s="166">
        <v>0</v>
      </c>
      <c r="AU388" s="166">
        <v>0</v>
      </c>
      <c r="AV388" s="166">
        <v>0</v>
      </c>
      <c r="AW388" s="166">
        <v>0</v>
      </c>
      <c r="AX388" s="166">
        <v>0</v>
      </c>
      <c r="AY388" s="166">
        <v>0</v>
      </c>
      <c r="AZ388" s="166">
        <v>0</v>
      </c>
      <c r="BA388" s="166">
        <v>0</v>
      </c>
      <c r="BB388" s="166">
        <v>0</v>
      </c>
      <c r="BC388" s="166">
        <v>0</v>
      </c>
      <c r="BD388" s="166">
        <v>0</v>
      </c>
      <c r="BE388" s="166">
        <v>0</v>
      </c>
      <c r="BF388" s="166">
        <v>0</v>
      </c>
      <c r="BG388" s="166">
        <v>0</v>
      </c>
      <c r="BH388" s="166">
        <v>0</v>
      </c>
      <c r="BI388" s="166">
        <v>0</v>
      </c>
      <c r="BJ388" s="166">
        <v>0</v>
      </c>
      <c r="BK388" s="166">
        <v>0</v>
      </c>
      <c r="BL388" s="166">
        <v>0</v>
      </c>
      <c r="BM388" s="166">
        <v>0</v>
      </c>
      <c r="BN388" s="166">
        <v>-4777341.58</v>
      </c>
      <c r="BO388" s="166">
        <v>0</v>
      </c>
      <c r="BP388" s="166">
        <v>0</v>
      </c>
      <c r="BQ388" s="166">
        <v>0</v>
      </c>
      <c r="BR388" s="166">
        <v>0</v>
      </c>
      <c r="BS388" s="166">
        <v>-4777341.58</v>
      </c>
      <c r="BT388" s="168">
        <v>0.96779000000000004</v>
      </c>
      <c r="BU388" s="166">
        <v>0</v>
      </c>
      <c r="BV388" s="166">
        <v>0</v>
      </c>
      <c r="BW388" s="166">
        <v>0</v>
      </c>
      <c r="BX388" s="166">
        <v>0</v>
      </c>
      <c r="BY388" s="166">
        <v>0</v>
      </c>
      <c r="BZ388" s="166">
        <v>0</v>
      </c>
      <c r="CA388" s="166">
        <v>0</v>
      </c>
      <c r="CB388" s="166">
        <v>0</v>
      </c>
      <c r="CC388" s="166">
        <v>0</v>
      </c>
      <c r="CD388" s="166">
        <v>0</v>
      </c>
      <c r="CE388" s="166">
        <v>0</v>
      </c>
      <c r="CF388" s="166">
        <v>0</v>
      </c>
      <c r="CG388" s="166">
        <v>-4623463.4077081997</v>
      </c>
      <c r="CH388" s="166">
        <v>0</v>
      </c>
      <c r="CI388" s="166">
        <v>0</v>
      </c>
      <c r="CJ388" s="166">
        <v>0</v>
      </c>
      <c r="CK388" s="166">
        <v>0</v>
      </c>
      <c r="CL388" s="166">
        <v>0</v>
      </c>
      <c r="CM388" s="166">
        <v>0</v>
      </c>
      <c r="CN388" s="166">
        <v>0</v>
      </c>
      <c r="CO388" s="166">
        <v>0</v>
      </c>
      <c r="CP388" s="166">
        <v>0</v>
      </c>
      <c r="CQ388" s="166">
        <v>0</v>
      </c>
      <c r="CR388" s="166">
        <v>0</v>
      </c>
      <c r="CS388" s="166">
        <v>0</v>
      </c>
      <c r="CT388" s="166">
        <v>0</v>
      </c>
      <c r="CU388" s="166">
        <v>-4623463.4077081997</v>
      </c>
      <c r="CV388" s="166">
        <v>0</v>
      </c>
      <c r="CW388" s="166">
        <v>0</v>
      </c>
      <c r="CX388" s="166">
        <v>0</v>
      </c>
      <c r="CY388" s="166">
        <v>-4623463.4077081997</v>
      </c>
      <c r="CZ388" s="166">
        <v>-4623463.4077081997</v>
      </c>
    </row>
    <row r="389" spans="1:104" x14ac:dyDescent="0.2">
      <c r="A389" s="167" t="s">
        <v>478</v>
      </c>
      <c r="B389" s="166">
        <v>0</v>
      </c>
      <c r="C389" s="166">
        <v>0</v>
      </c>
      <c r="D389" s="166">
        <v>0</v>
      </c>
      <c r="E389" s="166">
        <v>0</v>
      </c>
      <c r="F389" s="166">
        <v>0</v>
      </c>
      <c r="G389" s="166">
        <v>0</v>
      </c>
      <c r="H389" s="166">
        <v>0</v>
      </c>
      <c r="I389" s="166">
        <v>0</v>
      </c>
      <c r="J389" s="166">
        <v>0</v>
      </c>
      <c r="K389" s="166">
        <v>0</v>
      </c>
      <c r="L389" s="166">
        <v>0</v>
      </c>
      <c r="M389" s="166">
        <v>0</v>
      </c>
      <c r="N389" s="166">
        <v>0</v>
      </c>
      <c r="O389" s="166">
        <v>0</v>
      </c>
      <c r="P389" s="166">
        <v>0</v>
      </c>
      <c r="Q389" s="166">
        <v>0</v>
      </c>
      <c r="R389" s="166">
        <v>0</v>
      </c>
      <c r="S389" s="166">
        <v>0</v>
      </c>
      <c r="T389" s="166">
        <v>0</v>
      </c>
      <c r="U389" s="166">
        <v>0</v>
      </c>
      <c r="V389" s="166">
        <v>0</v>
      </c>
      <c r="W389" s="166">
        <v>0</v>
      </c>
      <c r="X389" s="166">
        <v>0</v>
      </c>
      <c r="Y389" s="166">
        <v>0</v>
      </c>
      <c r="Z389" s="166">
        <v>0</v>
      </c>
      <c r="AA389" s="166">
        <v>0</v>
      </c>
      <c r="AB389" s="166">
        <v>0</v>
      </c>
      <c r="AC389" s="166">
        <v>0</v>
      </c>
      <c r="AD389" s="166">
        <v>0</v>
      </c>
      <c r="AE389" s="166">
        <v>0</v>
      </c>
      <c r="AF389" s="166">
        <v>0</v>
      </c>
      <c r="AG389" s="166">
        <v>0</v>
      </c>
      <c r="AH389" s="166">
        <v>0</v>
      </c>
      <c r="AI389" s="166">
        <v>0</v>
      </c>
      <c r="AJ389" s="166">
        <v>0</v>
      </c>
      <c r="AK389" s="166">
        <v>0</v>
      </c>
      <c r="AL389" s="166">
        <v>0</v>
      </c>
      <c r="AM389" s="166">
        <v>0</v>
      </c>
      <c r="AN389" s="166">
        <v>0</v>
      </c>
      <c r="AO389" s="166">
        <v>0</v>
      </c>
      <c r="AP389" s="166">
        <v>-101862.67200000001</v>
      </c>
      <c r="AQ389" s="166">
        <v>0</v>
      </c>
      <c r="AR389" s="166">
        <v>0</v>
      </c>
      <c r="AS389" s="166">
        <v>0</v>
      </c>
      <c r="AT389" s="166">
        <v>0</v>
      </c>
      <c r="AU389" s="166">
        <v>0</v>
      </c>
      <c r="AV389" s="166">
        <v>0</v>
      </c>
      <c r="AW389" s="166">
        <v>0</v>
      </c>
      <c r="AX389" s="166">
        <v>0</v>
      </c>
      <c r="AY389" s="166">
        <v>0</v>
      </c>
      <c r="AZ389" s="166">
        <v>0</v>
      </c>
      <c r="BA389" s="166">
        <v>0</v>
      </c>
      <c r="BB389" s="166">
        <v>0</v>
      </c>
      <c r="BC389" s="166">
        <v>0</v>
      </c>
      <c r="BD389" s="166">
        <v>0</v>
      </c>
      <c r="BE389" s="166">
        <v>0</v>
      </c>
      <c r="BF389" s="166">
        <v>0</v>
      </c>
      <c r="BG389" s="166">
        <v>0</v>
      </c>
      <c r="BH389" s="166">
        <v>0</v>
      </c>
      <c r="BI389" s="166">
        <v>0</v>
      </c>
      <c r="BJ389" s="166">
        <v>0</v>
      </c>
      <c r="BK389" s="166">
        <v>0</v>
      </c>
      <c r="BL389" s="166">
        <v>0</v>
      </c>
      <c r="BM389" s="166">
        <v>-101862.67200000001</v>
      </c>
      <c r="BN389" s="166">
        <v>0</v>
      </c>
      <c r="BO389" s="166">
        <v>0</v>
      </c>
      <c r="BP389" s="166">
        <v>0</v>
      </c>
      <c r="BQ389" s="166">
        <v>0</v>
      </c>
      <c r="BR389" s="166">
        <v>0</v>
      </c>
      <c r="BS389" s="166">
        <v>-101862.67200000001</v>
      </c>
      <c r="BT389" s="168">
        <v>0.96779000000000004</v>
      </c>
      <c r="BU389" s="166">
        <v>0</v>
      </c>
      <c r="BV389" s="166">
        <v>0</v>
      </c>
      <c r="BW389" s="166">
        <v>0</v>
      </c>
      <c r="BX389" s="166">
        <v>0</v>
      </c>
      <c r="BY389" s="166">
        <v>0</v>
      </c>
      <c r="BZ389" s="166">
        <v>0</v>
      </c>
      <c r="CA389" s="166">
        <v>0</v>
      </c>
      <c r="CB389" s="166">
        <v>0</v>
      </c>
      <c r="CC389" s="166">
        <v>0</v>
      </c>
      <c r="CD389" s="166">
        <v>0</v>
      </c>
      <c r="CE389" s="166">
        <v>0</v>
      </c>
      <c r="CF389" s="166">
        <v>-98581.675334879998</v>
      </c>
      <c r="CG389" s="166">
        <v>0</v>
      </c>
      <c r="CH389" s="166">
        <v>0</v>
      </c>
      <c r="CI389" s="166">
        <v>0</v>
      </c>
      <c r="CJ389" s="166">
        <v>0</v>
      </c>
      <c r="CK389" s="166">
        <v>0</v>
      </c>
      <c r="CL389" s="166">
        <v>0</v>
      </c>
      <c r="CM389" s="166">
        <v>0</v>
      </c>
      <c r="CN389" s="166">
        <v>0</v>
      </c>
      <c r="CO389" s="166">
        <v>0</v>
      </c>
      <c r="CP389" s="166">
        <v>0</v>
      </c>
      <c r="CQ389" s="166">
        <v>0</v>
      </c>
      <c r="CR389" s="166">
        <v>0</v>
      </c>
      <c r="CS389" s="166">
        <v>0</v>
      </c>
      <c r="CT389" s="166">
        <v>-98581.675334879998</v>
      </c>
      <c r="CU389" s="166">
        <v>0</v>
      </c>
      <c r="CV389" s="166">
        <v>0</v>
      </c>
      <c r="CW389" s="166">
        <v>0</v>
      </c>
      <c r="CX389" s="166">
        <v>0</v>
      </c>
      <c r="CY389" s="166">
        <v>-98581.675334879998</v>
      </c>
      <c r="CZ389" s="166">
        <v>-98581.675334879998</v>
      </c>
    </row>
    <row r="390" spans="1:104" x14ac:dyDescent="0.2">
      <c r="A390" s="167" t="s">
        <v>479</v>
      </c>
      <c r="B390" s="166">
        <v>0</v>
      </c>
      <c r="C390" s="166">
        <v>0</v>
      </c>
      <c r="D390" s="166">
        <v>0</v>
      </c>
      <c r="E390" s="166">
        <v>0</v>
      </c>
      <c r="F390" s="166">
        <v>0</v>
      </c>
      <c r="G390" s="166">
        <v>0</v>
      </c>
      <c r="H390" s="166">
        <v>0</v>
      </c>
      <c r="I390" s="166">
        <v>0</v>
      </c>
      <c r="J390" s="166">
        <v>0</v>
      </c>
      <c r="K390" s="166">
        <v>0</v>
      </c>
      <c r="L390" s="166">
        <v>0</v>
      </c>
      <c r="M390" s="166">
        <v>0</v>
      </c>
      <c r="N390" s="166">
        <v>0</v>
      </c>
      <c r="O390" s="166">
        <v>0</v>
      </c>
      <c r="P390" s="166">
        <v>-1302076.32</v>
      </c>
      <c r="Q390" s="166">
        <v>0</v>
      </c>
      <c r="R390" s="166">
        <v>0</v>
      </c>
      <c r="S390" s="166">
        <v>0</v>
      </c>
      <c r="T390" s="166">
        <v>0</v>
      </c>
      <c r="U390" s="166">
        <v>0</v>
      </c>
      <c r="V390" s="166">
        <v>0</v>
      </c>
      <c r="W390" s="166">
        <v>0</v>
      </c>
      <c r="X390" s="166">
        <v>0</v>
      </c>
      <c r="Y390" s="166">
        <v>0</v>
      </c>
      <c r="Z390" s="166">
        <v>0</v>
      </c>
      <c r="AA390" s="166">
        <v>0</v>
      </c>
      <c r="AB390" s="166">
        <v>0</v>
      </c>
      <c r="AC390" s="166">
        <v>0</v>
      </c>
      <c r="AD390" s="166">
        <v>0</v>
      </c>
      <c r="AE390" s="166">
        <v>0</v>
      </c>
      <c r="AF390" s="166">
        <v>0</v>
      </c>
      <c r="AG390" s="166">
        <v>0</v>
      </c>
      <c r="AH390" s="166">
        <v>0</v>
      </c>
      <c r="AI390" s="166">
        <v>0</v>
      </c>
      <c r="AJ390" s="166">
        <v>0</v>
      </c>
      <c r="AK390" s="166">
        <v>0</v>
      </c>
      <c r="AL390" s="166">
        <v>0</v>
      </c>
      <c r="AM390" s="166">
        <v>0</v>
      </c>
      <c r="AN390" s="166">
        <v>0</v>
      </c>
      <c r="AO390" s="166">
        <v>0</v>
      </c>
      <c r="AP390" s="166">
        <v>0</v>
      </c>
      <c r="AQ390" s="166">
        <v>0</v>
      </c>
      <c r="AR390" s="166">
        <v>0</v>
      </c>
      <c r="AS390" s="166">
        <v>0</v>
      </c>
      <c r="AT390" s="166">
        <v>0</v>
      </c>
      <c r="AU390" s="166">
        <v>0</v>
      </c>
      <c r="AV390" s="166">
        <v>0</v>
      </c>
      <c r="AW390" s="166">
        <v>0</v>
      </c>
      <c r="AX390" s="166">
        <v>0</v>
      </c>
      <c r="AY390" s="166">
        <v>0</v>
      </c>
      <c r="AZ390" s="166">
        <v>0</v>
      </c>
      <c r="BA390" s="166">
        <v>0</v>
      </c>
      <c r="BB390" s="166">
        <v>0</v>
      </c>
      <c r="BC390" s="166">
        <v>0</v>
      </c>
      <c r="BD390" s="166">
        <v>0</v>
      </c>
      <c r="BE390" s="166">
        <v>0</v>
      </c>
      <c r="BF390" s="166">
        <v>-1302076.32</v>
      </c>
      <c r="BG390" s="166">
        <v>0</v>
      </c>
      <c r="BH390" s="166">
        <v>0</v>
      </c>
      <c r="BI390" s="166">
        <v>0</v>
      </c>
      <c r="BJ390" s="166">
        <v>0</v>
      </c>
      <c r="BK390" s="166">
        <v>0</v>
      </c>
      <c r="BL390" s="166">
        <v>0</v>
      </c>
      <c r="BM390" s="166">
        <v>0</v>
      </c>
      <c r="BN390" s="166">
        <v>0</v>
      </c>
      <c r="BO390" s="166">
        <v>0</v>
      </c>
      <c r="BP390" s="166">
        <v>0</v>
      </c>
      <c r="BQ390" s="166">
        <v>0</v>
      </c>
      <c r="BR390" s="166">
        <v>0</v>
      </c>
      <c r="BS390" s="166">
        <v>-1302076.32</v>
      </c>
      <c r="BT390" s="168">
        <v>0.96779000000000004</v>
      </c>
      <c r="BU390" s="166">
        <v>0</v>
      </c>
      <c r="BV390" s="166">
        <v>0</v>
      </c>
      <c r="BW390" s="166">
        <v>0</v>
      </c>
      <c r="BX390" s="166">
        <v>0</v>
      </c>
      <c r="BY390" s="166">
        <v>-1260136.4417327901</v>
      </c>
      <c r="BZ390" s="166">
        <v>0</v>
      </c>
      <c r="CA390" s="166">
        <v>0</v>
      </c>
      <c r="CB390" s="166">
        <v>0</v>
      </c>
      <c r="CC390" s="166">
        <v>0</v>
      </c>
      <c r="CD390" s="166">
        <v>0</v>
      </c>
      <c r="CE390" s="166">
        <v>0</v>
      </c>
      <c r="CF390" s="166">
        <v>0</v>
      </c>
      <c r="CG390" s="166">
        <v>0</v>
      </c>
      <c r="CH390" s="166">
        <v>0</v>
      </c>
      <c r="CI390" s="166">
        <v>0</v>
      </c>
      <c r="CJ390" s="166">
        <v>0</v>
      </c>
      <c r="CK390" s="166">
        <v>0</v>
      </c>
      <c r="CL390" s="166">
        <v>0</v>
      </c>
      <c r="CM390" s="166">
        <v>-1260136.4417327901</v>
      </c>
      <c r="CN390" s="166">
        <v>0</v>
      </c>
      <c r="CO390" s="166">
        <v>0</v>
      </c>
      <c r="CP390" s="166">
        <v>0</v>
      </c>
      <c r="CQ390" s="166">
        <v>0</v>
      </c>
      <c r="CR390" s="166">
        <v>0</v>
      </c>
      <c r="CS390" s="166">
        <v>0</v>
      </c>
      <c r="CT390" s="166">
        <v>0</v>
      </c>
      <c r="CU390" s="166">
        <v>0</v>
      </c>
      <c r="CV390" s="166">
        <v>0</v>
      </c>
      <c r="CW390" s="166">
        <v>0</v>
      </c>
      <c r="CX390" s="166">
        <v>0</v>
      </c>
      <c r="CY390" s="166">
        <v>-1260136.4417327901</v>
      </c>
      <c r="CZ390" s="166">
        <v>-1260136.4417327901</v>
      </c>
    </row>
    <row r="391" spans="1:104" x14ac:dyDescent="0.2">
      <c r="A391" s="167" t="s">
        <v>480</v>
      </c>
      <c r="B391" s="166">
        <v>0</v>
      </c>
      <c r="C391" s="166">
        <v>0</v>
      </c>
      <c r="D391" s="166">
        <v>0</v>
      </c>
      <c r="E391" s="166">
        <v>0</v>
      </c>
      <c r="F391" s="166">
        <v>0</v>
      </c>
      <c r="G391" s="166">
        <v>0</v>
      </c>
      <c r="H391" s="166">
        <v>0</v>
      </c>
      <c r="I391" s="166">
        <v>0</v>
      </c>
      <c r="J391" s="166">
        <v>0</v>
      </c>
      <c r="K391" s="166">
        <v>0</v>
      </c>
      <c r="L391" s="166">
        <v>0</v>
      </c>
      <c r="M391" s="166">
        <v>0</v>
      </c>
      <c r="N391" s="166">
        <v>0</v>
      </c>
      <c r="O391" s="166">
        <v>0</v>
      </c>
      <c r="P391" s="166">
        <v>0</v>
      </c>
      <c r="Q391" s="166">
        <v>0</v>
      </c>
      <c r="R391" s="166">
        <v>0</v>
      </c>
      <c r="S391" s="166">
        <v>0</v>
      </c>
      <c r="T391" s="166">
        <v>0</v>
      </c>
      <c r="U391" s="166">
        <v>0</v>
      </c>
      <c r="V391" s="166">
        <v>0</v>
      </c>
      <c r="W391" s="166">
        <v>0</v>
      </c>
      <c r="X391" s="166">
        <v>0</v>
      </c>
      <c r="Y391" s="166">
        <v>0</v>
      </c>
      <c r="Z391" s="166">
        <v>0</v>
      </c>
      <c r="AA391" s="166">
        <v>0</v>
      </c>
      <c r="AB391" s="166">
        <v>0</v>
      </c>
      <c r="AC391" s="166">
        <v>0</v>
      </c>
      <c r="AD391" s="166">
        <v>0</v>
      </c>
      <c r="AE391" s="166">
        <v>0</v>
      </c>
      <c r="AF391" s="166">
        <v>0</v>
      </c>
      <c r="AG391" s="166">
        <v>0</v>
      </c>
      <c r="AH391" s="166">
        <v>0</v>
      </c>
      <c r="AI391" s="166">
        <v>0</v>
      </c>
      <c r="AJ391" s="166">
        <v>0</v>
      </c>
      <c r="AK391" s="166">
        <v>1657372.31</v>
      </c>
      <c r="AL391" s="166">
        <v>0</v>
      </c>
      <c r="AM391" s="166">
        <v>0</v>
      </c>
      <c r="AN391" s="166">
        <v>0</v>
      </c>
      <c r="AO391" s="166">
        <v>0</v>
      </c>
      <c r="AP391" s="166">
        <v>0</v>
      </c>
      <c r="AQ391" s="166">
        <v>0</v>
      </c>
      <c r="AR391" s="166">
        <v>0</v>
      </c>
      <c r="AS391" s="166">
        <v>0</v>
      </c>
      <c r="AT391" s="166">
        <v>0</v>
      </c>
      <c r="AU391" s="166">
        <v>0</v>
      </c>
      <c r="AV391" s="166">
        <v>0</v>
      </c>
      <c r="AW391" s="166">
        <v>0</v>
      </c>
      <c r="AX391" s="166">
        <v>0</v>
      </c>
      <c r="AY391" s="166">
        <v>0</v>
      </c>
      <c r="AZ391" s="166">
        <v>0</v>
      </c>
      <c r="BA391" s="166">
        <v>0</v>
      </c>
      <c r="BB391" s="166">
        <v>0</v>
      </c>
      <c r="BC391" s="166">
        <v>0</v>
      </c>
      <c r="BD391" s="166">
        <v>0</v>
      </c>
      <c r="BE391" s="166">
        <v>0</v>
      </c>
      <c r="BF391" s="166">
        <v>0</v>
      </c>
      <c r="BG391" s="166">
        <v>0</v>
      </c>
      <c r="BH391" s="166">
        <v>0</v>
      </c>
      <c r="BI391" s="166">
        <v>0</v>
      </c>
      <c r="BJ391" s="166">
        <v>0</v>
      </c>
      <c r="BK391" s="166">
        <v>0</v>
      </c>
      <c r="BL391" s="166">
        <v>1657372.31</v>
      </c>
      <c r="BM391" s="166">
        <v>0</v>
      </c>
      <c r="BN391" s="166">
        <v>0</v>
      </c>
      <c r="BO391" s="166">
        <v>0</v>
      </c>
      <c r="BP391" s="166">
        <v>0</v>
      </c>
      <c r="BQ391" s="166">
        <v>0</v>
      </c>
      <c r="BR391" s="166">
        <v>0</v>
      </c>
      <c r="BS391" s="166">
        <v>1657372.31</v>
      </c>
      <c r="BT391" s="168">
        <v>0.96779000000000004</v>
      </c>
      <c r="BU391" s="166">
        <v>0</v>
      </c>
      <c r="BV391" s="166">
        <v>0</v>
      </c>
      <c r="BW391" s="166">
        <v>0</v>
      </c>
      <c r="BX391" s="166">
        <v>0</v>
      </c>
      <c r="BY391" s="166">
        <v>0</v>
      </c>
      <c r="BZ391" s="166">
        <v>0</v>
      </c>
      <c r="CA391" s="166">
        <v>0</v>
      </c>
      <c r="CB391" s="166">
        <v>0</v>
      </c>
      <c r="CC391" s="166">
        <v>0</v>
      </c>
      <c r="CD391" s="166">
        <v>0</v>
      </c>
      <c r="CE391" s="166">
        <v>1603988.3478949</v>
      </c>
      <c r="CF391" s="166">
        <v>0</v>
      </c>
      <c r="CG391" s="166">
        <v>0</v>
      </c>
      <c r="CH391" s="166">
        <v>0</v>
      </c>
      <c r="CI391" s="166">
        <v>0</v>
      </c>
      <c r="CJ391" s="166">
        <v>0</v>
      </c>
      <c r="CK391" s="166">
        <v>0</v>
      </c>
      <c r="CL391" s="166">
        <v>0</v>
      </c>
      <c r="CM391" s="166">
        <v>0</v>
      </c>
      <c r="CN391" s="166">
        <v>0</v>
      </c>
      <c r="CO391" s="166">
        <v>0</v>
      </c>
      <c r="CP391" s="166">
        <v>0</v>
      </c>
      <c r="CQ391" s="166">
        <v>0</v>
      </c>
      <c r="CR391" s="166">
        <v>0</v>
      </c>
      <c r="CS391" s="166">
        <v>1603988.3478949</v>
      </c>
      <c r="CT391" s="166">
        <v>0</v>
      </c>
      <c r="CU391" s="166">
        <v>0</v>
      </c>
      <c r="CV391" s="166">
        <v>0</v>
      </c>
      <c r="CW391" s="166">
        <v>0</v>
      </c>
      <c r="CX391" s="166">
        <v>0</v>
      </c>
      <c r="CY391" s="166">
        <v>1603988.3478949</v>
      </c>
      <c r="CZ391" s="166">
        <v>1603988.3478949</v>
      </c>
    </row>
    <row r="392" spans="1:104" x14ac:dyDescent="0.2">
      <c r="A392" s="167" t="s">
        <v>481</v>
      </c>
      <c r="B392" s="166">
        <v>0</v>
      </c>
      <c r="C392" s="166">
        <v>0</v>
      </c>
      <c r="D392" s="166">
        <v>0</v>
      </c>
      <c r="E392" s="166">
        <v>0</v>
      </c>
      <c r="F392" s="166">
        <v>0</v>
      </c>
      <c r="G392" s="166">
        <v>0</v>
      </c>
      <c r="H392" s="166">
        <v>0</v>
      </c>
      <c r="I392" s="166">
        <v>0</v>
      </c>
      <c r="J392" s="166">
        <v>0</v>
      </c>
      <c r="K392" s="166">
        <v>0</v>
      </c>
      <c r="L392" s="166">
        <v>0</v>
      </c>
      <c r="M392" s="166">
        <v>0</v>
      </c>
      <c r="N392" s="166">
        <v>0</v>
      </c>
      <c r="O392" s="166">
        <v>0</v>
      </c>
      <c r="P392" s="166">
        <v>0</v>
      </c>
      <c r="Q392" s="166">
        <v>0</v>
      </c>
      <c r="R392" s="166">
        <v>0</v>
      </c>
      <c r="S392" s="166">
        <v>-336714.9915</v>
      </c>
      <c r="T392" s="166">
        <v>0</v>
      </c>
      <c r="U392" s="166">
        <v>0</v>
      </c>
      <c r="V392" s="166">
        <v>0</v>
      </c>
      <c r="W392" s="166">
        <v>0</v>
      </c>
      <c r="X392" s="166">
        <v>0</v>
      </c>
      <c r="Y392" s="166">
        <v>0</v>
      </c>
      <c r="Z392" s="166">
        <v>0</v>
      </c>
      <c r="AA392" s="166">
        <v>0</v>
      </c>
      <c r="AB392" s="166">
        <v>0</v>
      </c>
      <c r="AC392" s="166">
        <v>0</v>
      </c>
      <c r="AD392" s="166">
        <v>0</v>
      </c>
      <c r="AE392" s="166">
        <v>0</v>
      </c>
      <c r="AF392" s="166">
        <v>0</v>
      </c>
      <c r="AG392" s="166">
        <v>0</v>
      </c>
      <c r="AH392" s="166">
        <v>0</v>
      </c>
      <c r="AI392" s="166">
        <v>0</v>
      </c>
      <c r="AJ392" s="166">
        <v>0</v>
      </c>
      <c r="AK392" s="166">
        <v>0</v>
      </c>
      <c r="AL392" s="166">
        <v>0</v>
      </c>
      <c r="AM392" s="166">
        <v>0</v>
      </c>
      <c r="AN392" s="166">
        <v>0</v>
      </c>
      <c r="AO392" s="166">
        <v>0</v>
      </c>
      <c r="AP392" s="166">
        <v>0</v>
      </c>
      <c r="AQ392" s="166">
        <v>0</v>
      </c>
      <c r="AR392" s="166">
        <v>0</v>
      </c>
      <c r="AS392" s="166">
        <v>0</v>
      </c>
      <c r="AT392" s="166">
        <v>0</v>
      </c>
      <c r="AU392" s="166">
        <v>0</v>
      </c>
      <c r="AV392" s="166">
        <v>0</v>
      </c>
      <c r="AW392" s="166">
        <v>0</v>
      </c>
      <c r="AX392" s="166">
        <v>0</v>
      </c>
      <c r="AY392" s="166">
        <v>0</v>
      </c>
      <c r="AZ392" s="166">
        <v>0</v>
      </c>
      <c r="BA392" s="166">
        <v>0</v>
      </c>
      <c r="BB392" s="166">
        <v>0</v>
      </c>
      <c r="BC392" s="166">
        <v>0</v>
      </c>
      <c r="BD392" s="166">
        <v>0</v>
      </c>
      <c r="BE392" s="166">
        <v>0</v>
      </c>
      <c r="BF392" s="166">
        <v>0</v>
      </c>
      <c r="BG392" s="166">
        <v>0</v>
      </c>
      <c r="BH392" s="166">
        <v>-336714.9915</v>
      </c>
      <c r="BI392" s="166">
        <v>0</v>
      </c>
      <c r="BJ392" s="166">
        <v>0</v>
      </c>
      <c r="BK392" s="166">
        <v>0</v>
      </c>
      <c r="BL392" s="166">
        <v>0</v>
      </c>
      <c r="BM392" s="166">
        <v>0</v>
      </c>
      <c r="BN392" s="166">
        <v>0</v>
      </c>
      <c r="BO392" s="166">
        <v>0</v>
      </c>
      <c r="BP392" s="166">
        <v>0</v>
      </c>
      <c r="BQ392" s="166">
        <v>0</v>
      </c>
      <c r="BR392" s="166">
        <v>0</v>
      </c>
      <c r="BS392" s="166">
        <v>-336714.9915</v>
      </c>
      <c r="BT392" s="168">
        <v>0.96779000000000004</v>
      </c>
      <c r="BU392" s="166">
        <v>0</v>
      </c>
      <c r="BV392" s="166">
        <v>0</v>
      </c>
      <c r="BW392" s="166">
        <v>0</v>
      </c>
      <c r="BX392" s="166">
        <v>0</v>
      </c>
      <c r="BY392" s="166">
        <v>0</v>
      </c>
      <c r="BZ392" s="166">
        <v>0</v>
      </c>
      <c r="CA392" s="166">
        <v>-325869.40162378497</v>
      </c>
      <c r="CB392" s="166">
        <v>0</v>
      </c>
      <c r="CC392" s="166">
        <v>0</v>
      </c>
      <c r="CD392" s="166">
        <v>0</v>
      </c>
      <c r="CE392" s="166">
        <v>0</v>
      </c>
      <c r="CF392" s="166">
        <v>0</v>
      </c>
      <c r="CG392" s="166">
        <v>0</v>
      </c>
      <c r="CH392" s="166">
        <v>0</v>
      </c>
      <c r="CI392" s="166">
        <v>0</v>
      </c>
      <c r="CJ392" s="166">
        <v>0</v>
      </c>
      <c r="CK392" s="166">
        <v>0</v>
      </c>
      <c r="CL392" s="166">
        <v>0</v>
      </c>
      <c r="CM392" s="166">
        <v>0</v>
      </c>
      <c r="CN392" s="166">
        <v>0</v>
      </c>
      <c r="CO392" s="166">
        <v>-325869.40162378497</v>
      </c>
      <c r="CP392" s="166">
        <v>0</v>
      </c>
      <c r="CQ392" s="166">
        <v>0</v>
      </c>
      <c r="CR392" s="166">
        <v>0</v>
      </c>
      <c r="CS392" s="166">
        <v>0</v>
      </c>
      <c r="CT392" s="166">
        <v>0</v>
      </c>
      <c r="CU392" s="166">
        <v>0</v>
      </c>
      <c r="CV392" s="166">
        <v>0</v>
      </c>
      <c r="CW392" s="166">
        <v>0</v>
      </c>
      <c r="CX392" s="166">
        <v>0</v>
      </c>
      <c r="CY392" s="166">
        <v>-325869.40162378497</v>
      </c>
      <c r="CZ392" s="166">
        <v>-325869.40162378497</v>
      </c>
    </row>
    <row r="393" spans="1:104" x14ac:dyDescent="0.2">
      <c r="A393" s="167" t="s">
        <v>482</v>
      </c>
      <c r="B393" s="166">
        <v>0</v>
      </c>
      <c r="C393" s="166">
        <v>0</v>
      </c>
      <c r="D393" s="166">
        <v>0</v>
      </c>
      <c r="E393" s="166">
        <v>0</v>
      </c>
      <c r="F393" s="166">
        <v>0</v>
      </c>
      <c r="G393" s="166">
        <v>0</v>
      </c>
      <c r="H393" s="166">
        <v>0</v>
      </c>
      <c r="I393" s="166">
        <v>0</v>
      </c>
      <c r="J393" s="166">
        <v>0</v>
      </c>
      <c r="K393" s="166">
        <v>0</v>
      </c>
      <c r="L393" s="166">
        <v>0</v>
      </c>
      <c r="M393" s="166">
        <v>0</v>
      </c>
      <c r="N393" s="166">
        <v>0</v>
      </c>
      <c r="O393" s="166">
        <v>0</v>
      </c>
      <c r="P393" s="166">
        <v>0</v>
      </c>
      <c r="Q393" s="166">
        <v>0</v>
      </c>
      <c r="R393" s="166">
        <v>0</v>
      </c>
      <c r="S393" s="166">
        <v>0</v>
      </c>
      <c r="T393" s="166">
        <v>0</v>
      </c>
      <c r="U393" s="166">
        <v>0</v>
      </c>
      <c r="V393" s="166">
        <v>0</v>
      </c>
      <c r="W393" s="166">
        <v>0</v>
      </c>
      <c r="X393" s="166">
        <v>0</v>
      </c>
      <c r="Y393" s="166">
        <v>0</v>
      </c>
      <c r="Z393" s="166">
        <v>0</v>
      </c>
      <c r="AA393" s="166">
        <v>0</v>
      </c>
      <c r="AB393" s="166">
        <v>0</v>
      </c>
      <c r="AC393" s="166">
        <v>0</v>
      </c>
      <c r="AD393" s="166">
        <v>0</v>
      </c>
      <c r="AE393" s="166">
        <v>0</v>
      </c>
      <c r="AF393" s="166">
        <v>0</v>
      </c>
      <c r="AG393" s="166">
        <v>0</v>
      </c>
      <c r="AH393" s="166">
        <v>0</v>
      </c>
      <c r="AI393" s="166">
        <v>0</v>
      </c>
      <c r="AJ393" s="166">
        <v>-15993915.210000001</v>
      </c>
      <c r="AK393" s="166">
        <v>0</v>
      </c>
      <c r="AL393" s="166">
        <v>0</v>
      </c>
      <c r="AM393" s="166">
        <v>0</v>
      </c>
      <c r="AN393" s="166">
        <v>0</v>
      </c>
      <c r="AO393" s="166">
        <v>0</v>
      </c>
      <c r="AP393" s="166">
        <v>0</v>
      </c>
      <c r="AQ393" s="166">
        <v>0</v>
      </c>
      <c r="AR393" s="166">
        <v>0</v>
      </c>
      <c r="AS393" s="166">
        <v>0</v>
      </c>
      <c r="AT393" s="166">
        <v>0</v>
      </c>
      <c r="AU393" s="166">
        <v>0</v>
      </c>
      <c r="AV393" s="166">
        <v>0</v>
      </c>
      <c r="AW393" s="166">
        <v>0</v>
      </c>
      <c r="AX393" s="166">
        <v>0</v>
      </c>
      <c r="AY393" s="166">
        <v>0</v>
      </c>
      <c r="AZ393" s="166">
        <v>0</v>
      </c>
      <c r="BA393" s="166">
        <v>0</v>
      </c>
      <c r="BB393" s="166">
        <v>0</v>
      </c>
      <c r="BC393" s="166">
        <v>0</v>
      </c>
      <c r="BD393" s="166">
        <v>0</v>
      </c>
      <c r="BE393" s="166">
        <v>0</v>
      </c>
      <c r="BF393" s="166">
        <v>0</v>
      </c>
      <c r="BG393" s="166">
        <v>0</v>
      </c>
      <c r="BH393" s="166">
        <v>0</v>
      </c>
      <c r="BI393" s="166">
        <v>0</v>
      </c>
      <c r="BJ393" s="166">
        <v>0</v>
      </c>
      <c r="BK393" s="166">
        <v>-15993915.210000001</v>
      </c>
      <c r="BL393" s="166">
        <v>0</v>
      </c>
      <c r="BM393" s="166">
        <v>0</v>
      </c>
      <c r="BN393" s="166">
        <v>0</v>
      </c>
      <c r="BO393" s="166">
        <v>0</v>
      </c>
      <c r="BP393" s="166">
        <v>0</v>
      </c>
      <c r="BQ393" s="166">
        <v>0</v>
      </c>
      <c r="BR393" s="166">
        <v>0</v>
      </c>
      <c r="BS393" s="166">
        <v>-15993915.210000001</v>
      </c>
      <c r="BT393" s="168">
        <v>0.96779000000000004</v>
      </c>
      <c r="BU393" s="166">
        <v>0</v>
      </c>
      <c r="BV393" s="166">
        <v>0</v>
      </c>
      <c r="BW393" s="166">
        <v>0</v>
      </c>
      <c r="BX393" s="166">
        <v>0</v>
      </c>
      <c r="BY393" s="166">
        <v>0</v>
      </c>
      <c r="BZ393" s="166">
        <v>0</v>
      </c>
      <c r="CA393" s="166">
        <v>0</v>
      </c>
      <c r="CB393" s="166">
        <v>0</v>
      </c>
      <c r="CC393" s="166">
        <v>0</v>
      </c>
      <c r="CD393" s="166">
        <v>-15478751.2010858</v>
      </c>
      <c r="CE393" s="166">
        <v>0</v>
      </c>
      <c r="CF393" s="166">
        <v>0</v>
      </c>
      <c r="CG393" s="166">
        <v>0</v>
      </c>
      <c r="CH393" s="166">
        <v>0</v>
      </c>
      <c r="CI393" s="166">
        <v>0</v>
      </c>
      <c r="CJ393" s="166">
        <v>0</v>
      </c>
      <c r="CK393" s="166">
        <v>0</v>
      </c>
      <c r="CL393" s="166">
        <v>0</v>
      </c>
      <c r="CM393" s="166">
        <v>0</v>
      </c>
      <c r="CN393" s="166">
        <v>0</v>
      </c>
      <c r="CO393" s="166">
        <v>0</v>
      </c>
      <c r="CP393" s="166">
        <v>0</v>
      </c>
      <c r="CQ393" s="166">
        <v>0</v>
      </c>
      <c r="CR393" s="166">
        <v>-15478751.2010858</v>
      </c>
      <c r="CS393" s="166">
        <v>0</v>
      </c>
      <c r="CT393" s="166">
        <v>0</v>
      </c>
      <c r="CU393" s="166">
        <v>0</v>
      </c>
      <c r="CV393" s="166">
        <v>0</v>
      </c>
      <c r="CW393" s="166">
        <v>0</v>
      </c>
      <c r="CX393" s="166">
        <v>0</v>
      </c>
      <c r="CY393" s="166">
        <v>-15478751.2010858</v>
      </c>
      <c r="CZ393" s="166">
        <v>-15478751.2010858</v>
      </c>
    </row>
    <row r="394" spans="1:104" x14ac:dyDescent="0.2">
      <c r="A394" s="170" t="s">
        <v>483</v>
      </c>
      <c r="B394" s="166">
        <v>0</v>
      </c>
      <c r="C394" s="166">
        <v>0</v>
      </c>
      <c r="D394" s="166">
        <v>0</v>
      </c>
      <c r="E394" s="166">
        <v>0</v>
      </c>
      <c r="F394" s="166">
        <v>0</v>
      </c>
      <c r="G394" s="166">
        <v>0</v>
      </c>
      <c r="H394" s="166">
        <v>0</v>
      </c>
      <c r="I394" s="166">
        <v>0</v>
      </c>
      <c r="J394" s="166">
        <v>-3266754.3871519999</v>
      </c>
      <c r="K394" s="166">
        <v>0</v>
      </c>
      <c r="L394" s="166">
        <v>0</v>
      </c>
      <c r="M394" s="166">
        <v>0</v>
      </c>
      <c r="N394" s="166">
        <v>0</v>
      </c>
      <c r="O394" s="166">
        <v>0</v>
      </c>
      <c r="P394" s="166">
        <v>-1302076.32</v>
      </c>
      <c r="Q394" s="166">
        <v>0</v>
      </c>
      <c r="R394" s="166">
        <v>0</v>
      </c>
      <c r="S394" s="166">
        <v>-336714.9915</v>
      </c>
      <c r="T394" s="166">
        <v>0</v>
      </c>
      <c r="U394" s="166">
        <v>0</v>
      </c>
      <c r="V394" s="166">
        <v>0</v>
      </c>
      <c r="W394" s="166">
        <v>0</v>
      </c>
      <c r="X394" s="166">
        <v>0</v>
      </c>
      <c r="Y394" s="166">
        <v>0</v>
      </c>
      <c r="Z394" s="166">
        <v>0</v>
      </c>
      <c r="AA394" s="166">
        <v>0</v>
      </c>
      <c r="AB394" s="166">
        <v>0</v>
      </c>
      <c r="AC394" s="166">
        <v>0</v>
      </c>
      <c r="AD394" s="166">
        <v>0</v>
      </c>
      <c r="AE394" s="166">
        <v>0</v>
      </c>
      <c r="AF394" s="166">
        <v>0</v>
      </c>
      <c r="AG394" s="166">
        <v>0</v>
      </c>
      <c r="AH394" s="166">
        <v>0</v>
      </c>
      <c r="AI394" s="166">
        <v>0</v>
      </c>
      <c r="AJ394" s="166">
        <v>-15993915.210000001</v>
      </c>
      <c r="AK394" s="166">
        <v>1657372.31</v>
      </c>
      <c r="AL394" s="166">
        <v>0</v>
      </c>
      <c r="AM394" s="166">
        <v>0</v>
      </c>
      <c r="AN394" s="166">
        <v>0</v>
      </c>
      <c r="AO394" s="166">
        <v>0</v>
      </c>
      <c r="AP394" s="166">
        <v>-101862.67200000001</v>
      </c>
      <c r="AQ394" s="166">
        <v>0</v>
      </c>
      <c r="AR394" s="166">
        <v>-4777341.58</v>
      </c>
      <c r="AS394" s="166">
        <v>0</v>
      </c>
      <c r="AT394" s="166">
        <v>0</v>
      </c>
      <c r="AU394" s="166">
        <v>0</v>
      </c>
      <c r="AV394" s="166">
        <v>0</v>
      </c>
      <c r="AW394" s="166">
        <v>0</v>
      </c>
      <c r="AX394" s="166">
        <v>0</v>
      </c>
      <c r="AY394" s="166">
        <v>0</v>
      </c>
      <c r="AZ394" s="166">
        <v>0</v>
      </c>
      <c r="BA394" s="166">
        <v>0</v>
      </c>
      <c r="BB394" s="166">
        <v>0</v>
      </c>
      <c r="BC394" s="166">
        <v>0</v>
      </c>
      <c r="BD394" s="166">
        <v>0</v>
      </c>
      <c r="BE394" s="166">
        <v>-3266754.3871519999</v>
      </c>
      <c r="BF394" s="166">
        <v>-1302076.32</v>
      </c>
      <c r="BG394" s="166">
        <v>0</v>
      </c>
      <c r="BH394" s="166">
        <v>-336714.9915</v>
      </c>
      <c r="BI394" s="166">
        <v>0</v>
      </c>
      <c r="BJ394" s="166">
        <v>0</v>
      </c>
      <c r="BK394" s="166">
        <v>-15993915.210000001</v>
      </c>
      <c r="BL394" s="166">
        <v>1657372.31</v>
      </c>
      <c r="BM394" s="166">
        <v>-101862.67200000001</v>
      </c>
      <c r="BN394" s="166">
        <v>-4777341.58</v>
      </c>
      <c r="BO394" s="166">
        <v>0</v>
      </c>
      <c r="BP394" s="166">
        <v>0</v>
      </c>
      <c r="BQ394" s="166">
        <v>0</v>
      </c>
      <c r="BR394" s="166">
        <v>0</v>
      </c>
      <c r="BS394" s="166">
        <v>-24121292.850652002</v>
      </c>
      <c r="BT394" s="168">
        <v>0</v>
      </c>
      <c r="BU394" s="166">
        <v>0</v>
      </c>
      <c r="BV394" s="166">
        <v>0</v>
      </c>
      <c r="BW394" s="166">
        <v>0</v>
      </c>
      <c r="BX394" s="166">
        <v>-3161532.22834183</v>
      </c>
      <c r="BY394" s="166">
        <v>-1260136.4417327901</v>
      </c>
      <c r="BZ394" s="166">
        <v>0</v>
      </c>
      <c r="CA394" s="166">
        <v>-325869.40162378497</v>
      </c>
      <c r="CB394" s="166">
        <v>0</v>
      </c>
      <c r="CC394" s="166">
        <v>0</v>
      </c>
      <c r="CD394" s="166">
        <v>-15478751.2010858</v>
      </c>
      <c r="CE394" s="166">
        <v>1603988.3478949</v>
      </c>
      <c r="CF394" s="166">
        <v>-98581.675334879998</v>
      </c>
      <c r="CG394" s="166">
        <v>-4623463.4077081997</v>
      </c>
      <c r="CH394" s="166">
        <v>0</v>
      </c>
      <c r="CI394" s="166">
        <v>0</v>
      </c>
      <c r="CJ394" s="166">
        <v>0</v>
      </c>
      <c r="CK394" s="166">
        <v>0</v>
      </c>
      <c r="CL394" s="166">
        <v>-3161532.22834183</v>
      </c>
      <c r="CM394" s="166">
        <v>-1260136.4417327901</v>
      </c>
      <c r="CN394" s="166">
        <v>0</v>
      </c>
      <c r="CO394" s="166">
        <v>-325869.40162378497</v>
      </c>
      <c r="CP394" s="166">
        <v>0</v>
      </c>
      <c r="CQ394" s="166">
        <v>0</v>
      </c>
      <c r="CR394" s="166">
        <v>-15478751.2010858</v>
      </c>
      <c r="CS394" s="166">
        <v>1603988.3478949</v>
      </c>
      <c r="CT394" s="166">
        <v>-98581.675334879998</v>
      </c>
      <c r="CU394" s="166">
        <v>-4623463.4077081997</v>
      </c>
      <c r="CV394" s="166">
        <v>0</v>
      </c>
      <c r="CW394" s="166">
        <v>0</v>
      </c>
      <c r="CX394" s="166">
        <v>0</v>
      </c>
      <c r="CY394" s="166">
        <v>-23344346.007932499</v>
      </c>
      <c r="CZ394" s="166">
        <v>-23344346.007932499</v>
      </c>
    </row>
    <row r="395" spans="1:104" x14ac:dyDescent="0.2">
      <c r="A395" s="167" t="s">
        <v>484</v>
      </c>
    </row>
    <row r="396" spans="1:104" x14ac:dyDescent="0.2">
      <c r="A396" s="170" t="s">
        <v>485</v>
      </c>
      <c r="B396" s="166">
        <v>1148467425.4036601</v>
      </c>
      <c r="C396" s="166">
        <v>1148467425.4036601</v>
      </c>
      <c r="D396" s="166">
        <v>0</v>
      </c>
      <c r="E396" s="166">
        <v>0</v>
      </c>
      <c r="F396" s="166">
        <v>0</v>
      </c>
      <c r="G396" s="166">
        <v>0</v>
      </c>
      <c r="H396" s="166">
        <v>0</v>
      </c>
      <c r="I396" s="166">
        <v>0</v>
      </c>
      <c r="J396" s="166">
        <v>-3266754.3871519999</v>
      </c>
      <c r="K396" s="166">
        <v>0</v>
      </c>
      <c r="L396" s="166">
        <v>0</v>
      </c>
      <c r="M396" s="166">
        <v>0</v>
      </c>
      <c r="N396" s="166">
        <v>0</v>
      </c>
      <c r="O396" s="166">
        <v>0</v>
      </c>
      <c r="P396" s="166">
        <v>-1302076.32</v>
      </c>
      <c r="Q396" s="166">
        <v>0</v>
      </c>
      <c r="R396" s="166">
        <v>-108836554.09999999</v>
      </c>
      <c r="S396" s="166">
        <v>-336714.9915</v>
      </c>
      <c r="T396" s="166">
        <v>0</v>
      </c>
      <c r="U396" s="166">
        <v>-7355586.1499999901</v>
      </c>
      <c r="V396" s="166">
        <v>0</v>
      </c>
      <c r="W396" s="166">
        <v>0</v>
      </c>
      <c r="X396" s="166">
        <v>0</v>
      </c>
      <c r="Y396" s="166">
        <v>0</v>
      </c>
      <c r="Z396" s="166">
        <v>0</v>
      </c>
      <c r="AA396" s="166">
        <v>0</v>
      </c>
      <c r="AB396" s="166">
        <v>0</v>
      </c>
      <c r="AC396" s="166">
        <v>0</v>
      </c>
      <c r="AD396" s="166">
        <v>0</v>
      </c>
      <c r="AE396" s="166">
        <v>0</v>
      </c>
      <c r="AF396" s="166">
        <v>0</v>
      </c>
      <c r="AG396" s="166">
        <v>0</v>
      </c>
      <c r="AH396" s="166">
        <v>0</v>
      </c>
      <c r="AI396" s="166">
        <v>0</v>
      </c>
      <c r="AJ396" s="166">
        <v>-15993915.210000001</v>
      </c>
      <c r="AK396" s="166">
        <v>1657372.31</v>
      </c>
      <c r="AL396" s="166">
        <v>0</v>
      </c>
      <c r="AM396" s="166">
        <v>0</v>
      </c>
      <c r="AN396" s="166">
        <v>0</v>
      </c>
      <c r="AO396" s="166">
        <v>0</v>
      </c>
      <c r="AP396" s="166">
        <v>-101862.67200000001</v>
      </c>
      <c r="AQ396" s="166">
        <v>0</v>
      </c>
      <c r="AR396" s="166">
        <v>-4777341.58</v>
      </c>
      <c r="AS396" s="166">
        <v>0</v>
      </c>
      <c r="AT396" s="166">
        <v>0</v>
      </c>
      <c r="AU396" s="166">
        <v>0</v>
      </c>
      <c r="AV396" s="166">
        <v>0</v>
      </c>
      <c r="AW396" s="166">
        <v>0</v>
      </c>
      <c r="AX396" s="166">
        <v>-4665344.2699999996</v>
      </c>
      <c r="AY396" s="166">
        <v>-66319188.210000001</v>
      </c>
      <c r="AZ396" s="166">
        <v>-362600788.53999901</v>
      </c>
      <c r="BA396" s="166">
        <v>0</v>
      </c>
      <c r="BB396" s="166">
        <v>0</v>
      </c>
      <c r="BC396" s="166">
        <v>0</v>
      </c>
      <c r="BD396" s="166">
        <v>0</v>
      </c>
      <c r="BE396" s="166">
        <v>-3266754.3871519999</v>
      </c>
      <c r="BF396" s="166">
        <v>-1302076.32</v>
      </c>
      <c r="BG396" s="166">
        <v>-108836554.09999999</v>
      </c>
      <c r="BH396" s="166">
        <v>-336714.9915</v>
      </c>
      <c r="BI396" s="166">
        <v>-7355586.1500000004</v>
      </c>
      <c r="BJ396" s="166">
        <v>0</v>
      </c>
      <c r="BK396" s="166">
        <v>-15993915.210000001</v>
      </c>
      <c r="BL396" s="166">
        <v>1657372.31</v>
      </c>
      <c r="BM396" s="166">
        <v>-101862.67200000001</v>
      </c>
      <c r="BN396" s="166">
        <v>-4777341.58</v>
      </c>
      <c r="BO396" s="166">
        <v>-4665344.2699999996</v>
      </c>
      <c r="BP396" s="166">
        <v>-66319188.210000001</v>
      </c>
      <c r="BQ396" s="166">
        <v>-362600788.53999901</v>
      </c>
      <c r="BR396" s="166">
        <v>1148467425.4036601</v>
      </c>
      <c r="BS396" s="166">
        <v>574568671.28300905</v>
      </c>
      <c r="BT396" s="168">
        <v>0</v>
      </c>
      <c r="BU396" s="166">
        <v>113848591.51495001</v>
      </c>
      <c r="BV396" s="166">
        <v>1123449715.2399299</v>
      </c>
      <c r="BW396" s="166">
        <v>0</v>
      </c>
      <c r="BX396" s="166">
        <v>-3161532.22834183</v>
      </c>
      <c r="BY396" s="166">
        <v>-1260136.4417327901</v>
      </c>
      <c r="BZ396" s="166">
        <v>-108836554.09999999</v>
      </c>
      <c r="CA396" s="166">
        <v>-325869.40162378497</v>
      </c>
      <c r="CB396" s="166">
        <v>-7268897.8753521098</v>
      </c>
      <c r="CC396" s="166">
        <v>0</v>
      </c>
      <c r="CD396" s="166">
        <v>-15478751.2010858</v>
      </c>
      <c r="CE396" s="166">
        <v>1603988.3478949</v>
      </c>
      <c r="CF396" s="166">
        <v>-98581.675334879998</v>
      </c>
      <c r="CG396" s="166">
        <v>-4623463.4077081997</v>
      </c>
      <c r="CH396" s="166">
        <v>-4665344.2699999996</v>
      </c>
      <c r="CI396" s="166">
        <v>-62362742.402066797</v>
      </c>
      <c r="CJ396" s="166">
        <v>-362600788.53999901</v>
      </c>
      <c r="CK396" s="166">
        <v>0</v>
      </c>
      <c r="CL396" s="166">
        <v>-3161532.22834183</v>
      </c>
      <c r="CM396" s="166">
        <v>-1260136.4417327901</v>
      </c>
      <c r="CN396" s="166">
        <v>-108836554.09999999</v>
      </c>
      <c r="CO396" s="166">
        <v>-325869.40162378497</v>
      </c>
      <c r="CP396" s="166">
        <v>-7268897.8753521098</v>
      </c>
      <c r="CQ396" s="166">
        <v>0</v>
      </c>
      <c r="CR396" s="166">
        <v>-15478751.2010858</v>
      </c>
      <c r="CS396" s="166">
        <v>1603988.3478949</v>
      </c>
      <c r="CT396" s="166">
        <v>-98581.675334879998</v>
      </c>
      <c r="CU396" s="166">
        <v>-4623463.4077081997</v>
      </c>
      <c r="CV396" s="166">
        <v>-4665344.2699999996</v>
      </c>
      <c r="CW396" s="166">
        <v>-62362742.402066797</v>
      </c>
      <c r="CX396" s="166">
        <v>-362600788.53999901</v>
      </c>
      <c r="CY396" s="166">
        <v>554371042.04457998</v>
      </c>
      <c r="CZ396" s="166">
        <v>554371042.04457998</v>
      </c>
    </row>
    <row r="397" spans="1:104" x14ac:dyDescent="0.2">
      <c r="A397" s="167" t="s">
        <v>486</v>
      </c>
    </row>
    <row r="398" spans="1:104" x14ac:dyDescent="0.2">
      <c r="A398" s="170" t="s">
        <v>487</v>
      </c>
    </row>
    <row r="399" spans="1:104" x14ac:dyDescent="0.2">
      <c r="A399" s="170" t="s">
        <v>488</v>
      </c>
    </row>
    <row r="400" spans="1:104" x14ac:dyDescent="0.2">
      <c r="A400" s="167" t="s">
        <v>489</v>
      </c>
      <c r="B400" s="166">
        <v>-8210220.1399999904</v>
      </c>
      <c r="C400" s="166">
        <v>-8210220.1399999904</v>
      </c>
      <c r="D400" s="166">
        <v>0</v>
      </c>
      <c r="E400" s="166">
        <v>0</v>
      </c>
      <c r="F400" s="166">
        <v>0</v>
      </c>
      <c r="G400" s="166">
        <v>8210220.1399999904</v>
      </c>
      <c r="H400" s="166">
        <v>0</v>
      </c>
      <c r="I400" s="166">
        <v>0</v>
      </c>
      <c r="J400" s="166">
        <v>0</v>
      </c>
      <c r="K400" s="166">
        <v>0</v>
      </c>
      <c r="L400" s="166">
        <v>0</v>
      </c>
      <c r="M400" s="166">
        <v>0</v>
      </c>
      <c r="N400" s="166">
        <v>0</v>
      </c>
      <c r="O400" s="166">
        <v>0</v>
      </c>
      <c r="P400" s="166">
        <v>0</v>
      </c>
      <c r="Q400" s="166">
        <v>0</v>
      </c>
      <c r="R400" s="166">
        <v>0</v>
      </c>
      <c r="S400" s="166">
        <v>0</v>
      </c>
      <c r="T400" s="166">
        <v>0</v>
      </c>
      <c r="U400" s="166">
        <v>0</v>
      </c>
      <c r="V400" s="166">
        <v>0</v>
      </c>
      <c r="W400" s="166">
        <v>0</v>
      </c>
      <c r="X400" s="166">
        <v>0</v>
      </c>
      <c r="Y400" s="166">
        <v>0</v>
      </c>
      <c r="Z400" s="166">
        <v>0</v>
      </c>
      <c r="AA400" s="166">
        <v>0</v>
      </c>
      <c r="AB400" s="166">
        <v>0</v>
      </c>
      <c r="AC400" s="166">
        <v>0</v>
      </c>
      <c r="AD400" s="166">
        <v>0</v>
      </c>
      <c r="AE400" s="166">
        <v>0</v>
      </c>
      <c r="AF400" s="166">
        <v>0</v>
      </c>
      <c r="AG400" s="166">
        <v>0</v>
      </c>
      <c r="AH400" s="166">
        <v>0</v>
      </c>
      <c r="AI400" s="166">
        <v>0</v>
      </c>
      <c r="AJ400" s="166">
        <v>0</v>
      </c>
      <c r="AK400" s="166">
        <v>0</v>
      </c>
      <c r="AL400" s="166">
        <v>0</v>
      </c>
      <c r="AM400" s="166">
        <v>0</v>
      </c>
      <c r="AN400" s="166">
        <v>0</v>
      </c>
      <c r="AO400" s="166">
        <v>0</v>
      </c>
      <c r="AP400" s="166">
        <v>0</v>
      </c>
      <c r="AQ400" s="166">
        <v>0</v>
      </c>
      <c r="AR400" s="166">
        <v>0</v>
      </c>
      <c r="AS400" s="166">
        <v>0</v>
      </c>
      <c r="AT400" s="166">
        <v>0</v>
      </c>
      <c r="AU400" s="166">
        <v>0</v>
      </c>
      <c r="AV400" s="166">
        <v>0</v>
      </c>
      <c r="AW400" s="166">
        <v>0</v>
      </c>
      <c r="AX400" s="166">
        <v>0</v>
      </c>
      <c r="AY400" s="166">
        <v>0</v>
      </c>
      <c r="AZ400" s="166">
        <v>0</v>
      </c>
      <c r="BA400" s="166">
        <v>0</v>
      </c>
      <c r="BB400" s="166">
        <v>0</v>
      </c>
      <c r="BC400" s="166">
        <v>0</v>
      </c>
      <c r="BD400" s="166">
        <v>8210220.1399999904</v>
      </c>
      <c r="BE400" s="166">
        <v>0</v>
      </c>
      <c r="BF400" s="166">
        <v>0</v>
      </c>
      <c r="BG400" s="166">
        <v>0</v>
      </c>
      <c r="BH400" s="166">
        <v>0</v>
      </c>
      <c r="BI400" s="166">
        <v>0</v>
      </c>
      <c r="BJ400" s="166">
        <v>0</v>
      </c>
      <c r="BK400" s="166">
        <v>0</v>
      </c>
      <c r="BL400" s="166">
        <v>0</v>
      </c>
      <c r="BM400" s="166">
        <v>0</v>
      </c>
      <c r="BN400" s="166">
        <v>0</v>
      </c>
      <c r="BO400" s="166">
        <v>0</v>
      </c>
      <c r="BP400" s="166">
        <v>0</v>
      </c>
      <c r="BQ400" s="166">
        <v>0</v>
      </c>
      <c r="BR400" s="166">
        <v>-8210220.1399999904</v>
      </c>
      <c r="BS400" s="166">
        <v>0</v>
      </c>
      <c r="BT400" s="168">
        <v>1</v>
      </c>
      <c r="BU400" s="166">
        <v>-9558989.7999999896</v>
      </c>
      <c r="BV400" s="166">
        <v>-8210220.1399999904</v>
      </c>
      <c r="BW400" s="166">
        <v>8210220.1399999904</v>
      </c>
      <c r="BX400" s="166">
        <v>0</v>
      </c>
      <c r="BY400" s="166">
        <v>0</v>
      </c>
      <c r="BZ400" s="166">
        <v>0</v>
      </c>
      <c r="CA400" s="166">
        <v>0</v>
      </c>
      <c r="CB400" s="166">
        <v>0</v>
      </c>
      <c r="CC400" s="166">
        <v>0</v>
      </c>
      <c r="CD400" s="166">
        <v>0</v>
      </c>
      <c r="CE400" s="166">
        <v>0</v>
      </c>
      <c r="CF400" s="166">
        <v>0</v>
      </c>
      <c r="CG400" s="166">
        <v>0</v>
      </c>
      <c r="CH400" s="166">
        <v>0</v>
      </c>
      <c r="CI400" s="166">
        <v>0</v>
      </c>
      <c r="CJ400" s="166">
        <v>0</v>
      </c>
      <c r="CK400" s="166">
        <v>8210220.1399999904</v>
      </c>
      <c r="CL400" s="166">
        <v>0</v>
      </c>
      <c r="CM400" s="166">
        <v>0</v>
      </c>
      <c r="CN400" s="166">
        <v>0</v>
      </c>
      <c r="CO400" s="166">
        <v>0</v>
      </c>
      <c r="CP400" s="166">
        <v>0</v>
      </c>
      <c r="CQ400" s="166">
        <v>0</v>
      </c>
      <c r="CR400" s="166">
        <v>0</v>
      </c>
      <c r="CS400" s="166">
        <v>0</v>
      </c>
      <c r="CT400" s="166">
        <v>0</v>
      </c>
      <c r="CU400" s="166">
        <v>0</v>
      </c>
      <c r="CV400" s="166">
        <v>0</v>
      </c>
      <c r="CW400" s="166">
        <v>0</v>
      </c>
      <c r="CX400" s="166">
        <v>0</v>
      </c>
      <c r="CY400" s="166">
        <v>0</v>
      </c>
      <c r="CZ400" s="166">
        <v>0</v>
      </c>
    </row>
    <row r="401" spans="1:104" x14ac:dyDescent="0.2">
      <c r="A401" s="167" t="s">
        <v>1205</v>
      </c>
      <c r="B401" s="166">
        <v>447889404.72999901</v>
      </c>
      <c r="C401" s="166">
        <v>447889404.72999901</v>
      </c>
      <c r="D401" s="166">
        <v>0</v>
      </c>
      <c r="E401" s="166">
        <v>0</v>
      </c>
      <c r="F401" s="166">
        <v>0</v>
      </c>
      <c r="G401" s="166">
        <v>-447889404.72999901</v>
      </c>
      <c r="H401" s="166">
        <v>0</v>
      </c>
      <c r="I401" s="166">
        <v>0</v>
      </c>
      <c r="J401" s="166">
        <v>0</v>
      </c>
      <c r="K401" s="166">
        <v>0</v>
      </c>
      <c r="L401" s="166">
        <v>0</v>
      </c>
      <c r="M401" s="166">
        <v>0</v>
      </c>
      <c r="N401" s="166">
        <v>0</v>
      </c>
      <c r="O401" s="166">
        <v>0</v>
      </c>
      <c r="P401" s="166">
        <v>0</v>
      </c>
      <c r="Q401" s="166">
        <v>0</v>
      </c>
      <c r="R401" s="166">
        <v>0</v>
      </c>
      <c r="S401" s="166">
        <v>0</v>
      </c>
      <c r="T401" s="166">
        <v>0</v>
      </c>
      <c r="U401" s="166">
        <v>0</v>
      </c>
      <c r="V401" s="166">
        <v>0</v>
      </c>
      <c r="W401" s="166">
        <v>0</v>
      </c>
      <c r="X401" s="166">
        <v>0</v>
      </c>
      <c r="Y401" s="166">
        <v>0</v>
      </c>
      <c r="Z401" s="166">
        <v>0</v>
      </c>
      <c r="AA401" s="166">
        <v>0</v>
      </c>
      <c r="AB401" s="166">
        <v>0</v>
      </c>
      <c r="AC401" s="166">
        <v>0</v>
      </c>
      <c r="AD401" s="166">
        <v>0</v>
      </c>
      <c r="AE401" s="166">
        <v>0</v>
      </c>
      <c r="AF401" s="166">
        <v>0</v>
      </c>
      <c r="AG401" s="166">
        <v>0</v>
      </c>
      <c r="AH401" s="166">
        <v>0</v>
      </c>
      <c r="AI401" s="166">
        <v>0</v>
      </c>
      <c r="AJ401" s="166">
        <v>0</v>
      </c>
      <c r="AK401" s="166">
        <v>0</v>
      </c>
      <c r="AL401" s="166">
        <v>0</v>
      </c>
      <c r="AM401" s="166">
        <v>0</v>
      </c>
      <c r="AN401" s="166">
        <v>0</v>
      </c>
      <c r="AO401" s="166">
        <v>0</v>
      </c>
      <c r="AP401" s="166">
        <v>0</v>
      </c>
      <c r="AQ401" s="166">
        <v>0</v>
      </c>
      <c r="AR401" s="166">
        <v>0</v>
      </c>
      <c r="AS401" s="166">
        <v>0</v>
      </c>
      <c r="AT401" s="166">
        <v>0</v>
      </c>
      <c r="AU401" s="166">
        <v>0</v>
      </c>
      <c r="AV401" s="166">
        <v>0</v>
      </c>
      <c r="AW401" s="166">
        <v>0</v>
      </c>
      <c r="AX401" s="166">
        <v>0</v>
      </c>
      <c r="AY401" s="166">
        <v>0</v>
      </c>
      <c r="AZ401" s="166">
        <v>0</v>
      </c>
      <c r="BA401" s="166">
        <v>0</v>
      </c>
      <c r="BB401" s="166">
        <v>0</v>
      </c>
      <c r="BC401" s="166">
        <v>0</v>
      </c>
      <c r="BD401" s="166">
        <v>-447889404.72999901</v>
      </c>
      <c r="BE401" s="166">
        <v>0</v>
      </c>
      <c r="BF401" s="166">
        <v>0</v>
      </c>
      <c r="BG401" s="166">
        <v>0</v>
      </c>
      <c r="BH401" s="166">
        <v>0</v>
      </c>
      <c r="BI401" s="166">
        <v>0</v>
      </c>
      <c r="BJ401" s="166">
        <v>0</v>
      </c>
      <c r="BK401" s="166">
        <v>0</v>
      </c>
      <c r="BL401" s="166">
        <v>0</v>
      </c>
      <c r="BM401" s="166">
        <v>0</v>
      </c>
      <c r="BN401" s="166">
        <v>0</v>
      </c>
      <c r="BO401" s="166">
        <v>0</v>
      </c>
      <c r="BP401" s="166">
        <v>0</v>
      </c>
      <c r="BQ401" s="166">
        <v>0</v>
      </c>
      <c r="BR401" s="166">
        <v>447889404.72999901</v>
      </c>
      <c r="BS401" s="166">
        <v>0</v>
      </c>
      <c r="BT401" s="168">
        <v>0.95480272918667797</v>
      </c>
      <c r="BU401" s="166">
        <v>35188146.917528898</v>
      </c>
      <c r="BV401" s="166">
        <v>427646026.010001</v>
      </c>
      <c r="BW401" s="166">
        <v>-427646026.010001</v>
      </c>
      <c r="BX401" s="166">
        <v>0</v>
      </c>
      <c r="BY401" s="166">
        <v>0</v>
      </c>
      <c r="BZ401" s="166">
        <v>0</v>
      </c>
      <c r="CA401" s="166">
        <v>0</v>
      </c>
      <c r="CB401" s="166">
        <v>0</v>
      </c>
      <c r="CC401" s="166">
        <v>0</v>
      </c>
      <c r="CD401" s="166">
        <v>0</v>
      </c>
      <c r="CE401" s="166">
        <v>0</v>
      </c>
      <c r="CF401" s="166">
        <v>0</v>
      </c>
      <c r="CG401" s="166">
        <v>0</v>
      </c>
      <c r="CH401" s="166">
        <v>0</v>
      </c>
      <c r="CI401" s="166">
        <v>0</v>
      </c>
      <c r="CJ401" s="166">
        <v>0</v>
      </c>
      <c r="CK401" s="166">
        <v>-427646026.010001</v>
      </c>
      <c r="CL401" s="166">
        <v>0</v>
      </c>
      <c r="CM401" s="166">
        <v>0</v>
      </c>
      <c r="CN401" s="166">
        <v>0</v>
      </c>
      <c r="CO401" s="166">
        <v>0</v>
      </c>
      <c r="CP401" s="166">
        <v>0</v>
      </c>
      <c r="CQ401" s="166">
        <v>0</v>
      </c>
      <c r="CR401" s="166">
        <v>0</v>
      </c>
      <c r="CS401" s="166">
        <v>0</v>
      </c>
      <c r="CT401" s="166">
        <v>0</v>
      </c>
      <c r="CU401" s="166">
        <v>0</v>
      </c>
      <c r="CV401" s="166">
        <v>0</v>
      </c>
      <c r="CW401" s="166">
        <v>0</v>
      </c>
      <c r="CX401" s="166">
        <v>0</v>
      </c>
      <c r="CY401" s="166">
        <v>0</v>
      </c>
      <c r="CZ401" s="166">
        <v>0</v>
      </c>
    </row>
    <row r="402" spans="1:104" x14ac:dyDescent="0.2">
      <c r="A402" s="167" t="s">
        <v>491</v>
      </c>
      <c r="B402" s="166">
        <v>439679184.58999997</v>
      </c>
      <c r="C402" s="166">
        <v>439679184.58999997</v>
      </c>
      <c r="D402" s="166">
        <v>0</v>
      </c>
      <c r="E402" s="166">
        <v>0</v>
      </c>
      <c r="F402" s="166">
        <v>0</v>
      </c>
      <c r="G402" s="166">
        <v>-439679184.58999997</v>
      </c>
      <c r="H402" s="166">
        <v>0</v>
      </c>
      <c r="I402" s="166">
        <v>0</v>
      </c>
      <c r="J402" s="166">
        <v>0</v>
      </c>
      <c r="K402" s="166">
        <v>0</v>
      </c>
      <c r="L402" s="166">
        <v>0</v>
      </c>
      <c r="M402" s="166">
        <v>0</v>
      </c>
      <c r="N402" s="166">
        <v>0</v>
      </c>
      <c r="O402" s="166">
        <v>0</v>
      </c>
      <c r="P402" s="166">
        <v>0</v>
      </c>
      <c r="Q402" s="166">
        <v>0</v>
      </c>
      <c r="R402" s="166">
        <v>0</v>
      </c>
      <c r="S402" s="166">
        <v>0</v>
      </c>
      <c r="T402" s="166">
        <v>0</v>
      </c>
      <c r="U402" s="166">
        <v>0</v>
      </c>
      <c r="V402" s="166">
        <v>0</v>
      </c>
      <c r="W402" s="166">
        <v>0</v>
      </c>
      <c r="X402" s="166">
        <v>0</v>
      </c>
      <c r="Y402" s="166">
        <v>0</v>
      </c>
      <c r="Z402" s="166">
        <v>0</v>
      </c>
      <c r="AA402" s="166">
        <v>0</v>
      </c>
      <c r="AB402" s="166">
        <v>0</v>
      </c>
      <c r="AC402" s="166">
        <v>0</v>
      </c>
      <c r="AD402" s="166">
        <v>0</v>
      </c>
      <c r="AE402" s="166">
        <v>0</v>
      </c>
      <c r="AF402" s="166">
        <v>0</v>
      </c>
      <c r="AG402" s="166">
        <v>0</v>
      </c>
      <c r="AH402" s="166">
        <v>0</v>
      </c>
      <c r="AI402" s="166">
        <v>0</v>
      </c>
      <c r="AJ402" s="166">
        <v>0</v>
      </c>
      <c r="AK402" s="166">
        <v>0</v>
      </c>
      <c r="AL402" s="166">
        <v>0</v>
      </c>
      <c r="AM402" s="166">
        <v>0</v>
      </c>
      <c r="AN402" s="166">
        <v>0</v>
      </c>
      <c r="AO402" s="166">
        <v>0</v>
      </c>
      <c r="AP402" s="166">
        <v>0</v>
      </c>
      <c r="AQ402" s="166">
        <v>0</v>
      </c>
      <c r="AR402" s="166">
        <v>0</v>
      </c>
      <c r="AS402" s="166">
        <v>0</v>
      </c>
      <c r="AT402" s="166">
        <v>0</v>
      </c>
      <c r="AU402" s="166">
        <v>0</v>
      </c>
      <c r="AV402" s="166">
        <v>0</v>
      </c>
      <c r="AW402" s="166">
        <v>0</v>
      </c>
      <c r="AX402" s="166">
        <v>0</v>
      </c>
      <c r="AY402" s="166">
        <v>0</v>
      </c>
      <c r="AZ402" s="166">
        <v>0</v>
      </c>
      <c r="BA402" s="166">
        <v>0</v>
      </c>
      <c r="BB402" s="166">
        <v>0</v>
      </c>
      <c r="BC402" s="166">
        <v>0</v>
      </c>
      <c r="BD402" s="166">
        <v>-439679184.58999997</v>
      </c>
      <c r="BE402" s="166">
        <v>0</v>
      </c>
      <c r="BF402" s="166">
        <v>0</v>
      </c>
      <c r="BG402" s="166">
        <v>0</v>
      </c>
      <c r="BH402" s="166">
        <v>0</v>
      </c>
      <c r="BI402" s="166">
        <v>0</v>
      </c>
      <c r="BJ402" s="166">
        <v>0</v>
      </c>
      <c r="BK402" s="166">
        <v>0</v>
      </c>
      <c r="BL402" s="166">
        <v>0</v>
      </c>
      <c r="BM402" s="166">
        <v>0</v>
      </c>
      <c r="BN402" s="166">
        <v>0</v>
      </c>
      <c r="BO402" s="166">
        <v>0</v>
      </c>
      <c r="BP402" s="166">
        <v>0</v>
      </c>
      <c r="BQ402" s="166">
        <v>0</v>
      </c>
      <c r="BR402" s="166">
        <v>439679184.58999997</v>
      </c>
      <c r="BS402" s="166">
        <v>0</v>
      </c>
      <c r="BT402" s="166">
        <v>0</v>
      </c>
      <c r="BU402" s="166">
        <v>25629157.117528901</v>
      </c>
      <c r="BV402" s="166">
        <v>419435805.87000102</v>
      </c>
      <c r="BW402" s="166">
        <v>-419435805.87</v>
      </c>
      <c r="BX402" s="166">
        <v>0</v>
      </c>
      <c r="BY402" s="166">
        <v>0</v>
      </c>
      <c r="BZ402" s="166">
        <v>0</v>
      </c>
      <c r="CA402" s="166">
        <v>0</v>
      </c>
      <c r="CB402" s="166">
        <v>0</v>
      </c>
      <c r="CC402" s="166">
        <v>0</v>
      </c>
      <c r="CD402" s="166">
        <v>0</v>
      </c>
      <c r="CE402" s="166">
        <v>0</v>
      </c>
      <c r="CF402" s="166">
        <v>0</v>
      </c>
      <c r="CG402" s="166">
        <v>0</v>
      </c>
      <c r="CH402" s="166">
        <v>0</v>
      </c>
      <c r="CI402" s="166">
        <v>0</v>
      </c>
      <c r="CJ402" s="166">
        <v>0</v>
      </c>
      <c r="CK402" s="166">
        <v>-419435805.87000102</v>
      </c>
      <c r="CL402" s="166">
        <v>0</v>
      </c>
      <c r="CM402" s="166">
        <v>0</v>
      </c>
      <c r="CN402" s="166">
        <v>0</v>
      </c>
      <c r="CO402" s="166">
        <v>0</v>
      </c>
      <c r="CP402" s="166">
        <v>0</v>
      </c>
      <c r="CQ402" s="166">
        <v>0</v>
      </c>
      <c r="CR402" s="166">
        <v>0</v>
      </c>
      <c r="CS402" s="166">
        <v>0</v>
      </c>
      <c r="CT402" s="166">
        <v>0</v>
      </c>
      <c r="CU402" s="166">
        <v>0</v>
      </c>
      <c r="CV402" s="166">
        <v>0</v>
      </c>
      <c r="CW402" s="166">
        <v>0</v>
      </c>
      <c r="CX402" s="166">
        <v>0</v>
      </c>
      <c r="CY402" s="166">
        <v>0</v>
      </c>
      <c r="CZ402" s="166">
        <v>0</v>
      </c>
    </row>
    <row r="403" spans="1:104" x14ac:dyDescent="0.2">
      <c r="A403" s="167" t="s">
        <v>492</v>
      </c>
    </row>
    <row r="404" spans="1:104" x14ac:dyDescent="0.2">
      <c r="A404" s="170" t="s">
        <v>493</v>
      </c>
    </row>
    <row r="405" spans="1:104" x14ac:dyDescent="0.2">
      <c r="A405" s="167" t="s">
        <v>494</v>
      </c>
      <c r="B405" s="166">
        <v>1423061.18</v>
      </c>
      <c r="C405" s="166">
        <v>1423061.18</v>
      </c>
      <c r="D405" s="166">
        <v>0</v>
      </c>
      <c r="E405" s="166">
        <v>0</v>
      </c>
      <c r="F405" s="166">
        <v>0</v>
      </c>
      <c r="G405" s="166">
        <v>0</v>
      </c>
      <c r="H405" s="166">
        <v>0</v>
      </c>
      <c r="I405" s="166">
        <v>0</v>
      </c>
      <c r="J405" s="166">
        <v>0</v>
      </c>
      <c r="K405" s="166">
        <v>0</v>
      </c>
      <c r="L405" s="166">
        <v>0</v>
      </c>
      <c r="M405" s="166">
        <v>0</v>
      </c>
      <c r="N405" s="166">
        <v>0</v>
      </c>
      <c r="O405" s="166">
        <v>0</v>
      </c>
      <c r="P405" s="166">
        <v>0</v>
      </c>
      <c r="Q405" s="166">
        <v>0</v>
      </c>
      <c r="R405" s="166">
        <v>0</v>
      </c>
      <c r="S405" s="166">
        <v>0</v>
      </c>
      <c r="T405" s="166">
        <v>0</v>
      </c>
      <c r="U405" s="166">
        <v>0</v>
      </c>
      <c r="V405" s="166">
        <v>0</v>
      </c>
      <c r="W405" s="166">
        <v>0</v>
      </c>
      <c r="X405" s="166">
        <v>0</v>
      </c>
      <c r="Y405" s="166">
        <v>0</v>
      </c>
      <c r="Z405" s="166">
        <v>0</v>
      </c>
      <c r="AA405" s="166">
        <v>0</v>
      </c>
      <c r="AB405" s="166">
        <v>-1423061.18</v>
      </c>
      <c r="AC405" s="166">
        <v>0</v>
      </c>
      <c r="AD405" s="166">
        <v>0</v>
      </c>
      <c r="AE405" s="166">
        <v>0</v>
      </c>
      <c r="AF405" s="166">
        <v>0</v>
      </c>
      <c r="AG405" s="166">
        <v>0</v>
      </c>
      <c r="AH405" s="166">
        <v>0</v>
      </c>
      <c r="AI405" s="166">
        <v>0</v>
      </c>
      <c r="AJ405" s="166">
        <v>0</v>
      </c>
      <c r="AK405" s="166">
        <v>0</v>
      </c>
      <c r="AL405" s="166">
        <v>0</v>
      </c>
      <c r="AM405" s="166">
        <v>0</v>
      </c>
      <c r="AN405" s="166">
        <v>0</v>
      </c>
      <c r="AO405" s="166">
        <v>0</v>
      </c>
      <c r="AP405" s="166">
        <v>0</v>
      </c>
      <c r="AQ405" s="166">
        <v>0</v>
      </c>
      <c r="AR405" s="166">
        <v>0</v>
      </c>
      <c r="AS405" s="166">
        <v>0</v>
      </c>
      <c r="AT405" s="166">
        <v>0</v>
      </c>
      <c r="AU405" s="166">
        <v>0</v>
      </c>
      <c r="AV405" s="166">
        <v>0</v>
      </c>
      <c r="AW405" s="166">
        <v>0</v>
      </c>
      <c r="AX405" s="166">
        <v>0</v>
      </c>
      <c r="AY405" s="166">
        <v>0</v>
      </c>
      <c r="AZ405" s="166">
        <v>0</v>
      </c>
      <c r="BA405" s="166">
        <v>0</v>
      </c>
      <c r="BB405" s="166">
        <v>0</v>
      </c>
      <c r="BC405" s="166">
        <v>0</v>
      </c>
      <c r="BD405" s="166">
        <v>0</v>
      </c>
      <c r="BE405" s="166">
        <v>0</v>
      </c>
      <c r="BF405" s="166">
        <v>0</v>
      </c>
      <c r="BG405" s="166">
        <v>0</v>
      </c>
      <c r="BH405" s="166">
        <v>0</v>
      </c>
      <c r="BI405" s="166">
        <v>0</v>
      </c>
      <c r="BJ405" s="166">
        <v>-1423061.18</v>
      </c>
      <c r="BK405" s="166">
        <v>0</v>
      </c>
      <c r="BL405" s="166">
        <v>0</v>
      </c>
      <c r="BM405" s="166">
        <v>0</v>
      </c>
      <c r="BN405" s="166">
        <v>0</v>
      </c>
      <c r="BO405" s="166">
        <v>0</v>
      </c>
      <c r="BP405" s="166">
        <v>0</v>
      </c>
      <c r="BQ405" s="166">
        <v>0</v>
      </c>
      <c r="BR405" s="166">
        <v>1423061.18</v>
      </c>
      <c r="BS405" s="166">
        <v>0</v>
      </c>
      <c r="BT405" s="168">
        <v>0</v>
      </c>
      <c r="BU405" s="166">
        <v>0</v>
      </c>
      <c r="BV405" s="166">
        <v>0</v>
      </c>
      <c r="BW405" s="166">
        <v>0</v>
      </c>
      <c r="BX405" s="166">
        <v>0</v>
      </c>
      <c r="BY405" s="166">
        <v>0</v>
      </c>
      <c r="BZ405" s="166">
        <v>0</v>
      </c>
      <c r="CA405" s="166">
        <v>0</v>
      </c>
      <c r="CB405" s="166">
        <v>0</v>
      </c>
      <c r="CC405" s="166">
        <v>0</v>
      </c>
      <c r="CD405" s="166">
        <v>0</v>
      </c>
      <c r="CE405" s="166">
        <v>0</v>
      </c>
      <c r="CF405" s="166">
        <v>0</v>
      </c>
      <c r="CG405" s="166">
        <v>0</v>
      </c>
      <c r="CH405" s="166">
        <v>0</v>
      </c>
      <c r="CI405" s="166">
        <v>0</v>
      </c>
      <c r="CJ405" s="166">
        <v>0</v>
      </c>
      <c r="CK405" s="166">
        <v>0</v>
      </c>
      <c r="CL405" s="166">
        <v>0</v>
      </c>
      <c r="CM405" s="166">
        <v>0</v>
      </c>
      <c r="CN405" s="166">
        <v>0</v>
      </c>
      <c r="CO405" s="166">
        <v>0</v>
      </c>
      <c r="CP405" s="166">
        <v>0</v>
      </c>
      <c r="CQ405" s="166">
        <v>0</v>
      </c>
      <c r="CR405" s="166">
        <v>0</v>
      </c>
      <c r="CS405" s="166">
        <v>0</v>
      </c>
      <c r="CT405" s="166">
        <v>0</v>
      </c>
      <c r="CU405" s="166">
        <v>0</v>
      </c>
      <c r="CV405" s="166">
        <v>0</v>
      </c>
      <c r="CW405" s="166">
        <v>0</v>
      </c>
      <c r="CX405" s="166">
        <v>0</v>
      </c>
      <c r="CY405" s="166">
        <v>0</v>
      </c>
      <c r="CZ405" s="166">
        <v>0</v>
      </c>
    </row>
    <row r="406" spans="1:104" x14ac:dyDescent="0.2">
      <c r="A406" s="167" t="s">
        <v>1206</v>
      </c>
      <c r="B406" s="166">
        <v>2382091622.8899999</v>
      </c>
      <c r="C406" s="166">
        <v>2382091622.8899999</v>
      </c>
      <c r="D406" s="166">
        <v>0</v>
      </c>
      <c r="E406" s="166">
        <v>0</v>
      </c>
      <c r="F406" s="166">
        <v>0</v>
      </c>
      <c r="G406" s="166">
        <v>0</v>
      </c>
      <c r="H406" s="166">
        <v>0</v>
      </c>
      <c r="I406" s="166">
        <v>0</v>
      </c>
      <c r="J406" s="166">
        <v>0</v>
      </c>
      <c r="K406" s="166">
        <v>0</v>
      </c>
      <c r="L406" s="166">
        <v>0</v>
      </c>
      <c r="M406" s="166">
        <v>0</v>
      </c>
      <c r="N406" s="166">
        <v>0</v>
      </c>
      <c r="O406" s="166">
        <v>0</v>
      </c>
      <c r="P406" s="166">
        <v>0</v>
      </c>
      <c r="Q406" s="166">
        <v>0</v>
      </c>
      <c r="R406" s="166">
        <v>0</v>
      </c>
      <c r="S406" s="166">
        <v>0</v>
      </c>
      <c r="T406" s="166">
        <v>0</v>
      </c>
      <c r="U406" s="166">
        <v>0</v>
      </c>
      <c r="V406" s="166">
        <v>0</v>
      </c>
      <c r="W406" s="166">
        <v>0</v>
      </c>
      <c r="X406" s="166">
        <v>0</v>
      </c>
      <c r="Y406" s="166">
        <v>0</v>
      </c>
      <c r="Z406" s="166">
        <v>0</v>
      </c>
      <c r="AA406" s="166">
        <v>0</v>
      </c>
      <c r="AB406" s="166">
        <v>-2382091622.8899999</v>
      </c>
      <c r="AC406" s="166">
        <v>0</v>
      </c>
      <c r="AD406" s="166">
        <v>0</v>
      </c>
      <c r="AE406" s="166">
        <v>0</v>
      </c>
      <c r="AF406" s="166">
        <v>0</v>
      </c>
      <c r="AG406" s="166">
        <v>0</v>
      </c>
      <c r="AH406" s="166">
        <v>0</v>
      </c>
      <c r="AI406" s="166">
        <v>0</v>
      </c>
      <c r="AJ406" s="166">
        <v>0</v>
      </c>
      <c r="AK406" s="166">
        <v>0</v>
      </c>
      <c r="AL406" s="166">
        <v>0</v>
      </c>
      <c r="AM406" s="166">
        <v>0</v>
      </c>
      <c r="AN406" s="166">
        <v>0</v>
      </c>
      <c r="AO406" s="166">
        <v>0</v>
      </c>
      <c r="AP406" s="166">
        <v>0</v>
      </c>
      <c r="AQ406" s="166">
        <v>0</v>
      </c>
      <c r="AR406" s="166">
        <v>0</v>
      </c>
      <c r="AS406" s="166">
        <v>0</v>
      </c>
      <c r="AT406" s="166">
        <v>0</v>
      </c>
      <c r="AU406" s="166">
        <v>0</v>
      </c>
      <c r="AV406" s="166">
        <v>0</v>
      </c>
      <c r="AW406" s="166">
        <v>0</v>
      </c>
      <c r="AX406" s="166">
        <v>0</v>
      </c>
      <c r="AY406" s="166">
        <v>0</v>
      </c>
      <c r="AZ406" s="166">
        <v>0</v>
      </c>
      <c r="BA406" s="166">
        <v>0</v>
      </c>
      <c r="BB406" s="166">
        <v>0</v>
      </c>
      <c r="BC406" s="166">
        <v>0</v>
      </c>
      <c r="BD406" s="166">
        <v>0</v>
      </c>
      <c r="BE406" s="166">
        <v>0</v>
      </c>
      <c r="BF406" s="166">
        <v>0</v>
      </c>
      <c r="BG406" s="166">
        <v>0</v>
      </c>
      <c r="BH406" s="166">
        <v>0</v>
      </c>
      <c r="BI406" s="166">
        <v>0</v>
      </c>
      <c r="BJ406" s="166">
        <v>-2382091622.8899999</v>
      </c>
      <c r="BK406" s="166">
        <v>0</v>
      </c>
      <c r="BL406" s="166">
        <v>0</v>
      </c>
      <c r="BM406" s="166">
        <v>0</v>
      </c>
      <c r="BN406" s="166">
        <v>0</v>
      </c>
      <c r="BO406" s="166">
        <v>0</v>
      </c>
      <c r="BP406" s="166">
        <v>0</v>
      </c>
      <c r="BQ406" s="166">
        <v>0</v>
      </c>
      <c r="BR406" s="166">
        <v>2382091622.8899999</v>
      </c>
      <c r="BS406" s="166">
        <v>0</v>
      </c>
      <c r="BT406" s="168">
        <v>0.97527871020419499</v>
      </c>
      <c r="BU406" s="166">
        <v>149885358.98907799</v>
      </c>
      <c r="BV406" s="166">
        <v>2323203245.56037</v>
      </c>
      <c r="BW406" s="166">
        <v>0</v>
      </c>
      <c r="BX406" s="166">
        <v>0</v>
      </c>
      <c r="BY406" s="166">
        <v>0</v>
      </c>
      <c r="BZ406" s="166">
        <v>0</v>
      </c>
      <c r="CA406" s="166">
        <v>0</v>
      </c>
      <c r="CB406" s="166">
        <v>0</v>
      </c>
      <c r="CC406" s="166">
        <v>-2323203245.56037</v>
      </c>
      <c r="CD406" s="166">
        <v>0</v>
      </c>
      <c r="CE406" s="166">
        <v>0</v>
      </c>
      <c r="CF406" s="166">
        <v>0</v>
      </c>
      <c r="CG406" s="166">
        <v>0</v>
      </c>
      <c r="CH406" s="166">
        <v>0</v>
      </c>
      <c r="CI406" s="166">
        <v>0</v>
      </c>
      <c r="CJ406" s="166">
        <v>0</v>
      </c>
      <c r="CK406" s="166">
        <v>0</v>
      </c>
      <c r="CL406" s="166">
        <v>0</v>
      </c>
      <c r="CM406" s="166">
        <v>0</v>
      </c>
      <c r="CN406" s="166">
        <v>0</v>
      </c>
      <c r="CO406" s="166">
        <v>0</v>
      </c>
      <c r="CP406" s="166">
        <v>0</v>
      </c>
      <c r="CQ406" s="166">
        <v>-2323203245.56037</v>
      </c>
      <c r="CR406" s="166">
        <v>0</v>
      </c>
      <c r="CS406" s="166">
        <v>0</v>
      </c>
      <c r="CT406" s="166">
        <v>0</v>
      </c>
      <c r="CU406" s="166">
        <v>0</v>
      </c>
      <c r="CV406" s="166">
        <v>0</v>
      </c>
      <c r="CW406" s="166">
        <v>0</v>
      </c>
      <c r="CX406" s="166">
        <v>0</v>
      </c>
      <c r="CY406" s="166">
        <v>0</v>
      </c>
      <c r="CZ406" s="166">
        <v>0</v>
      </c>
    </row>
    <row r="407" spans="1:104" x14ac:dyDescent="0.2">
      <c r="A407" s="167" t="s">
        <v>496</v>
      </c>
      <c r="B407" s="166">
        <v>0</v>
      </c>
      <c r="C407" s="166">
        <v>0</v>
      </c>
      <c r="D407" s="166">
        <v>0</v>
      </c>
      <c r="E407" s="166">
        <v>0</v>
      </c>
      <c r="F407" s="166">
        <v>0</v>
      </c>
      <c r="G407" s="166">
        <v>0</v>
      </c>
      <c r="H407" s="166">
        <v>0</v>
      </c>
      <c r="I407" s="166">
        <v>0</v>
      </c>
      <c r="J407" s="166">
        <v>0</v>
      </c>
      <c r="K407" s="166">
        <v>0</v>
      </c>
      <c r="L407" s="166">
        <v>0</v>
      </c>
      <c r="M407" s="166">
        <v>0</v>
      </c>
      <c r="N407" s="166">
        <v>0</v>
      </c>
      <c r="O407" s="166">
        <v>0</v>
      </c>
      <c r="P407" s="166">
        <v>0</v>
      </c>
      <c r="Q407" s="166">
        <v>0</v>
      </c>
      <c r="R407" s="166">
        <v>0</v>
      </c>
      <c r="S407" s="166">
        <v>0</v>
      </c>
      <c r="T407" s="166">
        <v>0</v>
      </c>
      <c r="U407" s="166">
        <v>0</v>
      </c>
      <c r="V407" s="166">
        <v>0</v>
      </c>
      <c r="W407" s="166">
        <v>0</v>
      </c>
      <c r="X407" s="166">
        <v>0</v>
      </c>
      <c r="Y407" s="166">
        <v>0</v>
      </c>
      <c r="Z407" s="166">
        <v>0</v>
      </c>
      <c r="AA407" s="166">
        <v>0</v>
      </c>
      <c r="AB407" s="166">
        <v>0</v>
      </c>
      <c r="AC407" s="166">
        <v>0</v>
      </c>
      <c r="AD407" s="166">
        <v>0</v>
      </c>
      <c r="AE407" s="166">
        <v>0</v>
      </c>
      <c r="AF407" s="166">
        <v>0</v>
      </c>
      <c r="AG407" s="166">
        <v>0</v>
      </c>
      <c r="AH407" s="166">
        <v>0</v>
      </c>
      <c r="AI407" s="166">
        <v>0</v>
      </c>
      <c r="AJ407" s="166">
        <v>0</v>
      </c>
      <c r="AK407" s="166">
        <v>0</v>
      </c>
      <c r="AL407" s="166">
        <v>0</v>
      </c>
      <c r="AM407" s="166">
        <v>0</v>
      </c>
      <c r="AN407" s="166">
        <v>0</v>
      </c>
      <c r="AO407" s="166">
        <v>0</v>
      </c>
      <c r="AP407" s="166">
        <v>0</v>
      </c>
      <c r="AQ407" s="166">
        <v>0</v>
      </c>
      <c r="AR407" s="166">
        <v>0</v>
      </c>
      <c r="AS407" s="166">
        <v>0</v>
      </c>
      <c r="AT407" s="166">
        <v>0</v>
      </c>
      <c r="AU407" s="166">
        <v>0</v>
      </c>
      <c r="AV407" s="166">
        <v>0</v>
      </c>
      <c r="AW407" s="166">
        <v>0</v>
      </c>
      <c r="AX407" s="166">
        <v>0</v>
      </c>
      <c r="AY407" s="166">
        <v>0</v>
      </c>
      <c r="AZ407" s="166">
        <v>0</v>
      </c>
      <c r="BA407" s="166">
        <v>0</v>
      </c>
      <c r="BB407" s="166">
        <v>0</v>
      </c>
      <c r="BC407" s="166">
        <v>0</v>
      </c>
      <c r="BD407" s="166">
        <v>0</v>
      </c>
      <c r="BE407" s="166">
        <v>0</v>
      </c>
      <c r="BF407" s="166">
        <v>0</v>
      </c>
      <c r="BG407" s="166">
        <v>0</v>
      </c>
      <c r="BH407" s="166">
        <v>0</v>
      </c>
      <c r="BI407" s="166">
        <v>0</v>
      </c>
      <c r="BJ407" s="166">
        <v>0</v>
      </c>
      <c r="BK407" s="166">
        <v>0</v>
      </c>
      <c r="BL407" s="166">
        <v>0</v>
      </c>
      <c r="BM407" s="166">
        <v>0</v>
      </c>
      <c r="BN407" s="166">
        <v>0</v>
      </c>
      <c r="BO407" s="166">
        <v>0</v>
      </c>
      <c r="BP407" s="166">
        <v>0</v>
      </c>
      <c r="BQ407" s="166">
        <v>0</v>
      </c>
      <c r="BR407" s="166">
        <v>0</v>
      </c>
      <c r="BS407" s="166">
        <v>0</v>
      </c>
      <c r="BT407" s="168">
        <v>0.97527871020419499</v>
      </c>
      <c r="BU407" s="166">
        <v>0</v>
      </c>
      <c r="BV407" s="166">
        <v>0</v>
      </c>
      <c r="BW407" s="166">
        <v>0</v>
      </c>
      <c r="BX407" s="166">
        <v>0</v>
      </c>
      <c r="BY407" s="166">
        <v>0</v>
      </c>
      <c r="BZ407" s="166">
        <v>0</v>
      </c>
      <c r="CA407" s="166">
        <v>0</v>
      </c>
      <c r="CB407" s="166">
        <v>0</v>
      </c>
      <c r="CC407" s="166">
        <v>0</v>
      </c>
      <c r="CD407" s="166">
        <v>0</v>
      </c>
      <c r="CE407" s="166">
        <v>0</v>
      </c>
      <c r="CF407" s="166">
        <v>0</v>
      </c>
      <c r="CG407" s="166">
        <v>0</v>
      </c>
      <c r="CH407" s="166">
        <v>0</v>
      </c>
      <c r="CI407" s="166">
        <v>0</v>
      </c>
      <c r="CJ407" s="166">
        <v>0</v>
      </c>
      <c r="CK407" s="166">
        <v>0</v>
      </c>
      <c r="CL407" s="166">
        <v>0</v>
      </c>
      <c r="CM407" s="166">
        <v>0</v>
      </c>
      <c r="CN407" s="166">
        <v>0</v>
      </c>
      <c r="CO407" s="166">
        <v>0</v>
      </c>
      <c r="CP407" s="166">
        <v>0</v>
      </c>
      <c r="CQ407" s="166">
        <v>0</v>
      </c>
      <c r="CR407" s="166">
        <v>0</v>
      </c>
      <c r="CS407" s="166">
        <v>0</v>
      </c>
      <c r="CT407" s="166">
        <v>0</v>
      </c>
      <c r="CU407" s="166">
        <v>0</v>
      </c>
      <c r="CV407" s="166">
        <v>0</v>
      </c>
      <c r="CW407" s="166">
        <v>0</v>
      </c>
      <c r="CX407" s="166">
        <v>0</v>
      </c>
      <c r="CY407" s="166">
        <v>0</v>
      </c>
      <c r="CZ407" s="166">
        <v>0</v>
      </c>
    </row>
    <row r="408" spans="1:104" x14ac:dyDescent="0.2">
      <c r="A408" s="170" t="s">
        <v>497</v>
      </c>
      <c r="B408" s="166">
        <v>2823193868.6599998</v>
      </c>
      <c r="C408" s="166">
        <v>2823193868.6599998</v>
      </c>
      <c r="D408" s="166">
        <v>0</v>
      </c>
      <c r="E408" s="166">
        <v>0</v>
      </c>
      <c r="F408" s="166">
        <v>0</v>
      </c>
      <c r="G408" s="166">
        <v>-439679184.58999997</v>
      </c>
      <c r="H408" s="166">
        <v>0</v>
      </c>
      <c r="I408" s="166">
        <v>0</v>
      </c>
      <c r="J408" s="166">
        <v>0</v>
      </c>
      <c r="K408" s="166">
        <v>0</v>
      </c>
      <c r="L408" s="166">
        <v>0</v>
      </c>
      <c r="M408" s="166">
        <v>0</v>
      </c>
      <c r="N408" s="166">
        <v>0</v>
      </c>
      <c r="O408" s="166">
        <v>0</v>
      </c>
      <c r="P408" s="166">
        <v>0</v>
      </c>
      <c r="Q408" s="166">
        <v>0</v>
      </c>
      <c r="R408" s="166">
        <v>0</v>
      </c>
      <c r="S408" s="166">
        <v>0</v>
      </c>
      <c r="T408" s="166">
        <v>0</v>
      </c>
      <c r="U408" s="166">
        <v>0</v>
      </c>
      <c r="V408" s="166">
        <v>0</v>
      </c>
      <c r="W408" s="166">
        <v>0</v>
      </c>
      <c r="X408" s="166">
        <v>0</v>
      </c>
      <c r="Y408" s="166">
        <v>0</v>
      </c>
      <c r="Z408" s="166">
        <v>0</v>
      </c>
      <c r="AA408" s="166">
        <v>0</v>
      </c>
      <c r="AB408" s="166">
        <v>-2383514684.0700002</v>
      </c>
      <c r="AC408" s="166">
        <v>0</v>
      </c>
      <c r="AD408" s="166">
        <v>0</v>
      </c>
      <c r="AE408" s="166">
        <v>0</v>
      </c>
      <c r="AF408" s="166">
        <v>0</v>
      </c>
      <c r="AG408" s="166">
        <v>0</v>
      </c>
      <c r="AH408" s="166">
        <v>0</v>
      </c>
      <c r="AI408" s="166">
        <v>0</v>
      </c>
      <c r="AJ408" s="166">
        <v>0</v>
      </c>
      <c r="AK408" s="166">
        <v>0</v>
      </c>
      <c r="AL408" s="166">
        <v>0</v>
      </c>
      <c r="AM408" s="166">
        <v>0</v>
      </c>
      <c r="AN408" s="166">
        <v>0</v>
      </c>
      <c r="AO408" s="166">
        <v>0</v>
      </c>
      <c r="AP408" s="166">
        <v>0</v>
      </c>
      <c r="AQ408" s="166">
        <v>0</v>
      </c>
      <c r="AR408" s="166">
        <v>0</v>
      </c>
      <c r="AS408" s="166">
        <v>0</v>
      </c>
      <c r="AT408" s="166">
        <v>0</v>
      </c>
      <c r="AU408" s="166">
        <v>0</v>
      </c>
      <c r="AV408" s="166">
        <v>0</v>
      </c>
      <c r="AW408" s="166">
        <v>0</v>
      </c>
      <c r="AX408" s="166">
        <v>0</v>
      </c>
      <c r="AY408" s="166">
        <v>0</v>
      </c>
      <c r="AZ408" s="166">
        <v>0</v>
      </c>
      <c r="BA408" s="166">
        <v>0</v>
      </c>
      <c r="BB408" s="166">
        <v>0</v>
      </c>
      <c r="BC408" s="166">
        <v>0</v>
      </c>
      <c r="BD408" s="166">
        <v>-439679184.58999997</v>
      </c>
      <c r="BE408" s="166">
        <v>0</v>
      </c>
      <c r="BF408" s="166">
        <v>0</v>
      </c>
      <c r="BG408" s="166">
        <v>0</v>
      </c>
      <c r="BH408" s="166">
        <v>0</v>
      </c>
      <c r="BI408" s="166">
        <v>0</v>
      </c>
      <c r="BJ408" s="166">
        <v>-2383514684.0700002</v>
      </c>
      <c r="BK408" s="166">
        <v>0</v>
      </c>
      <c r="BL408" s="166">
        <v>0</v>
      </c>
      <c r="BM408" s="166">
        <v>0</v>
      </c>
      <c r="BN408" s="166">
        <v>0</v>
      </c>
      <c r="BO408" s="166">
        <v>0</v>
      </c>
      <c r="BP408" s="166">
        <v>0</v>
      </c>
      <c r="BQ408" s="166">
        <v>0</v>
      </c>
      <c r="BR408" s="166">
        <v>2823193868.6599998</v>
      </c>
      <c r="BS408" s="166">
        <v>0</v>
      </c>
      <c r="BT408" s="168">
        <v>0</v>
      </c>
      <c r="BU408" s="166">
        <v>175514516.10660601</v>
      </c>
      <c r="BV408" s="166">
        <v>2742639051.4303699</v>
      </c>
      <c r="BW408" s="166">
        <v>-419435805.87</v>
      </c>
      <c r="BX408" s="166">
        <v>0</v>
      </c>
      <c r="BY408" s="166">
        <v>0</v>
      </c>
      <c r="BZ408" s="166">
        <v>0</v>
      </c>
      <c r="CA408" s="166">
        <v>0</v>
      </c>
      <c r="CB408" s="166">
        <v>0</v>
      </c>
      <c r="CC408" s="166">
        <v>-2323203245.56037</v>
      </c>
      <c r="CD408" s="166">
        <v>0</v>
      </c>
      <c r="CE408" s="166">
        <v>0</v>
      </c>
      <c r="CF408" s="166">
        <v>0</v>
      </c>
      <c r="CG408" s="166">
        <v>0</v>
      </c>
      <c r="CH408" s="166">
        <v>0</v>
      </c>
      <c r="CI408" s="166">
        <v>0</v>
      </c>
      <c r="CJ408" s="166">
        <v>0</v>
      </c>
      <c r="CK408" s="166">
        <v>-419435805.87000102</v>
      </c>
      <c r="CL408" s="166">
        <v>0</v>
      </c>
      <c r="CM408" s="166">
        <v>0</v>
      </c>
      <c r="CN408" s="166">
        <v>0</v>
      </c>
      <c r="CO408" s="166">
        <v>0</v>
      </c>
      <c r="CP408" s="166">
        <v>0</v>
      </c>
      <c r="CQ408" s="166">
        <v>-2323203245.56037</v>
      </c>
      <c r="CR408" s="166">
        <v>0</v>
      </c>
      <c r="CS408" s="166">
        <v>0</v>
      </c>
      <c r="CT408" s="166">
        <v>0</v>
      </c>
      <c r="CU408" s="166">
        <v>0</v>
      </c>
      <c r="CV408" s="166">
        <v>0</v>
      </c>
      <c r="CW408" s="166">
        <v>0</v>
      </c>
      <c r="CX408" s="166">
        <v>0</v>
      </c>
      <c r="CY408" s="166">
        <v>0</v>
      </c>
      <c r="CZ408" s="166">
        <v>0</v>
      </c>
    </row>
    <row r="409" spans="1:104" x14ac:dyDescent="0.2">
      <c r="A409" s="167" t="s">
        <v>498</v>
      </c>
    </row>
    <row r="410" spans="1:104" x14ac:dyDescent="0.2">
      <c r="A410" s="170" t="s">
        <v>499</v>
      </c>
      <c r="B410" s="166">
        <v>3005705197.1199999</v>
      </c>
      <c r="C410" s="166">
        <v>3005705197.1199999</v>
      </c>
      <c r="D410" s="166">
        <v>0</v>
      </c>
      <c r="E410" s="166">
        <v>0</v>
      </c>
      <c r="F410" s="166">
        <v>0</v>
      </c>
      <c r="G410" s="166">
        <v>-439679184.58999997</v>
      </c>
      <c r="H410" s="166">
        <v>0</v>
      </c>
      <c r="I410" s="166">
        <v>0</v>
      </c>
      <c r="J410" s="166">
        <v>0</v>
      </c>
      <c r="K410" s="166">
        <v>0</v>
      </c>
      <c r="L410" s="166">
        <v>0</v>
      </c>
      <c r="M410" s="166">
        <v>0</v>
      </c>
      <c r="N410" s="166">
        <v>0</v>
      </c>
      <c r="O410" s="166">
        <v>0</v>
      </c>
      <c r="P410" s="166">
        <v>0</v>
      </c>
      <c r="Q410" s="166">
        <v>0</v>
      </c>
      <c r="R410" s="166">
        <v>-108836554.09999999</v>
      </c>
      <c r="S410" s="166">
        <v>0</v>
      </c>
      <c r="T410" s="166">
        <v>0</v>
      </c>
      <c r="U410" s="166">
        <v>-7355586.1499999901</v>
      </c>
      <c r="V410" s="166">
        <v>0</v>
      </c>
      <c r="W410" s="166">
        <v>0</v>
      </c>
      <c r="X410" s="166">
        <v>0</v>
      </c>
      <c r="Y410" s="166">
        <v>0</v>
      </c>
      <c r="Z410" s="166">
        <v>0</v>
      </c>
      <c r="AA410" s="166">
        <v>0</v>
      </c>
      <c r="AB410" s="166">
        <v>-2383514684.0700002</v>
      </c>
      <c r="AC410" s="166">
        <v>0</v>
      </c>
      <c r="AD410" s="166">
        <v>0</v>
      </c>
      <c r="AE410" s="166">
        <v>0</v>
      </c>
      <c r="AF410" s="166">
        <v>0</v>
      </c>
      <c r="AG410" s="166">
        <v>0</v>
      </c>
      <c r="AH410" s="166">
        <v>0</v>
      </c>
      <c r="AI410" s="166">
        <v>0</v>
      </c>
      <c r="AJ410" s="166">
        <v>0</v>
      </c>
      <c r="AK410" s="166">
        <v>0</v>
      </c>
      <c r="AL410" s="166">
        <v>0</v>
      </c>
      <c r="AM410" s="166">
        <v>0</v>
      </c>
      <c r="AN410" s="166">
        <v>0</v>
      </c>
      <c r="AO410" s="166">
        <v>0</v>
      </c>
      <c r="AP410" s="166">
        <v>0</v>
      </c>
      <c r="AQ410" s="166">
        <v>0</v>
      </c>
      <c r="AR410" s="166">
        <v>0</v>
      </c>
      <c r="AS410" s="166">
        <v>0</v>
      </c>
      <c r="AT410" s="166">
        <v>0</v>
      </c>
      <c r="AU410" s="166">
        <v>0</v>
      </c>
      <c r="AV410" s="166">
        <v>0</v>
      </c>
      <c r="AW410" s="166">
        <v>0</v>
      </c>
      <c r="AX410" s="166">
        <v>0</v>
      </c>
      <c r="AY410" s="166">
        <v>-66319188.210000001</v>
      </c>
      <c r="AZ410" s="166">
        <v>0</v>
      </c>
      <c r="BA410" s="166">
        <v>0</v>
      </c>
      <c r="BB410" s="166">
        <v>0</v>
      </c>
      <c r="BC410" s="166">
        <v>0</v>
      </c>
      <c r="BD410" s="166">
        <v>-439679184.58999997</v>
      </c>
      <c r="BE410" s="166">
        <v>0</v>
      </c>
      <c r="BF410" s="166">
        <v>0</v>
      </c>
      <c r="BG410" s="166">
        <v>-108836554.09999999</v>
      </c>
      <c r="BH410" s="166">
        <v>0</v>
      </c>
      <c r="BI410" s="166">
        <v>-7355586.1499999901</v>
      </c>
      <c r="BJ410" s="166">
        <v>-2383514684.0700002</v>
      </c>
      <c r="BK410" s="166">
        <v>0</v>
      </c>
      <c r="BL410" s="166">
        <v>0</v>
      </c>
      <c r="BM410" s="166">
        <v>0</v>
      </c>
      <c r="BN410" s="166">
        <v>0</v>
      </c>
      <c r="BO410" s="166">
        <v>0</v>
      </c>
      <c r="BP410" s="166">
        <v>-66319188.210000001</v>
      </c>
      <c r="BQ410" s="166">
        <v>0</v>
      </c>
      <c r="BR410" s="166">
        <v>3005705197.1199999</v>
      </c>
      <c r="BS410" s="166">
        <v>0</v>
      </c>
      <c r="BT410" s="168">
        <v>0</v>
      </c>
      <c r="BU410" s="166">
        <v>186039113.65854901</v>
      </c>
      <c r="BV410" s="166">
        <v>2921107245.8077898</v>
      </c>
      <c r="BW410" s="166">
        <v>-419435805.87</v>
      </c>
      <c r="BX410" s="166">
        <v>0</v>
      </c>
      <c r="BY410" s="166">
        <v>0</v>
      </c>
      <c r="BZ410" s="166">
        <v>-108836554.09999999</v>
      </c>
      <c r="CA410" s="166">
        <v>0</v>
      </c>
      <c r="CB410" s="166">
        <v>-7268897.8753521098</v>
      </c>
      <c r="CC410" s="166">
        <v>-2323203245.56037</v>
      </c>
      <c r="CD410" s="166">
        <v>0</v>
      </c>
      <c r="CE410" s="166">
        <v>0</v>
      </c>
      <c r="CF410" s="166">
        <v>0</v>
      </c>
      <c r="CG410" s="166">
        <v>0</v>
      </c>
      <c r="CH410" s="166">
        <v>0</v>
      </c>
      <c r="CI410" s="166">
        <v>-62362742.402066797</v>
      </c>
      <c r="CJ410" s="166">
        <v>0</v>
      </c>
      <c r="CK410" s="166">
        <v>-419435805.87000102</v>
      </c>
      <c r="CL410" s="166">
        <v>0</v>
      </c>
      <c r="CM410" s="166">
        <v>0</v>
      </c>
      <c r="CN410" s="166">
        <v>-108836554.09999999</v>
      </c>
      <c r="CO410" s="166">
        <v>0</v>
      </c>
      <c r="CP410" s="166">
        <v>-7268897.8753521098</v>
      </c>
      <c r="CQ410" s="166">
        <v>-2323203245.56037</v>
      </c>
      <c r="CR410" s="166">
        <v>0</v>
      </c>
      <c r="CS410" s="166">
        <v>0</v>
      </c>
      <c r="CT410" s="166">
        <v>0</v>
      </c>
      <c r="CU410" s="166">
        <v>0</v>
      </c>
      <c r="CV410" s="166">
        <v>0</v>
      </c>
      <c r="CW410" s="166">
        <v>-62362742.402066797</v>
      </c>
      <c r="CX410" s="166">
        <v>0</v>
      </c>
      <c r="CY410" s="166">
        <v>0</v>
      </c>
      <c r="CZ410" s="166">
        <v>0</v>
      </c>
    </row>
    <row r="411" spans="1:104" x14ac:dyDescent="0.2">
      <c r="A411" s="167" t="s">
        <v>500</v>
      </c>
    </row>
    <row r="412" spans="1:104" x14ac:dyDescent="0.2">
      <c r="A412" s="170" t="s">
        <v>501</v>
      </c>
    </row>
    <row r="413" spans="1:104" x14ac:dyDescent="0.2">
      <c r="A413" s="167" t="s">
        <v>502</v>
      </c>
      <c r="B413" s="166">
        <v>157340290.5</v>
      </c>
      <c r="C413" s="166">
        <v>157340290.5</v>
      </c>
      <c r="D413" s="166">
        <v>0</v>
      </c>
      <c r="E413" s="166">
        <v>0</v>
      </c>
      <c r="F413" s="166">
        <v>0</v>
      </c>
      <c r="G413" s="166">
        <v>0</v>
      </c>
      <c r="H413" s="166">
        <v>0</v>
      </c>
      <c r="I413" s="166">
        <v>0</v>
      </c>
      <c r="J413" s="166">
        <v>0</v>
      </c>
      <c r="K413" s="166">
        <v>0</v>
      </c>
      <c r="L413" s="166">
        <v>0</v>
      </c>
      <c r="M413" s="166">
        <v>0</v>
      </c>
      <c r="N413" s="166">
        <v>0</v>
      </c>
      <c r="O413" s="166">
        <v>0</v>
      </c>
      <c r="P413" s="166">
        <v>0</v>
      </c>
      <c r="Q413" s="166">
        <v>0</v>
      </c>
      <c r="R413" s="166">
        <v>0</v>
      </c>
      <c r="S413" s="166">
        <v>0</v>
      </c>
      <c r="T413" s="166">
        <v>0</v>
      </c>
      <c r="U413" s="166">
        <v>0</v>
      </c>
      <c r="V413" s="166">
        <v>0</v>
      </c>
      <c r="W413" s="166">
        <v>0</v>
      </c>
      <c r="X413" s="166">
        <v>0</v>
      </c>
      <c r="Y413" s="166">
        <v>0</v>
      </c>
      <c r="Z413" s="166">
        <v>0</v>
      </c>
      <c r="AA413" s="166">
        <v>0</v>
      </c>
      <c r="AB413" s="166">
        <v>0</v>
      </c>
      <c r="AC413" s="166">
        <v>0</v>
      </c>
      <c r="AD413" s="166">
        <v>0</v>
      </c>
      <c r="AE413" s="166">
        <v>0</v>
      </c>
      <c r="AF413" s="166">
        <v>0</v>
      </c>
      <c r="AG413" s="166">
        <v>0</v>
      </c>
      <c r="AH413" s="166">
        <v>0</v>
      </c>
      <c r="AI413" s="166">
        <v>0</v>
      </c>
      <c r="AJ413" s="166">
        <v>0</v>
      </c>
      <c r="AK413" s="166">
        <v>0</v>
      </c>
      <c r="AL413" s="166">
        <v>0</v>
      </c>
      <c r="AM413" s="166">
        <v>0</v>
      </c>
      <c r="AN413" s="166">
        <v>0</v>
      </c>
      <c r="AO413" s="166">
        <v>0</v>
      </c>
      <c r="AP413" s="166">
        <v>0</v>
      </c>
      <c r="AQ413" s="166">
        <v>0</v>
      </c>
      <c r="AR413" s="166">
        <v>0</v>
      </c>
      <c r="AS413" s="166">
        <v>0</v>
      </c>
      <c r="AT413" s="166">
        <v>0</v>
      </c>
      <c r="AU413" s="166">
        <v>0</v>
      </c>
      <c r="AV413" s="166">
        <v>0</v>
      </c>
      <c r="AW413" s="166">
        <v>0</v>
      </c>
      <c r="AX413" s="166">
        <v>0</v>
      </c>
      <c r="AY413" s="166">
        <v>0</v>
      </c>
      <c r="AZ413" s="166">
        <v>0</v>
      </c>
      <c r="BA413" s="166">
        <v>0</v>
      </c>
      <c r="BB413" s="166">
        <v>0</v>
      </c>
      <c r="BC413" s="166">
        <v>0</v>
      </c>
      <c r="BD413" s="166">
        <v>0</v>
      </c>
      <c r="BE413" s="166">
        <v>0</v>
      </c>
      <c r="BF413" s="166">
        <v>0</v>
      </c>
      <c r="BG413" s="166">
        <v>0</v>
      </c>
      <c r="BH413" s="166">
        <v>0</v>
      </c>
      <c r="BI413" s="166">
        <v>0</v>
      </c>
      <c r="BJ413" s="166">
        <v>0</v>
      </c>
      <c r="BK413" s="166">
        <v>0</v>
      </c>
      <c r="BL413" s="166">
        <v>0</v>
      </c>
      <c r="BM413" s="166">
        <v>0</v>
      </c>
      <c r="BN413" s="166">
        <v>0</v>
      </c>
      <c r="BO413" s="166">
        <v>0</v>
      </c>
      <c r="BP413" s="166">
        <v>0</v>
      </c>
      <c r="BQ413" s="166">
        <v>0</v>
      </c>
      <c r="BR413" s="166">
        <v>157340290.5</v>
      </c>
      <c r="BS413" s="166">
        <v>157340290.5</v>
      </c>
      <c r="BT413" s="168">
        <v>0</v>
      </c>
      <c r="BU413" s="166">
        <v>17963397.4743062</v>
      </c>
      <c r="BV413" s="166">
        <v>153595125.70086199</v>
      </c>
      <c r="BW413" s="166">
        <v>0</v>
      </c>
      <c r="BX413" s="166">
        <v>0</v>
      </c>
      <c r="BY413" s="166">
        <v>0</v>
      </c>
      <c r="BZ413" s="166">
        <v>0</v>
      </c>
      <c r="CA413" s="166">
        <v>0</v>
      </c>
      <c r="CB413" s="166">
        <v>0</v>
      </c>
      <c r="CC413" s="166">
        <v>0</v>
      </c>
      <c r="CD413" s="166">
        <v>0</v>
      </c>
      <c r="CE413" s="166">
        <v>0</v>
      </c>
      <c r="CF413" s="166">
        <v>0</v>
      </c>
      <c r="CG413" s="166">
        <v>0</v>
      </c>
      <c r="CH413" s="166">
        <v>0</v>
      </c>
      <c r="CI413" s="166">
        <v>0</v>
      </c>
      <c r="CJ413" s="166">
        <v>0</v>
      </c>
      <c r="CK413" s="166">
        <v>0</v>
      </c>
      <c r="CL413" s="166">
        <v>0</v>
      </c>
      <c r="CM413" s="166">
        <v>0</v>
      </c>
      <c r="CN413" s="166">
        <v>0</v>
      </c>
      <c r="CO413" s="166">
        <v>0</v>
      </c>
      <c r="CP413" s="166">
        <v>0</v>
      </c>
      <c r="CQ413" s="166">
        <v>0</v>
      </c>
      <c r="CR413" s="166">
        <v>0</v>
      </c>
      <c r="CS413" s="166">
        <v>0</v>
      </c>
      <c r="CT413" s="166">
        <v>0</v>
      </c>
      <c r="CU413" s="166">
        <v>0</v>
      </c>
      <c r="CV413" s="166">
        <v>0</v>
      </c>
      <c r="CW413" s="166">
        <v>0</v>
      </c>
      <c r="CX413" s="166">
        <v>0</v>
      </c>
      <c r="CY413" s="166">
        <v>153595125.70086199</v>
      </c>
      <c r="CZ413" s="166">
        <v>153595125.70086199</v>
      </c>
    </row>
    <row r="414" spans="1:104" x14ac:dyDescent="0.2">
      <c r="A414" s="167" t="s">
        <v>503</v>
      </c>
      <c r="B414" s="166">
        <v>29622225.483661301</v>
      </c>
      <c r="C414" s="166">
        <v>29622225.483661301</v>
      </c>
      <c r="D414" s="166">
        <v>0</v>
      </c>
      <c r="E414" s="166">
        <v>0</v>
      </c>
      <c r="F414" s="166">
        <v>0</v>
      </c>
      <c r="G414" s="166">
        <v>0</v>
      </c>
      <c r="H414" s="166">
        <v>0</v>
      </c>
      <c r="I414" s="166">
        <v>0</v>
      </c>
      <c r="J414" s="166">
        <v>0</v>
      </c>
      <c r="K414" s="166">
        <v>0</v>
      </c>
      <c r="L414" s="166">
        <v>0</v>
      </c>
      <c r="M414" s="166">
        <v>0</v>
      </c>
      <c r="N414" s="166">
        <v>0</v>
      </c>
      <c r="O414" s="166">
        <v>0</v>
      </c>
      <c r="P414" s="166">
        <v>0</v>
      </c>
      <c r="Q414" s="166">
        <v>0</v>
      </c>
      <c r="R414" s="166">
        <v>0</v>
      </c>
      <c r="S414" s="166">
        <v>0</v>
      </c>
      <c r="T414" s="166">
        <v>0</v>
      </c>
      <c r="U414" s="166">
        <v>0</v>
      </c>
      <c r="V414" s="166">
        <v>0</v>
      </c>
      <c r="W414" s="166">
        <v>0</v>
      </c>
      <c r="X414" s="166">
        <v>0</v>
      </c>
      <c r="Y414" s="166">
        <v>0</v>
      </c>
      <c r="Z414" s="166">
        <v>0</v>
      </c>
      <c r="AA414" s="166">
        <v>0</v>
      </c>
      <c r="AB414" s="166">
        <v>0</v>
      </c>
      <c r="AC414" s="166">
        <v>0</v>
      </c>
      <c r="AD414" s="166">
        <v>0</v>
      </c>
      <c r="AE414" s="166">
        <v>0</v>
      </c>
      <c r="AF414" s="166">
        <v>0</v>
      </c>
      <c r="AG414" s="166">
        <v>0</v>
      </c>
      <c r="AH414" s="166">
        <v>0</v>
      </c>
      <c r="AI414" s="166">
        <v>0</v>
      </c>
      <c r="AJ414" s="166">
        <v>0</v>
      </c>
      <c r="AK414" s="166">
        <v>0</v>
      </c>
      <c r="AL414" s="166">
        <v>0</v>
      </c>
      <c r="AM414" s="166">
        <v>0</v>
      </c>
      <c r="AN414" s="166">
        <v>0</v>
      </c>
      <c r="AO414" s="166">
        <v>0</v>
      </c>
      <c r="AP414" s="166">
        <v>0</v>
      </c>
      <c r="AQ414" s="166">
        <v>0</v>
      </c>
      <c r="AR414" s="166">
        <v>0</v>
      </c>
      <c r="AS414" s="166">
        <v>0</v>
      </c>
      <c r="AT414" s="166">
        <v>0</v>
      </c>
      <c r="AU414" s="166">
        <v>0</v>
      </c>
      <c r="AV414" s="166">
        <v>0</v>
      </c>
      <c r="AW414" s="166">
        <v>0</v>
      </c>
      <c r="AX414" s="166">
        <v>0</v>
      </c>
      <c r="AY414" s="166">
        <v>0</v>
      </c>
      <c r="AZ414" s="166">
        <v>0</v>
      </c>
      <c r="BA414" s="166">
        <v>0</v>
      </c>
      <c r="BB414" s="166">
        <v>0</v>
      </c>
      <c r="BC414" s="166">
        <v>0</v>
      </c>
      <c r="BD414" s="166">
        <v>0</v>
      </c>
      <c r="BE414" s="166">
        <v>0</v>
      </c>
      <c r="BF414" s="166">
        <v>0</v>
      </c>
      <c r="BG414" s="166">
        <v>0</v>
      </c>
      <c r="BH414" s="166">
        <v>0</v>
      </c>
      <c r="BI414" s="166">
        <v>0</v>
      </c>
      <c r="BJ414" s="166">
        <v>0</v>
      </c>
      <c r="BK414" s="166">
        <v>0</v>
      </c>
      <c r="BL414" s="166">
        <v>0</v>
      </c>
      <c r="BM414" s="166">
        <v>0</v>
      </c>
      <c r="BN414" s="166">
        <v>0</v>
      </c>
      <c r="BO414" s="166">
        <v>0</v>
      </c>
      <c r="BP414" s="166">
        <v>0</v>
      </c>
      <c r="BQ414" s="166">
        <v>0</v>
      </c>
      <c r="BR414" s="166">
        <v>29622225.483661301</v>
      </c>
      <c r="BS414" s="166">
        <v>29622225.483661301</v>
      </c>
      <c r="BT414" s="168">
        <v>0</v>
      </c>
      <c r="BU414" s="166">
        <v>-1243284.7043367701</v>
      </c>
      <c r="BV414" s="166">
        <v>23237387.608057301</v>
      </c>
      <c r="BW414" s="166">
        <v>0</v>
      </c>
      <c r="BX414" s="166">
        <v>0</v>
      </c>
      <c r="BY414" s="166">
        <v>0</v>
      </c>
      <c r="BZ414" s="166">
        <v>0</v>
      </c>
      <c r="CA414" s="166">
        <v>0</v>
      </c>
      <c r="CB414" s="166">
        <v>0</v>
      </c>
      <c r="CC414" s="166">
        <v>0</v>
      </c>
      <c r="CD414" s="166">
        <v>0</v>
      </c>
      <c r="CE414" s="166">
        <v>0</v>
      </c>
      <c r="CF414" s="166">
        <v>0</v>
      </c>
      <c r="CG414" s="166">
        <v>0</v>
      </c>
      <c r="CH414" s="166">
        <v>0</v>
      </c>
      <c r="CI414" s="166">
        <v>0</v>
      </c>
      <c r="CJ414" s="166">
        <v>0</v>
      </c>
      <c r="CK414" s="166">
        <v>0</v>
      </c>
      <c r="CL414" s="166">
        <v>0</v>
      </c>
      <c r="CM414" s="166">
        <v>0</v>
      </c>
      <c r="CN414" s="166">
        <v>0</v>
      </c>
      <c r="CO414" s="166">
        <v>0</v>
      </c>
      <c r="CP414" s="166">
        <v>0</v>
      </c>
      <c r="CQ414" s="166">
        <v>0</v>
      </c>
      <c r="CR414" s="166">
        <v>0</v>
      </c>
      <c r="CS414" s="166">
        <v>0</v>
      </c>
      <c r="CT414" s="166">
        <v>0</v>
      </c>
      <c r="CU414" s="166">
        <v>0</v>
      </c>
      <c r="CV414" s="166">
        <v>0</v>
      </c>
      <c r="CW414" s="166">
        <v>0</v>
      </c>
      <c r="CX414" s="166">
        <v>0</v>
      </c>
      <c r="CY414" s="166">
        <v>23237387.608057301</v>
      </c>
      <c r="CZ414" s="166">
        <v>23237387.608057301</v>
      </c>
    </row>
    <row r="415" spans="1:104" x14ac:dyDescent="0.2">
      <c r="A415" s="167" t="s">
        <v>504</v>
      </c>
      <c r="B415" s="166">
        <v>85576825.469999894</v>
      </c>
      <c r="C415" s="166">
        <v>85576825.469999894</v>
      </c>
      <c r="D415" s="166">
        <v>0</v>
      </c>
      <c r="E415" s="166">
        <v>0</v>
      </c>
      <c r="F415" s="166">
        <v>0</v>
      </c>
      <c r="G415" s="166">
        <v>0</v>
      </c>
      <c r="H415" s="166">
        <v>0</v>
      </c>
      <c r="I415" s="166">
        <v>0</v>
      </c>
      <c r="J415" s="166">
        <v>0</v>
      </c>
      <c r="K415" s="166">
        <v>0</v>
      </c>
      <c r="L415" s="166">
        <v>0</v>
      </c>
      <c r="M415" s="166">
        <v>0</v>
      </c>
      <c r="N415" s="166">
        <v>0</v>
      </c>
      <c r="O415" s="166">
        <v>0</v>
      </c>
      <c r="P415" s="166">
        <v>0</v>
      </c>
      <c r="Q415" s="166">
        <v>0</v>
      </c>
      <c r="R415" s="166">
        <v>0</v>
      </c>
      <c r="S415" s="166">
        <v>0</v>
      </c>
      <c r="T415" s="166">
        <v>0</v>
      </c>
      <c r="U415" s="166">
        <v>0</v>
      </c>
      <c r="V415" s="166">
        <v>0</v>
      </c>
      <c r="W415" s="166">
        <v>0</v>
      </c>
      <c r="X415" s="166">
        <v>0</v>
      </c>
      <c r="Y415" s="166">
        <v>0</v>
      </c>
      <c r="Z415" s="166">
        <v>0</v>
      </c>
      <c r="AA415" s="166">
        <v>0</v>
      </c>
      <c r="AB415" s="166">
        <v>0</v>
      </c>
      <c r="AC415" s="166">
        <v>0</v>
      </c>
      <c r="AD415" s="166">
        <v>0</v>
      </c>
      <c r="AE415" s="166">
        <v>0</v>
      </c>
      <c r="AF415" s="166">
        <v>0</v>
      </c>
      <c r="AG415" s="166">
        <v>0</v>
      </c>
      <c r="AH415" s="166">
        <v>0</v>
      </c>
      <c r="AI415" s="166">
        <v>0</v>
      </c>
      <c r="AJ415" s="166">
        <v>0</v>
      </c>
      <c r="AK415" s="166">
        <v>0</v>
      </c>
      <c r="AL415" s="166">
        <v>0</v>
      </c>
      <c r="AM415" s="166">
        <v>0</v>
      </c>
      <c r="AN415" s="166">
        <v>0</v>
      </c>
      <c r="AO415" s="166">
        <v>0</v>
      </c>
      <c r="AP415" s="166">
        <v>0</v>
      </c>
      <c r="AQ415" s="166">
        <v>0</v>
      </c>
      <c r="AR415" s="166">
        <v>0</v>
      </c>
      <c r="AS415" s="166">
        <v>0</v>
      </c>
      <c r="AT415" s="166">
        <v>0</v>
      </c>
      <c r="AU415" s="166">
        <v>0</v>
      </c>
      <c r="AV415" s="166">
        <v>0</v>
      </c>
      <c r="AW415" s="166">
        <v>0</v>
      </c>
      <c r="AX415" s="166">
        <v>0</v>
      </c>
      <c r="AY415" s="166">
        <v>0</v>
      </c>
      <c r="AZ415" s="166">
        <v>0</v>
      </c>
      <c r="BA415" s="166">
        <v>0</v>
      </c>
      <c r="BB415" s="166">
        <v>0</v>
      </c>
      <c r="BC415" s="166">
        <v>0</v>
      </c>
      <c r="BD415" s="166">
        <v>0</v>
      </c>
      <c r="BE415" s="166">
        <v>0</v>
      </c>
      <c r="BF415" s="166">
        <v>0</v>
      </c>
      <c r="BG415" s="166">
        <v>0</v>
      </c>
      <c r="BH415" s="166">
        <v>0</v>
      </c>
      <c r="BI415" s="166">
        <v>0</v>
      </c>
      <c r="BJ415" s="166">
        <v>0</v>
      </c>
      <c r="BK415" s="166">
        <v>0</v>
      </c>
      <c r="BL415" s="166">
        <v>0</v>
      </c>
      <c r="BM415" s="166">
        <v>0</v>
      </c>
      <c r="BN415" s="166">
        <v>0</v>
      </c>
      <c r="BO415" s="166">
        <v>0</v>
      </c>
      <c r="BP415" s="166">
        <v>0</v>
      </c>
      <c r="BQ415" s="166">
        <v>0</v>
      </c>
      <c r="BR415" s="166">
        <v>85576825.469999894</v>
      </c>
      <c r="BS415" s="166">
        <v>85576825.469999894</v>
      </c>
      <c r="BT415" s="168">
        <v>0</v>
      </c>
      <c r="BU415" s="166">
        <v>3745625.30001882</v>
      </c>
      <c r="BV415" s="166">
        <v>85463012.633977905</v>
      </c>
      <c r="BW415" s="166">
        <v>0</v>
      </c>
      <c r="BX415" s="166">
        <v>0</v>
      </c>
      <c r="BY415" s="166">
        <v>0</v>
      </c>
      <c r="BZ415" s="166">
        <v>0</v>
      </c>
      <c r="CA415" s="166">
        <v>0</v>
      </c>
      <c r="CB415" s="166">
        <v>0</v>
      </c>
      <c r="CC415" s="166">
        <v>0</v>
      </c>
      <c r="CD415" s="166">
        <v>0</v>
      </c>
      <c r="CE415" s="166">
        <v>0</v>
      </c>
      <c r="CF415" s="166">
        <v>0</v>
      </c>
      <c r="CG415" s="166">
        <v>0</v>
      </c>
      <c r="CH415" s="166">
        <v>0</v>
      </c>
      <c r="CI415" s="166">
        <v>0</v>
      </c>
      <c r="CJ415" s="166">
        <v>0</v>
      </c>
      <c r="CK415" s="166">
        <v>0</v>
      </c>
      <c r="CL415" s="166">
        <v>0</v>
      </c>
      <c r="CM415" s="166">
        <v>0</v>
      </c>
      <c r="CN415" s="166">
        <v>0</v>
      </c>
      <c r="CO415" s="166">
        <v>0</v>
      </c>
      <c r="CP415" s="166">
        <v>0</v>
      </c>
      <c r="CQ415" s="166">
        <v>0</v>
      </c>
      <c r="CR415" s="166">
        <v>0</v>
      </c>
      <c r="CS415" s="166">
        <v>0</v>
      </c>
      <c r="CT415" s="166">
        <v>0</v>
      </c>
      <c r="CU415" s="166">
        <v>0</v>
      </c>
      <c r="CV415" s="166">
        <v>0</v>
      </c>
      <c r="CW415" s="166">
        <v>0</v>
      </c>
      <c r="CX415" s="166">
        <v>0</v>
      </c>
      <c r="CY415" s="166">
        <v>85463012.633977905</v>
      </c>
      <c r="CZ415" s="166">
        <v>85463012.633977905</v>
      </c>
    </row>
    <row r="416" spans="1:104" x14ac:dyDescent="0.2">
      <c r="A416" s="167" t="s">
        <v>505</v>
      </c>
      <c r="B416" s="166">
        <v>93396712.769999996</v>
      </c>
      <c r="C416" s="166">
        <v>93396712.769999996</v>
      </c>
      <c r="D416" s="166">
        <v>0</v>
      </c>
      <c r="E416" s="166">
        <v>0</v>
      </c>
      <c r="F416" s="166">
        <v>0</v>
      </c>
      <c r="G416" s="166">
        <v>0</v>
      </c>
      <c r="H416" s="166">
        <v>0</v>
      </c>
      <c r="I416" s="166">
        <v>0</v>
      </c>
      <c r="J416" s="166">
        <v>0</v>
      </c>
      <c r="K416" s="166">
        <v>0</v>
      </c>
      <c r="L416" s="166">
        <v>0</v>
      </c>
      <c r="M416" s="166">
        <v>0</v>
      </c>
      <c r="N416" s="166">
        <v>0</v>
      </c>
      <c r="O416" s="166">
        <v>0</v>
      </c>
      <c r="P416" s="166">
        <v>0</v>
      </c>
      <c r="Q416" s="166">
        <v>0</v>
      </c>
      <c r="R416" s="166">
        <v>0</v>
      </c>
      <c r="S416" s="166">
        <v>0</v>
      </c>
      <c r="T416" s="166">
        <v>0</v>
      </c>
      <c r="U416" s="166">
        <v>0</v>
      </c>
      <c r="V416" s="166">
        <v>0</v>
      </c>
      <c r="W416" s="166">
        <v>0</v>
      </c>
      <c r="X416" s="166">
        <v>0</v>
      </c>
      <c r="Y416" s="166">
        <v>0</v>
      </c>
      <c r="Z416" s="166">
        <v>0</v>
      </c>
      <c r="AA416" s="166">
        <v>0</v>
      </c>
      <c r="AB416" s="166">
        <v>0</v>
      </c>
      <c r="AC416" s="166">
        <v>0</v>
      </c>
      <c r="AD416" s="166">
        <v>0</v>
      </c>
      <c r="AE416" s="166">
        <v>0</v>
      </c>
      <c r="AF416" s="166">
        <v>0</v>
      </c>
      <c r="AG416" s="166">
        <v>0</v>
      </c>
      <c r="AH416" s="166">
        <v>0</v>
      </c>
      <c r="AI416" s="166">
        <v>0</v>
      </c>
      <c r="AJ416" s="166">
        <v>0</v>
      </c>
      <c r="AK416" s="166">
        <v>0</v>
      </c>
      <c r="AL416" s="166">
        <v>0</v>
      </c>
      <c r="AM416" s="166">
        <v>0</v>
      </c>
      <c r="AN416" s="166">
        <v>0</v>
      </c>
      <c r="AO416" s="166">
        <v>0</v>
      </c>
      <c r="AP416" s="166">
        <v>0</v>
      </c>
      <c r="AQ416" s="166">
        <v>0</v>
      </c>
      <c r="AR416" s="166">
        <v>0</v>
      </c>
      <c r="AS416" s="166">
        <v>0</v>
      </c>
      <c r="AT416" s="166">
        <v>0</v>
      </c>
      <c r="AU416" s="166">
        <v>0</v>
      </c>
      <c r="AV416" s="166">
        <v>0</v>
      </c>
      <c r="AW416" s="166">
        <v>0</v>
      </c>
      <c r="AX416" s="166">
        <v>0</v>
      </c>
      <c r="AY416" s="166">
        <v>0</v>
      </c>
      <c r="AZ416" s="166">
        <v>0</v>
      </c>
      <c r="BA416" s="166">
        <v>0</v>
      </c>
      <c r="BB416" s="166">
        <v>0</v>
      </c>
      <c r="BC416" s="166">
        <v>0</v>
      </c>
      <c r="BD416" s="166">
        <v>0</v>
      </c>
      <c r="BE416" s="166">
        <v>0</v>
      </c>
      <c r="BF416" s="166">
        <v>0</v>
      </c>
      <c r="BG416" s="166">
        <v>0</v>
      </c>
      <c r="BH416" s="166">
        <v>0</v>
      </c>
      <c r="BI416" s="166">
        <v>0</v>
      </c>
      <c r="BJ416" s="166">
        <v>0</v>
      </c>
      <c r="BK416" s="166">
        <v>0</v>
      </c>
      <c r="BL416" s="166">
        <v>0</v>
      </c>
      <c r="BM416" s="166">
        <v>0</v>
      </c>
      <c r="BN416" s="166">
        <v>0</v>
      </c>
      <c r="BO416" s="166">
        <v>0</v>
      </c>
      <c r="BP416" s="166">
        <v>0</v>
      </c>
      <c r="BQ416" s="166">
        <v>0</v>
      </c>
      <c r="BR416" s="166">
        <v>93396712.769999996</v>
      </c>
      <c r="BS416" s="166">
        <v>93396712.769999996</v>
      </c>
      <c r="BT416" s="168">
        <v>0</v>
      </c>
      <c r="BU416" s="166">
        <v>5743203.3825102504</v>
      </c>
      <c r="BV416" s="166">
        <v>93385985.825524703</v>
      </c>
      <c r="BW416" s="166">
        <v>0</v>
      </c>
      <c r="BX416" s="166">
        <v>0</v>
      </c>
      <c r="BY416" s="166">
        <v>0</v>
      </c>
      <c r="BZ416" s="166">
        <v>0</v>
      </c>
      <c r="CA416" s="166">
        <v>0</v>
      </c>
      <c r="CB416" s="166">
        <v>0</v>
      </c>
      <c r="CC416" s="166">
        <v>0</v>
      </c>
      <c r="CD416" s="166">
        <v>0</v>
      </c>
      <c r="CE416" s="166">
        <v>0</v>
      </c>
      <c r="CF416" s="166">
        <v>0</v>
      </c>
      <c r="CG416" s="166">
        <v>0</v>
      </c>
      <c r="CH416" s="166">
        <v>0</v>
      </c>
      <c r="CI416" s="166">
        <v>0</v>
      </c>
      <c r="CJ416" s="166">
        <v>0</v>
      </c>
      <c r="CK416" s="166">
        <v>0</v>
      </c>
      <c r="CL416" s="166">
        <v>0</v>
      </c>
      <c r="CM416" s="166">
        <v>0</v>
      </c>
      <c r="CN416" s="166">
        <v>0</v>
      </c>
      <c r="CO416" s="166">
        <v>0</v>
      </c>
      <c r="CP416" s="166">
        <v>0</v>
      </c>
      <c r="CQ416" s="166">
        <v>0</v>
      </c>
      <c r="CR416" s="166">
        <v>0</v>
      </c>
      <c r="CS416" s="166">
        <v>0</v>
      </c>
      <c r="CT416" s="166">
        <v>0</v>
      </c>
      <c r="CU416" s="166">
        <v>0</v>
      </c>
      <c r="CV416" s="166">
        <v>0</v>
      </c>
      <c r="CW416" s="166">
        <v>0</v>
      </c>
      <c r="CX416" s="166">
        <v>0</v>
      </c>
      <c r="CY416" s="166">
        <v>93385985.825524703</v>
      </c>
      <c r="CZ416" s="166">
        <v>93385985.825524703</v>
      </c>
    </row>
    <row r="417" spans="1:104" x14ac:dyDescent="0.2">
      <c r="A417" s="167" t="s">
        <v>506</v>
      </c>
      <c r="B417" s="166">
        <v>16128582.84</v>
      </c>
      <c r="C417" s="166">
        <v>16128582.84</v>
      </c>
      <c r="D417" s="166">
        <v>0</v>
      </c>
      <c r="E417" s="166">
        <v>0</v>
      </c>
      <c r="F417" s="166">
        <v>0</v>
      </c>
      <c r="G417" s="166">
        <v>0</v>
      </c>
      <c r="H417" s="166">
        <v>0</v>
      </c>
      <c r="I417" s="166">
        <v>0</v>
      </c>
      <c r="J417" s="166">
        <v>0</v>
      </c>
      <c r="K417" s="166">
        <v>0</v>
      </c>
      <c r="L417" s="166">
        <v>0</v>
      </c>
      <c r="M417" s="166">
        <v>0</v>
      </c>
      <c r="N417" s="166">
        <v>0</v>
      </c>
      <c r="O417" s="166">
        <v>0</v>
      </c>
      <c r="P417" s="166">
        <v>0</v>
      </c>
      <c r="Q417" s="166">
        <v>0</v>
      </c>
      <c r="R417" s="166">
        <v>0</v>
      </c>
      <c r="S417" s="166">
        <v>0</v>
      </c>
      <c r="T417" s="166">
        <v>0</v>
      </c>
      <c r="U417" s="166">
        <v>0</v>
      </c>
      <c r="V417" s="166">
        <v>0</v>
      </c>
      <c r="W417" s="166">
        <v>0</v>
      </c>
      <c r="X417" s="166">
        <v>0</v>
      </c>
      <c r="Y417" s="166">
        <v>0</v>
      </c>
      <c r="Z417" s="166">
        <v>0</v>
      </c>
      <c r="AA417" s="166">
        <v>0</v>
      </c>
      <c r="AB417" s="166">
        <v>0</v>
      </c>
      <c r="AC417" s="166">
        <v>0</v>
      </c>
      <c r="AD417" s="166">
        <v>0</v>
      </c>
      <c r="AE417" s="166">
        <v>0</v>
      </c>
      <c r="AF417" s="166">
        <v>0</v>
      </c>
      <c r="AG417" s="166">
        <v>0</v>
      </c>
      <c r="AH417" s="166">
        <v>0</v>
      </c>
      <c r="AI417" s="166">
        <v>0</v>
      </c>
      <c r="AJ417" s="166">
        <v>0</v>
      </c>
      <c r="AK417" s="166">
        <v>0</v>
      </c>
      <c r="AL417" s="166">
        <v>0</v>
      </c>
      <c r="AM417" s="166">
        <v>0</v>
      </c>
      <c r="AN417" s="166">
        <v>0</v>
      </c>
      <c r="AO417" s="166">
        <v>0</v>
      </c>
      <c r="AP417" s="166">
        <v>0</v>
      </c>
      <c r="AQ417" s="166">
        <v>0</v>
      </c>
      <c r="AR417" s="166">
        <v>0</v>
      </c>
      <c r="AS417" s="166">
        <v>0</v>
      </c>
      <c r="AT417" s="166">
        <v>0</v>
      </c>
      <c r="AU417" s="166">
        <v>0</v>
      </c>
      <c r="AV417" s="166">
        <v>0</v>
      </c>
      <c r="AW417" s="166">
        <v>0</v>
      </c>
      <c r="AX417" s="166">
        <v>0</v>
      </c>
      <c r="AY417" s="166">
        <v>0</v>
      </c>
      <c r="AZ417" s="166">
        <v>0</v>
      </c>
      <c r="BA417" s="166">
        <v>0</v>
      </c>
      <c r="BB417" s="166">
        <v>0</v>
      </c>
      <c r="BC417" s="166">
        <v>0</v>
      </c>
      <c r="BD417" s="166">
        <v>0</v>
      </c>
      <c r="BE417" s="166">
        <v>0</v>
      </c>
      <c r="BF417" s="166">
        <v>0</v>
      </c>
      <c r="BG417" s="166">
        <v>0</v>
      </c>
      <c r="BH417" s="166">
        <v>0</v>
      </c>
      <c r="BI417" s="166">
        <v>0</v>
      </c>
      <c r="BJ417" s="166">
        <v>0</v>
      </c>
      <c r="BK417" s="166">
        <v>0</v>
      </c>
      <c r="BL417" s="166">
        <v>0</v>
      </c>
      <c r="BM417" s="166">
        <v>0</v>
      </c>
      <c r="BN417" s="166">
        <v>0</v>
      </c>
      <c r="BO417" s="166">
        <v>0</v>
      </c>
      <c r="BP417" s="166">
        <v>0</v>
      </c>
      <c r="BQ417" s="166">
        <v>0</v>
      </c>
      <c r="BR417" s="166">
        <v>16128582.84</v>
      </c>
      <c r="BS417" s="166">
        <v>16128582.84</v>
      </c>
      <c r="BT417" s="168">
        <v>0</v>
      </c>
      <c r="BU417" s="166">
        <v>1394760.49999999</v>
      </c>
      <c r="BV417" s="166">
        <v>16128582.84</v>
      </c>
      <c r="BW417" s="166">
        <v>0</v>
      </c>
      <c r="BX417" s="166">
        <v>0</v>
      </c>
      <c r="BY417" s="166">
        <v>0</v>
      </c>
      <c r="BZ417" s="166">
        <v>0</v>
      </c>
      <c r="CA417" s="166">
        <v>0</v>
      </c>
      <c r="CB417" s="166">
        <v>0</v>
      </c>
      <c r="CC417" s="166">
        <v>0</v>
      </c>
      <c r="CD417" s="166">
        <v>0</v>
      </c>
      <c r="CE417" s="166">
        <v>0</v>
      </c>
      <c r="CF417" s="166">
        <v>0</v>
      </c>
      <c r="CG417" s="166">
        <v>0</v>
      </c>
      <c r="CH417" s="166">
        <v>0</v>
      </c>
      <c r="CI417" s="166">
        <v>0</v>
      </c>
      <c r="CJ417" s="166">
        <v>0</v>
      </c>
      <c r="CK417" s="166">
        <v>0</v>
      </c>
      <c r="CL417" s="166">
        <v>0</v>
      </c>
      <c r="CM417" s="166">
        <v>0</v>
      </c>
      <c r="CN417" s="166">
        <v>0</v>
      </c>
      <c r="CO417" s="166">
        <v>0</v>
      </c>
      <c r="CP417" s="166">
        <v>0</v>
      </c>
      <c r="CQ417" s="166">
        <v>0</v>
      </c>
      <c r="CR417" s="166">
        <v>0</v>
      </c>
      <c r="CS417" s="166">
        <v>0</v>
      </c>
      <c r="CT417" s="166">
        <v>0</v>
      </c>
      <c r="CU417" s="166">
        <v>0</v>
      </c>
      <c r="CV417" s="166">
        <v>0</v>
      </c>
      <c r="CW417" s="166">
        <v>0</v>
      </c>
      <c r="CX417" s="166">
        <v>0</v>
      </c>
      <c r="CY417" s="166">
        <v>16128582.84</v>
      </c>
      <c r="CZ417" s="166">
        <v>16128582.84</v>
      </c>
    </row>
    <row r="418" spans="1:104" x14ac:dyDescent="0.2">
      <c r="A418" s="167" t="s">
        <v>507</v>
      </c>
      <c r="B418" s="166">
        <v>7333978.2099999897</v>
      </c>
      <c r="C418" s="166">
        <v>7333978.2099999897</v>
      </c>
      <c r="D418" s="166">
        <v>0</v>
      </c>
      <c r="E418" s="166">
        <v>0</v>
      </c>
      <c r="F418" s="166">
        <v>0</v>
      </c>
      <c r="G418" s="166">
        <v>0</v>
      </c>
      <c r="H418" s="166">
        <v>0</v>
      </c>
      <c r="I418" s="166">
        <v>0</v>
      </c>
      <c r="J418" s="166">
        <v>0</v>
      </c>
      <c r="K418" s="166">
        <v>0</v>
      </c>
      <c r="L418" s="166">
        <v>0</v>
      </c>
      <c r="M418" s="166">
        <v>0</v>
      </c>
      <c r="N418" s="166">
        <v>0</v>
      </c>
      <c r="O418" s="166">
        <v>0</v>
      </c>
      <c r="P418" s="166">
        <v>0</v>
      </c>
      <c r="Q418" s="166">
        <v>0</v>
      </c>
      <c r="R418" s="166">
        <v>0</v>
      </c>
      <c r="S418" s="166">
        <v>0</v>
      </c>
      <c r="T418" s="166">
        <v>0</v>
      </c>
      <c r="U418" s="166">
        <v>0</v>
      </c>
      <c r="V418" s="166">
        <v>0</v>
      </c>
      <c r="W418" s="166">
        <v>0</v>
      </c>
      <c r="X418" s="166">
        <v>0</v>
      </c>
      <c r="Y418" s="166">
        <v>0</v>
      </c>
      <c r="Z418" s="166">
        <v>0</v>
      </c>
      <c r="AA418" s="166">
        <v>0</v>
      </c>
      <c r="AB418" s="166">
        <v>0</v>
      </c>
      <c r="AC418" s="166">
        <v>0</v>
      </c>
      <c r="AD418" s="166">
        <v>0</v>
      </c>
      <c r="AE418" s="166">
        <v>0</v>
      </c>
      <c r="AF418" s="166">
        <v>0</v>
      </c>
      <c r="AG418" s="166">
        <v>0</v>
      </c>
      <c r="AH418" s="166">
        <v>0</v>
      </c>
      <c r="AI418" s="166">
        <v>0</v>
      </c>
      <c r="AJ418" s="166">
        <v>0</v>
      </c>
      <c r="AK418" s="166">
        <v>0</v>
      </c>
      <c r="AL418" s="166">
        <v>0</v>
      </c>
      <c r="AM418" s="166">
        <v>0</v>
      </c>
      <c r="AN418" s="166">
        <v>0</v>
      </c>
      <c r="AO418" s="166">
        <v>0</v>
      </c>
      <c r="AP418" s="166">
        <v>0</v>
      </c>
      <c r="AQ418" s="166">
        <v>0</v>
      </c>
      <c r="AR418" s="166">
        <v>0</v>
      </c>
      <c r="AS418" s="166">
        <v>0</v>
      </c>
      <c r="AT418" s="166">
        <v>0</v>
      </c>
      <c r="AU418" s="166">
        <v>0</v>
      </c>
      <c r="AV418" s="166">
        <v>0</v>
      </c>
      <c r="AW418" s="166">
        <v>0</v>
      </c>
      <c r="AX418" s="166">
        <v>0</v>
      </c>
      <c r="AY418" s="166">
        <v>0</v>
      </c>
      <c r="AZ418" s="166">
        <v>0</v>
      </c>
      <c r="BA418" s="166">
        <v>0</v>
      </c>
      <c r="BB418" s="166">
        <v>0</v>
      </c>
      <c r="BC418" s="166">
        <v>0</v>
      </c>
      <c r="BD418" s="166">
        <v>0</v>
      </c>
      <c r="BE418" s="166">
        <v>0</v>
      </c>
      <c r="BF418" s="166">
        <v>0</v>
      </c>
      <c r="BG418" s="166">
        <v>0</v>
      </c>
      <c r="BH418" s="166">
        <v>0</v>
      </c>
      <c r="BI418" s="166">
        <v>0</v>
      </c>
      <c r="BJ418" s="166">
        <v>0</v>
      </c>
      <c r="BK418" s="166">
        <v>0</v>
      </c>
      <c r="BL418" s="166">
        <v>0</v>
      </c>
      <c r="BM418" s="166">
        <v>0</v>
      </c>
      <c r="BN418" s="166">
        <v>0</v>
      </c>
      <c r="BO418" s="166">
        <v>0</v>
      </c>
      <c r="BP418" s="166">
        <v>0</v>
      </c>
      <c r="BQ418" s="166">
        <v>0</v>
      </c>
      <c r="BR418" s="166">
        <v>7333978.2099999897</v>
      </c>
      <c r="BS418" s="166">
        <v>7333978.21</v>
      </c>
      <c r="BT418" s="168">
        <v>0</v>
      </c>
      <c r="BU418" s="166">
        <v>1176714.94</v>
      </c>
      <c r="BV418" s="166">
        <v>7333978.2099999897</v>
      </c>
      <c r="BW418" s="166">
        <v>0</v>
      </c>
      <c r="BX418" s="166">
        <v>0</v>
      </c>
      <c r="BY418" s="166">
        <v>0</v>
      </c>
      <c r="BZ418" s="166">
        <v>0</v>
      </c>
      <c r="CA418" s="166">
        <v>0</v>
      </c>
      <c r="CB418" s="166">
        <v>0</v>
      </c>
      <c r="CC418" s="166">
        <v>0</v>
      </c>
      <c r="CD418" s="166">
        <v>0</v>
      </c>
      <c r="CE418" s="166">
        <v>0</v>
      </c>
      <c r="CF418" s="166">
        <v>0</v>
      </c>
      <c r="CG418" s="166">
        <v>0</v>
      </c>
      <c r="CH418" s="166">
        <v>0</v>
      </c>
      <c r="CI418" s="166">
        <v>0</v>
      </c>
      <c r="CJ418" s="166">
        <v>0</v>
      </c>
      <c r="CK418" s="166">
        <v>0</v>
      </c>
      <c r="CL418" s="166">
        <v>0</v>
      </c>
      <c r="CM418" s="166">
        <v>0</v>
      </c>
      <c r="CN418" s="166">
        <v>0</v>
      </c>
      <c r="CO418" s="166">
        <v>0</v>
      </c>
      <c r="CP418" s="166">
        <v>0</v>
      </c>
      <c r="CQ418" s="166">
        <v>0</v>
      </c>
      <c r="CR418" s="166">
        <v>0</v>
      </c>
      <c r="CS418" s="166">
        <v>0</v>
      </c>
      <c r="CT418" s="166">
        <v>0</v>
      </c>
      <c r="CU418" s="166">
        <v>0</v>
      </c>
      <c r="CV418" s="166">
        <v>0</v>
      </c>
      <c r="CW418" s="166">
        <v>0</v>
      </c>
      <c r="CX418" s="166">
        <v>0</v>
      </c>
      <c r="CY418" s="166">
        <v>7333978.2099999897</v>
      </c>
      <c r="CZ418" s="166">
        <v>7333978.2099999897</v>
      </c>
    </row>
    <row r="419" spans="1:104" x14ac:dyDescent="0.2">
      <c r="A419" s="167" t="s">
        <v>1207</v>
      </c>
      <c r="B419" s="166">
        <v>576557481.66999996</v>
      </c>
      <c r="C419" s="166">
        <v>576557481.66999996</v>
      </c>
      <c r="D419" s="166">
        <v>0</v>
      </c>
      <c r="E419" s="166">
        <v>0</v>
      </c>
      <c r="F419" s="166">
        <v>0</v>
      </c>
      <c r="G419" s="166">
        <v>0</v>
      </c>
      <c r="H419" s="166">
        <v>0</v>
      </c>
      <c r="I419" s="166">
        <v>0</v>
      </c>
      <c r="J419" s="166">
        <v>0</v>
      </c>
      <c r="K419" s="166">
        <v>0</v>
      </c>
      <c r="L419" s="166">
        <v>0</v>
      </c>
      <c r="M419" s="166">
        <v>0</v>
      </c>
      <c r="N419" s="166">
        <v>0</v>
      </c>
      <c r="O419" s="166">
        <v>0</v>
      </c>
      <c r="P419" s="166">
        <v>0</v>
      </c>
      <c r="Q419" s="166">
        <v>0</v>
      </c>
      <c r="R419" s="166">
        <v>0</v>
      </c>
      <c r="S419" s="166">
        <v>0</v>
      </c>
      <c r="T419" s="166">
        <v>0</v>
      </c>
      <c r="U419" s="166">
        <v>0</v>
      </c>
      <c r="V419" s="166">
        <v>0</v>
      </c>
      <c r="W419" s="166">
        <v>0</v>
      </c>
      <c r="X419" s="166">
        <v>0</v>
      </c>
      <c r="Y419" s="166">
        <v>0</v>
      </c>
      <c r="Z419" s="166">
        <v>0</v>
      </c>
      <c r="AA419" s="166">
        <v>0</v>
      </c>
      <c r="AB419" s="166">
        <v>0</v>
      </c>
      <c r="AC419" s="166">
        <v>0</v>
      </c>
      <c r="AD419" s="166">
        <v>0</v>
      </c>
      <c r="AE419" s="166">
        <v>0</v>
      </c>
      <c r="AF419" s="166">
        <v>0</v>
      </c>
      <c r="AG419" s="166">
        <v>0</v>
      </c>
      <c r="AH419" s="166">
        <v>0</v>
      </c>
      <c r="AI419" s="166">
        <v>0</v>
      </c>
      <c r="AJ419" s="166">
        <v>0</v>
      </c>
      <c r="AK419" s="166">
        <v>0</v>
      </c>
      <c r="AL419" s="166">
        <v>0</v>
      </c>
      <c r="AM419" s="166">
        <v>0</v>
      </c>
      <c r="AN419" s="166">
        <v>0</v>
      </c>
      <c r="AO419" s="166">
        <v>0</v>
      </c>
      <c r="AP419" s="166">
        <v>0</v>
      </c>
      <c r="AQ419" s="166">
        <v>0</v>
      </c>
      <c r="AR419" s="166">
        <v>0</v>
      </c>
      <c r="AS419" s="166">
        <v>0</v>
      </c>
      <c r="AT419" s="166">
        <v>0</v>
      </c>
      <c r="AU419" s="166">
        <v>0</v>
      </c>
      <c r="AV419" s="166">
        <v>0</v>
      </c>
      <c r="AW419" s="166">
        <v>0</v>
      </c>
      <c r="AX419" s="166">
        <v>-4665344.2699999996</v>
      </c>
      <c r="AY419" s="166">
        <v>0</v>
      </c>
      <c r="AZ419" s="166">
        <v>-362600788.53999901</v>
      </c>
      <c r="BA419" s="166">
        <v>0</v>
      </c>
      <c r="BB419" s="166">
        <v>0</v>
      </c>
      <c r="BC419" s="166">
        <v>0</v>
      </c>
      <c r="BD419" s="166">
        <v>0</v>
      </c>
      <c r="BE419" s="166">
        <v>0</v>
      </c>
      <c r="BF419" s="166">
        <v>0</v>
      </c>
      <c r="BG419" s="166">
        <v>0</v>
      </c>
      <c r="BH419" s="166">
        <v>0</v>
      </c>
      <c r="BI419" s="166">
        <v>0</v>
      </c>
      <c r="BJ419" s="166">
        <v>0</v>
      </c>
      <c r="BK419" s="166">
        <v>0</v>
      </c>
      <c r="BL419" s="166">
        <v>0</v>
      </c>
      <c r="BM419" s="166">
        <v>0</v>
      </c>
      <c r="BN419" s="166">
        <v>0</v>
      </c>
      <c r="BO419" s="166">
        <v>-4665344.2699999996</v>
      </c>
      <c r="BP419" s="166">
        <v>0</v>
      </c>
      <c r="BQ419" s="166">
        <v>-362600788.53999901</v>
      </c>
      <c r="BR419" s="166">
        <v>576557481.66999996</v>
      </c>
      <c r="BS419" s="166">
        <v>209291348.859999</v>
      </c>
      <c r="BT419" s="168">
        <v>0</v>
      </c>
      <c r="BU419" s="166">
        <v>74543577.070509404</v>
      </c>
      <c r="BV419" s="166">
        <v>565837448.04409099</v>
      </c>
      <c r="BW419" s="166">
        <v>0</v>
      </c>
      <c r="BX419" s="166">
        <v>0</v>
      </c>
      <c r="BY419" s="166">
        <v>0</v>
      </c>
      <c r="BZ419" s="166">
        <v>0</v>
      </c>
      <c r="CA419" s="166">
        <v>0</v>
      </c>
      <c r="CB419" s="166">
        <v>0</v>
      </c>
      <c r="CC419" s="166">
        <v>0</v>
      </c>
      <c r="CD419" s="166">
        <v>0</v>
      </c>
      <c r="CE419" s="166">
        <v>0</v>
      </c>
      <c r="CF419" s="166">
        <v>0</v>
      </c>
      <c r="CG419" s="166">
        <v>0</v>
      </c>
      <c r="CH419" s="166">
        <v>-4665344.2699999996</v>
      </c>
      <c r="CI419" s="166">
        <v>0</v>
      </c>
      <c r="CJ419" s="166">
        <v>-362600788.53999901</v>
      </c>
      <c r="CK419" s="166">
        <v>0</v>
      </c>
      <c r="CL419" s="166">
        <v>0</v>
      </c>
      <c r="CM419" s="166">
        <v>0</v>
      </c>
      <c r="CN419" s="166">
        <v>0</v>
      </c>
      <c r="CO419" s="166">
        <v>0</v>
      </c>
      <c r="CP419" s="166">
        <v>0</v>
      </c>
      <c r="CQ419" s="166">
        <v>0</v>
      </c>
      <c r="CR419" s="166">
        <v>0</v>
      </c>
      <c r="CS419" s="166">
        <v>0</v>
      </c>
      <c r="CT419" s="166">
        <v>0</v>
      </c>
      <c r="CU419" s="166">
        <v>0</v>
      </c>
      <c r="CV419" s="166">
        <v>-4665344.2699999996</v>
      </c>
      <c r="CW419" s="166">
        <v>0</v>
      </c>
      <c r="CX419" s="166">
        <v>-362600788.53999901</v>
      </c>
      <c r="CY419" s="166">
        <v>198571315.23409101</v>
      </c>
      <c r="CZ419" s="166">
        <v>198571315.23409101</v>
      </c>
    </row>
    <row r="420" spans="1:104" x14ac:dyDescent="0.2">
      <c r="A420" s="170" t="s">
        <v>509</v>
      </c>
      <c r="B420" s="166">
        <v>965956096.94366097</v>
      </c>
      <c r="C420" s="166">
        <v>965956096.94366097</v>
      </c>
      <c r="D420" s="166">
        <v>0</v>
      </c>
      <c r="E420" s="166">
        <v>0</v>
      </c>
      <c r="F420" s="166">
        <v>0</v>
      </c>
      <c r="G420" s="166">
        <v>0</v>
      </c>
      <c r="H420" s="166">
        <v>0</v>
      </c>
      <c r="I420" s="166">
        <v>0</v>
      </c>
      <c r="J420" s="166">
        <v>0</v>
      </c>
      <c r="K420" s="166">
        <v>0</v>
      </c>
      <c r="L420" s="166">
        <v>0</v>
      </c>
      <c r="M420" s="166">
        <v>0</v>
      </c>
      <c r="N420" s="166">
        <v>0</v>
      </c>
      <c r="O420" s="166">
        <v>0</v>
      </c>
      <c r="P420" s="166">
        <v>0</v>
      </c>
      <c r="Q420" s="166">
        <v>0</v>
      </c>
      <c r="R420" s="166">
        <v>0</v>
      </c>
      <c r="S420" s="166">
        <v>0</v>
      </c>
      <c r="T420" s="166">
        <v>0</v>
      </c>
      <c r="U420" s="166">
        <v>0</v>
      </c>
      <c r="V420" s="166">
        <v>0</v>
      </c>
      <c r="W420" s="166">
        <v>0</v>
      </c>
      <c r="X420" s="166">
        <v>0</v>
      </c>
      <c r="Y420" s="166">
        <v>0</v>
      </c>
      <c r="Z420" s="166">
        <v>0</v>
      </c>
      <c r="AA420" s="166">
        <v>0</v>
      </c>
      <c r="AB420" s="166">
        <v>0</v>
      </c>
      <c r="AC420" s="166">
        <v>0</v>
      </c>
      <c r="AD420" s="166">
        <v>0</v>
      </c>
      <c r="AE420" s="166">
        <v>0</v>
      </c>
      <c r="AF420" s="166">
        <v>0</v>
      </c>
      <c r="AG420" s="166">
        <v>0</v>
      </c>
      <c r="AH420" s="166">
        <v>0</v>
      </c>
      <c r="AI420" s="166">
        <v>0</v>
      </c>
      <c r="AJ420" s="166">
        <v>0</v>
      </c>
      <c r="AK420" s="166">
        <v>0</v>
      </c>
      <c r="AL420" s="166">
        <v>0</v>
      </c>
      <c r="AM420" s="166">
        <v>0</v>
      </c>
      <c r="AN420" s="166">
        <v>0</v>
      </c>
      <c r="AO420" s="166">
        <v>0</v>
      </c>
      <c r="AP420" s="166">
        <v>0</v>
      </c>
      <c r="AQ420" s="166">
        <v>0</v>
      </c>
      <c r="AR420" s="166">
        <v>0</v>
      </c>
      <c r="AS420" s="166">
        <v>0</v>
      </c>
      <c r="AT420" s="166">
        <v>0</v>
      </c>
      <c r="AU420" s="166">
        <v>0</v>
      </c>
      <c r="AV420" s="166">
        <v>0</v>
      </c>
      <c r="AW420" s="166">
        <v>0</v>
      </c>
      <c r="AX420" s="166">
        <v>-4665344.2699999996</v>
      </c>
      <c r="AY420" s="166">
        <v>0</v>
      </c>
      <c r="AZ420" s="166">
        <v>-362600788.53999901</v>
      </c>
      <c r="BA420" s="166">
        <v>0</v>
      </c>
      <c r="BB420" s="166">
        <v>0</v>
      </c>
      <c r="BC420" s="166">
        <v>0</v>
      </c>
      <c r="BD420" s="166">
        <v>0</v>
      </c>
      <c r="BE420" s="166">
        <v>0</v>
      </c>
      <c r="BF420" s="166">
        <v>0</v>
      </c>
      <c r="BG420" s="166">
        <v>0</v>
      </c>
      <c r="BH420" s="166">
        <v>0</v>
      </c>
      <c r="BI420" s="166">
        <v>0</v>
      </c>
      <c r="BJ420" s="166">
        <v>0</v>
      </c>
      <c r="BK420" s="166">
        <v>0</v>
      </c>
      <c r="BL420" s="166">
        <v>0</v>
      </c>
      <c r="BM420" s="166">
        <v>0</v>
      </c>
      <c r="BN420" s="166">
        <v>0</v>
      </c>
      <c r="BO420" s="166">
        <v>-4665344.2699999996</v>
      </c>
      <c r="BP420" s="166">
        <v>0</v>
      </c>
      <c r="BQ420" s="166">
        <v>-362600788.53999901</v>
      </c>
      <c r="BR420" s="166">
        <v>965956096.94366097</v>
      </c>
      <c r="BS420" s="166">
        <v>598689964.13366103</v>
      </c>
      <c r="BT420" s="168">
        <v>0</v>
      </c>
      <c r="BU420" s="166">
        <v>103323993.963007</v>
      </c>
      <c r="BV420" s="166">
        <v>944981520.86251295</v>
      </c>
      <c r="BW420" s="166">
        <v>0</v>
      </c>
      <c r="BX420" s="166">
        <v>0</v>
      </c>
      <c r="BY420" s="166">
        <v>0</v>
      </c>
      <c r="BZ420" s="166">
        <v>0</v>
      </c>
      <c r="CA420" s="166">
        <v>0</v>
      </c>
      <c r="CB420" s="166">
        <v>0</v>
      </c>
      <c r="CC420" s="166">
        <v>0</v>
      </c>
      <c r="CD420" s="166">
        <v>0</v>
      </c>
      <c r="CE420" s="166">
        <v>0</v>
      </c>
      <c r="CF420" s="166">
        <v>0</v>
      </c>
      <c r="CG420" s="166">
        <v>0</v>
      </c>
      <c r="CH420" s="166">
        <v>-4665344.2699999996</v>
      </c>
      <c r="CI420" s="166">
        <v>0</v>
      </c>
      <c r="CJ420" s="166">
        <v>-362600788.53999901</v>
      </c>
      <c r="CK420" s="166">
        <v>0</v>
      </c>
      <c r="CL420" s="166">
        <v>0</v>
      </c>
      <c r="CM420" s="166">
        <v>0</v>
      </c>
      <c r="CN420" s="166">
        <v>0</v>
      </c>
      <c r="CO420" s="166">
        <v>0</v>
      </c>
      <c r="CP420" s="166">
        <v>0</v>
      </c>
      <c r="CQ420" s="166">
        <v>0</v>
      </c>
      <c r="CR420" s="166">
        <v>0</v>
      </c>
      <c r="CS420" s="166">
        <v>0</v>
      </c>
      <c r="CT420" s="166">
        <v>0</v>
      </c>
      <c r="CU420" s="166">
        <v>0</v>
      </c>
      <c r="CV420" s="166">
        <v>-4665344.2699999996</v>
      </c>
      <c r="CW420" s="166">
        <v>0</v>
      </c>
      <c r="CX420" s="166">
        <v>-362600788.53999901</v>
      </c>
      <c r="CY420" s="166">
        <v>577715388.052513</v>
      </c>
      <c r="CZ420" s="166">
        <v>577715388.052513</v>
      </c>
    </row>
    <row r="421" spans="1:104" x14ac:dyDescent="0.2">
      <c r="A421" s="167" t="s">
        <v>510</v>
      </c>
      <c r="B421" s="166">
        <v>3005705197.1199999</v>
      </c>
      <c r="C421" s="166">
        <v>3005705197.1199999</v>
      </c>
      <c r="D421" s="166">
        <v>0</v>
      </c>
      <c r="E421" s="166">
        <v>0</v>
      </c>
      <c r="F421" s="166">
        <v>0</v>
      </c>
      <c r="G421" s="166">
        <v>-439679184.58999997</v>
      </c>
      <c r="H421" s="166">
        <v>0</v>
      </c>
      <c r="I421" s="166">
        <v>0</v>
      </c>
      <c r="J421" s="166">
        <v>0</v>
      </c>
      <c r="K421" s="166">
        <v>0</v>
      </c>
      <c r="L421" s="166">
        <v>0</v>
      </c>
      <c r="M421" s="166">
        <v>0</v>
      </c>
      <c r="N421" s="166">
        <v>0</v>
      </c>
      <c r="O421" s="166">
        <v>0</v>
      </c>
      <c r="P421" s="166">
        <v>0</v>
      </c>
      <c r="Q421" s="166">
        <v>0</v>
      </c>
      <c r="R421" s="166">
        <v>-108836554.09999999</v>
      </c>
      <c r="S421" s="166">
        <v>0</v>
      </c>
      <c r="T421" s="166">
        <v>0</v>
      </c>
      <c r="U421" s="166">
        <v>-7355586.1499999901</v>
      </c>
      <c r="V421" s="166">
        <v>0</v>
      </c>
      <c r="W421" s="166">
        <v>0</v>
      </c>
      <c r="X421" s="166">
        <v>0</v>
      </c>
      <c r="Y421" s="166">
        <v>0</v>
      </c>
      <c r="Z421" s="166">
        <v>0</v>
      </c>
      <c r="AA421" s="166">
        <v>0</v>
      </c>
      <c r="AB421" s="166">
        <v>-2383514684.0700002</v>
      </c>
      <c r="AC421" s="166">
        <v>0</v>
      </c>
      <c r="AD421" s="166">
        <v>0</v>
      </c>
      <c r="AE421" s="166">
        <v>0</v>
      </c>
      <c r="AF421" s="166">
        <v>0</v>
      </c>
      <c r="AG421" s="166">
        <v>0</v>
      </c>
      <c r="AH421" s="166">
        <v>0</v>
      </c>
      <c r="AI421" s="166">
        <v>0</v>
      </c>
      <c r="AJ421" s="166">
        <v>0</v>
      </c>
      <c r="AK421" s="166">
        <v>0</v>
      </c>
      <c r="AL421" s="166">
        <v>0</v>
      </c>
      <c r="AM421" s="166">
        <v>0</v>
      </c>
      <c r="AN421" s="166">
        <v>0</v>
      </c>
      <c r="AO421" s="166">
        <v>0</v>
      </c>
      <c r="AP421" s="166">
        <v>0</v>
      </c>
      <c r="AQ421" s="166">
        <v>0</v>
      </c>
      <c r="AR421" s="166">
        <v>0</v>
      </c>
      <c r="AS421" s="166">
        <v>0</v>
      </c>
      <c r="AT421" s="166">
        <v>0</v>
      </c>
      <c r="AU421" s="166">
        <v>0</v>
      </c>
      <c r="AV421" s="166">
        <v>0</v>
      </c>
      <c r="AW421" s="166">
        <v>0</v>
      </c>
      <c r="AX421" s="166">
        <v>0</v>
      </c>
      <c r="AY421" s="166">
        <v>-66319188.210000001</v>
      </c>
      <c r="AZ421" s="166">
        <v>0</v>
      </c>
      <c r="BA421" s="166">
        <v>0</v>
      </c>
      <c r="BB421" s="166">
        <v>0</v>
      </c>
      <c r="BC421" s="166">
        <v>0</v>
      </c>
      <c r="BD421" s="166">
        <v>-439679184.58999997</v>
      </c>
      <c r="BE421" s="166">
        <v>0</v>
      </c>
      <c r="BF421" s="166">
        <v>0</v>
      </c>
      <c r="BG421" s="166">
        <v>-108836554.09999999</v>
      </c>
      <c r="BH421" s="166">
        <v>0</v>
      </c>
      <c r="BI421" s="166">
        <v>-7355586.1499999901</v>
      </c>
      <c r="BJ421" s="166">
        <v>-2383514684.0700002</v>
      </c>
      <c r="BK421" s="166">
        <v>0</v>
      </c>
      <c r="BL421" s="166">
        <v>0</v>
      </c>
      <c r="BM421" s="166">
        <v>0</v>
      </c>
      <c r="BN421" s="166">
        <v>0</v>
      </c>
      <c r="BO421" s="166">
        <v>0</v>
      </c>
      <c r="BP421" s="166">
        <v>-66319188.210000001</v>
      </c>
      <c r="BQ421" s="166">
        <v>0</v>
      </c>
      <c r="BR421" s="166">
        <v>3005705197.1199999</v>
      </c>
      <c r="BS421" s="166">
        <v>0</v>
      </c>
      <c r="BT421" s="168">
        <v>0</v>
      </c>
      <c r="BU421" s="166">
        <v>186039113.65854901</v>
      </c>
      <c r="BV421" s="166">
        <v>2921107245.8077898</v>
      </c>
      <c r="BW421" s="166">
        <v>-419435805.87</v>
      </c>
      <c r="BX421" s="166">
        <v>0</v>
      </c>
      <c r="BY421" s="166">
        <v>0</v>
      </c>
      <c r="BZ421" s="166">
        <v>-108836554.09999999</v>
      </c>
      <c r="CA421" s="166">
        <v>0</v>
      </c>
      <c r="CB421" s="166">
        <v>-7268897.8753521098</v>
      </c>
      <c r="CC421" s="166">
        <v>-2323203245.56037</v>
      </c>
      <c r="CD421" s="166">
        <v>0</v>
      </c>
      <c r="CE421" s="166">
        <v>0</v>
      </c>
      <c r="CF421" s="166">
        <v>0</v>
      </c>
      <c r="CG421" s="166">
        <v>0</v>
      </c>
      <c r="CH421" s="166">
        <v>0</v>
      </c>
      <c r="CI421" s="166">
        <v>-62362742.402066797</v>
      </c>
      <c r="CJ421" s="166">
        <v>0</v>
      </c>
      <c r="CK421" s="166">
        <v>-419435805.87</v>
      </c>
      <c r="CL421" s="166">
        <v>0</v>
      </c>
      <c r="CM421" s="166">
        <v>0</v>
      </c>
      <c r="CN421" s="166">
        <v>-108836554.09999999</v>
      </c>
      <c r="CO421" s="166">
        <v>0</v>
      </c>
      <c r="CP421" s="166">
        <v>-7268897.8753521098</v>
      </c>
      <c r="CQ421" s="166">
        <v>-2323203245.56037</v>
      </c>
      <c r="CR421" s="166">
        <v>0</v>
      </c>
      <c r="CS421" s="166">
        <v>0</v>
      </c>
      <c r="CT421" s="166">
        <v>0</v>
      </c>
      <c r="CU421" s="166">
        <v>0</v>
      </c>
      <c r="CV421" s="166">
        <v>0</v>
      </c>
      <c r="CW421" s="166">
        <v>-62362742.402066797</v>
      </c>
      <c r="CX421" s="166">
        <v>0</v>
      </c>
      <c r="CY421" s="166">
        <v>0</v>
      </c>
      <c r="CZ421" s="166">
        <v>0</v>
      </c>
    </row>
    <row r="422" spans="1:104" x14ac:dyDescent="0.2">
      <c r="A422" s="170" t="s">
        <v>511</v>
      </c>
      <c r="B422" s="166">
        <v>3971661294.0636601</v>
      </c>
      <c r="C422" s="166">
        <v>3971661294.0636601</v>
      </c>
      <c r="D422" s="166">
        <v>0</v>
      </c>
      <c r="E422" s="166">
        <v>0</v>
      </c>
      <c r="F422" s="166">
        <v>0</v>
      </c>
      <c r="G422" s="166">
        <v>-439679184.58999997</v>
      </c>
      <c r="H422" s="166">
        <v>0</v>
      </c>
      <c r="I422" s="166">
        <v>0</v>
      </c>
      <c r="J422" s="166">
        <v>0</v>
      </c>
      <c r="K422" s="166">
        <v>0</v>
      </c>
      <c r="L422" s="166">
        <v>0</v>
      </c>
      <c r="M422" s="166">
        <v>0</v>
      </c>
      <c r="N422" s="166">
        <v>0</v>
      </c>
      <c r="O422" s="166">
        <v>0</v>
      </c>
      <c r="P422" s="166">
        <v>0</v>
      </c>
      <c r="Q422" s="166">
        <v>0</v>
      </c>
      <c r="R422" s="166">
        <v>-108836554.09999999</v>
      </c>
      <c r="S422" s="166">
        <v>0</v>
      </c>
      <c r="T422" s="166">
        <v>0</v>
      </c>
      <c r="U422" s="166">
        <v>-7355586.1499999901</v>
      </c>
      <c r="V422" s="166">
        <v>0</v>
      </c>
      <c r="W422" s="166">
        <v>0</v>
      </c>
      <c r="X422" s="166">
        <v>0</v>
      </c>
      <c r="Y422" s="166">
        <v>0</v>
      </c>
      <c r="Z422" s="166">
        <v>0</v>
      </c>
      <c r="AA422" s="166">
        <v>0</v>
      </c>
      <c r="AB422" s="166">
        <v>-2383514684.0700002</v>
      </c>
      <c r="AC422" s="166">
        <v>0</v>
      </c>
      <c r="AD422" s="166">
        <v>0</v>
      </c>
      <c r="AE422" s="166">
        <v>0</v>
      </c>
      <c r="AF422" s="166">
        <v>0</v>
      </c>
      <c r="AG422" s="166">
        <v>0</v>
      </c>
      <c r="AH422" s="166">
        <v>0</v>
      </c>
      <c r="AI422" s="166">
        <v>0</v>
      </c>
      <c r="AJ422" s="166">
        <v>0</v>
      </c>
      <c r="AK422" s="166">
        <v>0</v>
      </c>
      <c r="AL422" s="166">
        <v>0</v>
      </c>
      <c r="AM422" s="166">
        <v>0</v>
      </c>
      <c r="AN422" s="166">
        <v>0</v>
      </c>
      <c r="AO422" s="166">
        <v>0</v>
      </c>
      <c r="AP422" s="166">
        <v>0</v>
      </c>
      <c r="AQ422" s="166">
        <v>0</v>
      </c>
      <c r="AR422" s="166">
        <v>0</v>
      </c>
      <c r="AS422" s="166">
        <v>0</v>
      </c>
      <c r="AT422" s="166">
        <v>0</v>
      </c>
      <c r="AU422" s="166">
        <v>0</v>
      </c>
      <c r="AV422" s="166">
        <v>0</v>
      </c>
      <c r="AW422" s="166">
        <v>0</v>
      </c>
      <c r="AX422" s="166">
        <v>-4665344.2699999996</v>
      </c>
      <c r="AY422" s="166">
        <v>-66319188.210000001</v>
      </c>
      <c r="AZ422" s="166">
        <v>-362600788.53999901</v>
      </c>
      <c r="BA422" s="166">
        <v>0</v>
      </c>
      <c r="BB422" s="166">
        <v>0</v>
      </c>
      <c r="BC422" s="166">
        <v>0</v>
      </c>
      <c r="BD422" s="166">
        <v>-439679184.58999997</v>
      </c>
      <c r="BE422" s="166">
        <v>0</v>
      </c>
      <c r="BF422" s="166">
        <v>0</v>
      </c>
      <c r="BG422" s="166">
        <v>-108836554.09999999</v>
      </c>
      <c r="BH422" s="166">
        <v>0</v>
      </c>
      <c r="BI422" s="166">
        <v>-7355586.1499999901</v>
      </c>
      <c r="BJ422" s="166">
        <v>-2383514684.0700002</v>
      </c>
      <c r="BK422" s="166">
        <v>0</v>
      </c>
      <c r="BL422" s="166">
        <v>0</v>
      </c>
      <c r="BM422" s="166">
        <v>0</v>
      </c>
      <c r="BN422" s="166">
        <v>0</v>
      </c>
      <c r="BO422" s="166">
        <v>-4665344.2699999996</v>
      </c>
      <c r="BP422" s="166">
        <v>-66319188.210000001</v>
      </c>
      <c r="BQ422" s="166">
        <v>-362600788.53999901</v>
      </c>
      <c r="BR422" s="166">
        <v>3971661294.0636601</v>
      </c>
      <c r="BS422" s="166">
        <v>598689964.13366103</v>
      </c>
      <c r="BT422" s="168">
        <v>0</v>
      </c>
      <c r="BU422" s="166">
        <v>289363107.62155598</v>
      </c>
      <c r="BV422" s="166">
        <v>3866088766.67031</v>
      </c>
      <c r="BW422" s="166">
        <v>0</v>
      </c>
      <c r="BX422" s="166">
        <v>0</v>
      </c>
      <c r="BY422" s="166">
        <v>0</v>
      </c>
      <c r="BZ422" s="166">
        <v>0</v>
      </c>
      <c r="CA422" s="166">
        <v>0</v>
      </c>
      <c r="CB422" s="166">
        <v>0</v>
      </c>
      <c r="CC422" s="166">
        <v>0</v>
      </c>
      <c r="CD422" s="166">
        <v>0</v>
      </c>
      <c r="CE422" s="166">
        <v>0</v>
      </c>
      <c r="CF422" s="166">
        <v>0</v>
      </c>
      <c r="CG422" s="166">
        <v>0</v>
      </c>
      <c r="CH422" s="166">
        <v>-4665344.2699999996</v>
      </c>
      <c r="CI422" s="166">
        <v>0</v>
      </c>
      <c r="CJ422" s="166">
        <v>-362600788.53999901</v>
      </c>
      <c r="CK422" s="166">
        <v>0</v>
      </c>
      <c r="CL422" s="166">
        <v>0</v>
      </c>
      <c r="CM422" s="166">
        <v>0</v>
      </c>
      <c r="CN422" s="166">
        <v>0</v>
      </c>
      <c r="CO422" s="166">
        <v>0</v>
      </c>
      <c r="CP422" s="166">
        <v>0</v>
      </c>
      <c r="CQ422" s="166">
        <v>0</v>
      </c>
      <c r="CR422" s="166">
        <v>0</v>
      </c>
      <c r="CS422" s="166">
        <v>0</v>
      </c>
      <c r="CT422" s="166">
        <v>0</v>
      </c>
      <c r="CU422" s="166">
        <v>0</v>
      </c>
      <c r="CV422" s="166">
        <v>-4665344.2699999996</v>
      </c>
      <c r="CW422" s="166">
        <v>0</v>
      </c>
      <c r="CX422" s="166">
        <v>-362600788.53999901</v>
      </c>
      <c r="CY422" s="166">
        <v>577715388.052513</v>
      </c>
      <c r="CZ422" s="166">
        <v>577715388.052513</v>
      </c>
    </row>
    <row r="423" spans="1:104" x14ac:dyDescent="0.2">
      <c r="A423" s="167" t="s">
        <v>512</v>
      </c>
    </row>
    <row r="424" spans="1:104" x14ac:dyDescent="0.2">
      <c r="A424" s="170" t="s">
        <v>513</v>
      </c>
    </row>
    <row r="425" spans="1:104" x14ac:dyDescent="0.2">
      <c r="A425" s="167" t="s">
        <v>514</v>
      </c>
      <c r="B425" s="166">
        <v>3971660333.0799899</v>
      </c>
      <c r="C425" s="166">
        <v>3971660333.0799899</v>
      </c>
      <c r="D425" s="166">
        <v>0</v>
      </c>
      <c r="E425" s="166">
        <v>0</v>
      </c>
      <c r="F425" s="166">
        <v>0</v>
      </c>
      <c r="G425" s="166">
        <v>0</v>
      </c>
      <c r="H425" s="166">
        <v>0</v>
      </c>
      <c r="I425" s="166">
        <v>0</v>
      </c>
      <c r="J425" s="166">
        <v>0</v>
      </c>
      <c r="K425" s="166">
        <v>0</v>
      </c>
      <c r="L425" s="166">
        <v>0</v>
      </c>
      <c r="M425" s="166">
        <v>0</v>
      </c>
      <c r="N425" s="166">
        <v>0</v>
      </c>
      <c r="O425" s="166">
        <v>0</v>
      </c>
      <c r="P425" s="166">
        <v>0</v>
      </c>
      <c r="Q425" s="166">
        <v>0</v>
      </c>
      <c r="R425" s="166">
        <v>0</v>
      </c>
      <c r="S425" s="166">
        <v>0</v>
      </c>
      <c r="T425" s="166">
        <v>0</v>
      </c>
      <c r="U425" s="166">
        <v>0</v>
      </c>
      <c r="V425" s="166">
        <v>0</v>
      </c>
      <c r="W425" s="166">
        <v>0</v>
      </c>
      <c r="X425" s="166">
        <v>0</v>
      </c>
      <c r="Y425" s="166">
        <v>0</v>
      </c>
      <c r="Z425" s="166">
        <v>0</v>
      </c>
      <c r="AA425" s="166">
        <v>0</v>
      </c>
      <c r="AB425" s="166">
        <v>0</v>
      </c>
      <c r="AC425" s="166">
        <v>0</v>
      </c>
      <c r="AD425" s="166">
        <v>0</v>
      </c>
      <c r="AE425" s="166">
        <v>0</v>
      </c>
      <c r="AF425" s="166">
        <v>0</v>
      </c>
      <c r="AG425" s="166">
        <v>0</v>
      </c>
      <c r="AH425" s="166">
        <v>0</v>
      </c>
      <c r="AI425" s="166">
        <v>0</v>
      </c>
      <c r="AJ425" s="166">
        <v>0</v>
      </c>
      <c r="AK425" s="166">
        <v>0</v>
      </c>
      <c r="AL425" s="166">
        <v>0</v>
      </c>
      <c r="AM425" s="166">
        <v>0</v>
      </c>
      <c r="AN425" s="166">
        <v>0</v>
      </c>
      <c r="AO425" s="166">
        <v>0</v>
      </c>
      <c r="AP425" s="166">
        <v>0</v>
      </c>
      <c r="AQ425" s="166">
        <v>0</v>
      </c>
      <c r="AR425" s="166">
        <v>0</v>
      </c>
      <c r="AS425" s="166">
        <v>0</v>
      </c>
      <c r="AT425" s="166">
        <v>0</v>
      </c>
      <c r="AU425" s="166">
        <v>0</v>
      </c>
      <c r="AV425" s="166">
        <v>0</v>
      </c>
      <c r="AW425" s="166">
        <v>0</v>
      </c>
      <c r="AX425" s="166">
        <v>0</v>
      </c>
      <c r="AY425" s="166">
        <v>0</v>
      </c>
      <c r="AZ425" s="166">
        <v>0</v>
      </c>
      <c r="BA425" s="166">
        <v>0</v>
      </c>
      <c r="BB425" s="166">
        <v>0</v>
      </c>
      <c r="BC425" s="166">
        <v>0</v>
      </c>
      <c r="BD425" s="166">
        <v>0</v>
      </c>
      <c r="BE425" s="166">
        <v>0</v>
      </c>
      <c r="BF425" s="166">
        <v>0</v>
      </c>
      <c r="BG425" s="166">
        <v>0</v>
      </c>
      <c r="BH425" s="166">
        <v>0</v>
      </c>
      <c r="BI425" s="166">
        <v>0</v>
      </c>
      <c r="BJ425" s="166">
        <v>0</v>
      </c>
      <c r="BK425" s="166">
        <v>0</v>
      </c>
      <c r="BL425" s="166">
        <v>0</v>
      </c>
      <c r="BM425" s="166">
        <v>0</v>
      </c>
      <c r="BN425" s="166">
        <v>0</v>
      </c>
      <c r="BO425" s="166">
        <v>0</v>
      </c>
      <c r="BP425" s="166">
        <v>0</v>
      </c>
      <c r="BQ425" s="166">
        <v>0</v>
      </c>
      <c r="BR425" s="166">
        <v>3971660333.0799899</v>
      </c>
      <c r="BS425" s="166">
        <v>3971660333.0799899</v>
      </c>
      <c r="BT425" s="168">
        <v>0</v>
      </c>
      <c r="BU425" s="166">
        <v>0</v>
      </c>
      <c r="BV425" s="166">
        <v>0</v>
      </c>
      <c r="BW425" s="166">
        <v>0</v>
      </c>
      <c r="BX425" s="166">
        <v>0</v>
      </c>
      <c r="BY425" s="166">
        <v>0</v>
      </c>
      <c r="BZ425" s="166">
        <v>0</v>
      </c>
      <c r="CA425" s="166">
        <v>0</v>
      </c>
      <c r="CB425" s="166">
        <v>0</v>
      </c>
      <c r="CC425" s="166">
        <v>0</v>
      </c>
      <c r="CD425" s="166">
        <v>0</v>
      </c>
      <c r="CE425" s="166">
        <v>0</v>
      </c>
      <c r="CF425" s="166">
        <v>0</v>
      </c>
      <c r="CG425" s="166">
        <v>0</v>
      </c>
      <c r="CH425" s="166">
        <v>0</v>
      </c>
      <c r="CI425" s="166">
        <v>0</v>
      </c>
      <c r="CJ425" s="166">
        <v>0</v>
      </c>
      <c r="CK425" s="166">
        <v>0</v>
      </c>
      <c r="CL425" s="166">
        <v>0</v>
      </c>
      <c r="CM425" s="166">
        <v>0</v>
      </c>
      <c r="CN425" s="166">
        <v>0</v>
      </c>
      <c r="CO425" s="166">
        <v>0</v>
      </c>
      <c r="CP425" s="166">
        <v>0</v>
      </c>
      <c r="CQ425" s="166">
        <v>0</v>
      </c>
      <c r="CR425" s="166">
        <v>0</v>
      </c>
      <c r="CS425" s="166">
        <v>0</v>
      </c>
      <c r="CT425" s="166">
        <v>0</v>
      </c>
      <c r="CU425" s="166">
        <v>0</v>
      </c>
      <c r="CV425" s="166">
        <v>0</v>
      </c>
      <c r="CW425" s="166">
        <v>0</v>
      </c>
      <c r="CX425" s="166">
        <v>0</v>
      </c>
      <c r="CY425" s="166">
        <v>0</v>
      </c>
      <c r="CZ425" s="166">
        <v>0</v>
      </c>
    </row>
    <row r="426" spans="1:104" x14ac:dyDescent="0.2">
      <c r="A426" s="167" t="s">
        <v>515</v>
      </c>
      <c r="B426" s="166">
        <v>2823193868.6599998</v>
      </c>
      <c r="C426" s="166">
        <v>2823193868.6599998</v>
      </c>
      <c r="D426" s="166">
        <v>0</v>
      </c>
      <c r="E426" s="166">
        <v>0</v>
      </c>
      <c r="F426" s="166">
        <v>0</v>
      </c>
      <c r="G426" s="166">
        <v>0</v>
      </c>
      <c r="H426" s="166">
        <v>0</v>
      </c>
      <c r="I426" s="166">
        <v>0</v>
      </c>
      <c r="J426" s="166">
        <v>0</v>
      </c>
      <c r="K426" s="166">
        <v>0</v>
      </c>
      <c r="L426" s="166">
        <v>0</v>
      </c>
      <c r="M426" s="166">
        <v>0</v>
      </c>
      <c r="N426" s="166">
        <v>0</v>
      </c>
      <c r="O426" s="166">
        <v>0</v>
      </c>
      <c r="P426" s="166">
        <v>0</v>
      </c>
      <c r="Q426" s="166">
        <v>0</v>
      </c>
      <c r="R426" s="166">
        <v>0</v>
      </c>
      <c r="S426" s="166">
        <v>0</v>
      </c>
      <c r="T426" s="166">
        <v>0</v>
      </c>
      <c r="U426" s="166">
        <v>0</v>
      </c>
      <c r="V426" s="166">
        <v>0</v>
      </c>
      <c r="W426" s="166">
        <v>0</v>
      </c>
      <c r="X426" s="166">
        <v>0</v>
      </c>
      <c r="Y426" s="166">
        <v>0</v>
      </c>
      <c r="Z426" s="166">
        <v>0</v>
      </c>
      <c r="AA426" s="166">
        <v>0</v>
      </c>
      <c r="AB426" s="166">
        <v>0</v>
      </c>
      <c r="AC426" s="166">
        <v>0</v>
      </c>
      <c r="AD426" s="166">
        <v>0</v>
      </c>
      <c r="AE426" s="166">
        <v>0</v>
      </c>
      <c r="AF426" s="166">
        <v>0</v>
      </c>
      <c r="AG426" s="166">
        <v>0</v>
      </c>
      <c r="AH426" s="166">
        <v>0</v>
      </c>
      <c r="AI426" s="166">
        <v>0</v>
      </c>
      <c r="AJ426" s="166">
        <v>0</v>
      </c>
      <c r="AK426" s="166">
        <v>0</v>
      </c>
      <c r="AL426" s="166">
        <v>0</v>
      </c>
      <c r="AM426" s="166">
        <v>0</v>
      </c>
      <c r="AN426" s="166">
        <v>0</v>
      </c>
      <c r="AO426" s="166">
        <v>0</v>
      </c>
      <c r="AP426" s="166">
        <v>0</v>
      </c>
      <c r="AQ426" s="166">
        <v>0</v>
      </c>
      <c r="AR426" s="166">
        <v>0</v>
      </c>
      <c r="AS426" s="166">
        <v>0</v>
      </c>
      <c r="AT426" s="166">
        <v>0</v>
      </c>
      <c r="AU426" s="166">
        <v>0</v>
      </c>
      <c r="AV426" s="166">
        <v>0</v>
      </c>
      <c r="AW426" s="166">
        <v>0</v>
      </c>
      <c r="AX426" s="166">
        <v>0</v>
      </c>
      <c r="AY426" s="166">
        <v>0</v>
      </c>
      <c r="AZ426" s="166">
        <v>0</v>
      </c>
      <c r="BA426" s="166">
        <v>0</v>
      </c>
      <c r="BB426" s="166">
        <v>0</v>
      </c>
      <c r="BC426" s="166">
        <v>0</v>
      </c>
      <c r="BD426" s="166">
        <v>0</v>
      </c>
      <c r="BE426" s="166">
        <v>0</v>
      </c>
      <c r="BF426" s="166">
        <v>0</v>
      </c>
      <c r="BG426" s="166">
        <v>0</v>
      </c>
      <c r="BH426" s="166">
        <v>0</v>
      </c>
      <c r="BI426" s="166">
        <v>0</v>
      </c>
      <c r="BJ426" s="166">
        <v>0</v>
      </c>
      <c r="BK426" s="166">
        <v>0</v>
      </c>
      <c r="BL426" s="166">
        <v>0</v>
      </c>
      <c r="BM426" s="166">
        <v>0</v>
      </c>
      <c r="BN426" s="166">
        <v>0</v>
      </c>
      <c r="BO426" s="166">
        <v>0</v>
      </c>
      <c r="BP426" s="166">
        <v>0</v>
      </c>
      <c r="BQ426" s="166">
        <v>0</v>
      </c>
      <c r="BR426" s="166">
        <v>2823193868.6599998</v>
      </c>
      <c r="BS426" s="166">
        <v>2823193868.6599998</v>
      </c>
      <c r="BT426" s="168">
        <v>0</v>
      </c>
      <c r="BU426" s="166">
        <v>0</v>
      </c>
      <c r="BV426" s="166">
        <v>0</v>
      </c>
      <c r="BW426" s="166">
        <v>0</v>
      </c>
      <c r="BX426" s="166">
        <v>0</v>
      </c>
      <c r="BY426" s="166">
        <v>0</v>
      </c>
      <c r="BZ426" s="166">
        <v>0</v>
      </c>
      <c r="CA426" s="166">
        <v>0</v>
      </c>
      <c r="CB426" s="166">
        <v>0</v>
      </c>
      <c r="CC426" s="166">
        <v>0</v>
      </c>
      <c r="CD426" s="166">
        <v>0</v>
      </c>
      <c r="CE426" s="166">
        <v>0</v>
      </c>
      <c r="CF426" s="166">
        <v>0</v>
      </c>
      <c r="CG426" s="166">
        <v>0</v>
      </c>
      <c r="CH426" s="166">
        <v>0</v>
      </c>
      <c r="CI426" s="166">
        <v>0</v>
      </c>
      <c r="CJ426" s="166">
        <v>0</v>
      </c>
      <c r="CK426" s="166">
        <v>0</v>
      </c>
      <c r="CL426" s="166">
        <v>0</v>
      </c>
      <c r="CM426" s="166">
        <v>0</v>
      </c>
      <c r="CN426" s="166">
        <v>0</v>
      </c>
      <c r="CO426" s="166">
        <v>0</v>
      </c>
      <c r="CP426" s="166">
        <v>0</v>
      </c>
      <c r="CQ426" s="166">
        <v>0</v>
      </c>
      <c r="CR426" s="166">
        <v>0</v>
      </c>
      <c r="CS426" s="166">
        <v>0</v>
      </c>
      <c r="CT426" s="166">
        <v>0</v>
      </c>
      <c r="CU426" s="166">
        <v>0</v>
      </c>
      <c r="CV426" s="166">
        <v>0</v>
      </c>
      <c r="CW426" s="166">
        <v>0</v>
      </c>
      <c r="CX426" s="166">
        <v>0</v>
      </c>
      <c r="CY426" s="166">
        <v>0</v>
      </c>
      <c r="CZ426" s="166">
        <v>0</v>
      </c>
    </row>
    <row r="427" spans="1:104" x14ac:dyDescent="0.2">
      <c r="A427" s="167" t="s">
        <v>516</v>
      </c>
      <c r="B427" s="166">
        <v>1148466464.4200001</v>
      </c>
      <c r="C427" s="166">
        <v>1148466464.4200001</v>
      </c>
      <c r="D427" s="166">
        <v>0</v>
      </c>
      <c r="E427" s="166">
        <v>0</v>
      </c>
      <c r="F427" s="166">
        <v>0</v>
      </c>
      <c r="G427" s="166">
        <v>0</v>
      </c>
      <c r="H427" s="166">
        <v>0</v>
      </c>
      <c r="I427" s="166">
        <v>0</v>
      </c>
      <c r="J427" s="166">
        <v>0</v>
      </c>
      <c r="K427" s="166">
        <v>0</v>
      </c>
      <c r="L427" s="166">
        <v>0</v>
      </c>
      <c r="M427" s="166">
        <v>0</v>
      </c>
      <c r="N427" s="166">
        <v>0</v>
      </c>
      <c r="O427" s="166">
        <v>0</v>
      </c>
      <c r="P427" s="166">
        <v>0</v>
      </c>
      <c r="Q427" s="166">
        <v>0</v>
      </c>
      <c r="R427" s="166">
        <v>0</v>
      </c>
      <c r="S427" s="166">
        <v>0</v>
      </c>
      <c r="T427" s="166">
        <v>0</v>
      </c>
      <c r="U427" s="166">
        <v>0</v>
      </c>
      <c r="V427" s="166">
        <v>0</v>
      </c>
      <c r="W427" s="166">
        <v>0</v>
      </c>
      <c r="X427" s="166">
        <v>0</v>
      </c>
      <c r="Y427" s="166">
        <v>0</v>
      </c>
      <c r="Z427" s="166">
        <v>0</v>
      </c>
      <c r="AA427" s="166">
        <v>0</v>
      </c>
      <c r="AB427" s="166">
        <v>0</v>
      </c>
      <c r="AC427" s="166">
        <v>0</v>
      </c>
      <c r="AD427" s="166">
        <v>0</v>
      </c>
      <c r="AE427" s="166">
        <v>0</v>
      </c>
      <c r="AF427" s="166">
        <v>0</v>
      </c>
      <c r="AG427" s="166">
        <v>0</v>
      </c>
      <c r="AH427" s="166">
        <v>0</v>
      </c>
      <c r="AI427" s="166">
        <v>0</v>
      </c>
      <c r="AJ427" s="166">
        <v>0</v>
      </c>
      <c r="AK427" s="166">
        <v>0</v>
      </c>
      <c r="AL427" s="166">
        <v>0</v>
      </c>
      <c r="AM427" s="166">
        <v>0</v>
      </c>
      <c r="AN427" s="166">
        <v>0</v>
      </c>
      <c r="AO427" s="166">
        <v>0</v>
      </c>
      <c r="AP427" s="166">
        <v>0</v>
      </c>
      <c r="AQ427" s="166">
        <v>0</v>
      </c>
      <c r="AR427" s="166">
        <v>0</v>
      </c>
      <c r="AS427" s="166">
        <v>0</v>
      </c>
      <c r="AT427" s="166">
        <v>0</v>
      </c>
      <c r="AU427" s="166">
        <v>0</v>
      </c>
      <c r="AV427" s="166">
        <v>0</v>
      </c>
      <c r="AW427" s="166">
        <v>0</v>
      </c>
      <c r="AX427" s="166">
        <v>0</v>
      </c>
      <c r="AY427" s="166">
        <v>0</v>
      </c>
      <c r="AZ427" s="166">
        <v>0</v>
      </c>
      <c r="BA427" s="166">
        <v>0</v>
      </c>
      <c r="BB427" s="166">
        <v>0</v>
      </c>
      <c r="BC427" s="166">
        <v>0</v>
      </c>
      <c r="BD427" s="166">
        <v>0</v>
      </c>
      <c r="BE427" s="166">
        <v>0</v>
      </c>
      <c r="BF427" s="166">
        <v>0</v>
      </c>
      <c r="BG427" s="166">
        <v>0</v>
      </c>
      <c r="BH427" s="166">
        <v>0</v>
      </c>
      <c r="BI427" s="166">
        <v>0</v>
      </c>
      <c r="BJ427" s="166">
        <v>0</v>
      </c>
      <c r="BK427" s="166">
        <v>0</v>
      </c>
      <c r="BL427" s="166">
        <v>0</v>
      </c>
      <c r="BM427" s="166">
        <v>0</v>
      </c>
      <c r="BN427" s="166">
        <v>0</v>
      </c>
      <c r="BO427" s="166">
        <v>0</v>
      </c>
      <c r="BP427" s="166">
        <v>0</v>
      </c>
      <c r="BQ427" s="166">
        <v>0</v>
      </c>
      <c r="BR427" s="166">
        <v>1148466464.4200001</v>
      </c>
      <c r="BS427" s="166">
        <v>1148466464.4200001</v>
      </c>
      <c r="BT427" s="168">
        <v>0</v>
      </c>
      <c r="BU427" s="166">
        <v>0</v>
      </c>
      <c r="BV427" s="166">
        <v>0</v>
      </c>
      <c r="BW427" s="166">
        <v>0</v>
      </c>
      <c r="BX427" s="166">
        <v>0</v>
      </c>
      <c r="BY427" s="166">
        <v>0</v>
      </c>
      <c r="BZ427" s="166">
        <v>0</v>
      </c>
      <c r="CA427" s="166">
        <v>0</v>
      </c>
      <c r="CB427" s="166">
        <v>0</v>
      </c>
      <c r="CC427" s="166">
        <v>0</v>
      </c>
      <c r="CD427" s="166">
        <v>0</v>
      </c>
      <c r="CE427" s="166">
        <v>0</v>
      </c>
      <c r="CF427" s="166">
        <v>0</v>
      </c>
      <c r="CG427" s="166">
        <v>0</v>
      </c>
      <c r="CH427" s="166">
        <v>0</v>
      </c>
      <c r="CI427" s="166">
        <v>0</v>
      </c>
      <c r="CJ427" s="166">
        <v>0</v>
      </c>
      <c r="CK427" s="166">
        <v>0</v>
      </c>
      <c r="CL427" s="166">
        <v>0</v>
      </c>
      <c r="CM427" s="166">
        <v>0</v>
      </c>
      <c r="CN427" s="166">
        <v>0</v>
      </c>
      <c r="CO427" s="166">
        <v>0</v>
      </c>
      <c r="CP427" s="166">
        <v>0</v>
      </c>
      <c r="CQ427" s="166">
        <v>0</v>
      </c>
      <c r="CR427" s="166">
        <v>0</v>
      </c>
      <c r="CS427" s="166">
        <v>0</v>
      </c>
      <c r="CT427" s="166">
        <v>0</v>
      </c>
      <c r="CU427" s="166">
        <v>0</v>
      </c>
      <c r="CV427" s="166">
        <v>0</v>
      </c>
      <c r="CW427" s="166">
        <v>0</v>
      </c>
      <c r="CX427" s="166">
        <v>0</v>
      </c>
      <c r="CY427" s="166">
        <v>0</v>
      </c>
      <c r="CZ427" s="166">
        <v>0</v>
      </c>
    </row>
    <row r="428" spans="1:104" x14ac:dyDescent="0.2">
      <c r="A428" s="167" t="s">
        <v>517</v>
      </c>
      <c r="B428" s="166">
        <v>0</v>
      </c>
      <c r="C428" s="166">
        <v>0</v>
      </c>
      <c r="D428" s="166">
        <v>0</v>
      </c>
      <c r="E428" s="166">
        <v>0</v>
      </c>
      <c r="F428" s="166">
        <v>0</v>
      </c>
      <c r="G428" s="166">
        <v>0</v>
      </c>
      <c r="H428" s="166">
        <v>0</v>
      </c>
      <c r="I428" s="166">
        <v>0</v>
      </c>
      <c r="J428" s="166">
        <v>0</v>
      </c>
      <c r="K428" s="166">
        <v>0</v>
      </c>
      <c r="L428" s="166">
        <v>0</v>
      </c>
      <c r="M428" s="166">
        <v>0</v>
      </c>
      <c r="N428" s="166">
        <v>0</v>
      </c>
      <c r="O428" s="166">
        <v>0</v>
      </c>
      <c r="P428" s="166">
        <v>0</v>
      </c>
      <c r="Q428" s="166">
        <v>0</v>
      </c>
      <c r="R428" s="166">
        <v>0</v>
      </c>
      <c r="S428" s="166">
        <v>0</v>
      </c>
      <c r="T428" s="166">
        <v>0</v>
      </c>
      <c r="U428" s="166">
        <v>0</v>
      </c>
      <c r="V428" s="166">
        <v>0</v>
      </c>
      <c r="W428" s="166">
        <v>0</v>
      </c>
      <c r="X428" s="166">
        <v>0</v>
      </c>
      <c r="Y428" s="166">
        <v>0</v>
      </c>
      <c r="Z428" s="166">
        <v>0</v>
      </c>
      <c r="AA428" s="166">
        <v>0</v>
      </c>
      <c r="AB428" s="166">
        <v>0</v>
      </c>
      <c r="AC428" s="166">
        <v>0</v>
      </c>
      <c r="AD428" s="166">
        <v>0</v>
      </c>
      <c r="AE428" s="166">
        <v>0</v>
      </c>
      <c r="AF428" s="166">
        <v>0</v>
      </c>
      <c r="AG428" s="166">
        <v>0</v>
      </c>
      <c r="AH428" s="166">
        <v>0</v>
      </c>
      <c r="AI428" s="166">
        <v>0</v>
      </c>
      <c r="AJ428" s="166">
        <v>0</v>
      </c>
      <c r="AK428" s="166">
        <v>0</v>
      </c>
      <c r="AL428" s="166">
        <v>0</v>
      </c>
      <c r="AM428" s="166">
        <v>0</v>
      </c>
      <c r="AN428" s="166">
        <v>0</v>
      </c>
      <c r="AO428" s="166">
        <v>0</v>
      </c>
      <c r="AP428" s="166">
        <v>0</v>
      </c>
      <c r="AQ428" s="166">
        <v>0</v>
      </c>
      <c r="AR428" s="166">
        <v>0</v>
      </c>
      <c r="AS428" s="166">
        <v>0</v>
      </c>
      <c r="AT428" s="166">
        <v>0</v>
      </c>
      <c r="AU428" s="166">
        <v>0</v>
      </c>
      <c r="AV428" s="166">
        <v>0</v>
      </c>
      <c r="AW428" s="166">
        <v>0</v>
      </c>
      <c r="AX428" s="166">
        <v>0</v>
      </c>
      <c r="AY428" s="166">
        <v>0</v>
      </c>
      <c r="AZ428" s="166">
        <v>0</v>
      </c>
      <c r="BA428" s="166">
        <v>0</v>
      </c>
      <c r="BB428" s="166">
        <v>0</v>
      </c>
      <c r="BC428" s="166">
        <v>0</v>
      </c>
      <c r="BD428" s="166">
        <v>0</v>
      </c>
      <c r="BE428" s="166">
        <v>0</v>
      </c>
      <c r="BF428" s="166">
        <v>0</v>
      </c>
      <c r="BG428" s="166">
        <v>0</v>
      </c>
      <c r="BH428" s="166">
        <v>0</v>
      </c>
      <c r="BI428" s="166">
        <v>0</v>
      </c>
      <c r="BJ428" s="166">
        <v>0</v>
      </c>
      <c r="BK428" s="166">
        <v>0</v>
      </c>
      <c r="BL428" s="166">
        <v>0</v>
      </c>
      <c r="BM428" s="166">
        <v>0</v>
      </c>
      <c r="BN428" s="166">
        <v>0</v>
      </c>
      <c r="BO428" s="166">
        <v>0</v>
      </c>
      <c r="BP428" s="166">
        <v>0</v>
      </c>
      <c r="BQ428" s="166">
        <v>0</v>
      </c>
      <c r="BR428" s="166">
        <v>0</v>
      </c>
      <c r="BS428" s="166">
        <v>0</v>
      </c>
      <c r="BT428" s="168">
        <v>0</v>
      </c>
      <c r="BU428" s="166">
        <v>0</v>
      </c>
      <c r="BV428" s="166">
        <v>0</v>
      </c>
      <c r="BW428" s="166">
        <v>0</v>
      </c>
      <c r="BX428" s="166">
        <v>0</v>
      </c>
      <c r="BY428" s="166">
        <v>0</v>
      </c>
      <c r="BZ428" s="166">
        <v>0</v>
      </c>
      <c r="CA428" s="166">
        <v>0</v>
      </c>
      <c r="CB428" s="166">
        <v>0</v>
      </c>
      <c r="CC428" s="166">
        <v>0</v>
      </c>
      <c r="CD428" s="166">
        <v>0</v>
      </c>
      <c r="CE428" s="166">
        <v>0</v>
      </c>
      <c r="CF428" s="166">
        <v>0</v>
      </c>
      <c r="CG428" s="166">
        <v>0</v>
      </c>
      <c r="CH428" s="166">
        <v>0</v>
      </c>
      <c r="CI428" s="166">
        <v>0</v>
      </c>
      <c r="CJ428" s="166">
        <v>0</v>
      </c>
      <c r="CK428" s="166">
        <v>0</v>
      </c>
      <c r="CL428" s="166">
        <v>0</v>
      </c>
      <c r="CM428" s="166">
        <v>0</v>
      </c>
      <c r="CN428" s="166">
        <v>0</v>
      </c>
      <c r="CO428" s="166">
        <v>0</v>
      </c>
      <c r="CP428" s="166">
        <v>0</v>
      </c>
      <c r="CQ428" s="166">
        <v>0</v>
      </c>
      <c r="CR428" s="166">
        <v>0</v>
      </c>
      <c r="CS428" s="166">
        <v>0</v>
      </c>
      <c r="CT428" s="166">
        <v>0</v>
      </c>
      <c r="CU428" s="166">
        <v>0</v>
      </c>
      <c r="CV428" s="166">
        <v>0</v>
      </c>
      <c r="CW428" s="166">
        <v>0</v>
      </c>
      <c r="CX428" s="166">
        <v>0</v>
      </c>
      <c r="CY428" s="166">
        <v>0</v>
      </c>
      <c r="CZ428" s="166">
        <v>0</v>
      </c>
    </row>
    <row r="429" spans="1:104" x14ac:dyDescent="0.2">
      <c r="A429" s="167" t="s">
        <v>518</v>
      </c>
      <c r="B429" s="166">
        <v>0</v>
      </c>
      <c r="C429" s="166">
        <v>0</v>
      </c>
      <c r="D429" s="166">
        <v>0</v>
      </c>
      <c r="E429" s="166">
        <v>0</v>
      </c>
      <c r="F429" s="166">
        <v>0</v>
      </c>
      <c r="G429" s="166">
        <v>0</v>
      </c>
      <c r="H429" s="166">
        <v>0</v>
      </c>
      <c r="I429" s="166">
        <v>0</v>
      </c>
      <c r="J429" s="166">
        <v>0</v>
      </c>
      <c r="K429" s="166">
        <v>0</v>
      </c>
      <c r="L429" s="166">
        <v>0</v>
      </c>
      <c r="M429" s="166">
        <v>0</v>
      </c>
      <c r="N429" s="166">
        <v>0</v>
      </c>
      <c r="O429" s="166">
        <v>0</v>
      </c>
      <c r="P429" s="166">
        <v>0</v>
      </c>
      <c r="Q429" s="166">
        <v>0</v>
      </c>
      <c r="R429" s="166">
        <v>0</v>
      </c>
      <c r="S429" s="166">
        <v>0</v>
      </c>
      <c r="T429" s="166">
        <v>0</v>
      </c>
      <c r="U429" s="166">
        <v>0</v>
      </c>
      <c r="V429" s="166">
        <v>0</v>
      </c>
      <c r="W429" s="166">
        <v>0</v>
      </c>
      <c r="X429" s="166">
        <v>0</v>
      </c>
      <c r="Y429" s="166">
        <v>0</v>
      </c>
      <c r="Z429" s="166">
        <v>0</v>
      </c>
      <c r="AA429" s="166">
        <v>0</v>
      </c>
      <c r="AB429" s="166">
        <v>0</v>
      </c>
      <c r="AC429" s="166">
        <v>0</v>
      </c>
      <c r="AD429" s="166">
        <v>0</v>
      </c>
      <c r="AE429" s="166">
        <v>0</v>
      </c>
      <c r="AF429" s="166">
        <v>0</v>
      </c>
      <c r="AG429" s="166">
        <v>0</v>
      </c>
      <c r="AH429" s="166">
        <v>0</v>
      </c>
      <c r="AI429" s="166">
        <v>0</v>
      </c>
      <c r="AJ429" s="166">
        <v>0</v>
      </c>
      <c r="AK429" s="166">
        <v>0</v>
      </c>
      <c r="AL429" s="166">
        <v>0</v>
      </c>
      <c r="AM429" s="166">
        <v>0</v>
      </c>
      <c r="AN429" s="166">
        <v>0</v>
      </c>
      <c r="AO429" s="166">
        <v>0</v>
      </c>
      <c r="AP429" s="166">
        <v>0</v>
      </c>
      <c r="AQ429" s="166">
        <v>0</v>
      </c>
      <c r="AR429" s="166">
        <v>0</v>
      </c>
      <c r="AS429" s="166">
        <v>0</v>
      </c>
      <c r="AT429" s="166">
        <v>0</v>
      </c>
      <c r="AU429" s="166">
        <v>0</v>
      </c>
      <c r="AV429" s="166">
        <v>0</v>
      </c>
      <c r="AW429" s="166">
        <v>0</v>
      </c>
      <c r="AX429" s="166">
        <v>0</v>
      </c>
      <c r="AY429" s="166">
        <v>0</v>
      </c>
      <c r="AZ429" s="166">
        <v>0</v>
      </c>
      <c r="BA429" s="166">
        <v>0</v>
      </c>
      <c r="BB429" s="166">
        <v>0</v>
      </c>
      <c r="BC429" s="166">
        <v>0</v>
      </c>
      <c r="BD429" s="166">
        <v>0</v>
      </c>
      <c r="BE429" s="166">
        <v>0</v>
      </c>
      <c r="BF429" s="166">
        <v>0</v>
      </c>
      <c r="BG429" s="166">
        <v>0</v>
      </c>
      <c r="BH429" s="166">
        <v>0</v>
      </c>
      <c r="BI429" s="166">
        <v>0</v>
      </c>
      <c r="BJ429" s="166">
        <v>0</v>
      </c>
      <c r="BK429" s="166">
        <v>0</v>
      </c>
      <c r="BL429" s="166">
        <v>0</v>
      </c>
      <c r="BM429" s="166">
        <v>0</v>
      </c>
      <c r="BN429" s="166">
        <v>0</v>
      </c>
      <c r="BO429" s="166">
        <v>0</v>
      </c>
      <c r="BP429" s="166">
        <v>0</v>
      </c>
      <c r="BQ429" s="166">
        <v>0</v>
      </c>
      <c r="BR429" s="166">
        <v>0</v>
      </c>
      <c r="BS429" s="166">
        <v>0</v>
      </c>
      <c r="BT429" s="168">
        <v>0</v>
      </c>
      <c r="BU429" s="166">
        <v>0</v>
      </c>
      <c r="BV429" s="166">
        <v>0</v>
      </c>
      <c r="BW429" s="166">
        <v>0</v>
      </c>
      <c r="BX429" s="166">
        <v>0</v>
      </c>
      <c r="BY429" s="166">
        <v>0</v>
      </c>
      <c r="BZ429" s="166">
        <v>0</v>
      </c>
      <c r="CA429" s="166">
        <v>0</v>
      </c>
      <c r="CB429" s="166">
        <v>0</v>
      </c>
      <c r="CC429" s="166">
        <v>0</v>
      </c>
      <c r="CD429" s="166">
        <v>0</v>
      </c>
      <c r="CE429" s="166">
        <v>0</v>
      </c>
      <c r="CF429" s="166">
        <v>0</v>
      </c>
      <c r="CG429" s="166">
        <v>0</v>
      </c>
      <c r="CH429" s="166">
        <v>0</v>
      </c>
      <c r="CI429" s="166">
        <v>0</v>
      </c>
      <c r="CJ429" s="166">
        <v>0</v>
      </c>
      <c r="CK429" s="166">
        <v>0</v>
      </c>
      <c r="CL429" s="166">
        <v>0</v>
      </c>
      <c r="CM429" s="166">
        <v>0</v>
      </c>
      <c r="CN429" s="166">
        <v>0</v>
      </c>
      <c r="CO429" s="166">
        <v>0</v>
      </c>
      <c r="CP429" s="166">
        <v>0</v>
      </c>
      <c r="CQ429" s="166">
        <v>0</v>
      </c>
      <c r="CR429" s="166">
        <v>0</v>
      </c>
      <c r="CS429" s="166">
        <v>0</v>
      </c>
      <c r="CT429" s="166">
        <v>0</v>
      </c>
      <c r="CU429" s="166">
        <v>0</v>
      </c>
      <c r="CV429" s="166">
        <v>0</v>
      </c>
      <c r="CW429" s="166">
        <v>0</v>
      </c>
      <c r="CX429" s="166">
        <v>0</v>
      </c>
      <c r="CY429" s="166">
        <v>0</v>
      </c>
      <c r="CZ429" s="166">
        <v>0</v>
      </c>
    </row>
    <row r="430" spans="1:104" x14ac:dyDescent="0.2">
      <c r="A430" s="167" t="s">
        <v>519</v>
      </c>
      <c r="B430" s="166">
        <v>1148467425.4036601</v>
      </c>
      <c r="C430" s="166">
        <v>1148467425.4036601</v>
      </c>
      <c r="D430" s="166">
        <v>0</v>
      </c>
      <c r="E430" s="166">
        <v>0</v>
      </c>
      <c r="F430" s="166">
        <v>0</v>
      </c>
      <c r="G430" s="166">
        <v>0</v>
      </c>
      <c r="H430" s="166">
        <v>0</v>
      </c>
      <c r="I430" s="166">
        <v>0</v>
      </c>
      <c r="J430" s="166">
        <v>0</v>
      </c>
      <c r="K430" s="166">
        <v>0</v>
      </c>
      <c r="L430" s="166">
        <v>0</v>
      </c>
      <c r="M430" s="166">
        <v>0</v>
      </c>
      <c r="N430" s="166">
        <v>0</v>
      </c>
      <c r="O430" s="166">
        <v>0</v>
      </c>
      <c r="P430" s="166">
        <v>0</v>
      </c>
      <c r="Q430" s="166">
        <v>0</v>
      </c>
      <c r="R430" s="166">
        <v>0</v>
      </c>
      <c r="S430" s="166">
        <v>0</v>
      </c>
      <c r="T430" s="166">
        <v>0</v>
      </c>
      <c r="U430" s="166">
        <v>0</v>
      </c>
      <c r="V430" s="166">
        <v>0</v>
      </c>
      <c r="W430" s="166">
        <v>0</v>
      </c>
      <c r="X430" s="166">
        <v>0</v>
      </c>
      <c r="Y430" s="166">
        <v>0</v>
      </c>
      <c r="Z430" s="166">
        <v>0</v>
      </c>
      <c r="AA430" s="166">
        <v>0</v>
      </c>
      <c r="AB430" s="166">
        <v>0</v>
      </c>
      <c r="AC430" s="166">
        <v>0</v>
      </c>
      <c r="AD430" s="166">
        <v>0</v>
      </c>
      <c r="AE430" s="166">
        <v>0</v>
      </c>
      <c r="AF430" s="166">
        <v>0</v>
      </c>
      <c r="AG430" s="166">
        <v>0</v>
      </c>
      <c r="AH430" s="166">
        <v>0</v>
      </c>
      <c r="AI430" s="166">
        <v>0</v>
      </c>
      <c r="AJ430" s="166">
        <v>0</v>
      </c>
      <c r="AK430" s="166">
        <v>0</v>
      </c>
      <c r="AL430" s="166">
        <v>0</v>
      </c>
      <c r="AM430" s="166">
        <v>0</v>
      </c>
      <c r="AN430" s="166">
        <v>0</v>
      </c>
      <c r="AO430" s="166">
        <v>0</v>
      </c>
      <c r="AP430" s="166">
        <v>0</v>
      </c>
      <c r="AQ430" s="166">
        <v>0</v>
      </c>
      <c r="AR430" s="166">
        <v>0</v>
      </c>
      <c r="AS430" s="166">
        <v>0</v>
      </c>
      <c r="AT430" s="166">
        <v>0</v>
      </c>
      <c r="AU430" s="166">
        <v>0</v>
      </c>
      <c r="AV430" s="166">
        <v>0</v>
      </c>
      <c r="AW430" s="166">
        <v>0</v>
      </c>
      <c r="AX430" s="166">
        <v>0</v>
      </c>
      <c r="AY430" s="166">
        <v>0</v>
      </c>
      <c r="AZ430" s="166">
        <v>0</v>
      </c>
      <c r="BA430" s="166">
        <v>0</v>
      </c>
      <c r="BB430" s="166">
        <v>0</v>
      </c>
      <c r="BC430" s="166">
        <v>0</v>
      </c>
      <c r="BD430" s="166">
        <v>0</v>
      </c>
      <c r="BE430" s="166">
        <v>0</v>
      </c>
      <c r="BF430" s="166">
        <v>0</v>
      </c>
      <c r="BG430" s="166">
        <v>0</v>
      </c>
      <c r="BH430" s="166">
        <v>0</v>
      </c>
      <c r="BI430" s="166">
        <v>0</v>
      </c>
      <c r="BJ430" s="166">
        <v>0</v>
      </c>
      <c r="BK430" s="166">
        <v>0</v>
      </c>
      <c r="BL430" s="166">
        <v>0</v>
      </c>
      <c r="BM430" s="166">
        <v>0</v>
      </c>
      <c r="BN430" s="166">
        <v>0</v>
      </c>
      <c r="BO430" s="166">
        <v>0</v>
      </c>
      <c r="BP430" s="166">
        <v>0</v>
      </c>
      <c r="BQ430" s="166">
        <v>0</v>
      </c>
      <c r="BR430" s="166">
        <v>1148467425.4036601</v>
      </c>
      <c r="BS430" s="166">
        <v>1148467425.4036601</v>
      </c>
      <c r="BT430" s="168">
        <v>0</v>
      </c>
      <c r="BU430" s="166">
        <v>0</v>
      </c>
      <c r="BV430" s="166">
        <v>0</v>
      </c>
      <c r="BW430" s="166">
        <v>0</v>
      </c>
      <c r="BX430" s="166">
        <v>0</v>
      </c>
      <c r="BY430" s="166">
        <v>0</v>
      </c>
      <c r="BZ430" s="166">
        <v>0</v>
      </c>
      <c r="CA430" s="166">
        <v>0</v>
      </c>
      <c r="CB430" s="166">
        <v>0</v>
      </c>
      <c r="CC430" s="166">
        <v>0</v>
      </c>
      <c r="CD430" s="166">
        <v>0</v>
      </c>
      <c r="CE430" s="166">
        <v>0</v>
      </c>
      <c r="CF430" s="166">
        <v>0</v>
      </c>
      <c r="CG430" s="166">
        <v>0</v>
      </c>
      <c r="CH430" s="166">
        <v>0</v>
      </c>
      <c r="CI430" s="166">
        <v>0</v>
      </c>
      <c r="CJ430" s="166">
        <v>0</v>
      </c>
      <c r="CK430" s="166">
        <v>0</v>
      </c>
      <c r="CL430" s="166">
        <v>0</v>
      </c>
      <c r="CM430" s="166">
        <v>0</v>
      </c>
      <c r="CN430" s="166">
        <v>0</v>
      </c>
      <c r="CO430" s="166">
        <v>0</v>
      </c>
      <c r="CP430" s="166">
        <v>0</v>
      </c>
      <c r="CQ430" s="166">
        <v>0</v>
      </c>
      <c r="CR430" s="166">
        <v>0</v>
      </c>
      <c r="CS430" s="166">
        <v>0</v>
      </c>
      <c r="CT430" s="166">
        <v>0</v>
      </c>
      <c r="CU430" s="166">
        <v>0</v>
      </c>
      <c r="CV430" s="166">
        <v>0</v>
      </c>
      <c r="CW430" s="166">
        <v>0</v>
      </c>
      <c r="CX430" s="166">
        <v>0</v>
      </c>
      <c r="CY430" s="166">
        <v>0</v>
      </c>
      <c r="CZ430" s="166">
        <v>0</v>
      </c>
    </row>
    <row r="431" spans="1:104" x14ac:dyDescent="0.2">
      <c r="A431" s="167" t="s">
        <v>520</v>
      </c>
      <c r="B431" s="166">
        <v>-960.98366137448397</v>
      </c>
      <c r="C431" s="166">
        <v>-960.98366137448397</v>
      </c>
      <c r="D431" s="166">
        <v>0</v>
      </c>
      <c r="E431" s="166">
        <v>0</v>
      </c>
      <c r="F431" s="166">
        <v>0</v>
      </c>
      <c r="G431" s="166">
        <v>0</v>
      </c>
      <c r="H431" s="166">
        <v>0</v>
      </c>
      <c r="I431" s="166">
        <v>0</v>
      </c>
      <c r="J431" s="166">
        <v>0</v>
      </c>
      <c r="K431" s="166">
        <v>0</v>
      </c>
      <c r="L431" s="166">
        <v>0</v>
      </c>
      <c r="M431" s="166">
        <v>0</v>
      </c>
      <c r="N431" s="166">
        <v>0</v>
      </c>
      <c r="O431" s="166">
        <v>0</v>
      </c>
      <c r="P431" s="166">
        <v>0</v>
      </c>
      <c r="Q431" s="166">
        <v>0</v>
      </c>
      <c r="R431" s="166">
        <v>0</v>
      </c>
      <c r="S431" s="166">
        <v>0</v>
      </c>
      <c r="T431" s="166">
        <v>0</v>
      </c>
      <c r="U431" s="166">
        <v>0</v>
      </c>
      <c r="V431" s="166">
        <v>0</v>
      </c>
      <c r="W431" s="166">
        <v>0</v>
      </c>
      <c r="X431" s="166">
        <v>0</v>
      </c>
      <c r="Y431" s="166">
        <v>0</v>
      </c>
      <c r="Z431" s="166">
        <v>0</v>
      </c>
      <c r="AA431" s="166">
        <v>0</v>
      </c>
      <c r="AB431" s="166">
        <v>0</v>
      </c>
      <c r="AC431" s="166">
        <v>0</v>
      </c>
      <c r="AD431" s="166">
        <v>0</v>
      </c>
      <c r="AE431" s="166">
        <v>0</v>
      </c>
      <c r="AF431" s="166">
        <v>0</v>
      </c>
      <c r="AG431" s="166">
        <v>0</v>
      </c>
      <c r="AH431" s="166">
        <v>0</v>
      </c>
      <c r="AI431" s="166">
        <v>0</v>
      </c>
      <c r="AJ431" s="166">
        <v>0</v>
      </c>
      <c r="AK431" s="166">
        <v>0</v>
      </c>
      <c r="AL431" s="166">
        <v>0</v>
      </c>
      <c r="AM431" s="166">
        <v>0</v>
      </c>
      <c r="AN431" s="166">
        <v>0</v>
      </c>
      <c r="AO431" s="166">
        <v>0</v>
      </c>
      <c r="AP431" s="166">
        <v>0</v>
      </c>
      <c r="AQ431" s="166">
        <v>0</v>
      </c>
      <c r="AR431" s="166">
        <v>0</v>
      </c>
      <c r="AS431" s="166">
        <v>0</v>
      </c>
      <c r="AT431" s="166">
        <v>0</v>
      </c>
      <c r="AU431" s="166">
        <v>0</v>
      </c>
      <c r="AV431" s="166">
        <v>0</v>
      </c>
      <c r="AW431" s="166">
        <v>0</v>
      </c>
      <c r="AX431" s="166">
        <v>0</v>
      </c>
      <c r="AY431" s="166">
        <v>0</v>
      </c>
      <c r="AZ431" s="166">
        <v>0</v>
      </c>
      <c r="BA431" s="166">
        <v>0</v>
      </c>
      <c r="BB431" s="166">
        <v>0</v>
      </c>
      <c r="BC431" s="166">
        <v>0</v>
      </c>
      <c r="BD431" s="166">
        <v>0</v>
      </c>
      <c r="BE431" s="166">
        <v>0</v>
      </c>
      <c r="BF431" s="166">
        <v>0</v>
      </c>
      <c r="BG431" s="166">
        <v>0</v>
      </c>
      <c r="BH431" s="166">
        <v>0</v>
      </c>
      <c r="BI431" s="166">
        <v>0</v>
      </c>
      <c r="BJ431" s="166">
        <v>0</v>
      </c>
      <c r="BK431" s="166">
        <v>0</v>
      </c>
      <c r="BL431" s="166">
        <v>0</v>
      </c>
      <c r="BM431" s="166">
        <v>0</v>
      </c>
      <c r="BN431" s="166">
        <v>0</v>
      </c>
      <c r="BO431" s="166">
        <v>0</v>
      </c>
      <c r="BP431" s="166">
        <v>0</v>
      </c>
      <c r="BQ431" s="166">
        <v>0</v>
      </c>
      <c r="BR431" s="166">
        <v>-960.98366137448397</v>
      </c>
      <c r="BS431" s="166">
        <v>-960.98366137448397</v>
      </c>
      <c r="BT431" s="168">
        <v>0</v>
      </c>
      <c r="BU431" s="166">
        <v>0</v>
      </c>
      <c r="BV431" s="166">
        <v>0</v>
      </c>
      <c r="BW431" s="166">
        <v>0</v>
      </c>
      <c r="BX431" s="166">
        <v>0</v>
      </c>
      <c r="BY431" s="166">
        <v>0</v>
      </c>
      <c r="BZ431" s="166">
        <v>0</v>
      </c>
      <c r="CA431" s="166">
        <v>0</v>
      </c>
      <c r="CB431" s="166">
        <v>0</v>
      </c>
      <c r="CC431" s="166">
        <v>0</v>
      </c>
      <c r="CD431" s="166">
        <v>0</v>
      </c>
      <c r="CE431" s="166">
        <v>0</v>
      </c>
      <c r="CF431" s="166">
        <v>0</v>
      </c>
      <c r="CG431" s="166">
        <v>0</v>
      </c>
      <c r="CH431" s="166">
        <v>0</v>
      </c>
      <c r="CI431" s="166">
        <v>0</v>
      </c>
      <c r="CJ431" s="166">
        <v>0</v>
      </c>
      <c r="CK431" s="166">
        <v>0</v>
      </c>
      <c r="CL431" s="166">
        <v>0</v>
      </c>
      <c r="CM431" s="166">
        <v>0</v>
      </c>
      <c r="CN431" s="166">
        <v>0</v>
      </c>
      <c r="CO431" s="166">
        <v>0</v>
      </c>
      <c r="CP431" s="166">
        <v>0</v>
      </c>
      <c r="CQ431" s="166">
        <v>0</v>
      </c>
      <c r="CR431" s="166">
        <v>0</v>
      </c>
      <c r="CS431" s="166">
        <v>0</v>
      </c>
      <c r="CT431" s="166">
        <v>0</v>
      </c>
      <c r="CU431" s="166">
        <v>0</v>
      </c>
      <c r="CV431" s="166">
        <v>0</v>
      </c>
      <c r="CW431" s="166">
        <v>0</v>
      </c>
      <c r="CX431" s="166">
        <v>0</v>
      </c>
      <c r="CY431" s="166">
        <v>0</v>
      </c>
      <c r="CZ431" s="166">
        <v>0</v>
      </c>
    </row>
    <row r="432" spans="1:104" x14ac:dyDescent="0.2">
      <c r="A432" s="167" t="s">
        <v>521</v>
      </c>
    </row>
    <row r="433" spans="1:104" x14ac:dyDescent="0.2">
      <c r="A433" s="170" t="s">
        <v>522</v>
      </c>
    </row>
    <row r="434" spans="1:104" x14ac:dyDescent="0.2">
      <c r="A434" s="167" t="s">
        <v>523</v>
      </c>
      <c r="B434" s="166">
        <v>2823193868.6599998</v>
      </c>
      <c r="C434" s="166">
        <v>2823193868.6599998</v>
      </c>
      <c r="D434" s="166">
        <v>0</v>
      </c>
      <c r="E434" s="166">
        <v>0</v>
      </c>
      <c r="F434" s="166">
        <v>0</v>
      </c>
      <c r="G434" s="166">
        <v>0</v>
      </c>
      <c r="H434" s="166">
        <v>0</v>
      </c>
      <c r="I434" s="166">
        <v>0</v>
      </c>
      <c r="J434" s="166">
        <v>0</v>
      </c>
      <c r="K434" s="166">
        <v>0</v>
      </c>
      <c r="L434" s="166">
        <v>0</v>
      </c>
      <c r="M434" s="166">
        <v>0</v>
      </c>
      <c r="N434" s="166">
        <v>0</v>
      </c>
      <c r="O434" s="166">
        <v>0</v>
      </c>
      <c r="P434" s="166">
        <v>0</v>
      </c>
      <c r="Q434" s="166">
        <v>0</v>
      </c>
      <c r="R434" s="166">
        <v>0</v>
      </c>
      <c r="S434" s="166">
        <v>0</v>
      </c>
      <c r="T434" s="166">
        <v>0</v>
      </c>
      <c r="U434" s="166">
        <v>0</v>
      </c>
      <c r="V434" s="166">
        <v>0</v>
      </c>
      <c r="W434" s="166">
        <v>0</v>
      </c>
      <c r="X434" s="166">
        <v>0</v>
      </c>
      <c r="Y434" s="166">
        <v>0</v>
      </c>
      <c r="Z434" s="166">
        <v>0</v>
      </c>
      <c r="AA434" s="166">
        <v>0</v>
      </c>
      <c r="AB434" s="166">
        <v>0</v>
      </c>
      <c r="AC434" s="166">
        <v>0</v>
      </c>
      <c r="AD434" s="166">
        <v>0</v>
      </c>
      <c r="AE434" s="166">
        <v>0</v>
      </c>
      <c r="AF434" s="166">
        <v>0</v>
      </c>
      <c r="AG434" s="166">
        <v>0</v>
      </c>
      <c r="AH434" s="166">
        <v>0</v>
      </c>
      <c r="AI434" s="166">
        <v>0</v>
      </c>
      <c r="AJ434" s="166">
        <v>0</v>
      </c>
      <c r="AK434" s="166">
        <v>0</v>
      </c>
      <c r="AL434" s="166">
        <v>0</v>
      </c>
      <c r="AM434" s="166">
        <v>0</v>
      </c>
      <c r="AN434" s="166">
        <v>0</v>
      </c>
      <c r="AO434" s="166">
        <v>0</v>
      </c>
      <c r="AP434" s="166">
        <v>0</v>
      </c>
      <c r="AQ434" s="166">
        <v>0</v>
      </c>
      <c r="AR434" s="166">
        <v>0</v>
      </c>
      <c r="AS434" s="166">
        <v>0</v>
      </c>
      <c r="AT434" s="166">
        <v>0</v>
      </c>
      <c r="AU434" s="166">
        <v>0</v>
      </c>
      <c r="AV434" s="166">
        <v>0</v>
      </c>
      <c r="AW434" s="166">
        <v>0</v>
      </c>
      <c r="AX434" s="166">
        <v>0</v>
      </c>
      <c r="AY434" s="166">
        <v>0</v>
      </c>
      <c r="AZ434" s="166">
        <v>0</v>
      </c>
      <c r="BA434" s="166">
        <v>0</v>
      </c>
      <c r="BB434" s="166">
        <v>0</v>
      </c>
      <c r="BC434" s="166">
        <v>0</v>
      </c>
      <c r="BD434" s="166">
        <v>0</v>
      </c>
      <c r="BE434" s="166">
        <v>0</v>
      </c>
      <c r="BF434" s="166">
        <v>0</v>
      </c>
      <c r="BG434" s="166">
        <v>0</v>
      </c>
      <c r="BH434" s="166">
        <v>0</v>
      </c>
      <c r="BI434" s="166">
        <v>0</v>
      </c>
      <c r="BJ434" s="166">
        <v>0</v>
      </c>
      <c r="BK434" s="166">
        <v>0</v>
      </c>
      <c r="BL434" s="166">
        <v>0</v>
      </c>
      <c r="BM434" s="166">
        <v>0</v>
      </c>
      <c r="BN434" s="166">
        <v>0</v>
      </c>
      <c r="BO434" s="166">
        <v>0</v>
      </c>
      <c r="BP434" s="166">
        <v>0</v>
      </c>
      <c r="BQ434" s="166">
        <v>0</v>
      </c>
      <c r="BR434" s="166">
        <v>2823193868.6599998</v>
      </c>
      <c r="BS434" s="166">
        <v>2823193868.6599998</v>
      </c>
      <c r="BT434" s="168">
        <v>0</v>
      </c>
      <c r="BU434" s="166">
        <v>0</v>
      </c>
      <c r="BV434" s="166">
        <v>0</v>
      </c>
      <c r="BW434" s="166">
        <v>0</v>
      </c>
      <c r="BX434" s="166">
        <v>0</v>
      </c>
      <c r="BY434" s="166">
        <v>0</v>
      </c>
      <c r="BZ434" s="166">
        <v>0</v>
      </c>
      <c r="CA434" s="166">
        <v>0</v>
      </c>
      <c r="CB434" s="166">
        <v>0</v>
      </c>
      <c r="CC434" s="166">
        <v>0</v>
      </c>
      <c r="CD434" s="166">
        <v>0</v>
      </c>
      <c r="CE434" s="166">
        <v>0</v>
      </c>
      <c r="CF434" s="166">
        <v>0</v>
      </c>
      <c r="CG434" s="166">
        <v>0</v>
      </c>
      <c r="CH434" s="166">
        <v>0</v>
      </c>
      <c r="CI434" s="166">
        <v>0</v>
      </c>
      <c r="CJ434" s="166">
        <v>0</v>
      </c>
      <c r="CK434" s="166">
        <v>0</v>
      </c>
      <c r="CL434" s="166">
        <v>0</v>
      </c>
      <c r="CM434" s="166">
        <v>0</v>
      </c>
      <c r="CN434" s="166">
        <v>0</v>
      </c>
      <c r="CO434" s="166">
        <v>0</v>
      </c>
      <c r="CP434" s="166">
        <v>0</v>
      </c>
      <c r="CQ434" s="166">
        <v>0</v>
      </c>
      <c r="CR434" s="166">
        <v>0</v>
      </c>
      <c r="CS434" s="166">
        <v>0</v>
      </c>
      <c r="CT434" s="166">
        <v>0</v>
      </c>
      <c r="CU434" s="166">
        <v>0</v>
      </c>
      <c r="CV434" s="166">
        <v>0</v>
      </c>
      <c r="CW434" s="166">
        <v>0</v>
      </c>
      <c r="CX434" s="166">
        <v>0</v>
      </c>
      <c r="CY434" s="166">
        <v>0</v>
      </c>
      <c r="CZ434" s="166">
        <v>0</v>
      </c>
    </row>
    <row r="435" spans="1:104" x14ac:dyDescent="0.2">
      <c r="A435" s="167" t="s">
        <v>524</v>
      </c>
      <c r="B435" s="166">
        <v>2823193868.6599998</v>
      </c>
      <c r="C435" s="166">
        <v>2823193868.6599998</v>
      </c>
      <c r="D435" s="166">
        <v>0</v>
      </c>
      <c r="E435" s="166">
        <v>0</v>
      </c>
      <c r="F435" s="166">
        <v>0</v>
      </c>
      <c r="G435" s="166">
        <v>0</v>
      </c>
      <c r="H435" s="166">
        <v>0</v>
      </c>
      <c r="I435" s="166">
        <v>0</v>
      </c>
      <c r="J435" s="166">
        <v>0</v>
      </c>
      <c r="K435" s="166">
        <v>0</v>
      </c>
      <c r="L435" s="166">
        <v>0</v>
      </c>
      <c r="M435" s="166">
        <v>0</v>
      </c>
      <c r="N435" s="166">
        <v>0</v>
      </c>
      <c r="O435" s="166">
        <v>0</v>
      </c>
      <c r="P435" s="166">
        <v>0</v>
      </c>
      <c r="Q435" s="166">
        <v>0</v>
      </c>
      <c r="R435" s="166">
        <v>0</v>
      </c>
      <c r="S435" s="166">
        <v>0</v>
      </c>
      <c r="T435" s="166">
        <v>0</v>
      </c>
      <c r="U435" s="166">
        <v>0</v>
      </c>
      <c r="V435" s="166">
        <v>0</v>
      </c>
      <c r="W435" s="166">
        <v>0</v>
      </c>
      <c r="X435" s="166">
        <v>0</v>
      </c>
      <c r="Y435" s="166">
        <v>0</v>
      </c>
      <c r="Z435" s="166">
        <v>0</v>
      </c>
      <c r="AA435" s="166">
        <v>0</v>
      </c>
      <c r="AB435" s="166">
        <v>0</v>
      </c>
      <c r="AC435" s="166">
        <v>0</v>
      </c>
      <c r="AD435" s="166">
        <v>0</v>
      </c>
      <c r="AE435" s="166">
        <v>0</v>
      </c>
      <c r="AF435" s="166">
        <v>0</v>
      </c>
      <c r="AG435" s="166">
        <v>0</v>
      </c>
      <c r="AH435" s="166">
        <v>0</v>
      </c>
      <c r="AI435" s="166">
        <v>0</v>
      </c>
      <c r="AJ435" s="166">
        <v>0</v>
      </c>
      <c r="AK435" s="166">
        <v>0</v>
      </c>
      <c r="AL435" s="166">
        <v>0</v>
      </c>
      <c r="AM435" s="166">
        <v>0</v>
      </c>
      <c r="AN435" s="166">
        <v>0</v>
      </c>
      <c r="AO435" s="166">
        <v>0</v>
      </c>
      <c r="AP435" s="166">
        <v>0</v>
      </c>
      <c r="AQ435" s="166">
        <v>0</v>
      </c>
      <c r="AR435" s="166">
        <v>0</v>
      </c>
      <c r="AS435" s="166">
        <v>0</v>
      </c>
      <c r="AT435" s="166">
        <v>0</v>
      </c>
      <c r="AU435" s="166">
        <v>0</v>
      </c>
      <c r="AV435" s="166">
        <v>0</v>
      </c>
      <c r="AW435" s="166">
        <v>0</v>
      </c>
      <c r="AX435" s="166">
        <v>0</v>
      </c>
      <c r="AY435" s="166">
        <v>0</v>
      </c>
      <c r="AZ435" s="166">
        <v>0</v>
      </c>
      <c r="BA435" s="166">
        <v>0</v>
      </c>
      <c r="BB435" s="166">
        <v>0</v>
      </c>
      <c r="BC435" s="166">
        <v>0</v>
      </c>
      <c r="BD435" s="166">
        <v>0</v>
      </c>
      <c r="BE435" s="166">
        <v>0</v>
      </c>
      <c r="BF435" s="166">
        <v>0</v>
      </c>
      <c r="BG435" s="166">
        <v>0</v>
      </c>
      <c r="BH435" s="166">
        <v>0</v>
      </c>
      <c r="BI435" s="166">
        <v>0</v>
      </c>
      <c r="BJ435" s="166">
        <v>0</v>
      </c>
      <c r="BK435" s="166">
        <v>0</v>
      </c>
      <c r="BL435" s="166">
        <v>0</v>
      </c>
      <c r="BM435" s="166">
        <v>0</v>
      </c>
      <c r="BN435" s="166">
        <v>0</v>
      </c>
      <c r="BO435" s="166">
        <v>0</v>
      </c>
      <c r="BP435" s="166">
        <v>0</v>
      </c>
      <c r="BQ435" s="166">
        <v>0</v>
      </c>
      <c r="BR435" s="166">
        <v>2823193868.6599998</v>
      </c>
      <c r="BS435" s="166">
        <v>2823193868.6599998</v>
      </c>
      <c r="BT435" s="168">
        <v>0</v>
      </c>
      <c r="BU435" s="166">
        <v>0</v>
      </c>
      <c r="BV435" s="166">
        <v>0</v>
      </c>
      <c r="BW435" s="166">
        <v>0</v>
      </c>
      <c r="BX435" s="166">
        <v>0</v>
      </c>
      <c r="BY435" s="166">
        <v>0</v>
      </c>
      <c r="BZ435" s="166">
        <v>0</v>
      </c>
      <c r="CA435" s="166">
        <v>0</v>
      </c>
      <c r="CB435" s="166">
        <v>0</v>
      </c>
      <c r="CC435" s="166">
        <v>0</v>
      </c>
      <c r="CD435" s="166">
        <v>0</v>
      </c>
      <c r="CE435" s="166">
        <v>0</v>
      </c>
      <c r="CF435" s="166">
        <v>0</v>
      </c>
      <c r="CG435" s="166">
        <v>0</v>
      </c>
      <c r="CH435" s="166">
        <v>0</v>
      </c>
      <c r="CI435" s="166">
        <v>0</v>
      </c>
      <c r="CJ435" s="166">
        <v>0</v>
      </c>
      <c r="CK435" s="166">
        <v>0</v>
      </c>
      <c r="CL435" s="166">
        <v>0</v>
      </c>
      <c r="CM435" s="166">
        <v>0</v>
      </c>
      <c r="CN435" s="166">
        <v>0</v>
      </c>
      <c r="CO435" s="166">
        <v>0</v>
      </c>
      <c r="CP435" s="166">
        <v>0</v>
      </c>
      <c r="CQ435" s="166">
        <v>0</v>
      </c>
      <c r="CR435" s="166">
        <v>0</v>
      </c>
      <c r="CS435" s="166">
        <v>0</v>
      </c>
      <c r="CT435" s="166">
        <v>0</v>
      </c>
      <c r="CU435" s="166">
        <v>0</v>
      </c>
      <c r="CV435" s="166">
        <v>0</v>
      </c>
      <c r="CW435" s="166">
        <v>0</v>
      </c>
      <c r="CX435" s="166">
        <v>0</v>
      </c>
      <c r="CY435" s="166">
        <v>0</v>
      </c>
      <c r="CZ435" s="166">
        <v>0</v>
      </c>
    </row>
    <row r="436" spans="1:104" x14ac:dyDescent="0.2">
      <c r="A436" s="167" t="s">
        <v>525</v>
      </c>
      <c r="B436" s="166">
        <v>-8.7311491370201098E-8</v>
      </c>
      <c r="C436" s="166">
        <v>-8.7311491370201098E-8</v>
      </c>
      <c r="D436" s="166">
        <v>0</v>
      </c>
      <c r="E436" s="166">
        <v>0</v>
      </c>
      <c r="F436" s="166">
        <v>0</v>
      </c>
      <c r="G436" s="166">
        <v>0</v>
      </c>
      <c r="H436" s="166">
        <v>0</v>
      </c>
      <c r="I436" s="166">
        <v>0</v>
      </c>
      <c r="J436" s="166">
        <v>0</v>
      </c>
      <c r="K436" s="166">
        <v>0</v>
      </c>
      <c r="L436" s="166">
        <v>0</v>
      </c>
      <c r="M436" s="166">
        <v>0</v>
      </c>
      <c r="N436" s="166">
        <v>0</v>
      </c>
      <c r="O436" s="166">
        <v>0</v>
      </c>
      <c r="P436" s="166">
        <v>0</v>
      </c>
      <c r="Q436" s="166">
        <v>0</v>
      </c>
      <c r="R436" s="166">
        <v>0</v>
      </c>
      <c r="S436" s="166">
        <v>0</v>
      </c>
      <c r="T436" s="166">
        <v>0</v>
      </c>
      <c r="U436" s="166">
        <v>0</v>
      </c>
      <c r="V436" s="166">
        <v>0</v>
      </c>
      <c r="W436" s="166">
        <v>0</v>
      </c>
      <c r="X436" s="166">
        <v>0</v>
      </c>
      <c r="Y436" s="166">
        <v>0</v>
      </c>
      <c r="Z436" s="166">
        <v>0</v>
      </c>
      <c r="AA436" s="166">
        <v>0</v>
      </c>
      <c r="AB436" s="166">
        <v>0</v>
      </c>
      <c r="AC436" s="166">
        <v>0</v>
      </c>
      <c r="AD436" s="166">
        <v>0</v>
      </c>
      <c r="AE436" s="166">
        <v>0</v>
      </c>
      <c r="AF436" s="166">
        <v>0</v>
      </c>
      <c r="AG436" s="166">
        <v>0</v>
      </c>
      <c r="AH436" s="166">
        <v>0</v>
      </c>
      <c r="AI436" s="166">
        <v>0</v>
      </c>
      <c r="AJ436" s="166">
        <v>0</v>
      </c>
      <c r="AK436" s="166">
        <v>0</v>
      </c>
      <c r="AL436" s="166">
        <v>0</v>
      </c>
      <c r="AM436" s="166">
        <v>0</v>
      </c>
      <c r="AN436" s="166">
        <v>0</v>
      </c>
      <c r="AO436" s="166">
        <v>0</v>
      </c>
      <c r="AP436" s="166">
        <v>0</v>
      </c>
      <c r="AQ436" s="166">
        <v>0</v>
      </c>
      <c r="AR436" s="166">
        <v>0</v>
      </c>
      <c r="AS436" s="166">
        <v>0</v>
      </c>
      <c r="AT436" s="166">
        <v>0</v>
      </c>
      <c r="AU436" s="166">
        <v>0</v>
      </c>
      <c r="AV436" s="166">
        <v>0</v>
      </c>
      <c r="AW436" s="166">
        <v>0</v>
      </c>
      <c r="AX436" s="166">
        <v>0</v>
      </c>
      <c r="AY436" s="166">
        <v>0</v>
      </c>
      <c r="AZ436" s="166">
        <v>0</v>
      </c>
      <c r="BA436" s="166">
        <v>0</v>
      </c>
      <c r="BB436" s="166">
        <v>0</v>
      </c>
      <c r="BC436" s="166">
        <v>0</v>
      </c>
      <c r="BD436" s="166">
        <v>0</v>
      </c>
      <c r="BE436" s="166">
        <v>0</v>
      </c>
      <c r="BF436" s="166">
        <v>0</v>
      </c>
      <c r="BG436" s="166">
        <v>0</v>
      </c>
      <c r="BH436" s="166">
        <v>0</v>
      </c>
      <c r="BI436" s="166">
        <v>0</v>
      </c>
      <c r="BJ436" s="166">
        <v>0</v>
      </c>
      <c r="BK436" s="166">
        <v>0</v>
      </c>
      <c r="BL436" s="166">
        <v>0</v>
      </c>
      <c r="BM436" s="166">
        <v>0</v>
      </c>
      <c r="BN436" s="166">
        <v>0</v>
      </c>
      <c r="BO436" s="166">
        <v>0</v>
      </c>
      <c r="BP436" s="166">
        <v>0</v>
      </c>
      <c r="BQ436" s="166">
        <v>0</v>
      </c>
      <c r="BR436" s="166">
        <v>-8.7311491370201098E-8</v>
      </c>
      <c r="BS436" s="166">
        <v>-8.7311491370201098E-8</v>
      </c>
      <c r="BT436" s="168">
        <v>0</v>
      </c>
      <c r="BU436" s="166">
        <v>0</v>
      </c>
      <c r="BV436" s="166">
        <v>0</v>
      </c>
      <c r="BW436" s="166">
        <v>0</v>
      </c>
      <c r="BX436" s="166">
        <v>0</v>
      </c>
      <c r="BY436" s="166">
        <v>0</v>
      </c>
      <c r="BZ436" s="166">
        <v>0</v>
      </c>
      <c r="CA436" s="166">
        <v>0</v>
      </c>
      <c r="CB436" s="166">
        <v>0</v>
      </c>
      <c r="CC436" s="166">
        <v>0</v>
      </c>
      <c r="CD436" s="166">
        <v>0</v>
      </c>
      <c r="CE436" s="166">
        <v>0</v>
      </c>
      <c r="CF436" s="166">
        <v>0</v>
      </c>
      <c r="CG436" s="166">
        <v>0</v>
      </c>
      <c r="CH436" s="166">
        <v>0</v>
      </c>
      <c r="CI436" s="166">
        <v>0</v>
      </c>
      <c r="CJ436" s="166">
        <v>0</v>
      </c>
      <c r="CK436" s="166">
        <v>0</v>
      </c>
      <c r="CL436" s="166">
        <v>0</v>
      </c>
      <c r="CM436" s="166">
        <v>0</v>
      </c>
      <c r="CN436" s="166">
        <v>0</v>
      </c>
      <c r="CO436" s="166">
        <v>0</v>
      </c>
      <c r="CP436" s="166">
        <v>0</v>
      </c>
      <c r="CQ436" s="166">
        <v>0</v>
      </c>
      <c r="CR436" s="166">
        <v>0</v>
      </c>
      <c r="CS436" s="166">
        <v>0</v>
      </c>
      <c r="CT436" s="166">
        <v>0</v>
      </c>
      <c r="CU436" s="166">
        <v>0</v>
      </c>
      <c r="CV436" s="166">
        <v>0</v>
      </c>
      <c r="CW436" s="166">
        <v>0</v>
      </c>
      <c r="CX436" s="166">
        <v>0</v>
      </c>
      <c r="CY436" s="166">
        <v>0</v>
      </c>
      <c r="CZ436" s="166">
        <v>0</v>
      </c>
    </row>
    <row r="437" spans="1:104" x14ac:dyDescent="0.2">
      <c r="A437" s="167" t="s">
        <v>526</v>
      </c>
      <c r="B437" s="166">
        <v>0</v>
      </c>
      <c r="C437" s="166">
        <v>0</v>
      </c>
      <c r="D437" s="166">
        <v>0</v>
      </c>
      <c r="E437" s="166">
        <v>0</v>
      </c>
      <c r="F437" s="166">
        <v>0</v>
      </c>
      <c r="G437" s="166">
        <v>0</v>
      </c>
      <c r="H437" s="166">
        <v>0</v>
      </c>
      <c r="I437" s="166">
        <v>0</v>
      </c>
      <c r="J437" s="166">
        <v>0</v>
      </c>
      <c r="K437" s="166">
        <v>0</v>
      </c>
      <c r="L437" s="166">
        <v>0</v>
      </c>
      <c r="M437" s="166">
        <v>0</v>
      </c>
      <c r="N437" s="166">
        <v>0</v>
      </c>
      <c r="O437" s="166">
        <v>0</v>
      </c>
      <c r="P437" s="166">
        <v>0</v>
      </c>
      <c r="Q437" s="166">
        <v>0</v>
      </c>
      <c r="R437" s="166">
        <v>0</v>
      </c>
      <c r="S437" s="166">
        <v>0</v>
      </c>
      <c r="T437" s="166">
        <v>0</v>
      </c>
      <c r="U437" s="166">
        <v>0</v>
      </c>
      <c r="V437" s="166">
        <v>0</v>
      </c>
      <c r="W437" s="166">
        <v>0</v>
      </c>
      <c r="X437" s="166">
        <v>0</v>
      </c>
      <c r="Y437" s="166">
        <v>0</v>
      </c>
      <c r="Z437" s="166">
        <v>0</v>
      </c>
      <c r="AA437" s="166">
        <v>0</v>
      </c>
      <c r="AB437" s="166">
        <v>0</v>
      </c>
      <c r="AC437" s="166">
        <v>0</v>
      </c>
      <c r="AD437" s="166">
        <v>0</v>
      </c>
      <c r="AE437" s="166">
        <v>0</v>
      </c>
      <c r="AF437" s="166">
        <v>0</v>
      </c>
      <c r="AG437" s="166">
        <v>0</v>
      </c>
      <c r="AH437" s="166">
        <v>0</v>
      </c>
      <c r="AI437" s="166">
        <v>0</v>
      </c>
      <c r="AJ437" s="166">
        <v>0</v>
      </c>
      <c r="AK437" s="166">
        <v>0</v>
      </c>
      <c r="AL437" s="166">
        <v>0</v>
      </c>
      <c r="AM437" s="166">
        <v>0</v>
      </c>
      <c r="AN437" s="166">
        <v>0</v>
      </c>
      <c r="AO437" s="166">
        <v>0</v>
      </c>
      <c r="AP437" s="166">
        <v>0</v>
      </c>
      <c r="AQ437" s="166">
        <v>0</v>
      </c>
      <c r="AR437" s="166">
        <v>0</v>
      </c>
      <c r="AS437" s="166">
        <v>0</v>
      </c>
      <c r="AT437" s="166">
        <v>0</v>
      </c>
      <c r="AU437" s="166">
        <v>0</v>
      </c>
      <c r="AV437" s="166">
        <v>0</v>
      </c>
      <c r="AW437" s="166">
        <v>0</v>
      </c>
      <c r="AX437" s="166">
        <v>0</v>
      </c>
      <c r="AY437" s="166">
        <v>0</v>
      </c>
      <c r="AZ437" s="166">
        <v>0</v>
      </c>
      <c r="BA437" s="166">
        <v>0</v>
      </c>
      <c r="BB437" s="166">
        <v>0</v>
      </c>
      <c r="BC437" s="166">
        <v>0</v>
      </c>
      <c r="BD437" s="166">
        <v>0</v>
      </c>
      <c r="BE437" s="166">
        <v>0</v>
      </c>
      <c r="BF437" s="166">
        <v>0</v>
      </c>
      <c r="BG437" s="166">
        <v>0</v>
      </c>
      <c r="BH437" s="166">
        <v>0</v>
      </c>
      <c r="BI437" s="166">
        <v>0</v>
      </c>
      <c r="BJ437" s="166">
        <v>0</v>
      </c>
      <c r="BK437" s="166">
        <v>0</v>
      </c>
      <c r="BL437" s="166">
        <v>0</v>
      </c>
      <c r="BM437" s="166">
        <v>0</v>
      </c>
      <c r="BN437" s="166">
        <v>0</v>
      </c>
      <c r="BO437" s="166">
        <v>0</v>
      </c>
      <c r="BP437" s="166">
        <v>0</v>
      </c>
      <c r="BQ437" s="166">
        <v>0</v>
      </c>
      <c r="BR437" s="166">
        <v>0</v>
      </c>
      <c r="BS437" s="166">
        <v>0</v>
      </c>
      <c r="BT437" s="168">
        <v>0</v>
      </c>
      <c r="BU437" s="166">
        <v>0</v>
      </c>
      <c r="BV437" s="166">
        <v>0</v>
      </c>
      <c r="BW437" s="166">
        <v>0</v>
      </c>
      <c r="BX437" s="166">
        <v>0</v>
      </c>
      <c r="BY437" s="166">
        <v>0</v>
      </c>
      <c r="BZ437" s="166">
        <v>0</v>
      </c>
      <c r="CA437" s="166">
        <v>0</v>
      </c>
      <c r="CB437" s="166">
        <v>0</v>
      </c>
      <c r="CC437" s="166">
        <v>0</v>
      </c>
      <c r="CD437" s="166">
        <v>0</v>
      </c>
      <c r="CE437" s="166">
        <v>0</v>
      </c>
      <c r="CF437" s="166">
        <v>0</v>
      </c>
      <c r="CG437" s="166">
        <v>0</v>
      </c>
      <c r="CH437" s="166">
        <v>0</v>
      </c>
      <c r="CI437" s="166">
        <v>0</v>
      </c>
      <c r="CJ437" s="166">
        <v>0</v>
      </c>
      <c r="CK437" s="166">
        <v>0</v>
      </c>
      <c r="CL437" s="166">
        <v>0</v>
      </c>
      <c r="CM437" s="166">
        <v>0</v>
      </c>
      <c r="CN437" s="166">
        <v>0</v>
      </c>
      <c r="CO437" s="166">
        <v>0</v>
      </c>
      <c r="CP437" s="166">
        <v>0</v>
      </c>
      <c r="CQ437" s="166">
        <v>0</v>
      </c>
      <c r="CR437" s="166">
        <v>0</v>
      </c>
      <c r="CS437" s="166">
        <v>0</v>
      </c>
      <c r="CT437" s="166">
        <v>0</v>
      </c>
      <c r="CU437" s="166">
        <v>0</v>
      </c>
      <c r="CV437" s="166">
        <v>0</v>
      </c>
      <c r="CW437" s="166">
        <v>0</v>
      </c>
      <c r="CX437" s="166">
        <v>0</v>
      </c>
      <c r="CY437" s="166">
        <v>315419862.10961503</v>
      </c>
      <c r="CZ437" s="166">
        <v>315419862.10961503</v>
      </c>
    </row>
    <row r="438" spans="1:104" x14ac:dyDescent="0.2">
      <c r="A438" s="170" t="s">
        <v>527</v>
      </c>
      <c r="B438" s="166">
        <v>0</v>
      </c>
      <c r="C438" s="166">
        <v>0</v>
      </c>
      <c r="D438" s="166">
        <v>0</v>
      </c>
      <c r="E438" s="166">
        <v>0</v>
      </c>
      <c r="F438" s="166">
        <v>0</v>
      </c>
      <c r="G438" s="166">
        <v>0</v>
      </c>
      <c r="H438" s="166">
        <v>0</v>
      </c>
      <c r="I438" s="166">
        <v>0</v>
      </c>
      <c r="J438" s="166">
        <v>0</v>
      </c>
      <c r="K438" s="166">
        <v>0</v>
      </c>
      <c r="L438" s="166">
        <v>0</v>
      </c>
      <c r="M438" s="166">
        <v>0</v>
      </c>
      <c r="N438" s="166">
        <v>0</v>
      </c>
      <c r="O438" s="166">
        <v>0</v>
      </c>
      <c r="P438" s="166">
        <v>0</v>
      </c>
      <c r="Q438" s="166">
        <v>0</v>
      </c>
      <c r="R438" s="166">
        <v>0</v>
      </c>
      <c r="S438" s="166">
        <v>0</v>
      </c>
      <c r="T438" s="166">
        <v>0</v>
      </c>
      <c r="U438" s="166">
        <v>0</v>
      </c>
      <c r="V438" s="166">
        <v>0</v>
      </c>
      <c r="W438" s="166">
        <v>0</v>
      </c>
      <c r="X438" s="166">
        <v>0</v>
      </c>
      <c r="Y438" s="166">
        <v>0</v>
      </c>
      <c r="Z438" s="166">
        <v>0</v>
      </c>
      <c r="AA438" s="166">
        <v>0</v>
      </c>
      <c r="AB438" s="166">
        <v>0</v>
      </c>
      <c r="AC438" s="166">
        <v>0</v>
      </c>
      <c r="AD438" s="166">
        <v>0</v>
      </c>
      <c r="AE438" s="166">
        <v>0</v>
      </c>
      <c r="AF438" s="166">
        <v>0</v>
      </c>
      <c r="AG438" s="166">
        <v>0</v>
      </c>
      <c r="AH438" s="166">
        <v>0</v>
      </c>
      <c r="AI438" s="166">
        <v>0</v>
      </c>
      <c r="AJ438" s="166">
        <v>0</v>
      </c>
      <c r="AK438" s="166">
        <v>0</v>
      </c>
      <c r="AL438" s="166">
        <v>0</v>
      </c>
      <c r="AM438" s="166">
        <v>0</v>
      </c>
      <c r="AN438" s="166">
        <v>0</v>
      </c>
      <c r="AO438" s="166">
        <v>0</v>
      </c>
      <c r="AP438" s="166">
        <v>0</v>
      </c>
      <c r="AQ438" s="166">
        <v>0</v>
      </c>
      <c r="AR438" s="166">
        <v>0</v>
      </c>
      <c r="AS438" s="166">
        <v>0</v>
      </c>
      <c r="AT438" s="166">
        <v>0</v>
      </c>
      <c r="AU438" s="166">
        <v>0</v>
      </c>
      <c r="AV438" s="166">
        <v>0</v>
      </c>
      <c r="AW438" s="166">
        <v>0</v>
      </c>
      <c r="AX438" s="166">
        <v>0</v>
      </c>
      <c r="AY438" s="166">
        <v>0</v>
      </c>
      <c r="AZ438" s="166">
        <v>0</v>
      </c>
      <c r="BA438" s="166">
        <v>0</v>
      </c>
      <c r="BB438" s="166">
        <v>0</v>
      </c>
      <c r="BC438" s="166">
        <v>0</v>
      </c>
      <c r="BD438" s="166">
        <v>0</v>
      </c>
      <c r="BE438" s="166">
        <v>0</v>
      </c>
      <c r="BF438" s="166">
        <v>0</v>
      </c>
      <c r="BG438" s="166">
        <v>0</v>
      </c>
      <c r="BH438" s="166">
        <v>0</v>
      </c>
      <c r="BI438" s="166">
        <v>0</v>
      </c>
      <c r="BJ438" s="166">
        <v>0</v>
      </c>
      <c r="BK438" s="166">
        <v>0</v>
      </c>
      <c r="BL438" s="166">
        <v>0</v>
      </c>
      <c r="BM438" s="166">
        <v>0</v>
      </c>
      <c r="BN438" s="166">
        <v>0</v>
      </c>
      <c r="BO438" s="166">
        <v>0</v>
      </c>
      <c r="BP438" s="166">
        <v>0</v>
      </c>
      <c r="BQ438" s="166">
        <v>0</v>
      </c>
      <c r="BR438" s="166">
        <v>0</v>
      </c>
      <c r="BS438" s="166">
        <v>0</v>
      </c>
      <c r="BT438" s="168">
        <v>0</v>
      </c>
      <c r="BU438" s="166">
        <v>0</v>
      </c>
      <c r="BV438" s="166">
        <v>0</v>
      </c>
      <c r="BW438" s="166">
        <v>0</v>
      </c>
      <c r="BX438" s="166">
        <v>0</v>
      </c>
      <c r="BY438" s="166">
        <v>0</v>
      </c>
      <c r="BZ438" s="166">
        <v>0</v>
      </c>
      <c r="CA438" s="166">
        <v>0</v>
      </c>
      <c r="CB438" s="166">
        <v>0</v>
      </c>
      <c r="CC438" s="166">
        <v>0</v>
      </c>
      <c r="CD438" s="166">
        <v>0</v>
      </c>
      <c r="CE438" s="166">
        <v>0</v>
      </c>
      <c r="CF438" s="166">
        <v>0</v>
      </c>
      <c r="CG438" s="166">
        <v>0</v>
      </c>
      <c r="CH438" s="166">
        <v>0</v>
      </c>
      <c r="CI438" s="166">
        <v>0</v>
      </c>
      <c r="CJ438" s="166">
        <v>0</v>
      </c>
      <c r="CK438" s="166">
        <v>0</v>
      </c>
      <c r="CL438" s="166">
        <v>0</v>
      </c>
      <c r="CM438" s="166">
        <v>0</v>
      </c>
      <c r="CN438" s="166">
        <v>0</v>
      </c>
      <c r="CO438" s="166">
        <v>0</v>
      </c>
      <c r="CP438" s="166">
        <v>0</v>
      </c>
      <c r="CQ438" s="166">
        <v>0</v>
      </c>
      <c r="CR438" s="166">
        <v>0</v>
      </c>
      <c r="CS438" s="166">
        <v>0</v>
      </c>
      <c r="CT438" s="166">
        <v>0</v>
      </c>
      <c r="CU438" s="166">
        <v>0</v>
      </c>
      <c r="CV438" s="166">
        <v>0</v>
      </c>
      <c r="CW438" s="166">
        <v>0</v>
      </c>
      <c r="CX438" s="166">
        <v>0</v>
      </c>
      <c r="CY438" s="166">
        <v>0</v>
      </c>
      <c r="CZ438" s="166">
        <v>0</v>
      </c>
    </row>
    <row r="439" spans="1:104" x14ac:dyDescent="0.2">
      <c r="A439" s="167" t="s">
        <v>528</v>
      </c>
      <c r="B439" s="166">
        <v>157340290.5</v>
      </c>
      <c r="C439" s="166">
        <v>157340290.5</v>
      </c>
      <c r="D439" s="166">
        <v>0</v>
      </c>
      <c r="E439" s="166">
        <v>0</v>
      </c>
      <c r="F439" s="166">
        <v>0</v>
      </c>
      <c r="G439" s="166">
        <v>0</v>
      </c>
      <c r="H439" s="166">
        <v>0</v>
      </c>
      <c r="I439" s="166">
        <v>0</v>
      </c>
      <c r="J439" s="166">
        <v>0</v>
      </c>
      <c r="K439" s="166">
        <v>0</v>
      </c>
      <c r="L439" s="166">
        <v>0</v>
      </c>
      <c r="M439" s="166">
        <v>0</v>
      </c>
      <c r="N439" s="166">
        <v>0</v>
      </c>
      <c r="O439" s="166">
        <v>0</v>
      </c>
      <c r="P439" s="166">
        <v>0</v>
      </c>
      <c r="Q439" s="166">
        <v>0</v>
      </c>
      <c r="R439" s="166">
        <v>0</v>
      </c>
      <c r="S439" s="166">
        <v>0</v>
      </c>
      <c r="T439" s="166">
        <v>0</v>
      </c>
      <c r="U439" s="166">
        <v>0</v>
      </c>
      <c r="V439" s="166">
        <v>0</v>
      </c>
      <c r="W439" s="166">
        <v>0</v>
      </c>
      <c r="X439" s="166">
        <v>0</v>
      </c>
      <c r="Y439" s="166">
        <v>0</v>
      </c>
      <c r="Z439" s="166">
        <v>0</v>
      </c>
      <c r="AA439" s="166">
        <v>0</v>
      </c>
      <c r="AB439" s="166">
        <v>0</v>
      </c>
      <c r="AC439" s="166">
        <v>0</v>
      </c>
      <c r="AD439" s="166">
        <v>0</v>
      </c>
      <c r="AE439" s="166">
        <v>0</v>
      </c>
      <c r="AF439" s="166">
        <v>0</v>
      </c>
      <c r="AG439" s="166">
        <v>0</v>
      </c>
      <c r="AH439" s="166">
        <v>0</v>
      </c>
      <c r="AI439" s="166">
        <v>0</v>
      </c>
      <c r="AJ439" s="166">
        <v>0</v>
      </c>
      <c r="AK439" s="166">
        <v>0</v>
      </c>
      <c r="AL439" s="166">
        <v>0</v>
      </c>
      <c r="AM439" s="166">
        <v>0</v>
      </c>
      <c r="AN439" s="166">
        <v>0</v>
      </c>
      <c r="AO439" s="166">
        <v>0</v>
      </c>
      <c r="AP439" s="166">
        <v>0</v>
      </c>
      <c r="AQ439" s="166">
        <v>0</v>
      </c>
      <c r="AR439" s="166">
        <v>0</v>
      </c>
      <c r="AS439" s="166">
        <v>0</v>
      </c>
      <c r="AT439" s="166">
        <v>0</v>
      </c>
      <c r="AU439" s="166">
        <v>0</v>
      </c>
      <c r="AV439" s="166">
        <v>0</v>
      </c>
      <c r="AW439" s="166">
        <v>0</v>
      </c>
      <c r="AX439" s="166">
        <v>0</v>
      </c>
      <c r="AY439" s="166">
        <v>0</v>
      </c>
      <c r="AZ439" s="166">
        <v>0</v>
      </c>
      <c r="BA439" s="166">
        <v>0</v>
      </c>
      <c r="BB439" s="166">
        <v>0</v>
      </c>
      <c r="BC439" s="166">
        <v>0</v>
      </c>
      <c r="BD439" s="166">
        <v>0</v>
      </c>
      <c r="BE439" s="166">
        <v>0</v>
      </c>
      <c r="BF439" s="166">
        <v>0</v>
      </c>
      <c r="BG439" s="166">
        <v>0</v>
      </c>
      <c r="BH439" s="166">
        <v>0</v>
      </c>
      <c r="BI439" s="166">
        <v>0</v>
      </c>
      <c r="BJ439" s="166">
        <v>0</v>
      </c>
      <c r="BK439" s="166">
        <v>0</v>
      </c>
      <c r="BL439" s="166">
        <v>0</v>
      </c>
      <c r="BM439" s="166">
        <v>0</v>
      </c>
      <c r="BN439" s="166">
        <v>0</v>
      </c>
      <c r="BO439" s="166">
        <v>0</v>
      </c>
      <c r="BP439" s="166">
        <v>0</v>
      </c>
      <c r="BQ439" s="166">
        <v>0</v>
      </c>
      <c r="BR439" s="166">
        <v>157340290.5</v>
      </c>
      <c r="BS439" s="166">
        <v>157340290.5</v>
      </c>
      <c r="BT439" s="168">
        <v>0</v>
      </c>
      <c r="BU439" s="166">
        <v>0</v>
      </c>
      <c r="BV439" s="166">
        <v>0</v>
      </c>
      <c r="BW439" s="166">
        <v>0</v>
      </c>
      <c r="BX439" s="166">
        <v>0</v>
      </c>
      <c r="BY439" s="166">
        <v>0</v>
      </c>
      <c r="BZ439" s="166">
        <v>0</v>
      </c>
      <c r="CA439" s="166">
        <v>0</v>
      </c>
      <c r="CB439" s="166">
        <v>0</v>
      </c>
      <c r="CC439" s="166">
        <v>0</v>
      </c>
      <c r="CD439" s="166">
        <v>0</v>
      </c>
      <c r="CE439" s="166">
        <v>0</v>
      </c>
      <c r="CF439" s="166">
        <v>0</v>
      </c>
      <c r="CG439" s="166">
        <v>0</v>
      </c>
      <c r="CH439" s="166">
        <v>0</v>
      </c>
      <c r="CI439" s="166">
        <v>0</v>
      </c>
      <c r="CJ439" s="166">
        <v>0</v>
      </c>
      <c r="CK439" s="166">
        <v>0</v>
      </c>
      <c r="CL439" s="166">
        <v>0</v>
      </c>
      <c r="CM439" s="166">
        <v>0</v>
      </c>
      <c r="CN439" s="166">
        <v>0</v>
      </c>
      <c r="CO439" s="166">
        <v>0</v>
      </c>
      <c r="CP439" s="166">
        <v>0</v>
      </c>
      <c r="CQ439" s="166">
        <v>0</v>
      </c>
      <c r="CR439" s="166">
        <v>0</v>
      </c>
      <c r="CS439" s="166">
        <v>0</v>
      </c>
      <c r="CT439" s="166">
        <v>0</v>
      </c>
      <c r="CU439" s="166">
        <v>0</v>
      </c>
      <c r="CV439" s="166">
        <v>0</v>
      </c>
      <c r="CW439" s="166">
        <v>0</v>
      </c>
      <c r="CX439" s="166">
        <v>0</v>
      </c>
      <c r="CY439" s="166">
        <v>0</v>
      </c>
      <c r="CZ439" s="166">
        <v>0</v>
      </c>
    </row>
    <row r="440" spans="1:104" x14ac:dyDescent="0.2">
      <c r="A440" s="167" t="s">
        <v>529</v>
      </c>
      <c r="B440" s="166">
        <v>29621264.5</v>
      </c>
      <c r="C440" s="166">
        <v>29621264.5</v>
      </c>
      <c r="D440" s="166">
        <v>0</v>
      </c>
      <c r="E440" s="166">
        <v>0</v>
      </c>
      <c r="F440" s="166">
        <v>0</v>
      </c>
      <c r="G440" s="166">
        <v>0</v>
      </c>
      <c r="H440" s="166">
        <v>0</v>
      </c>
      <c r="I440" s="166">
        <v>0</v>
      </c>
      <c r="J440" s="166">
        <v>0</v>
      </c>
      <c r="K440" s="166">
        <v>0</v>
      </c>
      <c r="L440" s="166">
        <v>0</v>
      </c>
      <c r="M440" s="166">
        <v>0</v>
      </c>
      <c r="N440" s="166">
        <v>0</v>
      </c>
      <c r="O440" s="166">
        <v>0</v>
      </c>
      <c r="P440" s="166">
        <v>0</v>
      </c>
      <c r="Q440" s="166">
        <v>0</v>
      </c>
      <c r="R440" s="166">
        <v>0</v>
      </c>
      <c r="S440" s="166">
        <v>0</v>
      </c>
      <c r="T440" s="166">
        <v>0</v>
      </c>
      <c r="U440" s="166">
        <v>0</v>
      </c>
      <c r="V440" s="166">
        <v>0</v>
      </c>
      <c r="W440" s="166">
        <v>0</v>
      </c>
      <c r="X440" s="166">
        <v>0</v>
      </c>
      <c r="Y440" s="166">
        <v>0</v>
      </c>
      <c r="Z440" s="166">
        <v>0</v>
      </c>
      <c r="AA440" s="166">
        <v>0</v>
      </c>
      <c r="AB440" s="166">
        <v>0</v>
      </c>
      <c r="AC440" s="166">
        <v>0</v>
      </c>
      <c r="AD440" s="166">
        <v>0</v>
      </c>
      <c r="AE440" s="166">
        <v>0</v>
      </c>
      <c r="AF440" s="166">
        <v>0</v>
      </c>
      <c r="AG440" s="166">
        <v>0</v>
      </c>
      <c r="AH440" s="166">
        <v>0</v>
      </c>
      <c r="AI440" s="166">
        <v>0</v>
      </c>
      <c r="AJ440" s="166">
        <v>0</v>
      </c>
      <c r="AK440" s="166">
        <v>0</v>
      </c>
      <c r="AL440" s="166">
        <v>0</v>
      </c>
      <c r="AM440" s="166">
        <v>0</v>
      </c>
      <c r="AN440" s="166">
        <v>0</v>
      </c>
      <c r="AO440" s="166">
        <v>0</v>
      </c>
      <c r="AP440" s="166">
        <v>0</v>
      </c>
      <c r="AQ440" s="166">
        <v>0</v>
      </c>
      <c r="AR440" s="166">
        <v>0</v>
      </c>
      <c r="AS440" s="166">
        <v>0</v>
      </c>
      <c r="AT440" s="166">
        <v>0</v>
      </c>
      <c r="AU440" s="166">
        <v>0</v>
      </c>
      <c r="AV440" s="166">
        <v>0</v>
      </c>
      <c r="AW440" s="166">
        <v>0</v>
      </c>
      <c r="AX440" s="166">
        <v>0</v>
      </c>
      <c r="AY440" s="166">
        <v>0</v>
      </c>
      <c r="AZ440" s="166">
        <v>0</v>
      </c>
      <c r="BA440" s="166">
        <v>0</v>
      </c>
      <c r="BB440" s="166">
        <v>0</v>
      </c>
      <c r="BC440" s="166">
        <v>0</v>
      </c>
      <c r="BD440" s="166">
        <v>0</v>
      </c>
      <c r="BE440" s="166">
        <v>0</v>
      </c>
      <c r="BF440" s="166">
        <v>0</v>
      </c>
      <c r="BG440" s="166">
        <v>0</v>
      </c>
      <c r="BH440" s="166">
        <v>0</v>
      </c>
      <c r="BI440" s="166">
        <v>0</v>
      </c>
      <c r="BJ440" s="166">
        <v>0</v>
      </c>
      <c r="BK440" s="166">
        <v>0</v>
      </c>
      <c r="BL440" s="166">
        <v>0</v>
      </c>
      <c r="BM440" s="166">
        <v>0</v>
      </c>
      <c r="BN440" s="166">
        <v>0</v>
      </c>
      <c r="BO440" s="166">
        <v>0</v>
      </c>
      <c r="BP440" s="166">
        <v>0</v>
      </c>
      <c r="BQ440" s="166">
        <v>0</v>
      </c>
      <c r="BR440" s="166">
        <v>29621264.5</v>
      </c>
      <c r="BS440" s="166">
        <v>29621264.5</v>
      </c>
      <c r="BT440" s="168">
        <v>0</v>
      </c>
      <c r="BU440" s="166">
        <v>0</v>
      </c>
      <c r="BV440" s="166">
        <v>0</v>
      </c>
      <c r="BW440" s="166">
        <v>0</v>
      </c>
      <c r="BX440" s="166">
        <v>0</v>
      </c>
      <c r="BY440" s="166">
        <v>0</v>
      </c>
      <c r="BZ440" s="166">
        <v>0</v>
      </c>
      <c r="CA440" s="166">
        <v>0</v>
      </c>
      <c r="CB440" s="166">
        <v>0</v>
      </c>
      <c r="CC440" s="166">
        <v>0</v>
      </c>
      <c r="CD440" s="166">
        <v>0</v>
      </c>
      <c r="CE440" s="166">
        <v>0</v>
      </c>
      <c r="CF440" s="166">
        <v>0</v>
      </c>
      <c r="CG440" s="166">
        <v>0</v>
      </c>
      <c r="CH440" s="166">
        <v>0</v>
      </c>
      <c r="CI440" s="166">
        <v>0</v>
      </c>
      <c r="CJ440" s="166">
        <v>0</v>
      </c>
      <c r="CK440" s="166">
        <v>0</v>
      </c>
      <c r="CL440" s="166">
        <v>0</v>
      </c>
      <c r="CM440" s="166">
        <v>0</v>
      </c>
      <c r="CN440" s="166">
        <v>0</v>
      </c>
      <c r="CO440" s="166">
        <v>0</v>
      </c>
      <c r="CP440" s="166">
        <v>0</v>
      </c>
      <c r="CQ440" s="166">
        <v>0</v>
      </c>
      <c r="CR440" s="166">
        <v>0</v>
      </c>
      <c r="CS440" s="166">
        <v>0</v>
      </c>
      <c r="CT440" s="166">
        <v>0</v>
      </c>
      <c r="CU440" s="166">
        <v>0</v>
      </c>
      <c r="CV440" s="166">
        <v>0</v>
      </c>
      <c r="CW440" s="166">
        <v>0</v>
      </c>
      <c r="CX440" s="166">
        <v>0</v>
      </c>
      <c r="CY440" s="166">
        <v>0</v>
      </c>
      <c r="CZ440" s="166">
        <v>0</v>
      </c>
    </row>
    <row r="441" spans="1:104" x14ac:dyDescent="0.2">
      <c r="A441" s="167" t="s">
        <v>530</v>
      </c>
      <c r="B441" s="166">
        <v>85576825.469999894</v>
      </c>
      <c r="C441" s="166">
        <v>85576825.469999894</v>
      </c>
      <c r="D441" s="166">
        <v>0</v>
      </c>
      <c r="E441" s="166">
        <v>0</v>
      </c>
      <c r="F441" s="166">
        <v>0</v>
      </c>
      <c r="G441" s="166">
        <v>0</v>
      </c>
      <c r="H441" s="166">
        <v>0</v>
      </c>
      <c r="I441" s="166">
        <v>0</v>
      </c>
      <c r="J441" s="166">
        <v>0</v>
      </c>
      <c r="K441" s="166">
        <v>0</v>
      </c>
      <c r="L441" s="166">
        <v>0</v>
      </c>
      <c r="M441" s="166">
        <v>0</v>
      </c>
      <c r="N441" s="166">
        <v>0</v>
      </c>
      <c r="O441" s="166">
        <v>0</v>
      </c>
      <c r="P441" s="166">
        <v>0</v>
      </c>
      <c r="Q441" s="166">
        <v>0</v>
      </c>
      <c r="R441" s="166">
        <v>0</v>
      </c>
      <c r="S441" s="166">
        <v>0</v>
      </c>
      <c r="T441" s="166">
        <v>0</v>
      </c>
      <c r="U441" s="166">
        <v>0</v>
      </c>
      <c r="V441" s="166">
        <v>0</v>
      </c>
      <c r="W441" s="166">
        <v>0</v>
      </c>
      <c r="X441" s="166">
        <v>0</v>
      </c>
      <c r="Y441" s="166">
        <v>0</v>
      </c>
      <c r="Z441" s="166">
        <v>0</v>
      </c>
      <c r="AA441" s="166">
        <v>0</v>
      </c>
      <c r="AB441" s="166">
        <v>0</v>
      </c>
      <c r="AC441" s="166">
        <v>0</v>
      </c>
      <c r="AD441" s="166">
        <v>0</v>
      </c>
      <c r="AE441" s="166">
        <v>0</v>
      </c>
      <c r="AF441" s="166">
        <v>0</v>
      </c>
      <c r="AG441" s="166">
        <v>0</v>
      </c>
      <c r="AH441" s="166">
        <v>0</v>
      </c>
      <c r="AI441" s="166">
        <v>0</v>
      </c>
      <c r="AJ441" s="166">
        <v>0</v>
      </c>
      <c r="AK441" s="166">
        <v>0</v>
      </c>
      <c r="AL441" s="166">
        <v>0</v>
      </c>
      <c r="AM441" s="166">
        <v>0</v>
      </c>
      <c r="AN441" s="166">
        <v>0</v>
      </c>
      <c r="AO441" s="166">
        <v>0</v>
      </c>
      <c r="AP441" s="166">
        <v>0</v>
      </c>
      <c r="AQ441" s="166">
        <v>0</v>
      </c>
      <c r="AR441" s="166">
        <v>0</v>
      </c>
      <c r="AS441" s="166">
        <v>0</v>
      </c>
      <c r="AT441" s="166">
        <v>0</v>
      </c>
      <c r="AU441" s="166">
        <v>0</v>
      </c>
      <c r="AV441" s="166">
        <v>0</v>
      </c>
      <c r="AW441" s="166">
        <v>0</v>
      </c>
      <c r="AX441" s="166">
        <v>0</v>
      </c>
      <c r="AY441" s="166">
        <v>0</v>
      </c>
      <c r="AZ441" s="166">
        <v>0</v>
      </c>
      <c r="BA441" s="166">
        <v>0</v>
      </c>
      <c r="BB441" s="166">
        <v>0</v>
      </c>
      <c r="BC441" s="166">
        <v>0</v>
      </c>
      <c r="BD441" s="166">
        <v>0</v>
      </c>
      <c r="BE441" s="166">
        <v>0</v>
      </c>
      <c r="BF441" s="166">
        <v>0</v>
      </c>
      <c r="BG441" s="166">
        <v>0</v>
      </c>
      <c r="BH441" s="166">
        <v>0</v>
      </c>
      <c r="BI441" s="166">
        <v>0</v>
      </c>
      <c r="BJ441" s="166">
        <v>0</v>
      </c>
      <c r="BK441" s="166">
        <v>0</v>
      </c>
      <c r="BL441" s="166">
        <v>0</v>
      </c>
      <c r="BM441" s="166">
        <v>0</v>
      </c>
      <c r="BN441" s="166">
        <v>0</v>
      </c>
      <c r="BO441" s="166">
        <v>0</v>
      </c>
      <c r="BP441" s="166">
        <v>0</v>
      </c>
      <c r="BQ441" s="166">
        <v>0</v>
      </c>
      <c r="BR441" s="166">
        <v>85576825.469999894</v>
      </c>
      <c r="BS441" s="166">
        <v>85576825.469999894</v>
      </c>
      <c r="BT441" s="168">
        <v>0</v>
      </c>
      <c r="BU441" s="166">
        <v>0</v>
      </c>
      <c r="BV441" s="166">
        <v>0</v>
      </c>
      <c r="BW441" s="166">
        <v>0</v>
      </c>
      <c r="BX441" s="166">
        <v>0</v>
      </c>
      <c r="BY441" s="166">
        <v>0</v>
      </c>
      <c r="BZ441" s="166">
        <v>0</v>
      </c>
      <c r="CA441" s="166">
        <v>0</v>
      </c>
      <c r="CB441" s="166">
        <v>0</v>
      </c>
      <c r="CC441" s="166">
        <v>0</v>
      </c>
      <c r="CD441" s="166">
        <v>0</v>
      </c>
      <c r="CE441" s="166">
        <v>0</v>
      </c>
      <c r="CF441" s="166">
        <v>0</v>
      </c>
      <c r="CG441" s="166">
        <v>0</v>
      </c>
      <c r="CH441" s="166">
        <v>0</v>
      </c>
      <c r="CI441" s="166">
        <v>0</v>
      </c>
      <c r="CJ441" s="166">
        <v>0</v>
      </c>
      <c r="CK441" s="166">
        <v>0</v>
      </c>
      <c r="CL441" s="166">
        <v>0</v>
      </c>
      <c r="CM441" s="166">
        <v>0</v>
      </c>
      <c r="CN441" s="166">
        <v>0</v>
      </c>
      <c r="CO441" s="166">
        <v>0</v>
      </c>
      <c r="CP441" s="166">
        <v>0</v>
      </c>
      <c r="CQ441" s="166">
        <v>0</v>
      </c>
      <c r="CR441" s="166">
        <v>0</v>
      </c>
      <c r="CS441" s="166">
        <v>0</v>
      </c>
      <c r="CT441" s="166">
        <v>0</v>
      </c>
      <c r="CU441" s="166">
        <v>0</v>
      </c>
      <c r="CV441" s="166">
        <v>0</v>
      </c>
      <c r="CW441" s="166">
        <v>0</v>
      </c>
      <c r="CX441" s="166">
        <v>0</v>
      </c>
      <c r="CY441" s="166">
        <v>0</v>
      </c>
      <c r="CZ441" s="166">
        <v>0</v>
      </c>
    </row>
    <row r="442" spans="1:104" x14ac:dyDescent="0.2">
      <c r="A442" s="167" t="s">
        <v>531</v>
      </c>
      <c r="B442" s="166">
        <v>116859273.81999999</v>
      </c>
      <c r="C442" s="166">
        <v>116859273.81999999</v>
      </c>
      <c r="D442" s="166">
        <v>0</v>
      </c>
      <c r="E442" s="166">
        <v>0</v>
      </c>
      <c r="F442" s="166">
        <v>0</v>
      </c>
      <c r="G442" s="166">
        <v>0</v>
      </c>
      <c r="H442" s="166">
        <v>0</v>
      </c>
      <c r="I442" s="166">
        <v>0</v>
      </c>
      <c r="J442" s="166">
        <v>0</v>
      </c>
      <c r="K442" s="166">
        <v>0</v>
      </c>
      <c r="L442" s="166">
        <v>0</v>
      </c>
      <c r="M442" s="166">
        <v>0</v>
      </c>
      <c r="N442" s="166">
        <v>0</v>
      </c>
      <c r="O442" s="166">
        <v>0</v>
      </c>
      <c r="P442" s="166">
        <v>0</v>
      </c>
      <c r="Q442" s="166">
        <v>0</v>
      </c>
      <c r="R442" s="166">
        <v>0</v>
      </c>
      <c r="S442" s="166">
        <v>0</v>
      </c>
      <c r="T442" s="166">
        <v>0</v>
      </c>
      <c r="U442" s="166">
        <v>0</v>
      </c>
      <c r="V442" s="166">
        <v>0</v>
      </c>
      <c r="W442" s="166">
        <v>0</v>
      </c>
      <c r="X442" s="166">
        <v>0</v>
      </c>
      <c r="Y442" s="166">
        <v>0</v>
      </c>
      <c r="Z442" s="166">
        <v>0</v>
      </c>
      <c r="AA442" s="166">
        <v>0</v>
      </c>
      <c r="AB442" s="166">
        <v>0</v>
      </c>
      <c r="AC442" s="166">
        <v>0</v>
      </c>
      <c r="AD442" s="166">
        <v>0</v>
      </c>
      <c r="AE442" s="166">
        <v>0</v>
      </c>
      <c r="AF442" s="166">
        <v>0</v>
      </c>
      <c r="AG442" s="166">
        <v>0</v>
      </c>
      <c r="AH442" s="166">
        <v>0</v>
      </c>
      <c r="AI442" s="166">
        <v>0</v>
      </c>
      <c r="AJ442" s="166">
        <v>0</v>
      </c>
      <c r="AK442" s="166">
        <v>0</v>
      </c>
      <c r="AL442" s="166">
        <v>0</v>
      </c>
      <c r="AM442" s="166">
        <v>0</v>
      </c>
      <c r="AN442" s="166">
        <v>0</v>
      </c>
      <c r="AO442" s="166">
        <v>0</v>
      </c>
      <c r="AP442" s="166">
        <v>0</v>
      </c>
      <c r="AQ442" s="166">
        <v>0</v>
      </c>
      <c r="AR442" s="166">
        <v>0</v>
      </c>
      <c r="AS442" s="166">
        <v>0</v>
      </c>
      <c r="AT442" s="166">
        <v>0</v>
      </c>
      <c r="AU442" s="166">
        <v>0</v>
      </c>
      <c r="AV442" s="166">
        <v>0</v>
      </c>
      <c r="AW442" s="166">
        <v>0</v>
      </c>
      <c r="AX442" s="166">
        <v>0</v>
      </c>
      <c r="AY442" s="166">
        <v>0</v>
      </c>
      <c r="AZ442" s="166">
        <v>0</v>
      </c>
      <c r="BA442" s="166">
        <v>0</v>
      </c>
      <c r="BB442" s="166">
        <v>0</v>
      </c>
      <c r="BC442" s="166">
        <v>0</v>
      </c>
      <c r="BD442" s="166">
        <v>0</v>
      </c>
      <c r="BE442" s="166">
        <v>0</v>
      </c>
      <c r="BF442" s="166">
        <v>0</v>
      </c>
      <c r="BG442" s="166">
        <v>0</v>
      </c>
      <c r="BH442" s="166">
        <v>0</v>
      </c>
      <c r="BI442" s="166">
        <v>0</v>
      </c>
      <c r="BJ442" s="166">
        <v>0</v>
      </c>
      <c r="BK442" s="166">
        <v>0</v>
      </c>
      <c r="BL442" s="166">
        <v>0</v>
      </c>
      <c r="BM442" s="166">
        <v>0</v>
      </c>
      <c r="BN442" s="166">
        <v>0</v>
      </c>
      <c r="BO442" s="166">
        <v>0</v>
      </c>
      <c r="BP442" s="166">
        <v>0</v>
      </c>
      <c r="BQ442" s="166">
        <v>0</v>
      </c>
      <c r="BR442" s="166">
        <v>116859273.81999999</v>
      </c>
      <c r="BS442" s="166">
        <v>116859273.81999999</v>
      </c>
      <c r="BT442" s="168">
        <v>0</v>
      </c>
      <c r="BU442" s="166">
        <v>0</v>
      </c>
      <c r="BV442" s="166">
        <v>0</v>
      </c>
      <c r="BW442" s="166">
        <v>0</v>
      </c>
      <c r="BX442" s="166">
        <v>0</v>
      </c>
      <c r="BY442" s="166">
        <v>0</v>
      </c>
      <c r="BZ442" s="166">
        <v>0</v>
      </c>
      <c r="CA442" s="166">
        <v>0</v>
      </c>
      <c r="CB442" s="166">
        <v>0</v>
      </c>
      <c r="CC442" s="166">
        <v>0</v>
      </c>
      <c r="CD442" s="166">
        <v>0</v>
      </c>
      <c r="CE442" s="166">
        <v>0</v>
      </c>
      <c r="CF442" s="166">
        <v>0</v>
      </c>
      <c r="CG442" s="166">
        <v>0</v>
      </c>
      <c r="CH442" s="166">
        <v>0</v>
      </c>
      <c r="CI442" s="166">
        <v>0</v>
      </c>
      <c r="CJ442" s="166">
        <v>0</v>
      </c>
      <c r="CK442" s="166">
        <v>0</v>
      </c>
      <c r="CL442" s="166">
        <v>0</v>
      </c>
      <c r="CM442" s="166">
        <v>0</v>
      </c>
      <c r="CN442" s="166">
        <v>0</v>
      </c>
      <c r="CO442" s="166">
        <v>0</v>
      </c>
      <c r="CP442" s="166">
        <v>0</v>
      </c>
      <c r="CQ442" s="166">
        <v>0</v>
      </c>
      <c r="CR442" s="166">
        <v>0</v>
      </c>
      <c r="CS442" s="166">
        <v>0</v>
      </c>
      <c r="CT442" s="166">
        <v>0</v>
      </c>
      <c r="CU442" s="166">
        <v>0</v>
      </c>
      <c r="CV442" s="166">
        <v>0</v>
      </c>
      <c r="CW442" s="166">
        <v>0</v>
      </c>
      <c r="CX442" s="166">
        <v>0</v>
      </c>
      <c r="CY442" s="166">
        <v>0</v>
      </c>
      <c r="CZ442" s="166">
        <v>0</v>
      </c>
    </row>
    <row r="443" spans="1:104" x14ac:dyDescent="0.2">
      <c r="A443" s="167" t="s">
        <v>532</v>
      </c>
      <c r="B443" s="166">
        <v>576557481.66999996</v>
      </c>
      <c r="C443" s="166">
        <v>576557481.66999996</v>
      </c>
      <c r="D443" s="166">
        <v>0</v>
      </c>
      <c r="E443" s="166">
        <v>0</v>
      </c>
      <c r="F443" s="166">
        <v>0</v>
      </c>
      <c r="G443" s="166">
        <v>0</v>
      </c>
      <c r="H443" s="166">
        <v>0</v>
      </c>
      <c r="I443" s="166">
        <v>0</v>
      </c>
      <c r="J443" s="166">
        <v>0</v>
      </c>
      <c r="K443" s="166">
        <v>0</v>
      </c>
      <c r="L443" s="166">
        <v>0</v>
      </c>
      <c r="M443" s="166">
        <v>0</v>
      </c>
      <c r="N443" s="166">
        <v>0</v>
      </c>
      <c r="O443" s="166">
        <v>0</v>
      </c>
      <c r="P443" s="166">
        <v>0</v>
      </c>
      <c r="Q443" s="166">
        <v>0</v>
      </c>
      <c r="R443" s="166">
        <v>0</v>
      </c>
      <c r="S443" s="166">
        <v>0</v>
      </c>
      <c r="T443" s="166">
        <v>0</v>
      </c>
      <c r="U443" s="166">
        <v>0</v>
      </c>
      <c r="V443" s="166">
        <v>0</v>
      </c>
      <c r="W443" s="166">
        <v>0</v>
      </c>
      <c r="X443" s="166">
        <v>0</v>
      </c>
      <c r="Y443" s="166">
        <v>0</v>
      </c>
      <c r="Z443" s="166">
        <v>0</v>
      </c>
      <c r="AA443" s="166">
        <v>0</v>
      </c>
      <c r="AB443" s="166">
        <v>0</v>
      </c>
      <c r="AC443" s="166">
        <v>0</v>
      </c>
      <c r="AD443" s="166">
        <v>0</v>
      </c>
      <c r="AE443" s="166">
        <v>0</v>
      </c>
      <c r="AF443" s="166">
        <v>0</v>
      </c>
      <c r="AG443" s="166">
        <v>0</v>
      </c>
      <c r="AH443" s="166">
        <v>0</v>
      </c>
      <c r="AI443" s="166">
        <v>0</v>
      </c>
      <c r="AJ443" s="166">
        <v>0</v>
      </c>
      <c r="AK443" s="166">
        <v>0</v>
      </c>
      <c r="AL443" s="166">
        <v>0</v>
      </c>
      <c r="AM443" s="166">
        <v>0</v>
      </c>
      <c r="AN443" s="166">
        <v>0</v>
      </c>
      <c r="AO443" s="166">
        <v>0</v>
      </c>
      <c r="AP443" s="166">
        <v>0</v>
      </c>
      <c r="AQ443" s="166">
        <v>0</v>
      </c>
      <c r="AR443" s="166">
        <v>0</v>
      </c>
      <c r="AS443" s="166">
        <v>0</v>
      </c>
      <c r="AT443" s="166">
        <v>0</v>
      </c>
      <c r="AU443" s="166">
        <v>0</v>
      </c>
      <c r="AV443" s="166">
        <v>0</v>
      </c>
      <c r="AW443" s="166">
        <v>0</v>
      </c>
      <c r="AX443" s="166">
        <v>0</v>
      </c>
      <c r="AY443" s="166">
        <v>0</v>
      </c>
      <c r="AZ443" s="166">
        <v>0</v>
      </c>
      <c r="BA443" s="166">
        <v>0</v>
      </c>
      <c r="BB443" s="166">
        <v>0</v>
      </c>
      <c r="BC443" s="166">
        <v>0</v>
      </c>
      <c r="BD443" s="166">
        <v>0</v>
      </c>
      <c r="BE443" s="166">
        <v>0</v>
      </c>
      <c r="BF443" s="166">
        <v>0</v>
      </c>
      <c r="BG443" s="166">
        <v>0</v>
      </c>
      <c r="BH443" s="166">
        <v>0</v>
      </c>
      <c r="BI443" s="166">
        <v>0</v>
      </c>
      <c r="BJ443" s="166">
        <v>0</v>
      </c>
      <c r="BK443" s="166">
        <v>0</v>
      </c>
      <c r="BL443" s="166">
        <v>0</v>
      </c>
      <c r="BM443" s="166">
        <v>0</v>
      </c>
      <c r="BN443" s="166">
        <v>0</v>
      </c>
      <c r="BO443" s="166">
        <v>0</v>
      </c>
      <c r="BP443" s="166">
        <v>0</v>
      </c>
      <c r="BQ443" s="166">
        <v>0</v>
      </c>
      <c r="BR443" s="166">
        <v>576557481.66999996</v>
      </c>
      <c r="BS443" s="166">
        <v>576557481.66999996</v>
      </c>
      <c r="BT443" s="168">
        <v>0</v>
      </c>
      <c r="BU443" s="166">
        <v>0</v>
      </c>
      <c r="BV443" s="166">
        <v>0</v>
      </c>
      <c r="BW443" s="166">
        <v>0</v>
      </c>
      <c r="BX443" s="166">
        <v>0</v>
      </c>
      <c r="BY443" s="166">
        <v>0</v>
      </c>
      <c r="BZ443" s="166">
        <v>0</v>
      </c>
      <c r="CA443" s="166">
        <v>0</v>
      </c>
      <c r="CB443" s="166">
        <v>0</v>
      </c>
      <c r="CC443" s="166">
        <v>0</v>
      </c>
      <c r="CD443" s="166">
        <v>0</v>
      </c>
      <c r="CE443" s="166">
        <v>0</v>
      </c>
      <c r="CF443" s="166">
        <v>0</v>
      </c>
      <c r="CG443" s="166">
        <v>0</v>
      </c>
      <c r="CH443" s="166">
        <v>0</v>
      </c>
      <c r="CI443" s="166">
        <v>0</v>
      </c>
      <c r="CJ443" s="166">
        <v>0</v>
      </c>
      <c r="CK443" s="166">
        <v>0</v>
      </c>
      <c r="CL443" s="166">
        <v>0</v>
      </c>
      <c r="CM443" s="166">
        <v>0</v>
      </c>
      <c r="CN443" s="166">
        <v>0</v>
      </c>
      <c r="CO443" s="166">
        <v>0</v>
      </c>
      <c r="CP443" s="166">
        <v>0</v>
      </c>
      <c r="CQ443" s="166">
        <v>0</v>
      </c>
      <c r="CR443" s="166">
        <v>0</v>
      </c>
      <c r="CS443" s="166">
        <v>0</v>
      </c>
      <c r="CT443" s="166">
        <v>0</v>
      </c>
      <c r="CU443" s="166">
        <v>0</v>
      </c>
      <c r="CV443" s="166">
        <v>0</v>
      </c>
      <c r="CW443" s="166">
        <v>0</v>
      </c>
      <c r="CX443" s="166">
        <v>0</v>
      </c>
      <c r="CY443" s="166">
        <v>0</v>
      </c>
      <c r="CZ443" s="166">
        <v>0</v>
      </c>
    </row>
    <row r="444" spans="1:104" x14ac:dyDescent="0.2">
      <c r="A444" s="167" t="s">
        <v>533</v>
      </c>
      <c r="B444" s="166">
        <v>3005705197.1199999</v>
      </c>
      <c r="C444" s="166">
        <v>3005705197.1199999</v>
      </c>
      <c r="D444" s="166">
        <v>0</v>
      </c>
      <c r="E444" s="166">
        <v>0</v>
      </c>
      <c r="F444" s="166">
        <v>0</v>
      </c>
      <c r="G444" s="166">
        <v>0</v>
      </c>
      <c r="H444" s="166">
        <v>0</v>
      </c>
      <c r="I444" s="166">
        <v>0</v>
      </c>
      <c r="J444" s="166">
        <v>0</v>
      </c>
      <c r="K444" s="166">
        <v>0</v>
      </c>
      <c r="L444" s="166">
        <v>0</v>
      </c>
      <c r="M444" s="166">
        <v>0</v>
      </c>
      <c r="N444" s="166">
        <v>0</v>
      </c>
      <c r="O444" s="166">
        <v>0</v>
      </c>
      <c r="P444" s="166">
        <v>0</v>
      </c>
      <c r="Q444" s="166">
        <v>0</v>
      </c>
      <c r="R444" s="166">
        <v>0</v>
      </c>
      <c r="S444" s="166">
        <v>0</v>
      </c>
      <c r="T444" s="166">
        <v>0</v>
      </c>
      <c r="U444" s="166">
        <v>0</v>
      </c>
      <c r="V444" s="166">
        <v>0</v>
      </c>
      <c r="W444" s="166">
        <v>0</v>
      </c>
      <c r="X444" s="166">
        <v>0</v>
      </c>
      <c r="Y444" s="166">
        <v>0</v>
      </c>
      <c r="Z444" s="166">
        <v>0</v>
      </c>
      <c r="AA444" s="166">
        <v>0</v>
      </c>
      <c r="AB444" s="166">
        <v>0</v>
      </c>
      <c r="AC444" s="166">
        <v>0</v>
      </c>
      <c r="AD444" s="166">
        <v>0</v>
      </c>
      <c r="AE444" s="166">
        <v>0</v>
      </c>
      <c r="AF444" s="166">
        <v>0</v>
      </c>
      <c r="AG444" s="166">
        <v>0</v>
      </c>
      <c r="AH444" s="166">
        <v>0</v>
      </c>
      <c r="AI444" s="166">
        <v>0</v>
      </c>
      <c r="AJ444" s="166">
        <v>0</v>
      </c>
      <c r="AK444" s="166">
        <v>0</v>
      </c>
      <c r="AL444" s="166">
        <v>0</v>
      </c>
      <c r="AM444" s="166">
        <v>0</v>
      </c>
      <c r="AN444" s="166">
        <v>0</v>
      </c>
      <c r="AO444" s="166">
        <v>0</v>
      </c>
      <c r="AP444" s="166">
        <v>0</v>
      </c>
      <c r="AQ444" s="166">
        <v>0</v>
      </c>
      <c r="AR444" s="166">
        <v>0</v>
      </c>
      <c r="AS444" s="166">
        <v>0</v>
      </c>
      <c r="AT444" s="166">
        <v>0</v>
      </c>
      <c r="AU444" s="166">
        <v>0</v>
      </c>
      <c r="AV444" s="166">
        <v>0</v>
      </c>
      <c r="AW444" s="166">
        <v>0</v>
      </c>
      <c r="AX444" s="166">
        <v>0</v>
      </c>
      <c r="AY444" s="166">
        <v>0</v>
      </c>
      <c r="AZ444" s="166">
        <v>0</v>
      </c>
      <c r="BA444" s="166">
        <v>0</v>
      </c>
      <c r="BB444" s="166">
        <v>0</v>
      </c>
      <c r="BC444" s="166">
        <v>0</v>
      </c>
      <c r="BD444" s="166">
        <v>0</v>
      </c>
      <c r="BE444" s="166">
        <v>0</v>
      </c>
      <c r="BF444" s="166">
        <v>0</v>
      </c>
      <c r="BG444" s="166">
        <v>0</v>
      </c>
      <c r="BH444" s="166">
        <v>0</v>
      </c>
      <c r="BI444" s="166">
        <v>0</v>
      </c>
      <c r="BJ444" s="166">
        <v>0</v>
      </c>
      <c r="BK444" s="166">
        <v>0</v>
      </c>
      <c r="BL444" s="166">
        <v>0</v>
      </c>
      <c r="BM444" s="166">
        <v>0</v>
      </c>
      <c r="BN444" s="166">
        <v>0</v>
      </c>
      <c r="BO444" s="166">
        <v>0</v>
      </c>
      <c r="BP444" s="166">
        <v>0</v>
      </c>
      <c r="BQ444" s="166">
        <v>0</v>
      </c>
      <c r="BR444" s="166">
        <v>3005705197.1199999</v>
      </c>
      <c r="BS444" s="166">
        <v>3005705197.1199999</v>
      </c>
      <c r="BT444" s="168">
        <v>0</v>
      </c>
      <c r="BU444" s="166">
        <v>0</v>
      </c>
      <c r="BV444" s="166">
        <v>0</v>
      </c>
      <c r="BW444" s="166">
        <v>0</v>
      </c>
      <c r="BX444" s="166">
        <v>0</v>
      </c>
      <c r="BY444" s="166">
        <v>0</v>
      </c>
      <c r="BZ444" s="166">
        <v>0</v>
      </c>
      <c r="CA444" s="166">
        <v>0</v>
      </c>
      <c r="CB444" s="166">
        <v>0</v>
      </c>
      <c r="CC444" s="166">
        <v>0</v>
      </c>
      <c r="CD444" s="166">
        <v>0</v>
      </c>
      <c r="CE444" s="166">
        <v>0</v>
      </c>
      <c r="CF444" s="166">
        <v>0</v>
      </c>
      <c r="CG444" s="166">
        <v>0</v>
      </c>
      <c r="CH444" s="166">
        <v>0</v>
      </c>
      <c r="CI444" s="166">
        <v>0</v>
      </c>
      <c r="CJ444" s="166">
        <v>0</v>
      </c>
      <c r="CK444" s="166">
        <v>0</v>
      </c>
      <c r="CL444" s="166">
        <v>0</v>
      </c>
      <c r="CM444" s="166">
        <v>0</v>
      </c>
      <c r="CN444" s="166">
        <v>0</v>
      </c>
      <c r="CO444" s="166">
        <v>0</v>
      </c>
      <c r="CP444" s="166">
        <v>0</v>
      </c>
      <c r="CQ444" s="166">
        <v>0</v>
      </c>
      <c r="CR444" s="166">
        <v>0</v>
      </c>
      <c r="CS444" s="166">
        <v>0</v>
      </c>
      <c r="CT444" s="166">
        <v>0</v>
      </c>
      <c r="CU444" s="166">
        <v>0</v>
      </c>
      <c r="CV444" s="166">
        <v>0</v>
      </c>
      <c r="CW444" s="166">
        <v>0</v>
      </c>
      <c r="CX444" s="166">
        <v>0</v>
      </c>
      <c r="CY444" s="166">
        <v>0</v>
      </c>
      <c r="CZ444" s="166">
        <v>0</v>
      </c>
    </row>
    <row r="445" spans="1:104" x14ac:dyDescent="0.2">
      <c r="A445" s="167" t="s">
        <v>534</v>
      </c>
      <c r="B445" s="166">
        <v>3971660333.0799999</v>
      </c>
      <c r="C445" s="166">
        <v>3971660333.0799999</v>
      </c>
      <c r="D445" s="166">
        <v>0</v>
      </c>
      <c r="E445" s="166">
        <v>0</v>
      </c>
      <c r="F445" s="166">
        <v>0</v>
      </c>
      <c r="G445" s="166">
        <v>0</v>
      </c>
      <c r="H445" s="166">
        <v>0</v>
      </c>
      <c r="I445" s="166">
        <v>0</v>
      </c>
      <c r="J445" s="166">
        <v>0</v>
      </c>
      <c r="K445" s="166">
        <v>0</v>
      </c>
      <c r="L445" s="166">
        <v>0</v>
      </c>
      <c r="M445" s="166">
        <v>0</v>
      </c>
      <c r="N445" s="166">
        <v>0</v>
      </c>
      <c r="O445" s="166">
        <v>0</v>
      </c>
      <c r="P445" s="166">
        <v>0</v>
      </c>
      <c r="Q445" s="166">
        <v>0</v>
      </c>
      <c r="R445" s="166">
        <v>0</v>
      </c>
      <c r="S445" s="166">
        <v>0</v>
      </c>
      <c r="T445" s="166">
        <v>0</v>
      </c>
      <c r="U445" s="166">
        <v>0</v>
      </c>
      <c r="V445" s="166">
        <v>0</v>
      </c>
      <c r="W445" s="166">
        <v>0</v>
      </c>
      <c r="X445" s="166">
        <v>0</v>
      </c>
      <c r="Y445" s="166">
        <v>0</v>
      </c>
      <c r="Z445" s="166">
        <v>0</v>
      </c>
      <c r="AA445" s="166">
        <v>0</v>
      </c>
      <c r="AB445" s="166">
        <v>0</v>
      </c>
      <c r="AC445" s="166">
        <v>0</v>
      </c>
      <c r="AD445" s="166">
        <v>0</v>
      </c>
      <c r="AE445" s="166">
        <v>0</v>
      </c>
      <c r="AF445" s="166">
        <v>0</v>
      </c>
      <c r="AG445" s="166">
        <v>0</v>
      </c>
      <c r="AH445" s="166">
        <v>0</v>
      </c>
      <c r="AI445" s="166">
        <v>0</v>
      </c>
      <c r="AJ445" s="166">
        <v>0</v>
      </c>
      <c r="AK445" s="166">
        <v>0</v>
      </c>
      <c r="AL445" s="166">
        <v>0</v>
      </c>
      <c r="AM445" s="166">
        <v>0</v>
      </c>
      <c r="AN445" s="166">
        <v>0</v>
      </c>
      <c r="AO445" s="166">
        <v>0</v>
      </c>
      <c r="AP445" s="166">
        <v>0</v>
      </c>
      <c r="AQ445" s="166">
        <v>0</v>
      </c>
      <c r="AR445" s="166">
        <v>0</v>
      </c>
      <c r="AS445" s="166">
        <v>0</v>
      </c>
      <c r="AT445" s="166">
        <v>0</v>
      </c>
      <c r="AU445" s="166">
        <v>0</v>
      </c>
      <c r="AV445" s="166">
        <v>0</v>
      </c>
      <c r="AW445" s="166">
        <v>0</v>
      </c>
      <c r="AX445" s="166">
        <v>0</v>
      </c>
      <c r="AY445" s="166">
        <v>0</v>
      </c>
      <c r="AZ445" s="166">
        <v>0</v>
      </c>
      <c r="BA445" s="166">
        <v>0</v>
      </c>
      <c r="BB445" s="166">
        <v>0</v>
      </c>
      <c r="BC445" s="166">
        <v>0</v>
      </c>
      <c r="BD445" s="166">
        <v>0</v>
      </c>
      <c r="BE445" s="166">
        <v>0</v>
      </c>
      <c r="BF445" s="166">
        <v>0</v>
      </c>
      <c r="BG445" s="166">
        <v>0</v>
      </c>
      <c r="BH445" s="166">
        <v>0</v>
      </c>
      <c r="BI445" s="166">
        <v>0</v>
      </c>
      <c r="BJ445" s="166">
        <v>0</v>
      </c>
      <c r="BK445" s="166">
        <v>0</v>
      </c>
      <c r="BL445" s="166">
        <v>0</v>
      </c>
      <c r="BM445" s="166">
        <v>0</v>
      </c>
      <c r="BN445" s="166">
        <v>0</v>
      </c>
      <c r="BO445" s="166">
        <v>0</v>
      </c>
      <c r="BP445" s="166">
        <v>0</v>
      </c>
      <c r="BQ445" s="166">
        <v>0</v>
      </c>
      <c r="BR445" s="166">
        <v>3971660333.0799999</v>
      </c>
      <c r="BS445" s="166">
        <v>3971660333.0799999</v>
      </c>
      <c r="BT445" s="168">
        <v>0</v>
      </c>
      <c r="BU445" s="166">
        <v>0</v>
      </c>
      <c r="BV445" s="166">
        <v>0</v>
      </c>
      <c r="BW445" s="166">
        <v>0</v>
      </c>
      <c r="BX445" s="166">
        <v>0</v>
      </c>
      <c r="BY445" s="166">
        <v>0</v>
      </c>
      <c r="BZ445" s="166">
        <v>0</v>
      </c>
      <c r="CA445" s="166">
        <v>0</v>
      </c>
      <c r="CB445" s="166">
        <v>0</v>
      </c>
      <c r="CC445" s="166">
        <v>0</v>
      </c>
      <c r="CD445" s="166">
        <v>0</v>
      </c>
      <c r="CE445" s="166">
        <v>0</v>
      </c>
      <c r="CF445" s="166">
        <v>0</v>
      </c>
      <c r="CG445" s="166">
        <v>0</v>
      </c>
      <c r="CH445" s="166">
        <v>0</v>
      </c>
      <c r="CI445" s="166">
        <v>0</v>
      </c>
      <c r="CJ445" s="166">
        <v>0</v>
      </c>
      <c r="CK445" s="166">
        <v>0</v>
      </c>
      <c r="CL445" s="166">
        <v>0</v>
      </c>
      <c r="CM445" s="166">
        <v>0</v>
      </c>
      <c r="CN445" s="166">
        <v>0</v>
      </c>
      <c r="CO445" s="166">
        <v>0</v>
      </c>
      <c r="CP445" s="166">
        <v>0</v>
      </c>
      <c r="CQ445" s="166">
        <v>0</v>
      </c>
      <c r="CR445" s="166">
        <v>0</v>
      </c>
      <c r="CS445" s="166">
        <v>0</v>
      </c>
      <c r="CT445" s="166">
        <v>0</v>
      </c>
      <c r="CU445" s="166">
        <v>0</v>
      </c>
      <c r="CV445" s="166">
        <v>0</v>
      </c>
      <c r="CW445" s="166">
        <v>0</v>
      </c>
      <c r="CX445" s="166">
        <v>0</v>
      </c>
      <c r="CY445" s="166">
        <v>0</v>
      </c>
      <c r="CZ445" s="166">
        <v>0</v>
      </c>
    </row>
    <row r="446" spans="1:104" x14ac:dyDescent="0.2">
      <c r="A446" s="170" t="s">
        <v>535</v>
      </c>
      <c r="B446" s="166">
        <v>0</v>
      </c>
      <c r="C446" s="166">
        <v>0</v>
      </c>
      <c r="D446" s="166">
        <v>0</v>
      </c>
      <c r="E446" s="166">
        <v>0</v>
      </c>
      <c r="F446" s="166">
        <v>0</v>
      </c>
      <c r="G446" s="166">
        <v>0</v>
      </c>
      <c r="H446" s="166">
        <v>0</v>
      </c>
      <c r="I446" s="166">
        <v>0</v>
      </c>
      <c r="J446" s="166">
        <v>0</v>
      </c>
      <c r="K446" s="166">
        <v>0</v>
      </c>
      <c r="L446" s="166">
        <v>0</v>
      </c>
      <c r="M446" s="166">
        <v>0</v>
      </c>
      <c r="N446" s="166">
        <v>0</v>
      </c>
      <c r="O446" s="166">
        <v>0</v>
      </c>
      <c r="P446" s="166">
        <v>0</v>
      </c>
      <c r="Q446" s="166">
        <v>0</v>
      </c>
      <c r="R446" s="166">
        <v>0</v>
      </c>
      <c r="S446" s="166">
        <v>0</v>
      </c>
      <c r="T446" s="166">
        <v>0</v>
      </c>
      <c r="U446" s="166">
        <v>0</v>
      </c>
      <c r="V446" s="166">
        <v>0</v>
      </c>
      <c r="W446" s="166">
        <v>0</v>
      </c>
      <c r="X446" s="166">
        <v>0</v>
      </c>
      <c r="Y446" s="166">
        <v>0</v>
      </c>
      <c r="Z446" s="166">
        <v>0</v>
      </c>
      <c r="AA446" s="166">
        <v>0</v>
      </c>
      <c r="AB446" s="166">
        <v>0</v>
      </c>
      <c r="AC446" s="166">
        <v>0</v>
      </c>
      <c r="AD446" s="166">
        <v>0</v>
      </c>
      <c r="AE446" s="166">
        <v>0</v>
      </c>
      <c r="AF446" s="166">
        <v>0</v>
      </c>
      <c r="AG446" s="166">
        <v>0</v>
      </c>
      <c r="AH446" s="166">
        <v>0</v>
      </c>
      <c r="AI446" s="166">
        <v>0</v>
      </c>
      <c r="AJ446" s="166">
        <v>0</v>
      </c>
      <c r="AK446" s="166">
        <v>0</v>
      </c>
      <c r="AL446" s="166">
        <v>0</v>
      </c>
      <c r="AM446" s="166">
        <v>0</v>
      </c>
      <c r="AN446" s="166">
        <v>0</v>
      </c>
      <c r="AO446" s="166">
        <v>0</v>
      </c>
      <c r="AP446" s="166">
        <v>0</v>
      </c>
      <c r="AQ446" s="166">
        <v>0</v>
      </c>
      <c r="AR446" s="166">
        <v>0</v>
      </c>
      <c r="AS446" s="166">
        <v>0</v>
      </c>
      <c r="AT446" s="166">
        <v>0</v>
      </c>
      <c r="AU446" s="166">
        <v>0</v>
      </c>
      <c r="AV446" s="166">
        <v>0</v>
      </c>
      <c r="AW446" s="166">
        <v>0</v>
      </c>
      <c r="AX446" s="166">
        <v>0</v>
      </c>
      <c r="AY446" s="166">
        <v>0</v>
      </c>
      <c r="AZ446" s="166">
        <v>0</v>
      </c>
      <c r="BA446" s="166">
        <v>0</v>
      </c>
      <c r="BB446" s="166">
        <v>0</v>
      </c>
      <c r="BC446" s="166">
        <v>0</v>
      </c>
      <c r="BD446" s="166">
        <v>0</v>
      </c>
      <c r="BE446" s="166">
        <v>0</v>
      </c>
      <c r="BF446" s="166">
        <v>0</v>
      </c>
      <c r="BG446" s="166">
        <v>0</v>
      </c>
      <c r="BH446" s="166">
        <v>0</v>
      </c>
      <c r="BI446" s="166">
        <v>0</v>
      </c>
      <c r="BJ446" s="166">
        <v>0</v>
      </c>
      <c r="BK446" s="166">
        <v>0</v>
      </c>
      <c r="BL446" s="166">
        <v>0</v>
      </c>
      <c r="BM446" s="166">
        <v>0</v>
      </c>
      <c r="BN446" s="166">
        <v>0</v>
      </c>
      <c r="BO446" s="166">
        <v>0</v>
      </c>
      <c r="BP446" s="166">
        <v>0</v>
      </c>
      <c r="BQ446" s="166">
        <v>0</v>
      </c>
      <c r="BR446" s="166">
        <v>0</v>
      </c>
      <c r="BS446" s="166">
        <v>0</v>
      </c>
      <c r="BT446" s="168">
        <v>0</v>
      </c>
      <c r="BU446" s="166">
        <v>0</v>
      </c>
      <c r="BV446" s="166">
        <v>0</v>
      </c>
      <c r="BW446" s="166">
        <v>0</v>
      </c>
      <c r="BX446" s="166">
        <v>0</v>
      </c>
      <c r="BY446" s="166">
        <v>0</v>
      </c>
      <c r="BZ446" s="166">
        <v>0</v>
      </c>
      <c r="CA446" s="166">
        <v>0</v>
      </c>
      <c r="CB446" s="166">
        <v>0</v>
      </c>
      <c r="CC446" s="166">
        <v>0</v>
      </c>
      <c r="CD446" s="166">
        <v>0</v>
      </c>
      <c r="CE446" s="166">
        <v>0</v>
      </c>
      <c r="CF446" s="166">
        <v>0</v>
      </c>
      <c r="CG446" s="166">
        <v>0</v>
      </c>
      <c r="CH446" s="166">
        <v>0</v>
      </c>
      <c r="CI446" s="166">
        <v>0</v>
      </c>
      <c r="CJ446" s="166">
        <v>0</v>
      </c>
      <c r="CK446" s="166">
        <v>0</v>
      </c>
      <c r="CL446" s="166">
        <v>0</v>
      </c>
      <c r="CM446" s="166">
        <v>0</v>
      </c>
      <c r="CN446" s="166">
        <v>0</v>
      </c>
      <c r="CO446" s="166">
        <v>0</v>
      </c>
      <c r="CP446" s="166">
        <v>0</v>
      </c>
      <c r="CQ446" s="166">
        <v>0</v>
      </c>
      <c r="CR446" s="166">
        <v>0</v>
      </c>
      <c r="CS446" s="166">
        <v>0</v>
      </c>
      <c r="CT446" s="166">
        <v>0</v>
      </c>
      <c r="CU446" s="166">
        <v>0</v>
      </c>
      <c r="CV446" s="166">
        <v>0</v>
      </c>
      <c r="CW446" s="166">
        <v>0</v>
      </c>
      <c r="CX446" s="166">
        <v>0</v>
      </c>
      <c r="CY446" s="166">
        <v>0</v>
      </c>
      <c r="CZ446" s="166">
        <v>0</v>
      </c>
    </row>
    <row r="447" spans="1:104" x14ac:dyDescent="0.2">
      <c r="A447" s="167" t="s">
        <v>536</v>
      </c>
      <c r="B447" s="166">
        <v>-960.98366132355295</v>
      </c>
      <c r="C447" s="166">
        <v>-960.98366132355295</v>
      </c>
      <c r="D447" s="166">
        <v>0</v>
      </c>
      <c r="E447" s="166">
        <v>0</v>
      </c>
      <c r="F447" s="166">
        <v>0</v>
      </c>
      <c r="G447" s="166">
        <v>0</v>
      </c>
      <c r="H447" s="166">
        <v>0</v>
      </c>
      <c r="I447" s="166">
        <v>0</v>
      </c>
      <c r="J447" s="166">
        <v>0</v>
      </c>
      <c r="K447" s="166">
        <v>0</v>
      </c>
      <c r="L447" s="166">
        <v>0</v>
      </c>
      <c r="M447" s="166">
        <v>0</v>
      </c>
      <c r="N447" s="166">
        <v>0</v>
      </c>
      <c r="O447" s="166">
        <v>0</v>
      </c>
      <c r="P447" s="166">
        <v>0</v>
      </c>
      <c r="Q447" s="166">
        <v>0</v>
      </c>
      <c r="R447" s="166">
        <v>0</v>
      </c>
      <c r="S447" s="166">
        <v>0</v>
      </c>
      <c r="T447" s="166">
        <v>0</v>
      </c>
      <c r="U447" s="166">
        <v>0</v>
      </c>
      <c r="V447" s="166">
        <v>0</v>
      </c>
      <c r="W447" s="166">
        <v>0</v>
      </c>
      <c r="X447" s="166">
        <v>0</v>
      </c>
      <c r="Y447" s="166">
        <v>0</v>
      </c>
      <c r="Z447" s="166">
        <v>0</v>
      </c>
      <c r="AA447" s="166">
        <v>0</v>
      </c>
      <c r="AB447" s="166">
        <v>0</v>
      </c>
      <c r="AC447" s="166">
        <v>0</v>
      </c>
      <c r="AD447" s="166">
        <v>0</v>
      </c>
      <c r="AE447" s="166">
        <v>0</v>
      </c>
      <c r="AF447" s="166">
        <v>0</v>
      </c>
      <c r="AG447" s="166">
        <v>0</v>
      </c>
      <c r="AH447" s="166">
        <v>0</v>
      </c>
      <c r="AI447" s="166">
        <v>0</v>
      </c>
      <c r="AJ447" s="166">
        <v>0</v>
      </c>
      <c r="AK447" s="166">
        <v>0</v>
      </c>
      <c r="AL447" s="166">
        <v>0</v>
      </c>
      <c r="AM447" s="166">
        <v>0</v>
      </c>
      <c r="AN447" s="166">
        <v>0</v>
      </c>
      <c r="AO447" s="166">
        <v>0</v>
      </c>
      <c r="AP447" s="166">
        <v>0</v>
      </c>
      <c r="AQ447" s="166">
        <v>0</v>
      </c>
      <c r="AR447" s="166">
        <v>0</v>
      </c>
      <c r="AS447" s="166">
        <v>0</v>
      </c>
      <c r="AT447" s="166">
        <v>0</v>
      </c>
      <c r="AU447" s="166">
        <v>0</v>
      </c>
      <c r="AV447" s="166">
        <v>0</v>
      </c>
      <c r="AW447" s="166">
        <v>0</v>
      </c>
      <c r="AX447" s="166">
        <v>0</v>
      </c>
      <c r="AY447" s="166">
        <v>0</v>
      </c>
      <c r="AZ447" s="166">
        <v>0</v>
      </c>
      <c r="BA447" s="166">
        <v>0</v>
      </c>
      <c r="BB447" s="166">
        <v>0</v>
      </c>
      <c r="BC447" s="166">
        <v>0</v>
      </c>
      <c r="BD447" s="166">
        <v>0</v>
      </c>
      <c r="BE447" s="166">
        <v>0</v>
      </c>
      <c r="BF447" s="166">
        <v>0</v>
      </c>
      <c r="BG447" s="166">
        <v>0</v>
      </c>
      <c r="BH447" s="166">
        <v>0</v>
      </c>
      <c r="BI447" s="166">
        <v>0</v>
      </c>
      <c r="BJ447" s="166">
        <v>0</v>
      </c>
      <c r="BK447" s="166">
        <v>0</v>
      </c>
      <c r="BL447" s="166">
        <v>0</v>
      </c>
      <c r="BM447" s="166">
        <v>0</v>
      </c>
      <c r="BN447" s="166">
        <v>0</v>
      </c>
      <c r="BO447" s="166">
        <v>0</v>
      </c>
      <c r="BP447" s="166">
        <v>0</v>
      </c>
      <c r="BQ447" s="166">
        <v>0</v>
      </c>
      <c r="BR447" s="166">
        <v>-960.98366132355295</v>
      </c>
      <c r="BS447" s="166">
        <v>-960.98366132355295</v>
      </c>
      <c r="BT447" s="168">
        <v>0</v>
      </c>
      <c r="BU447" s="166">
        <v>0</v>
      </c>
      <c r="BV447" s="166">
        <v>0</v>
      </c>
      <c r="BW447" s="166">
        <v>0</v>
      </c>
      <c r="BX447" s="166">
        <v>0</v>
      </c>
      <c r="BY447" s="166">
        <v>0</v>
      </c>
      <c r="BZ447" s="166">
        <v>0</v>
      </c>
      <c r="CA447" s="166">
        <v>0</v>
      </c>
      <c r="CB447" s="166">
        <v>0</v>
      </c>
      <c r="CC447" s="166">
        <v>0</v>
      </c>
      <c r="CD447" s="166">
        <v>0</v>
      </c>
      <c r="CE447" s="166">
        <v>0</v>
      </c>
      <c r="CF447" s="166">
        <v>0</v>
      </c>
      <c r="CG447" s="166">
        <v>0</v>
      </c>
      <c r="CH447" s="166">
        <v>0</v>
      </c>
      <c r="CI447" s="166">
        <v>0</v>
      </c>
      <c r="CJ447" s="166">
        <v>0</v>
      </c>
      <c r="CK447" s="166">
        <v>0</v>
      </c>
      <c r="CL447" s="166">
        <v>0</v>
      </c>
      <c r="CM447" s="166">
        <v>0</v>
      </c>
      <c r="CN447" s="166">
        <v>0</v>
      </c>
      <c r="CO447" s="166">
        <v>0</v>
      </c>
      <c r="CP447" s="166">
        <v>0</v>
      </c>
      <c r="CQ447" s="166">
        <v>0</v>
      </c>
      <c r="CR447" s="166">
        <v>0</v>
      </c>
      <c r="CS447" s="166">
        <v>0</v>
      </c>
      <c r="CT447" s="166">
        <v>0</v>
      </c>
      <c r="CU447" s="166">
        <v>0</v>
      </c>
      <c r="CV447" s="166">
        <v>0</v>
      </c>
      <c r="CW447" s="166">
        <v>0</v>
      </c>
      <c r="CX447" s="166">
        <v>0</v>
      </c>
      <c r="CY447" s="166">
        <v>0</v>
      </c>
      <c r="CZ447" s="166">
        <v>0</v>
      </c>
    </row>
    <row r="448" spans="1:104" x14ac:dyDescent="0.2">
      <c r="A448" s="167" t="s">
        <v>537</v>
      </c>
      <c r="B448" s="166">
        <v>-3.6379788070917101E-9</v>
      </c>
      <c r="C448" s="166">
        <v>-3.6379788070917101E-9</v>
      </c>
      <c r="D448" s="166">
        <v>0</v>
      </c>
      <c r="E448" s="166">
        <v>0</v>
      </c>
      <c r="F448" s="166">
        <v>0</v>
      </c>
      <c r="G448" s="166">
        <v>0</v>
      </c>
      <c r="H448" s="166">
        <v>0</v>
      </c>
      <c r="I448" s="166">
        <v>0</v>
      </c>
      <c r="J448" s="166">
        <v>0</v>
      </c>
      <c r="K448" s="166">
        <v>0</v>
      </c>
      <c r="L448" s="166">
        <v>0</v>
      </c>
      <c r="M448" s="166">
        <v>0</v>
      </c>
      <c r="N448" s="166">
        <v>0</v>
      </c>
      <c r="O448" s="166">
        <v>0</v>
      </c>
      <c r="P448" s="166">
        <v>0</v>
      </c>
      <c r="Q448" s="166">
        <v>0</v>
      </c>
      <c r="R448" s="166">
        <v>0</v>
      </c>
      <c r="S448" s="166">
        <v>0</v>
      </c>
      <c r="T448" s="166">
        <v>0</v>
      </c>
      <c r="U448" s="166">
        <v>0</v>
      </c>
      <c r="V448" s="166">
        <v>0</v>
      </c>
      <c r="W448" s="166">
        <v>0</v>
      </c>
      <c r="X448" s="166">
        <v>0</v>
      </c>
      <c r="Y448" s="166">
        <v>0</v>
      </c>
      <c r="Z448" s="166">
        <v>0</v>
      </c>
      <c r="AA448" s="166">
        <v>0</v>
      </c>
      <c r="AB448" s="166">
        <v>0</v>
      </c>
      <c r="AC448" s="166">
        <v>0</v>
      </c>
      <c r="AD448" s="166">
        <v>0</v>
      </c>
      <c r="AE448" s="166">
        <v>0</v>
      </c>
      <c r="AF448" s="166">
        <v>0</v>
      </c>
      <c r="AG448" s="166">
        <v>0</v>
      </c>
      <c r="AH448" s="166">
        <v>0</v>
      </c>
      <c r="AI448" s="166">
        <v>0</v>
      </c>
      <c r="AJ448" s="166">
        <v>0</v>
      </c>
      <c r="AK448" s="166">
        <v>0</v>
      </c>
      <c r="AL448" s="166">
        <v>0</v>
      </c>
      <c r="AM448" s="166">
        <v>0</v>
      </c>
      <c r="AN448" s="166">
        <v>0</v>
      </c>
      <c r="AO448" s="166">
        <v>0</v>
      </c>
      <c r="AP448" s="166">
        <v>0</v>
      </c>
      <c r="AQ448" s="166">
        <v>0</v>
      </c>
      <c r="AR448" s="166">
        <v>0</v>
      </c>
      <c r="AS448" s="166">
        <v>0</v>
      </c>
      <c r="AT448" s="166">
        <v>0</v>
      </c>
      <c r="AU448" s="166">
        <v>0</v>
      </c>
      <c r="AV448" s="166">
        <v>0</v>
      </c>
      <c r="AW448" s="166">
        <v>0</v>
      </c>
      <c r="AX448" s="166">
        <v>0</v>
      </c>
      <c r="AY448" s="166">
        <v>0</v>
      </c>
      <c r="AZ448" s="166">
        <v>0</v>
      </c>
      <c r="BA448" s="166">
        <v>0</v>
      </c>
      <c r="BB448" s="166">
        <v>0</v>
      </c>
      <c r="BC448" s="166">
        <v>0</v>
      </c>
      <c r="BD448" s="166">
        <v>0</v>
      </c>
      <c r="BE448" s="166">
        <v>0</v>
      </c>
      <c r="BF448" s="166">
        <v>0</v>
      </c>
      <c r="BG448" s="166">
        <v>0</v>
      </c>
      <c r="BH448" s="166">
        <v>0</v>
      </c>
      <c r="BI448" s="166">
        <v>0</v>
      </c>
      <c r="BJ448" s="166">
        <v>0</v>
      </c>
      <c r="BK448" s="166">
        <v>0</v>
      </c>
      <c r="BL448" s="166">
        <v>0</v>
      </c>
      <c r="BM448" s="166">
        <v>0</v>
      </c>
      <c r="BN448" s="166">
        <v>0</v>
      </c>
      <c r="BO448" s="166">
        <v>0</v>
      </c>
      <c r="BP448" s="166">
        <v>0</v>
      </c>
      <c r="BQ448" s="166">
        <v>0</v>
      </c>
      <c r="BR448" s="166">
        <v>-3.6379788070917101E-9</v>
      </c>
      <c r="BS448" s="166">
        <v>-3.6379788070917101E-9</v>
      </c>
      <c r="BT448" s="168">
        <v>0</v>
      </c>
      <c r="BU448" s="166">
        <v>0</v>
      </c>
      <c r="BV448" s="166">
        <v>0</v>
      </c>
      <c r="BW448" s="166">
        <v>0</v>
      </c>
      <c r="BX448" s="166">
        <v>0</v>
      </c>
      <c r="BY448" s="166">
        <v>0</v>
      </c>
      <c r="BZ448" s="166">
        <v>0</v>
      </c>
      <c r="CA448" s="166">
        <v>0</v>
      </c>
      <c r="CB448" s="166">
        <v>0</v>
      </c>
      <c r="CC448" s="166">
        <v>0</v>
      </c>
      <c r="CD448" s="166">
        <v>0</v>
      </c>
      <c r="CE448" s="166">
        <v>0</v>
      </c>
      <c r="CF448" s="166">
        <v>0</v>
      </c>
      <c r="CG448" s="166">
        <v>0</v>
      </c>
      <c r="CH448" s="166">
        <v>0</v>
      </c>
      <c r="CI448" s="166">
        <v>0</v>
      </c>
      <c r="CJ448" s="166">
        <v>0</v>
      </c>
      <c r="CK448" s="166">
        <v>0</v>
      </c>
      <c r="CL448" s="166">
        <v>0</v>
      </c>
      <c r="CM448" s="166">
        <v>0</v>
      </c>
      <c r="CN448" s="166">
        <v>0</v>
      </c>
      <c r="CO448" s="166">
        <v>0</v>
      </c>
      <c r="CP448" s="166">
        <v>0</v>
      </c>
      <c r="CQ448" s="166">
        <v>0</v>
      </c>
      <c r="CR448" s="166">
        <v>0</v>
      </c>
      <c r="CS448" s="166">
        <v>0</v>
      </c>
      <c r="CT448" s="166">
        <v>0</v>
      </c>
      <c r="CU448" s="166">
        <v>0</v>
      </c>
      <c r="CV448" s="166">
        <v>0</v>
      </c>
      <c r="CW448" s="166">
        <v>0</v>
      </c>
      <c r="CX448" s="166">
        <v>0</v>
      </c>
      <c r="CY448" s="166">
        <v>0</v>
      </c>
      <c r="CZ448" s="166">
        <v>0</v>
      </c>
    </row>
    <row r="449" spans="1:104" x14ac:dyDescent="0.2">
      <c r="A449" s="167" t="s">
        <v>538</v>
      </c>
      <c r="B449" s="166">
        <v>-960.98366132650801</v>
      </c>
      <c r="C449" s="166">
        <v>-960.98366132650801</v>
      </c>
      <c r="D449" s="166">
        <v>0</v>
      </c>
      <c r="E449" s="166">
        <v>0</v>
      </c>
      <c r="F449" s="166">
        <v>0</v>
      </c>
      <c r="G449" s="166">
        <v>0</v>
      </c>
      <c r="H449" s="166">
        <v>0</v>
      </c>
      <c r="I449" s="166">
        <v>0</v>
      </c>
      <c r="J449" s="166">
        <v>0</v>
      </c>
      <c r="K449" s="166">
        <v>0</v>
      </c>
      <c r="L449" s="166">
        <v>0</v>
      </c>
      <c r="M449" s="166">
        <v>0</v>
      </c>
      <c r="N449" s="166">
        <v>0</v>
      </c>
      <c r="O449" s="166">
        <v>0</v>
      </c>
      <c r="P449" s="166">
        <v>0</v>
      </c>
      <c r="Q449" s="166">
        <v>0</v>
      </c>
      <c r="R449" s="166">
        <v>0</v>
      </c>
      <c r="S449" s="166">
        <v>0</v>
      </c>
      <c r="T449" s="166">
        <v>0</v>
      </c>
      <c r="U449" s="166">
        <v>0</v>
      </c>
      <c r="V449" s="166">
        <v>0</v>
      </c>
      <c r="W449" s="166">
        <v>0</v>
      </c>
      <c r="X449" s="166">
        <v>0</v>
      </c>
      <c r="Y449" s="166">
        <v>0</v>
      </c>
      <c r="Z449" s="166">
        <v>0</v>
      </c>
      <c r="AA449" s="166">
        <v>0</v>
      </c>
      <c r="AB449" s="166">
        <v>0</v>
      </c>
      <c r="AC449" s="166">
        <v>0</v>
      </c>
      <c r="AD449" s="166">
        <v>0</v>
      </c>
      <c r="AE449" s="166">
        <v>0</v>
      </c>
      <c r="AF449" s="166">
        <v>0</v>
      </c>
      <c r="AG449" s="166">
        <v>0</v>
      </c>
      <c r="AH449" s="166">
        <v>0</v>
      </c>
      <c r="AI449" s="166">
        <v>0</v>
      </c>
      <c r="AJ449" s="166">
        <v>0</v>
      </c>
      <c r="AK449" s="166">
        <v>0</v>
      </c>
      <c r="AL449" s="166">
        <v>0</v>
      </c>
      <c r="AM449" s="166">
        <v>0</v>
      </c>
      <c r="AN449" s="166">
        <v>0</v>
      </c>
      <c r="AO449" s="166">
        <v>0</v>
      </c>
      <c r="AP449" s="166">
        <v>0</v>
      </c>
      <c r="AQ449" s="166">
        <v>0</v>
      </c>
      <c r="AR449" s="166">
        <v>0</v>
      </c>
      <c r="AS449" s="166">
        <v>0</v>
      </c>
      <c r="AT449" s="166">
        <v>0</v>
      </c>
      <c r="AU449" s="166">
        <v>0</v>
      </c>
      <c r="AV449" s="166">
        <v>0</v>
      </c>
      <c r="AW449" s="166">
        <v>0</v>
      </c>
      <c r="AX449" s="166">
        <v>0</v>
      </c>
      <c r="AY449" s="166">
        <v>0</v>
      </c>
      <c r="AZ449" s="166">
        <v>0</v>
      </c>
      <c r="BA449" s="166">
        <v>0</v>
      </c>
      <c r="BB449" s="166">
        <v>0</v>
      </c>
      <c r="BC449" s="166">
        <v>0</v>
      </c>
      <c r="BD449" s="166">
        <v>0</v>
      </c>
      <c r="BE449" s="166">
        <v>0</v>
      </c>
      <c r="BF449" s="166">
        <v>0</v>
      </c>
      <c r="BG449" s="166">
        <v>0</v>
      </c>
      <c r="BH449" s="166">
        <v>0</v>
      </c>
      <c r="BI449" s="166">
        <v>0</v>
      </c>
      <c r="BJ449" s="166">
        <v>0</v>
      </c>
      <c r="BK449" s="166">
        <v>0</v>
      </c>
      <c r="BL449" s="166">
        <v>0</v>
      </c>
      <c r="BM449" s="166">
        <v>0</v>
      </c>
      <c r="BN449" s="166">
        <v>0</v>
      </c>
      <c r="BO449" s="166">
        <v>0</v>
      </c>
      <c r="BP449" s="166">
        <v>0</v>
      </c>
      <c r="BQ449" s="166">
        <v>0</v>
      </c>
      <c r="BR449" s="166">
        <v>-960.98366132650801</v>
      </c>
      <c r="BS449" s="166">
        <v>-960.98366132650801</v>
      </c>
      <c r="BT449" s="168">
        <v>0</v>
      </c>
      <c r="BU449" s="166">
        <v>0</v>
      </c>
      <c r="BV449" s="166">
        <v>0</v>
      </c>
      <c r="BW449" s="166">
        <v>0</v>
      </c>
      <c r="BX449" s="166">
        <v>0</v>
      </c>
      <c r="BY449" s="166">
        <v>0</v>
      </c>
      <c r="BZ449" s="166">
        <v>0</v>
      </c>
      <c r="CA449" s="166">
        <v>0</v>
      </c>
      <c r="CB449" s="166">
        <v>0</v>
      </c>
      <c r="CC449" s="166">
        <v>0</v>
      </c>
      <c r="CD449" s="166">
        <v>0</v>
      </c>
      <c r="CE449" s="166">
        <v>0</v>
      </c>
      <c r="CF449" s="166">
        <v>0</v>
      </c>
      <c r="CG449" s="166">
        <v>0</v>
      </c>
      <c r="CH449" s="166">
        <v>0</v>
      </c>
      <c r="CI449" s="166">
        <v>0</v>
      </c>
      <c r="CJ449" s="166">
        <v>0</v>
      </c>
      <c r="CK449" s="166">
        <v>0</v>
      </c>
      <c r="CL449" s="166">
        <v>0</v>
      </c>
      <c r="CM449" s="166">
        <v>0</v>
      </c>
      <c r="CN449" s="166">
        <v>0</v>
      </c>
      <c r="CO449" s="166">
        <v>0</v>
      </c>
      <c r="CP449" s="166">
        <v>0</v>
      </c>
      <c r="CQ449" s="166">
        <v>0</v>
      </c>
      <c r="CR449" s="166">
        <v>0</v>
      </c>
      <c r="CS449" s="166">
        <v>0</v>
      </c>
      <c r="CT449" s="166">
        <v>0</v>
      </c>
      <c r="CU449" s="166">
        <v>0</v>
      </c>
      <c r="CV449" s="166">
        <v>0</v>
      </c>
      <c r="CW449" s="166">
        <v>0</v>
      </c>
      <c r="CX449" s="166">
        <v>0</v>
      </c>
      <c r="CY449" s="166">
        <v>0</v>
      </c>
      <c r="CZ449" s="166">
        <v>0</v>
      </c>
    </row>
    <row r="450" spans="1:104" x14ac:dyDescent="0.2">
      <c r="A450" s="167" t="s">
        <v>539</v>
      </c>
      <c r="B450" s="166">
        <v>-4.5474735088646404E-9</v>
      </c>
      <c r="C450" s="166">
        <v>-4.5474735088646404E-9</v>
      </c>
      <c r="D450" s="166">
        <v>0</v>
      </c>
      <c r="E450" s="166">
        <v>0</v>
      </c>
      <c r="F450" s="166">
        <v>0</v>
      </c>
      <c r="G450" s="166">
        <v>0</v>
      </c>
      <c r="H450" s="166">
        <v>0</v>
      </c>
      <c r="I450" s="166">
        <v>0</v>
      </c>
      <c r="J450" s="166">
        <v>0</v>
      </c>
      <c r="K450" s="166">
        <v>0</v>
      </c>
      <c r="L450" s="166">
        <v>0</v>
      </c>
      <c r="M450" s="166">
        <v>0</v>
      </c>
      <c r="N450" s="166">
        <v>0</v>
      </c>
      <c r="O450" s="166">
        <v>0</v>
      </c>
      <c r="P450" s="166">
        <v>0</v>
      </c>
      <c r="Q450" s="166">
        <v>0</v>
      </c>
      <c r="R450" s="166">
        <v>0</v>
      </c>
      <c r="S450" s="166">
        <v>0</v>
      </c>
      <c r="T450" s="166">
        <v>0</v>
      </c>
      <c r="U450" s="166">
        <v>0</v>
      </c>
      <c r="V450" s="166">
        <v>0</v>
      </c>
      <c r="W450" s="166">
        <v>0</v>
      </c>
      <c r="X450" s="166">
        <v>0</v>
      </c>
      <c r="Y450" s="166">
        <v>0</v>
      </c>
      <c r="Z450" s="166">
        <v>0</v>
      </c>
      <c r="AA450" s="166">
        <v>0</v>
      </c>
      <c r="AB450" s="166">
        <v>0</v>
      </c>
      <c r="AC450" s="166">
        <v>0</v>
      </c>
      <c r="AD450" s="166">
        <v>0</v>
      </c>
      <c r="AE450" s="166">
        <v>0</v>
      </c>
      <c r="AF450" s="166">
        <v>0</v>
      </c>
      <c r="AG450" s="166">
        <v>0</v>
      </c>
      <c r="AH450" s="166">
        <v>0</v>
      </c>
      <c r="AI450" s="166">
        <v>0</v>
      </c>
      <c r="AJ450" s="166">
        <v>0</v>
      </c>
      <c r="AK450" s="166">
        <v>0</v>
      </c>
      <c r="AL450" s="166">
        <v>0</v>
      </c>
      <c r="AM450" s="166">
        <v>0</v>
      </c>
      <c r="AN450" s="166">
        <v>0</v>
      </c>
      <c r="AO450" s="166">
        <v>0</v>
      </c>
      <c r="AP450" s="166">
        <v>0</v>
      </c>
      <c r="AQ450" s="166">
        <v>0</v>
      </c>
      <c r="AR450" s="166">
        <v>0</v>
      </c>
      <c r="AS450" s="166">
        <v>0</v>
      </c>
      <c r="AT450" s="166">
        <v>0</v>
      </c>
      <c r="AU450" s="166">
        <v>0</v>
      </c>
      <c r="AV450" s="166">
        <v>0</v>
      </c>
      <c r="AW450" s="166">
        <v>0</v>
      </c>
      <c r="AX450" s="166">
        <v>0</v>
      </c>
      <c r="AY450" s="166">
        <v>0</v>
      </c>
      <c r="AZ450" s="166">
        <v>0</v>
      </c>
      <c r="BA450" s="166">
        <v>0</v>
      </c>
      <c r="BB450" s="166">
        <v>0</v>
      </c>
      <c r="BC450" s="166">
        <v>0</v>
      </c>
      <c r="BD450" s="166">
        <v>0</v>
      </c>
      <c r="BE450" s="166">
        <v>0</v>
      </c>
      <c r="BF450" s="166">
        <v>0</v>
      </c>
      <c r="BG450" s="166">
        <v>0</v>
      </c>
      <c r="BH450" s="166">
        <v>0</v>
      </c>
      <c r="BI450" s="166">
        <v>0</v>
      </c>
      <c r="BJ450" s="166">
        <v>0</v>
      </c>
      <c r="BK450" s="166">
        <v>0</v>
      </c>
      <c r="BL450" s="166">
        <v>0</v>
      </c>
      <c r="BM450" s="166">
        <v>0</v>
      </c>
      <c r="BN450" s="166">
        <v>0</v>
      </c>
      <c r="BO450" s="166">
        <v>0</v>
      </c>
      <c r="BP450" s="166">
        <v>0</v>
      </c>
      <c r="BQ450" s="166">
        <v>0</v>
      </c>
      <c r="BR450" s="166">
        <v>-4.5474735088646404E-9</v>
      </c>
      <c r="BS450" s="166">
        <v>-4.5474735088646404E-9</v>
      </c>
      <c r="BT450" s="168">
        <v>0</v>
      </c>
      <c r="BU450" s="166">
        <v>0</v>
      </c>
      <c r="BV450" s="166">
        <v>0</v>
      </c>
      <c r="BW450" s="166">
        <v>0</v>
      </c>
      <c r="BX450" s="166">
        <v>0</v>
      </c>
      <c r="BY450" s="166">
        <v>0</v>
      </c>
      <c r="BZ450" s="166">
        <v>0</v>
      </c>
      <c r="CA450" s="166">
        <v>0</v>
      </c>
      <c r="CB450" s="166">
        <v>0</v>
      </c>
      <c r="CC450" s="166">
        <v>0</v>
      </c>
      <c r="CD450" s="166">
        <v>0</v>
      </c>
      <c r="CE450" s="166">
        <v>0</v>
      </c>
      <c r="CF450" s="166">
        <v>0</v>
      </c>
      <c r="CG450" s="166">
        <v>0</v>
      </c>
      <c r="CH450" s="166">
        <v>0</v>
      </c>
      <c r="CI450" s="166">
        <v>0</v>
      </c>
      <c r="CJ450" s="166">
        <v>0</v>
      </c>
      <c r="CK450" s="166">
        <v>0</v>
      </c>
      <c r="CL450" s="166">
        <v>0</v>
      </c>
      <c r="CM450" s="166">
        <v>0</v>
      </c>
      <c r="CN450" s="166">
        <v>0</v>
      </c>
      <c r="CO450" s="166">
        <v>0</v>
      </c>
      <c r="CP450" s="166">
        <v>0</v>
      </c>
      <c r="CQ450" s="166">
        <v>0</v>
      </c>
      <c r="CR450" s="166">
        <v>0</v>
      </c>
      <c r="CS450" s="166">
        <v>0</v>
      </c>
      <c r="CT450" s="166">
        <v>0</v>
      </c>
      <c r="CU450" s="166">
        <v>0</v>
      </c>
      <c r="CV450" s="166">
        <v>0</v>
      </c>
      <c r="CW450" s="166">
        <v>0</v>
      </c>
      <c r="CX450" s="166">
        <v>0</v>
      </c>
      <c r="CY450" s="166">
        <v>0</v>
      </c>
      <c r="CZ450" s="166">
        <v>0</v>
      </c>
    </row>
    <row r="451" spans="1:104" x14ac:dyDescent="0.2">
      <c r="A451" s="167" t="s">
        <v>540</v>
      </c>
      <c r="B451" s="166">
        <v>-2.5465851649641901E-8</v>
      </c>
      <c r="C451" s="166">
        <v>-2.5465851649641901E-8</v>
      </c>
      <c r="D451" s="166">
        <v>0</v>
      </c>
      <c r="E451" s="166">
        <v>0</v>
      </c>
      <c r="F451" s="166">
        <v>0</v>
      </c>
      <c r="G451" s="166">
        <v>0</v>
      </c>
      <c r="H451" s="166">
        <v>0</v>
      </c>
      <c r="I451" s="166">
        <v>0</v>
      </c>
      <c r="J451" s="166">
        <v>0</v>
      </c>
      <c r="K451" s="166">
        <v>0</v>
      </c>
      <c r="L451" s="166">
        <v>0</v>
      </c>
      <c r="M451" s="166">
        <v>0</v>
      </c>
      <c r="N451" s="166">
        <v>0</v>
      </c>
      <c r="O451" s="166">
        <v>0</v>
      </c>
      <c r="P451" s="166">
        <v>0</v>
      </c>
      <c r="Q451" s="166">
        <v>0</v>
      </c>
      <c r="R451" s="166">
        <v>0</v>
      </c>
      <c r="S451" s="166">
        <v>0</v>
      </c>
      <c r="T451" s="166">
        <v>0</v>
      </c>
      <c r="U451" s="166">
        <v>0</v>
      </c>
      <c r="V451" s="166">
        <v>0</v>
      </c>
      <c r="W451" s="166">
        <v>0</v>
      </c>
      <c r="X451" s="166">
        <v>0</v>
      </c>
      <c r="Y451" s="166">
        <v>0</v>
      </c>
      <c r="Z451" s="166">
        <v>0</v>
      </c>
      <c r="AA451" s="166">
        <v>0</v>
      </c>
      <c r="AB451" s="166">
        <v>0</v>
      </c>
      <c r="AC451" s="166">
        <v>0</v>
      </c>
      <c r="AD451" s="166">
        <v>0</v>
      </c>
      <c r="AE451" s="166">
        <v>0</v>
      </c>
      <c r="AF451" s="166">
        <v>0</v>
      </c>
      <c r="AG451" s="166">
        <v>0</v>
      </c>
      <c r="AH451" s="166">
        <v>0</v>
      </c>
      <c r="AI451" s="166">
        <v>0</v>
      </c>
      <c r="AJ451" s="166">
        <v>0</v>
      </c>
      <c r="AK451" s="166">
        <v>0</v>
      </c>
      <c r="AL451" s="166">
        <v>0</v>
      </c>
      <c r="AM451" s="166">
        <v>0</v>
      </c>
      <c r="AN451" s="166">
        <v>0</v>
      </c>
      <c r="AO451" s="166">
        <v>0</v>
      </c>
      <c r="AP451" s="166">
        <v>0</v>
      </c>
      <c r="AQ451" s="166">
        <v>0</v>
      </c>
      <c r="AR451" s="166">
        <v>0</v>
      </c>
      <c r="AS451" s="166">
        <v>0</v>
      </c>
      <c r="AT451" s="166">
        <v>0</v>
      </c>
      <c r="AU451" s="166">
        <v>0</v>
      </c>
      <c r="AV451" s="166">
        <v>0</v>
      </c>
      <c r="AW451" s="166">
        <v>0</v>
      </c>
      <c r="AX451" s="166">
        <v>0</v>
      </c>
      <c r="AY451" s="166">
        <v>0</v>
      </c>
      <c r="AZ451" s="166">
        <v>0</v>
      </c>
      <c r="BA451" s="166">
        <v>0</v>
      </c>
      <c r="BB451" s="166">
        <v>0</v>
      </c>
      <c r="BC451" s="166">
        <v>0</v>
      </c>
      <c r="BD451" s="166">
        <v>0</v>
      </c>
      <c r="BE451" s="166">
        <v>0</v>
      </c>
      <c r="BF451" s="166">
        <v>0</v>
      </c>
      <c r="BG451" s="166">
        <v>0</v>
      </c>
      <c r="BH451" s="166">
        <v>0</v>
      </c>
      <c r="BI451" s="166">
        <v>0</v>
      </c>
      <c r="BJ451" s="166">
        <v>0</v>
      </c>
      <c r="BK451" s="166">
        <v>0</v>
      </c>
      <c r="BL451" s="166">
        <v>0</v>
      </c>
      <c r="BM451" s="166">
        <v>0</v>
      </c>
      <c r="BN451" s="166">
        <v>0</v>
      </c>
      <c r="BO451" s="166">
        <v>0</v>
      </c>
      <c r="BP451" s="166">
        <v>0</v>
      </c>
      <c r="BQ451" s="166">
        <v>0</v>
      </c>
      <c r="BR451" s="166">
        <v>-2.5465851649641901E-8</v>
      </c>
      <c r="BS451" s="166">
        <v>-2.5465851649641901E-8</v>
      </c>
      <c r="BT451" s="168">
        <v>0</v>
      </c>
      <c r="BU451" s="166">
        <v>0</v>
      </c>
      <c r="BV451" s="166">
        <v>0</v>
      </c>
      <c r="BW451" s="166">
        <v>0</v>
      </c>
      <c r="BX451" s="166">
        <v>0</v>
      </c>
      <c r="BY451" s="166">
        <v>0</v>
      </c>
      <c r="BZ451" s="166">
        <v>0</v>
      </c>
      <c r="CA451" s="166">
        <v>0</v>
      </c>
      <c r="CB451" s="166">
        <v>0</v>
      </c>
      <c r="CC451" s="166">
        <v>0</v>
      </c>
      <c r="CD451" s="166">
        <v>0</v>
      </c>
      <c r="CE451" s="166">
        <v>0</v>
      </c>
      <c r="CF451" s="166">
        <v>0</v>
      </c>
      <c r="CG451" s="166">
        <v>0</v>
      </c>
      <c r="CH451" s="166">
        <v>0</v>
      </c>
      <c r="CI451" s="166">
        <v>0</v>
      </c>
      <c r="CJ451" s="166">
        <v>0</v>
      </c>
      <c r="CK451" s="166">
        <v>0</v>
      </c>
      <c r="CL451" s="166">
        <v>0</v>
      </c>
      <c r="CM451" s="166">
        <v>0</v>
      </c>
      <c r="CN451" s="166">
        <v>0</v>
      </c>
      <c r="CO451" s="166">
        <v>0</v>
      </c>
      <c r="CP451" s="166">
        <v>0</v>
      </c>
      <c r="CQ451" s="166">
        <v>0</v>
      </c>
      <c r="CR451" s="166">
        <v>0</v>
      </c>
      <c r="CS451" s="166">
        <v>0</v>
      </c>
      <c r="CT451" s="166">
        <v>0</v>
      </c>
      <c r="CU451" s="166">
        <v>0</v>
      </c>
      <c r="CV451" s="166">
        <v>0</v>
      </c>
      <c r="CW451" s="166">
        <v>0</v>
      </c>
      <c r="CX451" s="166">
        <v>0</v>
      </c>
      <c r="CY451" s="166">
        <v>0</v>
      </c>
      <c r="CZ451" s="166">
        <v>0</v>
      </c>
    </row>
    <row r="452" spans="1:104" x14ac:dyDescent="0.2">
      <c r="A452" s="167" t="s">
        <v>541</v>
      </c>
      <c r="B452" s="166">
        <v>0</v>
      </c>
      <c r="C452" s="166">
        <v>0</v>
      </c>
      <c r="D452" s="166">
        <v>0</v>
      </c>
      <c r="E452" s="166">
        <v>0</v>
      </c>
      <c r="F452" s="166">
        <v>0</v>
      </c>
      <c r="G452" s="166">
        <v>0</v>
      </c>
      <c r="H452" s="166">
        <v>0</v>
      </c>
      <c r="I452" s="166">
        <v>0</v>
      </c>
      <c r="J452" s="166">
        <v>0</v>
      </c>
      <c r="K452" s="166">
        <v>0</v>
      </c>
      <c r="L452" s="166">
        <v>0</v>
      </c>
      <c r="M452" s="166">
        <v>0</v>
      </c>
      <c r="N452" s="166">
        <v>0</v>
      </c>
      <c r="O452" s="166">
        <v>0</v>
      </c>
      <c r="P452" s="166">
        <v>0</v>
      </c>
      <c r="Q452" s="166">
        <v>0</v>
      </c>
      <c r="R452" s="166">
        <v>0</v>
      </c>
      <c r="S452" s="166">
        <v>0</v>
      </c>
      <c r="T452" s="166">
        <v>0</v>
      </c>
      <c r="U452" s="166">
        <v>0</v>
      </c>
      <c r="V452" s="166">
        <v>0</v>
      </c>
      <c r="W452" s="166">
        <v>0</v>
      </c>
      <c r="X452" s="166">
        <v>0</v>
      </c>
      <c r="Y452" s="166">
        <v>0</v>
      </c>
      <c r="Z452" s="166">
        <v>0</v>
      </c>
      <c r="AA452" s="166">
        <v>0</v>
      </c>
      <c r="AB452" s="166">
        <v>0</v>
      </c>
      <c r="AC452" s="166">
        <v>0</v>
      </c>
      <c r="AD452" s="166">
        <v>0</v>
      </c>
      <c r="AE452" s="166">
        <v>0</v>
      </c>
      <c r="AF452" s="166">
        <v>0</v>
      </c>
      <c r="AG452" s="166">
        <v>0</v>
      </c>
      <c r="AH452" s="166">
        <v>0</v>
      </c>
      <c r="AI452" s="166">
        <v>0</v>
      </c>
      <c r="AJ452" s="166">
        <v>0</v>
      </c>
      <c r="AK452" s="166">
        <v>0</v>
      </c>
      <c r="AL452" s="166">
        <v>0</v>
      </c>
      <c r="AM452" s="166">
        <v>0</v>
      </c>
      <c r="AN452" s="166">
        <v>0</v>
      </c>
      <c r="AO452" s="166">
        <v>0</v>
      </c>
      <c r="AP452" s="166">
        <v>0</v>
      </c>
      <c r="AQ452" s="166">
        <v>0</v>
      </c>
      <c r="AR452" s="166">
        <v>0</v>
      </c>
      <c r="AS452" s="166">
        <v>0</v>
      </c>
      <c r="AT452" s="166">
        <v>0</v>
      </c>
      <c r="AU452" s="166">
        <v>0</v>
      </c>
      <c r="AV452" s="166">
        <v>0</v>
      </c>
      <c r="AW452" s="166">
        <v>0</v>
      </c>
      <c r="AX452" s="166">
        <v>0</v>
      </c>
      <c r="AY452" s="166">
        <v>0</v>
      </c>
      <c r="AZ452" s="166">
        <v>0</v>
      </c>
      <c r="BA452" s="166">
        <v>0</v>
      </c>
      <c r="BB452" s="166">
        <v>0</v>
      </c>
      <c r="BC452" s="166">
        <v>0</v>
      </c>
      <c r="BD452" s="166">
        <v>0</v>
      </c>
      <c r="BE452" s="166">
        <v>0</v>
      </c>
      <c r="BF452" s="166">
        <v>0</v>
      </c>
      <c r="BG452" s="166">
        <v>0</v>
      </c>
      <c r="BH452" s="166">
        <v>0</v>
      </c>
      <c r="BI452" s="166">
        <v>0</v>
      </c>
      <c r="BJ452" s="166">
        <v>0</v>
      </c>
      <c r="BK452" s="166">
        <v>0</v>
      </c>
      <c r="BL452" s="166">
        <v>0</v>
      </c>
      <c r="BM452" s="166">
        <v>0</v>
      </c>
      <c r="BN452" s="166">
        <v>0</v>
      </c>
      <c r="BO452" s="166">
        <v>0</v>
      </c>
      <c r="BP452" s="166">
        <v>0</v>
      </c>
      <c r="BQ452" s="166">
        <v>0</v>
      </c>
      <c r="BR452" s="166">
        <v>0</v>
      </c>
      <c r="BS452" s="166">
        <v>0</v>
      </c>
      <c r="BT452" s="168">
        <v>0</v>
      </c>
      <c r="BU452" s="166">
        <v>0</v>
      </c>
      <c r="BV452" s="166">
        <v>0</v>
      </c>
      <c r="BW452" s="166">
        <v>0</v>
      </c>
      <c r="BX452" s="166">
        <v>0</v>
      </c>
      <c r="BY452" s="166">
        <v>0</v>
      </c>
      <c r="BZ452" s="166">
        <v>0</v>
      </c>
      <c r="CA452" s="166">
        <v>0</v>
      </c>
      <c r="CB452" s="166">
        <v>0</v>
      </c>
      <c r="CC452" s="166">
        <v>0</v>
      </c>
      <c r="CD452" s="166">
        <v>0</v>
      </c>
      <c r="CE452" s="166">
        <v>0</v>
      </c>
      <c r="CF452" s="166">
        <v>0</v>
      </c>
      <c r="CG452" s="166">
        <v>0</v>
      </c>
      <c r="CH452" s="166">
        <v>0</v>
      </c>
      <c r="CI452" s="166">
        <v>0</v>
      </c>
      <c r="CJ452" s="166">
        <v>0</v>
      </c>
      <c r="CK452" s="166">
        <v>0</v>
      </c>
      <c r="CL452" s="166">
        <v>0</v>
      </c>
      <c r="CM452" s="166">
        <v>0</v>
      </c>
      <c r="CN452" s="166">
        <v>0</v>
      </c>
      <c r="CO452" s="166">
        <v>0</v>
      </c>
      <c r="CP452" s="166">
        <v>0</v>
      </c>
      <c r="CQ452" s="166">
        <v>0</v>
      </c>
      <c r="CR452" s="166">
        <v>0</v>
      </c>
      <c r="CS452" s="166">
        <v>0</v>
      </c>
      <c r="CT452" s="166">
        <v>0</v>
      </c>
      <c r="CU452" s="166">
        <v>0</v>
      </c>
      <c r="CV452" s="166">
        <v>0</v>
      </c>
      <c r="CW452" s="166">
        <v>0</v>
      </c>
      <c r="CX452" s="166">
        <v>0</v>
      </c>
      <c r="CY452" s="166">
        <v>0</v>
      </c>
      <c r="CZ452" s="166">
        <v>0</v>
      </c>
    </row>
    <row r="453" spans="1:104" x14ac:dyDescent="0.2">
      <c r="A453" s="167" t="s">
        <v>542</v>
      </c>
      <c r="B453" s="166">
        <v>0</v>
      </c>
      <c r="C453" s="166">
        <v>0</v>
      </c>
      <c r="D453" s="166">
        <v>0</v>
      </c>
      <c r="E453" s="166">
        <v>0</v>
      </c>
      <c r="F453" s="166">
        <v>0</v>
      </c>
      <c r="G453" s="166">
        <v>0</v>
      </c>
      <c r="H453" s="166">
        <v>0</v>
      </c>
      <c r="I453" s="166">
        <v>0</v>
      </c>
      <c r="J453" s="166">
        <v>0</v>
      </c>
      <c r="K453" s="166">
        <v>0</v>
      </c>
      <c r="L453" s="166">
        <v>0</v>
      </c>
      <c r="M453" s="166">
        <v>0</v>
      </c>
      <c r="N453" s="166">
        <v>0</v>
      </c>
      <c r="O453" s="166">
        <v>0</v>
      </c>
      <c r="P453" s="166">
        <v>0</v>
      </c>
      <c r="Q453" s="166">
        <v>0</v>
      </c>
      <c r="R453" s="166">
        <v>0</v>
      </c>
      <c r="S453" s="166">
        <v>0</v>
      </c>
      <c r="T453" s="166">
        <v>0</v>
      </c>
      <c r="U453" s="166">
        <v>0</v>
      </c>
      <c r="V453" s="166">
        <v>0</v>
      </c>
      <c r="W453" s="166">
        <v>0</v>
      </c>
      <c r="X453" s="166">
        <v>0</v>
      </c>
      <c r="Y453" s="166">
        <v>0</v>
      </c>
      <c r="Z453" s="166">
        <v>0</v>
      </c>
      <c r="AA453" s="166">
        <v>0</v>
      </c>
      <c r="AB453" s="166">
        <v>0</v>
      </c>
      <c r="AC453" s="166">
        <v>0</v>
      </c>
      <c r="AD453" s="166">
        <v>0</v>
      </c>
      <c r="AE453" s="166">
        <v>0</v>
      </c>
      <c r="AF453" s="166">
        <v>0</v>
      </c>
      <c r="AG453" s="166">
        <v>0</v>
      </c>
      <c r="AH453" s="166">
        <v>0</v>
      </c>
      <c r="AI453" s="166">
        <v>0</v>
      </c>
      <c r="AJ453" s="166">
        <v>0</v>
      </c>
      <c r="AK453" s="166">
        <v>0</v>
      </c>
      <c r="AL453" s="166">
        <v>0</v>
      </c>
      <c r="AM453" s="166">
        <v>0</v>
      </c>
      <c r="AN453" s="166">
        <v>0</v>
      </c>
      <c r="AO453" s="166">
        <v>0</v>
      </c>
      <c r="AP453" s="166">
        <v>0</v>
      </c>
      <c r="AQ453" s="166">
        <v>0</v>
      </c>
      <c r="AR453" s="166">
        <v>0</v>
      </c>
      <c r="AS453" s="166">
        <v>0</v>
      </c>
      <c r="AT453" s="166">
        <v>0</v>
      </c>
      <c r="AU453" s="166">
        <v>0</v>
      </c>
      <c r="AV453" s="166">
        <v>0</v>
      </c>
      <c r="AW453" s="166">
        <v>0</v>
      </c>
      <c r="AX453" s="166">
        <v>0</v>
      </c>
      <c r="AY453" s="166">
        <v>0</v>
      </c>
      <c r="AZ453" s="166">
        <v>0</v>
      </c>
      <c r="BA453" s="166">
        <v>0</v>
      </c>
      <c r="BB453" s="166">
        <v>0</v>
      </c>
      <c r="BC453" s="166">
        <v>0</v>
      </c>
      <c r="BD453" s="166">
        <v>0</v>
      </c>
      <c r="BE453" s="166">
        <v>0</v>
      </c>
      <c r="BF453" s="166">
        <v>0</v>
      </c>
      <c r="BG453" s="166">
        <v>0</v>
      </c>
      <c r="BH453" s="166">
        <v>0</v>
      </c>
      <c r="BI453" s="166">
        <v>0</v>
      </c>
      <c r="BJ453" s="166">
        <v>0</v>
      </c>
      <c r="BK453" s="166">
        <v>0</v>
      </c>
      <c r="BL453" s="166">
        <v>0</v>
      </c>
      <c r="BM453" s="166">
        <v>0</v>
      </c>
      <c r="BN453" s="166">
        <v>0</v>
      </c>
      <c r="BO453" s="166">
        <v>0</v>
      </c>
      <c r="BP453" s="166">
        <v>0</v>
      </c>
      <c r="BQ453" s="166">
        <v>0</v>
      </c>
      <c r="BR453" s="166">
        <v>0</v>
      </c>
      <c r="BS453" s="166">
        <v>0</v>
      </c>
      <c r="BT453" s="168">
        <v>0</v>
      </c>
      <c r="BU453" s="166">
        <v>0</v>
      </c>
      <c r="BV453" s="166">
        <v>0</v>
      </c>
      <c r="BW453" s="166">
        <v>0</v>
      </c>
      <c r="BX453" s="166">
        <v>0</v>
      </c>
      <c r="BY453" s="166">
        <v>0</v>
      </c>
      <c r="BZ453" s="166">
        <v>0</v>
      </c>
      <c r="CA453" s="166">
        <v>0</v>
      </c>
      <c r="CB453" s="166">
        <v>0</v>
      </c>
      <c r="CC453" s="166">
        <v>0</v>
      </c>
      <c r="CD453" s="166">
        <v>0</v>
      </c>
      <c r="CE453" s="166">
        <v>0</v>
      </c>
      <c r="CF453" s="166">
        <v>0</v>
      </c>
      <c r="CG453" s="166">
        <v>0</v>
      </c>
      <c r="CH453" s="166">
        <v>0</v>
      </c>
      <c r="CI453" s="166">
        <v>0</v>
      </c>
      <c r="CJ453" s="166">
        <v>0</v>
      </c>
      <c r="CK453" s="166">
        <v>0</v>
      </c>
      <c r="CL453" s="166">
        <v>0</v>
      </c>
      <c r="CM453" s="166">
        <v>0</v>
      </c>
      <c r="CN453" s="166">
        <v>0</v>
      </c>
      <c r="CO453" s="166">
        <v>0</v>
      </c>
      <c r="CP453" s="166">
        <v>0</v>
      </c>
      <c r="CQ453" s="166">
        <v>0</v>
      </c>
      <c r="CR453" s="166">
        <v>0</v>
      </c>
      <c r="CS453" s="166">
        <v>0</v>
      </c>
      <c r="CT453" s="166">
        <v>0</v>
      </c>
      <c r="CU453" s="166">
        <v>0</v>
      </c>
      <c r="CV453" s="166">
        <v>0</v>
      </c>
      <c r="CW453" s="166">
        <v>0</v>
      </c>
      <c r="CX453" s="166">
        <v>0</v>
      </c>
      <c r="CY453" s="166">
        <v>0</v>
      </c>
      <c r="CZ453" s="166">
        <v>0</v>
      </c>
    </row>
    <row r="454" spans="1:104" x14ac:dyDescent="0.2">
      <c r="A454" s="170" t="s">
        <v>543</v>
      </c>
      <c r="B454" s="166">
        <v>0</v>
      </c>
      <c r="C454" s="166">
        <v>0</v>
      </c>
      <c r="D454" s="166">
        <v>0</v>
      </c>
      <c r="E454" s="166">
        <v>0</v>
      </c>
      <c r="F454" s="166">
        <v>0</v>
      </c>
      <c r="G454" s="166">
        <v>0</v>
      </c>
      <c r="H454" s="166">
        <v>0</v>
      </c>
      <c r="I454" s="166">
        <v>0</v>
      </c>
      <c r="J454" s="166">
        <v>0</v>
      </c>
      <c r="K454" s="166">
        <v>0</v>
      </c>
      <c r="L454" s="166">
        <v>0</v>
      </c>
      <c r="M454" s="166">
        <v>0</v>
      </c>
      <c r="N454" s="166">
        <v>0</v>
      </c>
      <c r="O454" s="166">
        <v>0</v>
      </c>
      <c r="P454" s="166">
        <v>0</v>
      </c>
      <c r="Q454" s="166">
        <v>0</v>
      </c>
      <c r="R454" s="166">
        <v>0</v>
      </c>
      <c r="S454" s="166">
        <v>0</v>
      </c>
      <c r="T454" s="166">
        <v>0</v>
      </c>
      <c r="U454" s="166">
        <v>0</v>
      </c>
      <c r="V454" s="166">
        <v>0</v>
      </c>
      <c r="W454" s="166">
        <v>0</v>
      </c>
      <c r="X454" s="166">
        <v>0</v>
      </c>
      <c r="Y454" s="166">
        <v>0</v>
      </c>
      <c r="Z454" s="166">
        <v>0</v>
      </c>
      <c r="AA454" s="166">
        <v>0</v>
      </c>
      <c r="AB454" s="166">
        <v>0</v>
      </c>
      <c r="AC454" s="166">
        <v>0</v>
      </c>
      <c r="AD454" s="166">
        <v>0</v>
      </c>
      <c r="AE454" s="166">
        <v>0</v>
      </c>
      <c r="AF454" s="166">
        <v>0</v>
      </c>
      <c r="AG454" s="166">
        <v>0</v>
      </c>
      <c r="AH454" s="166">
        <v>0</v>
      </c>
      <c r="AI454" s="166">
        <v>0</v>
      </c>
      <c r="AJ454" s="166">
        <v>0</v>
      </c>
      <c r="AK454" s="166">
        <v>0</v>
      </c>
      <c r="AL454" s="166">
        <v>0</v>
      </c>
      <c r="AM454" s="166">
        <v>0</v>
      </c>
      <c r="AN454" s="166">
        <v>0</v>
      </c>
      <c r="AO454" s="166">
        <v>0</v>
      </c>
      <c r="AP454" s="166">
        <v>0</v>
      </c>
      <c r="AQ454" s="166">
        <v>0</v>
      </c>
      <c r="AR454" s="166">
        <v>0</v>
      </c>
      <c r="AS454" s="166">
        <v>0</v>
      </c>
      <c r="AT454" s="166">
        <v>0</v>
      </c>
      <c r="AU454" s="166">
        <v>0</v>
      </c>
      <c r="AV454" s="166">
        <v>0</v>
      </c>
      <c r="AW454" s="166">
        <v>0</v>
      </c>
      <c r="AX454" s="166">
        <v>0</v>
      </c>
      <c r="AY454" s="166">
        <v>0</v>
      </c>
      <c r="AZ454" s="166">
        <v>0</v>
      </c>
      <c r="BA454" s="166">
        <v>0</v>
      </c>
      <c r="BB454" s="166">
        <v>0</v>
      </c>
      <c r="BC454" s="166">
        <v>0</v>
      </c>
      <c r="BD454" s="166">
        <v>0</v>
      </c>
      <c r="BE454" s="166">
        <v>0</v>
      </c>
      <c r="BF454" s="166">
        <v>0</v>
      </c>
      <c r="BG454" s="166">
        <v>0</v>
      </c>
      <c r="BH454" s="166">
        <v>0</v>
      </c>
      <c r="BI454" s="166">
        <v>0</v>
      </c>
      <c r="BJ454" s="166">
        <v>0</v>
      </c>
      <c r="BK454" s="166">
        <v>0</v>
      </c>
      <c r="BL454" s="166">
        <v>0</v>
      </c>
      <c r="BM454" s="166">
        <v>0</v>
      </c>
      <c r="BN454" s="166">
        <v>0</v>
      </c>
      <c r="BO454" s="166">
        <v>0</v>
      </c>
      <c r="BP454" s="166">
        <v>0</v>
      </c>
      <c r="BQ454" s="166">
        <v>0</v>
      </c>
      <c r="BR454" s="166">
        <v>0</v>
      </c>
      <c r="BS454" s="166">
        <v>0</v>
      </c>
      <c r="BT454" s="168">
        <v>0</v>
      </c>
      <c r="BU454" s="166">
        <v>0</v>
      </c>
      <c r="BV454" s="166">
        <v>0</v>
      </c>
      <c r="BW454" s="166">
        <v>0</v>
      </c>
      <c r="BX454" s="166">
        <v>0</v>
      </c>
      <c r="BY454" s="166">
        <v>0</v>
      </c>
      <c r="BZ454" s="166">
        <v>0</v>
      </c>
      <c r="CA454" s="166">
        <v>0</v>
      </c>
      <c r="CB454" s="166">
        <v>0</v>
      </c>
      <c r="CC454" s="166">
        <v>0</v>
      </c>
      <c r="CD454" s="166">
        <v>0</v>
      </c>
      <c r="CE454" s="166">
        <v>0</v>
      </c>
      <c r="CF454" s="166">
        <v>0</v>
      </c>
      <c r="CG454" s="166">
        <v>0</v>
      </c>
      <c r="CH454" s="166">
        <v>0</v>
      </c>
      <c r="CI454" s="166">
        <v>0</v>
      </c>
      <c r="CJ454" s="166">
        <v>0</v>
      </c>
      <c r="CK454" s="166">
        <v>0</v>
      </c>
      <c r="CL454" s="166">
        <v>0</v>
      </c>
      <c r="CM454" s="166">
        <v>0</v>
      </c>
      <c r="CN454" s="166">
        <v>0</v>
      </c>
      <c r="CO454" s="166">
        <v>0</v>
      </c>
      <c r="CP454" s="166">
        <v>0</v>
      </c>
      <c r="CQ454" s="166">
        <v>0</v>
      </c>
      <c r="CR454" s="166">
        <v>0</v>
      </c>
      <c r="CS454" s="166">
        <v>0</v>
      </c>
      <c r="CT454" s="166">
        <v>0</v>
      </c>
      <c r="CU454" s="166">
        <v>0</v>
      </c>
      <c r="CV454" s="166">
        <v>0</v>
      </c>
      <c r="CW454" s="166">
        <v>0</v>
      </c>
      <c r="CX454" s="166">
        <v>0</v>
      </c>
      <c r="CY454" s="166">
        <v>0</v>
      </c>
      <c r="CZ454" s="166">
        <v>0</v>
      </c>
    </row>
    <row r="455" spans="1:104" x14ac:dyDescent="0.2">
      <c r="A455" s="177" t="s">
        <v>544</v>
      </c>
      <c r="B455" s="166">
        <v>-3.6379788070917101E-9</v>
      </c>
      <c r="C455" s="166">
        <v>-3.6379788070917101E-9</v>
      </c>
      <c r="D455" s="166">
        <v>0</v>
      </c>
      <c r="E455" s="166">
        <v>0</v>
      </c>
      <c r="F455" s="166">
        <v>0</v>
      </c>
      <c r="G455" s="166">
        <v>0</v>
      </c>
      <c r="H455" s="166">
        <v>0</v>
      </c>
      <c r="I455" s="166">
        <v>0</v>
      </c>
      <c r="J455" s="166">
        <v>0</v>
      </c>
      <c r="K455" s="166">
        <v>0</v>
      </c>
      <c r="L455" s="166">
        <v>0</v>
      </c>
      <c r="M455" s="166">
        <v>0</v>
      </c>
      <c r="N455" s="166">
        <v>0</v>
      </c>
      <c r="O455" s="166">
        <v>0</v>
      </c>
      <c r="P455" s="166">
        <v>0</v>
      </c>
      <c r="Q455" s="166">
        <v>0</v>
      </c>
      <c r="R455" s="166">
        <v>0</v>
      </c>
      <c r="S455" s="166">
        <v>0</v>
      </c>
      <c r="T455" s="166">
        <v>0</v>
      </c>
      <c r="U455" s="166">
        <v>0</v>
      </c>
      <c r="V455" s="166">
        <v>0</v>
      </c>
      <c r="W455" s="166">
        <v>0</v>
      </c>
      <c r="X455" s="166">
        <v>0</v>
      </c>
      <c r="Y455" s="166">
        <v>0</v>
      </c>
      <c r="Z455" s="166">
        <v>0</v>
      </c>
      <c r="AA455" s="166">
        <v>0</v>
      </c>
      <c r="AB455" s="166">
        <v>0</v>
      </c>
      <c r="AC455" s="166">
        <v>0</v>
      </c>
      <c r="AD455" s="166">
        <v>0</v>
      </c>
      <c r="AE455" s="166">
        <v>0</v>
      </c>
      <c r="AF455" s="166">
        <v>0</v>
      </c>
      <c r="AG455" s="166">
        <v>0</v>
      </c>
      <c r="AH455" s="166">
        <v>0</v>
      </c>
      <c r="AI455" s="166">
        <v>0</v>
      </c>
      <c r="AJ455" s="166">
        <v>0</v>
      </c>
      <c r="AK455" s="166">
        <v>0</v>
      </c>
      <c r="AL455" s="166">
        <v>0</v>
      </c>
      <c r="AM455" s="166">
        <v>0</v>
      </c>
      <c r="AN455" s="166">
        <v>0</v>
      </c>
      <c r="AO455" s="166">
        <v>0</v>
      </c>
      <c r="AP455" s="166">
        <v>0</v>
      </c>
      <c r="AQ455" s="166">
        <v>0</v>
      </c>
      <c r="AR455" s="166">
        <v>0</v>
      </c>
      <c r="AS455" s="166">
        <v>0</v>
      </c>
      <c r="AT455" s="166">
        <v>0</v>
      </c>
      <c r="AU455" s="166">
        <v>0</v>
      </c>
      <c r="AV455" s="166">
        <v>0</v>
      </c>
      <c r="AW455" s="166">
        <v>0</v>
      </c>
      <c r="AX455" s="166">
        <v>0</v>
      </c>
      <c r="AY455" s="166">
        <v>0</v>
      </c>
      <c r="AZ455" s="166">
        <v>0</v>
      </c>
      <c r="BA455" s="166">
        <v>0</v>
      </c>
      <c r="BB455" s="166">
        <v>0</v>
      </c>
      <c r="BC455" s="166">
        <v>0</v>
      </c>
      <c r="BD455" s="166">
        <v>0</v>
      </c>
      <c r="BE455" s="166">
        <v>0</v>
      </c>
      <c r="BF455" s="166">
        <v>0</v>
      </c>
      <c r="BG455" s="166">
        <v>0</v>
      </c>
      <c r="BH455" s="166">
        <v>0</v>
      </c>
      <c r="BI455" s="166">
        <v>0</v>
      </c>
      <c r="BJ455" s="166">
        <v>0</v>
      </c>
      <c r="BK455" s="166">
        <v>0</v>
      </c>
      <c r="BL455" s="166">
        <v>0</v>
      </c>
      <c r="BM455" s="166">
        <v>0</v>
      </c>
      <c r="BN455" s="166">
        <v>0</v>
      </c>
      <c r="BO455" s="166">
        <v>0</v>
      </c>
      <c r="BP455" s="166">
        <v>0</v>
      </c>
      <c r="BQ455" s="166">
        <v>0</v>
      </c>
      <c r="BR455" s="166">
        <v>-3.6379788070917101E-9</v>
      </c>
      <c r="BS455" s="166">
        <v>-3.6379788070917101E-9</v>
      </c>
      <c r="BT455" s="168">
        <v>0</v>
      </c>
      <c r="BU455" s="166">
        <v>0</v>
      </c>
      <c r="BV455" s="166">
        <v>0</v>
      </c>
      <c r="BW455" s="166">
        <v>0</v>
      </c>
      <c r="BX455" s="166">
        <v>0</v>
      </c>
      <c r="BY455" s="166">
        <v>0</v>
      </c>
      <c r="BZ455" s="166">
        <v>0</v>
      </c>
      <c r="CA455" s="166">
        <v>0</v>
      </c>
      <c r="CB455" s="166">
        <v>0</v>
      </c>
      <c r="CC455" s="166">
        <v>0</v>
      </c>
      <c r="CD455" s="166">
        <v>0</v>
      </c>
      <c r="CE455" s="166">
        <v>0</v>
      </c>
      <c r="CF455" s="166">
        <v>0</v>
      </c>
      <c r="CG455" s="166">
        <v>0</v>
      </c>
      <c r="CH455" s="166">
        <v>0</v>
      </c>
      <c r="CI455" s="166">
        <v>0</v>
      </c>
      <c r="CJ455" s="166">
        <v>0</v>
      </c>
      <c r="CK455" s="166">
        <v>0</v>
      </c>
      <c r="CL455" s="166">
        <v>0</v>
      </c>
      <c r="CM455" s="166">
        <v>0</v>
      </c>
      <c r="CN455" s="166">
        <v>0</v>
      </c>
      <c r="CO455" s="166">
        <v>0</v>
      </c>
      <c r="CP455" s="166">
        <v>0</v>
      </c>
      <c r="CQ455" s="166">
        <v>0</v>
      </c>
      <c r="CR455" s="166">
        <v>0</v>
      </c>
      <c r="CS455" s="166">
        <v>0</v>
      </c>
      <c r="CT455" s="166">
        <v>0</v>
      </c>
      <c r="CU455" s="166">
        <v>0</v>
      </c>
      <c r="CV455" s="166">
        <v>0</v>
      </c>
      <c r="CW455" s="166">
        <v>0</v>
      </c>
      <c r="CX455" s="166">
        <v>0</v>
      </c>
      <c r="CY455" s="166">
        <v>0</v>
      </c>
      <c r="CZ455" s="166">
        <v>0</v>
      </c>
    </row>
    <row r="456" spans="1:104" x14ac:dyDescent="0.2">
      <c r="A456" s="177" t="s">
        <v>545</v>
      </c>
      <c r="B456" s="166">
        <v>0</v>
      </c>
      <c r="C456" s="166">
        <v>0</v>
      </c>
      <c r="D456" s="166">
        <v>0</v>
      </c>
      <c r="E456" s="166">
        <v>0</v>
      </c>
      <c r="F456" s="166">
        <v>0</v>
      </c>
      <c r="G456" s="166">
        <v>0</v>
      </c>
      <c r="H456" s="166">
        <v>0</v>
      </c>
      <c r="I456" s="166">
        <v>0</v>
      </c>
      <c r="J456" s="166">
        <v>0</v>
      </c>
      <c r="K456" s="166">
        <v>0</v>
      </c>
      <c r="L456" s="166">
        <v>0</v>
      </c>
      <c r="M456" s="166">
        <v>0</v>
      </c>
      <c r="N456" s="166">
        <v>0</v>
      </c>
      <c r="O456" s="166">
        <v>0</v>
      </c>
      <c r="P456" s="166">
        <v>0</v>
      </c>
      <c r="Q456" s="166">
        <v>0</v>
      </c>
      <c r="R456" s="166">
        <v>0</v>
      </c>
      <c r="S456" s="166">
        <v>0</v>
      </c>
      <c r="T456" s="166">
        <v>0</v>
      </c>
      <c r="U456" s="166">
        <v>0</v>
      </c>
      <c r="V456" s="166">
        <v>0</v>
      </c>
      <c r="W456" s="166">
        <v>0</v>
      </c>
      <c r="X456" s="166">
        <v>0</v>
      </c>
      <c r="Y456" s="166">
        <v>0</v>
      </c>
      <c r="Z456" s="166">
        <v>0</v>
      </c>
      <c r="AA456" s="166">
        <v>0</v>
      </c>
      <c r="AB456" s="166">
        <v>0</v>
      </c>
      <c r="AC456" s="166">
        <v>0</v>
      </c>
      <c r="AD456" s="166">
        <v>0</v>
      </c>
      <c r="AE456" s="166">
        <v>0</v>
      </c>
      <c r="AF456" s="166">
        <v>0</v>
      </c>
      <c r="AG456" s="166">
        <v>0</v>
      </c>
      <c r="AH456" s="166">
        <v>0</v>
      </c>
      <c r="AI456" s="166">
        <v>0</v>
      </c>
      <c r="AJ456" s="166">
        <v>0</v>
      </c>
      <c r="AK456" s="166">
        <v>0</v>
      </c>
      <c r="AL456" s="166">
        <v>0</v>
      </c>
      <c r="AM456" s="166">
        <v>0</v>
      </c>
      <c r="AN456" s="166">
        <v>0</v>
      </c>
      <c r="AO456" s="166">
        <v>0</v>
      </c>
      <c r="AP456" s="166">
        <v>0</v>
      </c>
      <c r="AQ456" s="166">
        <v>0</v>
      </c>
      <c r="AR456" s="166">
        <v>0</v>
      </c>
      <c r="AS456" s="166">
        <v>0</v>
      </c>
      <c r="AT456" s="166">
        <v>0</v>
      </c>
      <c r="AU456" s="166">
        <v>0</v>
      </c>
      <c r="AV456" s="166">
        <v>0</v>
      </c>
      <c r="AW456" s="166">
        <v>0</v>
      </c>
      <c r="AX456" s="166">
        <v>0</v>
      </c>
      <c r="AY456" s="166">
        <v>0</v>
      </c>
      <c r="AZ456" s="166">
        <v>0</v>
      </c>
      <c r="BA456" s="166">
        <v>0</v>
      </c>
      <c r="BB456" s="166">
        <v>0</v>
      </c>
      <c r="BC456" s="166">
        <v>0</v>
      </c>
      <c r="BD456" s="166">
        <v>0</v>
      </c>
      <c r="BE456" s="166">
        <v>0</v>
      </c>
      <c r="BF456" s="166">
        <v>0</v>
      </c>
      <c r="BG456" s="166">
        <v>0</v>
      </c>
      <c r="BH456" s="166">
        <v>0</v>
      </c>
      <c r="BI456" s="166">
        <v>0</v>
      </c>
      <c r="BJ456" s="166">
        <v>0</v>
      </c>
      <c r="BK456" s="166">
        <v>0</v>
      </c>
      <c r="BL456" s="166">
        <v>0</v>
      </c>
      <c r="BM456" s="166">
        <v>0</v>
      </c>
      <c r="BN456" s="166">
        <v>0</v>
      </c>
      <c r="BO456" s="166">
        <v>0</v>
      </c>
      <c r="BP456" s="166">
        <v>0</v>
      </c>
      <c r="BQ456" s="166">
        <v>0</v>
      </c>
      <c r="BR456" s="166">
        <v>0</v>
      </c>
      <c r="BS456" s="166">
        <v>0</v>
      </c>
      <c r="BT456" s="168">
        <v>0</v>
      </c>
      <c r="BU456" s="166">
        <v>0</v>
      </c>
      <c r="BV456" s="166">
        <v>0</v>
      </c>
      <c r="BW456" s="166">
        <v>0</v>
      </c>
      <c r="BX456" s="166">
        <v>0</v>
      </c>
      <c r="BY456" s="166">
        <v>0</v>
      </c>
      <c r="BZ456" s="166">
        <v>0</v>
      </c>
      <c r="CA456" s="166">
        <v>0</v>
      </c>
      <c r="CB456" s="166">
        <v>0</v>
      </c>
      <c r="CC456" s="166">
        <v>0</v>
      </c>
      <c r="CD456" s="166">
        <v>0</v>
      </c>
      <c r="CE456" s="166">
        <v>0</v>
      </c>
      <c r="CF456" s="166">
        <v>0</v>
      </c>
      <c r="CG456" s="166">
        <v>0</v>
      </c>
      <c r="CH456" s="166">
        <v>0</v>
      </c>
      <c r="CI456" s="166">
        <v>0</v>
      </c>
      <c r="CJ456" s="166">
        <v>0</v>
      </c>
      <c r="CK456" s="166">
        <v>0</v>
      </c>
      <c r="CL456" s="166">
        <v>0</v>
      </c>
      <c r="CM456" s="166">
        <v>0</v>
      </c>
      <c r="CN456" s="166">
        <v>0</v>
      </c>
      <c r="CO456" s="166">
        <v>0</v>
      </c>
      <c r="CP456" s="166">
        <v>0</v>
      </c>
      <c r="CQ456" s="166">
        <v>0</v>
      </c>
      <c r="CR456" s="166">
        <v>0</v>
      </c>
      <c r="CS456" s="166">
        <v>0</v>
      </c>
      <c r="CT456" s="166">
        <v>0</v>
      </c>
      <c r="CU456" s="166">
        <v>0</v>
      </c>
      <c r="CV456" s="166">
        <v>0</v>
      </c>
      <c r="CW456" s="166">
        <v>0</v>
      </c>
      <c r="CX456" s="166">
        <v>0</v>
      </c>
      <c r="CY456" s="166">
        <v>0</v>
      </c>
      <c r="CZ456" s="166">
        <v>0</v>
      </c>
    </row>
    <row r="457" spans="1:104" x14ac:dyDescent="0.2">
      <c r="A457" s="167" t="s">
        <v>546</v>
      </c>
      <c r="B457" s="166">
        <v>0</v>
      </c>
      <c r="C457" s="166">
        <v>0</v>
      </c>
      <c r="D457" s="166">
        <v>0</v>
      </c>
      <c r="E457" s="166">
        <v>0</v>
      </c>
      <c r="F457" s="166">
        <v>0</v>
      </c>
      <c r="G457" s="166">
        <v>0</v>
      </c>
      <c r="H457" s="166">
        <v>0</v>
      </c>
      <c r="I457" s="166">
        <v>0</v>
      </c>
      <c r="J457" s="166">
        <v>0</v>
      </c>
      <c r="K457" s="166">
        <v>0</v>
      </c>
      <c r="L457" s="166">
        <v>0</v>
      </c>
      <c r="M457" s="166">
        <v>0</v>
      </c>
      <c r="N457" s="166">
        <v>0</v>
      </c>
      <c r="O457" s="166">
        <v>0</v>
      </c>
      <c r="P457" s="166">
        <v>0</v>
      </c>
      <c r="Q457" s="166">
        <v>0</v>
      </c>
      <c r="R457" s="166">
        <v>0</v>
      </c>
      <c r="S457" s="166">
        <v>0</v>
      </c>
      <c r="T457" s="166">
        <v>0</v>
      </c>
      <c r="U457" s="166">
        <v>0</v>
      </c>
      <c r="V457" s="166">
        <v>0</v>
      </c>
      <c r="W457" s="166">
        <v>0</v>
      </c>
      <c r="X457" s="166">
        <v>0</v>
      </c>
      <c r="Y457" s="166">
        <v>0</v>
      </c>
      <c r="Z457" s="166">
        <v>0</v>
      </c>
      <c r="AA457" s="166">
        <v>0</v>
      </c>
      <c r="AB457" s="166">
        <v>0</v>
      </c>
      <c r="AC457" s="166">
        <v>0</v>
      </c>
      <c r="AD457" s="166">
        <v>0</v>
      </c>
      <c r="AE457" s="166">
        <v>0</v>
      </c>
      <c r="AF457" s="166">
        <v>0</v>
      </c>
      <c r="AG457" s="166">
        <v>0</v>
      </c>
      <c r="AH457" s="166">
        <v>0</v>
      </c>
      <c r="AI457" s="166">
        <v>0</v>
      </c>
      <c r="AJ457" s="166">
        <v>0</v>
      </c>
      <c r="AK457" s="166">
        <v>0</v>
      </c>
      <c r="AL457" s="166">
        <v>0</v>
      </c>
      <c r="AM457" s="166">
        <v>0</v>
      </c>
      <c r="AN457" s="166">
        <v>0</v>
      </c>
      <c r="AO457" s="166">
        <v>0</v>
      </c>
      <c r="AP457" s="166">
        <v>0</v>
      </c>
      <c r="AQ457" s="166">
        <v>0</v>
      </c>
      <c r="AR457" s="166">
        <v>0</v>
      </c>
      <c r="AS457" s="166">
        <v>0</v>
      </c>
      <c r="AT457" s="166">
        <v>0</v>
      </c>
      <c r="AU457" s="166">
        <v>0</v>
      </c>
      <c r="AV457" s="166">
        <v>0</v>
      </c>
      <c r="AW457" s="166">
        <v>0</v>
      </c>
      <c r="AX457" s="166">
        <v>0</v>
      </c>
      <c r="AY457" s="166">
        <v>0</v>
      </c>
      <c r="AZ457" s="166">
        <v>0</v>
      </c>
      <c r="BA457" s="166">
        <v>0</v>
      </c>
      <c r="BB457" s="166">
        <v>0</v>
      </c>
      <c r="BC457" s="166">
        <v>0</v>
      </c>
      <c r="BD457" s="166">
        <v>0</v>
      </c>
      <c r="BE457" s="166">
        <v>0</v>
      </c>
      <c r="BF457" s="166">
        <v>0</v>
      </c>
      <c r="BG457" s="166">
        <v>0</v>
      </c>
      <c r="BH457" s="166">
        <v>0</v>
      </c>
      <c r="BI457" s="166">
        <v>0</v>
      </c>
      <c r="BJ457" s="166">
        <v>0</v>
      </c>
      <c r="BK457" s="166">
        <v>0</v>
      </c>
      <c r="BL457" s="166">
        <v>0</v>
      </c>
      <c r="BM457" s="166">
        <v>0</v>
      </c>
      <c r="BN457" s="166">
        <v>0</v>
      </c>
      <c r="BO457" s="166">
        <v>0</v>
      </c>
      <c r="BP457" s="166">
        <v>0</v>
      </c>
      <c r="BQ457" s="166">
        <v>0</v>
      </c>
      <c r="BR457" s="166">
        <v>0</v>
      </c>
      <c r="BS457" s="166">
        <v>0</v>
      </c>
      <c r="BT457" s="168">
        <v>0</v>
      </c>
      <c r="BU457" s="166">
        <v>0</v>
      </c>
      <c r="BV457" s="166">
        <v>0</v>
      </c>
      <c r="BW457" s="166">
        <v>0</v>
      </c>
      <c r="BX457" s="166">
        <v>0</v>
      </c>
      <c r="BY457" s="166">
        <v>0</v>
      </c>
      <c r="BZ457" s="166">
        <v>0</v>
      </c>
      <c r="CA457" s="166">
        <v>0</v>
      </c>
      <c r="CB457" s="166">
        <v>0</v>
      </c>
      <c r="CC457" s="166">
        <v>0</v>
      </c>
      <c r="CD457" s="166">
        <v>0</v>
      </c>
      <c r="CE457" s="166">
        <v>0</v>
      </c>
      <c r="CF457" s="166">
        <v>0</v>
      </c>
      <c r="CG457" s="166">
        <v>0</v>
      </c>
      <c r="CH457" s="166">
        <v>0</v>
      </c>
      <c r="CI457" s="166">
        <v>0</v>
      </c>
      <c r="CJ457" s="166">
        <v>0</v>
      </c>
      <c r="CK457" s="166">
        <v>0</v>
      </c>
      <c r="CL457" s="166">
        <v>0</v>
      </c>
      <c r="CM457" s="166">
        <v>0</v>
      </c>
      <c r="CN457" s="166">
        <v>0</v>
      </c>
      <c r="CO457" s="166">
        <v>0</v>
      </c>
      <c r="CP457" s="166">
        <v>0</v>
      </c>
      <c r="CQ457" s="166">
        <v>0</v>
      </c>
      <c r="CR457" s="166">
        <v>0</v>
      </c>
      <c r="CS457" s="166">
        <v>0</v>
      </c>
      <c r="CT457" s="166">
        <v>0</v>
      </c>
      <c r="CU457" s="166">
        <v>0</v>
      </c>
      <c r="CV457" s="166">
        <v>0</v>
      </c>
      <c r="CW457" s="166">
        <v>0</v>
      </c>
      <c r="CX457" s="166">
        <v>0</v>
      </c>
      <c r="CY457" s="166">
        <v>0</v>
      </c>
      <c r="CZ457" s="166">
        <v>0</v>
      </c>
    </row>
    <row r="458" spans="1:104" x14ac:dyDescent="0.2">
      <c r="A458" s="167" t="s">
        <v>547</v>
      </c>
      <c r="B458" s="166">
        <v>0</v>
      </c>
      <c r="C458" s="166">
        <v>0</v>
      </c>
      <c r="D458" s="166">
        <v>0</v>
      </c>
      <c r="E458" s="166">
        <v>0</v>
      </c>
      <c r="F458" s="166">
        <v>0</v>
      </c>
      <c r="G458" s="166">
        <v>0</v>
      </c>
      <c r="H458" s="166">
        <v>0</v>
      </c>
      <c r="I458" s="166">
        <v>0</v>
      </c>
      <c r="J458" s="166">
        <v>0</v>
      </c>
      <c r="K458" s="166">
        <v>0</v>
      </c>
      <c r="L458" s="166">
        <v>0</v>
      </c>
      <c r="M458" s="166">
        <v>0</v>
      </c>
      <c r="N458" s="166">
        <v>0</v>
      </c>
      <c r="O458" s="166">
        <v>0</v>
      </c>
      <c r="P458" s="166">
        <v>0</v>
      </c>
      <c r="Q458" s="166">
        <v>0</v>
      </c>
      <c r="R458" s="166">
        <v>0</v>
      </c>
      <c r="S458" s="166">
        <v>0</v>
      </c>
      <c r="T458" s="166">
        <v>0</v>
      </c>
      <c r="U458" s="166">
        <v>0</v>
      </c>
      <c r="V458" s="166">
        <v>0</v>
      </c>
      <c r="W458" s="166">
        <v>0</v>
      </c>
      <c r="X458" s="166">
        <v>0</v>
      </c>
      <c r="Y458" s="166">
        <v>0</v>
      </c>
      <c r="Z458" s="166">
        <v>0</v>
      </c>
      <c r="AA458" s="166">
        <v>0</v>
      </c>
      <c r="AB458" s="166">
        <v>0</v>
      </c>
      <c r="AC458" s="166">
        <v>0</v>
      </c>
      <c r="AD458" s="166">
        <v>0</v>
      </c>
      <c r="AE458" s="166">
        <v>0</v>
      </c>
      <c r="AF458" s="166">
        <v>0</v>
      </c>
      <c r="AG458" s="166">
        <v>0</v>
      </c>
      <c r="AH458" s="166">
        <v>0</v>
      </c>
      <c r="AI458" s="166">
        <v>0</v>
      </c>
      <c r="AJ458" s="166">
        <v>0</v>
      </c>
      <c r="AK458" s="166">
        <v>0</v>
      </c>
      <c r="AL458" s="166">
        <v>0</v>
      </c>
      <c r="AM458" s="166">
        <v>0</v>
      </c>
      <c r="AN458" s="166">
        <v>0</v>
      </c>
      <c r="AO458" s="166">
        <v>0</v>
      </c>
      <c r="AP458" s="166">
        <v>0</v>
      </c>
      <c r="AQ458" s="166">
        <v>0</v>
      </c>
      <c r="AR458" s="166">
        <v>0</v>
      </c>
      <c r="AS458" s="166">
        <v>0</v>
      </c>
      <c r="AT458" s="166">
        <v>0</v>
      </c>
      <c r="AU458" s="166">
        <v>0</v>
      </c>
      <c r="AV458" s="166">
        <v>0</v>
      </c>
      <c r="AW458" s="166">
        <v>0</v>
      </c>
      <c r="AX458" s="166">
        <v>0</v>
      </c>
      <c r="AY458" s="166">
        <v>0</v>
      </c>
      <c r="AZ458" s="166">
        <v>0</v>
      </c>
      <c r="BA458" s="166">
        <v>0</v>
      </c>
      <c r="BB458" s="166">
        <v>0</v>
      </c>
      <c r="BC458" s="166">
        <v>0</v>
      </c>
      <c r="BD458" s="166">
        <v>0</v>
      </c>
      <c r="BE458" s="166">
        <v>0</v>
      </c>
      <c r="BF458" s="166">
        <v>0</v>
      </c>
      <c r="BG458" s="166">
        <v>0</v>
      </c>
      <c r="BH458" s="166">
        <v>0</v>
      </c>
      <c r="BI458" s="166">
        <v>0</v>
      </c>
      <c r="BJ458" s="166">
        <v>0</v>
      </c>
      <c r="BK458" s="166">
        <v>0</v>
      </c>
      <c r="BL458" s="166">
        <v>0</v>
      </c>
      <c r="BM458" s="166">
        <v>0</v>
      </c>
      <c r="BN458" s="166">
        <v>0</v>
      </c>
      <c r="BO458" s="166">
        <v>0</v>
      </c>
      <c r="BP458" s="166">
        <v>0</v>
      </c>
      <c r="BQ458" s="166">
        <v>0</v>
      </c>
      <c r="BR458" s="166">
        <v>0</v>
      </c>
      <c r="BS458" s="166">
        <v>0</v>
      </c>
      <c r="BT458" s="168">
        <v>0</v>
      </c>
      <c r="BU458" s="166">
        <v>0</v>
      </c>
      <c r="BV458" s="166">
        <v>0</v>
      </c>
      <c r="BW458" s="166">
        <v>0</v>
      </c>
      <c r="BX458" s="166">
        <v>0</v>
      </c>
      <c r="BY458" s="166">
        <v>0</v>
      </c>
      <c r="BZ458" s="166">
        <v>0</v>
      </c>
      <c r="CA458" s="166">
        <v>0</v>
      </c>
      <c r="CB458" s="166">
        <v>0</v>
      </c>
      <c r="CC458" s="166">
        <v>0</v>
      </c>
      <c r="CD458" s="166">
        <v>0</v>
      </c>
      <c r="CE458" s="166">
        <v>0</v>
      </c>
      <c r="CF458" s="166">
        <v>0</v>
      </c>
      <c r="CG458" s="166">
        <v>0</v>
      </c>
      <c r="CH458" s="166">
        <v>0</v>
      </c>
      <c r="CI458" s="166">
        <v>0</v>
      </c>
      <c r="CJ458" s="166">
        <v>0</v>
      </c>
      <c r="CK458" s="166">
        <v>0</v>
      </c>
      <c r="CL458" s="166">
        <v>0</v>
      </c>
      <c r="CM458" s="166">
        <v>0</v>
      </c>
      <c r="CN458" s="166">
        <v>0</v>
      </c>
      <c r="CO458" s="166">
        <v>0</v>
      </c>
      <c r="CP458" s="166">
        <v>0</v>
      </c>
      <c r="CQ458" s="166">
        <v>0</v>
      </c>
      <c r="CR458" s="166">
        <v>0</v>
      </c>
      <c r="CS458" s="166">
        <v>0</v>
      </c>
      <c r="CT458" s="166">
        <v>0</v>
      </c>
      <c r="CU458" s="166">
        <v>0</v>
      </c>
      <c r="CV458" s="166">
        <v>0</v>
      </c>
      <c r="CW458" s="166">
        <v>0</v>
      </c>
      <c r="CX458" s="166">
        <v>0</v>
      </c>
      <c r="CY458" s="166">
        <v>0</v>
      </c>
      <c r="CZ458" s="166">
        <v>0</v>
      </c>
    </row>
    <row r="459" spans="1:104" x14ac:dyDescent="0.2">
      <c r="A459" s="167" t="s">
        <v>548</v>
      </c>
      <c r="B459" s="166">
        <v>0</v>
      </c>
      <c r="C459" s="166">
        <v>0</v>
      </c>
      <c r="D459" s="166">
        <v>0</v>
      </c>
      <c r="E459" s="166">
        <v>0</v>
      </c>
      <c r="F459" s="166">
        <v>0</v>
      </c>
      <c r="G459" s="166">
        <v>0</v>
      </c>
      <c r="H459" s="166">
        <v>0</v>
      </c>
      <c r="I459" s="166">
        <v>0</v>
      </c>
      <c r="J459" s="166">
        <v>0</v>
      </c>
      <c r="K459" s="166">
        <v>0</v>
      </c>
      <c r="L459" s="166">
        <v>0</v>
      </c>
      <c r="M459" s="166">
        <v>0</v>
      </c>
      <c r="N459" s="166">
        <v>0</v>
      </c>
      <c r="O459" s="166">
        <v>0</v>
      </c>
      <c r="P459" s="166">
        <v>0</v>
      </c>
      <c r="Q459" s="166">
        <v>0</v>
      </c>
      <c r="R459" s="166">
        <v>0</v>
      </c>
      <c r="S459" s="166">
        <v>0</v>
      </c>
      <c r="T459" s="166">
        <v>0</v>
      </c>
      <c r="U459" s="166">
        <v>0</v>
      </c>
      <c r="V459" s="166">
        <v>0</v>
      </c>
      <c r="W459" s="166">
        <v>0</v>
      </c>
      <c r="X459" s="166">
        <v>0</v>
      </c>
      <c r="Y459" s="166">
        <v>0</v>
      </c>
      <c r="Z459" s="166">
        <v>0</v>
      </c>
      <c r="AA459" s="166">
        <v>0</v>
      </c>
      <c r="AB459" s="166">
        <v>0</v>
      </c>
      <c r="AC459" s="166">
        <v>0</v>
      </c>
      <c r="AD459" s="166">
        <v>0</v>
      </c>
      <c r="AE459" s="166">
        <v>0</v>
      </c>
      <c r="AF459" s="166">
        <v>0</v>
      </c>
      <c r="AG459" s="166">
        <v>0</v>
      </c>
      <c r="AH459" s="166">
        <v>0</v>
      </c>
      <c r="AI459" s="166">
        <v>0</v>
      </c>
      <c r="AJ459" s="166">
        <v>0</v>
      </c>
      <c r="AK459" s="166">
        <v>0</v>
      </c>
      <c r="AL459" s="166">
        <v>0</v>
      </c>
      <c r="AM459" s="166">
        <v>0</v>
      </c>
      <c r="AN459" s="166">
        <v>0</v>
      </c>
      <c r="AO459" s="166">
        <v>0</v>
      </c>
      <c r="AP459" s="166">
        <v>0</v>
      </c>
      <c r="AQ459" s="166">
        <v>0</v>
      </c>
      <c r="AR459" s="166">
        <v>0</v>
      </c>
      <c r="AS459" s="166">
        <v>0</v>
      </c>
      <c r="AT459" s="166">
        <v>0</v>
      </c>
      <c r="AU459" s="166">
        <v>0</v>
      </c>
      <c r="AV459" s="166">
        <v>0</v>
      </c>
      <c r="AW459" s="166">
        <v>0</v>
      </c>
      <c r="AX459" s="166">
        <v>0</v>
      </c>
      <c r="AY459" s="166">
        <v>0</v>
      </c>
      <c r="AZ459" s="166">
        <v>0</v>
      </c>
      <c r="BA459" s="166">
        <v>0</v>
      </c>
      <c r="BB459" s="166">
        <v>0</v>
      </c>
      <c r="BC459" s="166">
        <v>0</v>
      </c>
      <c r="BD459" s="166">
        <v>0</v>
      </c>
      <c r="BE459" s="166">
        <v>0</v>
      </c>
      <c r="BF459" s="166">
        <v>0</v>
      </c>
      <c r="BG459" s="166">
        <v>0</v>
      </c>
      <c r="BH459" s="166">
        <v>0</v>
      </c>
      <c r="BI459" s="166">
        <v>0</v>
      </c>
      <c r="BJ459" s="166">
        <v>0</v>
      </c>
      <c r="BK459" s="166">
        <v>0</v>
      </c>
      <c r="BL459" s="166">
        <v>0</v>
      </c>
      <c r="BM459" s="166">
        <v>0</v>
      </c>
      <c r="BN459" s="166">
        <v>0</v>
      </c>
      <c r="BO459" s="166">
        <v>0</v>
      </c>
      <c r="BP459" s="166">
        <v>0</v>
      </c>
      <c r="BQ459" s="166">
        <v>0</v>
      </c>
      <c r="BR459" s="166">
        <v>0</v>
      </c>
      <c r="BS459" s="166">
        <v>0</v>
      </c>
      <c r="BT459" s="168">
        <v>0</v>
      </c>
      <c r="BU459" s="166">
        <v>0</v>
      </c>
      <c r="BV459" s="166">
        <v>0</v>
      </c>
      <c r="BW459" s="166">
        <v>0</v>
      </c>
      <c r="BX459" s="166">
        <v>0</v>
      </c>
      <c r="BY459" s="166">
        <v>0</v>
      </c>
      <c r="BZ459" s="166">
        <v>0</v>
      </c>
      <c r="CA459" s="166">
        <v>0</v>
      </c>
      <c r="CB459" s="166">
        <v>0</v>
      </c>
      <c r="CC459" s="166">
        <v>0</v>
      </c>
      <c r="CD459" s="166">
        <v>0</v>
      </c>
      <c r="CE459" s="166">
        <v>0</v>
      </c>
      <c r="CF459" s="166">
        <v>0</v>
      </c>
      <c r="CG459" s="166">
        <v>0</v>
      </c>
      <c r="CH459" s="166">
        <v>0</v>
      </c>
      <c r="CI459" s="166">
        <v>0</v>
      </c>
      <c r="CJ459" s="166">
        <v>0</v>
      </c>
      <c r="CK459" s="166">
        <v>0</v>
      </c>
      <c r="CL459" s="166">
        <v>0</v>
      </c>
      <c r="CM459" s="166">
        <v>0</v>
      </c>
      <c r="CN459" s="166">
        <v>0</v>
      </c>
      <c r="CO459" s="166">
        <v>0</v>
      </c>
      <c r="CP459" s="166">
        <v>0</v>
      </c>
      <c r="CQ459" s="166">
        <v>0</v>
      </c>
      <c r="CR459" s="166">
        <v>0</v>
      </c>
      <c r="CS459" s="166">
        <v>0</v>
      </c>
      <c r="CT459" s="166">
        <v>0</v>
      </c>
      <c r="CU459" s="166">
        <v>0</v>
      </c>
      <c r="CV459" s="166">
        <v>0</v>
      </c>
      <c r="CW459" s="166">
        <v>0</v>
      </c>
      <c r="CX459" s="166">
        <v>0</v>
      </c>
      <c r="CY459" s="166">
        <v>0</v>
      </c>
      <c r="CZ459" s="166">
        <v>0</v>
      </c>
    </row>
    <row r="460" spans="1:104" x14ac:dyDescent="0.2">
      <c r="A460" s="167" t="s">
        <v>549</v>
      </c>
      <c r="B460" s="166">
        <v>0</v>
      </c>
      <c r="C460" s="166">
        <v>0</v>
      </c>
      <c r="D460" s="166">
        <v>0</v>
      </c>
      <c r="E460" s="166">
        <v>0</v>
      </c>
      <c r="F460" s="166">
        <v>0</v>
      </c>
      <c r="G460" s="166">
        <v>0</v>
      </c>
      <c r="H460" s="166">
        <v>0</v>
      </c>
      <c r="I460" s="166">
        <v>0</v>
      </c>
      <c r="J460" s="166">
        <v>0</v>
      </c>
      <c r="K460" s="166">
        <v>0</v>
      </c>
      <c r="L460" s="166">
        <v>0</v>
      </c>
      <c r="M460" s="166">
        <v>0</v>
      </c>
      <c r="N460" s="166">
        <v>0</v>
      </c>
      <c r="O460" s="166">
        <v>0</v>
      </c>
      <c r="P460" s="166">
        <v>0</v>
      </c>
      <c r="Q460" s="166">
        <v>0</v>
      </c>
      <c r="R460" s="166">
        <v>0</v>
      </c>
      <c r="S460" s="166">
        <v>0</v>
      </c>
      <c r="T460" s="166">
        <v>0</v>
      </c>
      <c r="U460" s="166">
        <v>0</v>
      </c>
      <c r="V460" s="166">
        <v>0</v>
      </c>
      <c r="W460" s="166">
        <v>0</v>
      </c>
      <c r="X460" s="166">
        <v>0</v>
      </c>
      <c r="Y460" s="166">
        <v>0</v>
      </c>
      <c r="Z460" s="166">
        <v>0</v>
      </c>
      <c r="AA460" s="166">
        <v>0</v>
      </c>
      <c r="AB460" s="166">
        <v>0</v>
      </c>
      <c r="AC460" s="166">
        <v>0</v>
      </c>
      <c r="AD460" s="166">
        <v>0</v>
      </c>
      <c r="AE460" s="166">
        <v>0</v>
      </c>
      <c r="AF460" s="166">
        <v>0</v>
      </c>
      <c r="AG460" s="166">
        <v>0</v>
      </c>
      <c r="AH460" s="166">
        <v>0</v>
      </c>
      <c r="AI460" s="166">
        <v>0</v>
      </c>
      <c r="AJ460" s="166">
        <v>0</v>
      </c>
      <c r="AK460" s="166">
        <v>0</v>
      </c>
      <c r="AL460" s="166">
        <v>0</v>
      </c>
      <c r="AM460" s="166">
        <v>0</v>
      </c>
      <c r="AN460" s="166">
        <v>0</v>
      </c>
      <c r="AO460" s="166">
        <v>0</v>
      </c>
      <c r="AP460" s="166">
        <v>0</v>
      </c>
      <c r="AQ460" s="166">
        <v>0</v>
      </c>
      <c r="AR460" s="166">
        <v>0</v>
      </c>
      <c r="AS460" s="166">
        <v>0</v>
      </c>
      <c r="AT460" s="166">
        <v>0</v>
      </c>
      <c r="AU460" s="166">
        <v>0</v>
      </c>
      <c r="AV460" s="166">
        <v>0</v>
      </c>
      <c r="AW460" s="166">
        <v>0</v>
      </c>
      <c r="AX460" s="166">
        <v>0</v>
      </c>
      <c r="AY460" s="166">
        <v>0</v>
      </c>
      <c r="AZ460" s="166">
        <v>0</v>
      </c>
      <c r="BA460" s="166">
        <v>0</v>
      </c>
      <c r="BB460" s="166">
        <v>0</v>
      </c>
      <c r="BC460" s="166">
        <v>0</v>
      </c>
      <c r="BD460" s="166">
        <v>0</v>
      </c>
      <c r="BE460" s="166">
        <v>0</v>
      </c>
      <c r="BF460" s="166">
        <v>0</v>
      </c>
      <c r="BG460" s="166">
        <v>0</v>
      </c>
      <c r="BH460" s="166">
        <v>0</v>
      </c>
      <c r="BI460" s="166">
        <v>0</v>
      </c>
      <c r="BJ460" s="166">
        <v>0</v>
      </c>
      <c r="BK460" s="166">
        <v>0</v>
      </c>
      <c r="BL460" s="166">
        <v>0</v>
      </c>
      <c r="BM460" s="166">
        <v>0</v>
      </c>
      <c r="BN460" s="166">
        <v>0</v>
      </c>
      <c r="BO460" s="166">
        <v>0</v>
      </c>
      <c r="BP460" s="166">
        <v>0</v>
      </c>
      <c r="BQ460" s="166">
        <v>0</v>
      </c>
      <c r="BR460" s="166">
        <v>0</v>
      </c>
      <c r="BS460" s="166">
        <v>0</v>
      </c>
      <c r="BT460" s="168">
        <v>0</v>
      </c>
      <c r="BU460" s="166">
        <v>0</v>
      </c>
      <c r="BV460" s="166">
        <v>0</v>
      </c>
      <c r="BW460" s="166">
        <v>0</v>
      </c>
      <c r="BX460" s="166">
        <v>0</v>
      </c>
      <c r="BY460" s="166">
        <v>0</v>
      </c>
      <c r="BZ460" s="166">
        <v>0</v>
      </c>
      <c r="CA460" s="166">
        <v>0</v>
      </c>
      <c r="CB460" s="166">
        <v>0</v>
      </c>
      <c r="CC460" s="166">
        <v>0</v>
      </c>
      <c r="CD460" s="166">
        <v>0</v>
      </c>
      <c r="CE460" s="166">
        <v>0</v>
      </c>
      <c r="CF460" s="166">
        <v>0</v>
      </c>
      <c r="CG460" s="166">
        <v>0</v>
      </c>
      <c r="CH460" s="166">
        <v>0</v>
      </c>
      <c r="CI460" s="166">
        <v>0</v>
      </c>
      <c r="CJ460" s="166">
        <v>0</v>
      </c>
      <c r="CK460" s="166">
        <v>0</v>
      </c>
      <c r="CL460" s="166">
        <v>0</v>
      </c>
      <c r="CM460" s="166">
        <v>0</v>
      </c>
      <c r="CN460" s="166">
        <v>0</v>
      </c>
      <c r="CO460" s="166">
        <v>0</v>
      </c>
      <c r="CP460" s="166">
        <v>0</v>
      </c>
      <c r="CQ460" s="166">
        <v>0</v>
      </c>
      <c r="CR460" s="166">
        <v>0</v>
      </c>
      <c r="CS460" s="166">
        <v>0</v>
      </c>
      <c r="CT460" s="166">
        <v>0</v>
      </c>
      <c r="CU460" s="166">
        <v>0</v>
      </c>
      <c r="CV460" s="166">
        <v>0</v>
      </c>
      <c r="CW460" s="166">
        <v>0</v>
      </c>
      <c r="CX460" s="166">
        <v>0</v>
      </c>
      <c r="CY460" s="166">
        <v>0</v>
      </c>
      <c r="CZ460" s="166">
        <v>0</v>
      </c>
    </row>
    <row r="461" spans="1:104" x14ac:dyDescent="0.2">
      <c r="A461" s="167" t="s">
        <v>550</v>
      </c>
      <c r="B461" s="166">
        <v>0</v>
      </c>
      <c r="C461" s="166">
        <v>0</v>
      </c>
      <c r="D461" s="166">
        <v>0</v>
      </c>
      <c r="E461" s="166">
        <v>0</v>
      </c>
      <c r="F461" s="166">
        <v>0</v>
      </c>
      <c r="G461" s="166">
        <v>0</v>
      </c>
      <c r="H461" s="166">
        <v>0</v>
      </c>
      <c r="I461" s="166">
        <v>0</v>
      </c>
      <c r="J461" s="166">
        <v>0</v>
      </c>
      <c r="K461" s="166">
        <v>0</v>
      </c>
      <c r="L461" s="166">
        <v>0</v>
      </c>
      <c r="M461" s="166">
        <v>0</v>
      </c>
      <c r="N461" s="166">
        <v>0</v>
      </c>
      <c r="O461" s="166">
        <v>0</v>
      </c>
      <c r="P461" s="166">
        <v>0</v>
      </c>
      <c r="Q461" s="166">
        <v>0</v>
      </c>
      <c r="R461" s="166">
        <v>0</v>
      </c>
      <c r="S461" s="166">
        <v>0</v>
      </c>
      <c r="T461" s="166">
        <v>0</v>
      </c>
      <c r="U461" s="166">
        <v>0</v>
      </c>
      <c r="V461" s="166">
        <v>0</v>
      </c>
      <c r="W461" s="166">
        <v>0</v>
      </c>
      <c r="X461" s="166">
        <v>0</v>
      </c>
      <c r="Y461" s="166">
        <v>0</v>
      </c>
      <c r="Z461" s="166">
        <v>0</v>
      </c>
      <c r="AA461" s="166">
        <v>0</v>
      </c>
      <c r="AB461" s="166">
        <v>0</v>
      </c>
      <c r="AC461" s="166">
        <v>0</v>
      </c>
      <c r="AD461" s="166">
        <v>0</v>
      </c>
      <c r="AE461" s="166">
        <v>0</v>
      </c>
      <c r="AF461" s="166">
        <v>0</v>
      </c>
      <c r="AG461" s="166">
        <v>0</v>
      </c>
      <c r="AH461" s="166">
        <v>0</v>
      </c>
      <c r="AI461" s="166">
        <v>0</v>
      </c>
      <c r="AJ461" s="166">
        <v>0</v>
      </c>
      <c r="AK461" s="166">
        <v>0</v>
      </c>
      <c r="AL461" s="166">
        <v>0</v>
      </c>
      <c r="AM461" s="166">
        <v>0</v>
      </c>
      <c r="AN461" s="166">
        <v>0</v>
      </c>
      <c r="AO461" s="166">
        <v>0</v>
      </c>
      <c r="AP461" s="166">
        <v>0</v>
      </c>
      <c r="AQ461" s="166">
        <v>0</v>
      </c>
      <c r="AR461" s="166">
        <v>0</v>
      </c>
      <c r="AS461" s="166">
        <v>0</v>
      </c>
      <c r="AT461" s="166">
        <v>0</v>
      </c>
      <c r="AU461" s="166">
        <v>0</v>
      </c>
      <c r="AV461" s="166">
        <v>0</v>
      </c>
      <c r="AW461" s="166">
        <v>0</v>
      </c>
      <c r="AX461" s="166">
        <v>0</v>
      </c>
      <c r="AY461" s="166">
        <v>0</v>
      </c>
      <c r="AZ461" s="166">
        <v>0</v>
      </c>
      <c r="BA461" s="166">
        <v>0</v>
      </c>
      <c r="BB461" s="166">
        <v>0</v>
      </c>
      <c r="BC461" s="166">
        <v>0</v>
      </c>
      <c r="BD461" s="166">
        <v>0</v>
      </c>
      <c r="BE461" s="166">
        <v>0</v>
      </c>
      <c r="BF461" s="166">
        <v>0</v>
      </c>
      <c r="BG461" s="166">
        <v>0</v>
      </c>
      <c r="BH461" s="166">
        <v>0</v>
      </c>
      <c r="BI461" s="166">
        <v>0</v>
      </c>
      <c r="BJ461" s="166">
        <v>0</v>
      </c>
      <c r="BK461" s="166">
        <v>0</v>
      </c>
      <c r="BL461" s="166">
        <v>0</v>
      </c>
      <c r="BM461" s="166">
        <v>0</v>
      </c>
      <c r="BN461" s="166">
        <v>0</v>
      </c>
      <c r="BO461" s="166">
        <v>0</v>
      </c>
      <c r="BP461" s="166">
        <v>0</v>
      </c>
      <c r="BQ461" s="166">
        <v>0</v>
      </c>
      <c r="BR461" s="166">
        <v>0</v>
      </c>
      <c r="BS461" s="166">
        <v>0</v>
      </c>
      <c r="BT461" s="168">
        <v>0</v>
      </c>
      <c r="BU461" s="166">
        <v>0</v>
      </c>
      <c r="BV461" s="166">
        <v>0</v>
      </c>
      <c r="BW461" s="166">
        <v>0</v>
      </c>
      <c r="BX461" s="166">
        <v>0</v>
      </c>
      <c r="BY461" s="166">
        <v>0</v>
      </c>
      <c r="BZ461" s="166">
        <v>0</v>
      </c>
      <c r="CA461" s="166">
        <v>0</v>
      </c>
      <c r="CB461" s="166">
        <v>0</v>
      </c>
      <c r="CC461" s="166">
        <v>0</v>
      </c>
      <c r="CD461" s="166">
        <v>0</v>
      </c>
      <c r="CE461" s="166">
        <v>0</v>
      </c>
      <c r="CF461" s="166">
        <v>0</v>
      </c>
      <c r="CG461" s="166">
        <v>0</v>
      </c>
      <c r="CH461" s="166">
        <v>0</v>
      </c>
      <c r="CI461" s="166">
        <v>0</v>
      </c>
      <c r="CJ461" s="166">
        <v>0</v>
      </c>
      <c r="CK461" s="166">
        <v>0</v>
      </c>
      <c r="CL461" s="166">
        <v>0</v>
      </c>
      <c r="CM461" s="166">
        <v>0</v>
      </c>
      <c r="CN461" s="166">
        <v>0</v>
      </c>
      <c r="CO461" s="166">
        <v>0</v>
      </c>
      <c r="CP461" s="166">
        <v>0</v>
      </c>
      <c r="CQ461" s="166">
        <v>0</v>
      </c>
      <c r="CR461" s="166">
        <v>0</v>
      </c>
      <c r="CS461" s="166">
        <v>0</v>
      </c>
      <c r="CT461" s="166">
        <v>0</v>
      </c>
      <c r="CU461" s="166">
        <v>0</v>
      </c>
      <c r="CV461" s="166">
        <v>0</v>
      </c>
      <c r="CW461" s="166">
        <v>0</v>
      </c>
      <c r="CX461" s="166">
        <v>0</v>
      </c>
      <c r="CY461" s="166">
        <v>0</v>
      </c>
      <c r="CZ461" s="166">
        <v>0</v>
      </c>
    </row>
    <row r="462" spans="1:104" x14ac:dyDescent="0.2">
      <c r="A462" s="177" t="s">
        <v>551</v>
      </c>
      <c r="B462" s="166">
        <v>0</v>
      </c>
      <c r="C462" s="166">
        <v>0</v>
      </c>
      <c r="D462" s="166">
        <v>0</v>
      </c>
      <c r="E462" s="166">
        <v>0</v>
      </c>
      <c r="F462" s="166">
        <v>0</v>
      </c>
      <c r="G462" s="166">
        <v>0</v>
      </c>
      <c r="H462" s="166">
        <v>0</v>
      </c>
      <c r="I462" s="166">
        <v>0</v>
      </c>
      <c r="J462" s="166">
        <v>0</v>
      </c>
      <c r="K462" s="166">
        <v>0</v>
      </c>
      <c r="L462" s="166">
        <v>0</v>
      </c>
      <c r="M462" s="166">
        <v>0</v>
      </c>
      <c r="N462" s="166">
        <v>0</v>
      </c>
      <c r="O462" s="166">
        <v>0</v>
      </c>
      <c r="P462" s="166">
        <v>0</v>
      </c>
      <c r="Q462" s="166">
        <v>0</v>
      </c>
      <c r="R462" s="166">
        <v>0</v>
      </c>
      <c r="S462" s="166">
        <v>0</v>
      </c>
      <c r="T462" s="166">
        <v>0</v>
      </c>
      <c r="U462" s="166">
        <v>0</v>
      </c>
      <c r="V462" s="166">
        <v>0</v>
      </c>
      <c r="W462" s="166">
        <v>0</v>
      </c>
      <c r="X462" s="166">
        <v>0</v>
      </c>
      <c r="Y462" s="166">
        <v>0</v>
      </c>
      <c r="Z462" s="166">
        <v>0</v>
      </c>
      <c r="AA462" s="166">
        <v>0</v>
      </c>
      <c r="AB462" s="166">
        <v>0</v>
      </c>
      <c r="AC462" s="166">
        <v>0</v>
      </c>
      <c r="AD462" s="166">
        <v>0</v>
      </c>
      <c r="AE462" s="166">
        <v>0</v>
      </c>
      <c r="AF462" s="166">
        <v>0</v>
      </c>
      <c r="AG462" s="166">
        <v>0</v>
      </c>
      <c r="AH462" s="166">
        <v>0</v>
      </c>
      <c r="AI462" s="166">
        <v>0</v>
      </c>
      <c r="AJ462" s="166">
        <v>0</v>
      </c>
      <c r="AK462" s="166">
        <v>0</v>
      </c>
      <c r="AL462" s="166">
        <v>0</v>
      </c>
      <c r="AM462" s="166">
        <v>0</v>
      </c>
      <c r="AN462" s="166">
        <v>0</v>
      </c>
      <c r="AO462" s="166">
        <v>0</v>
      </c>
      <c r="AP462" s="166">
        <v>0</v>
      </c>
      <c r="AQ462" s="166">
        <v>0</v>
      </c>
      <c r="AR462" s="166">
        <v>0</v>
      </c>
      <c r="AS462" s="166">
        <v>0</v>
      </c>
      <c r="AT462" s="166">
        <v>0</v>
      </c>
      <c r="AU462" s="166">
        <v>0</v>
      </c>
      <c r="AV462" s="166">
        <v>0</v>
      </c>
      <c r="AW462" s="166">
        <v>0</v>
      </c>
      <c r="AX462" s="166">
        <v>0</v>
      </c>
      <c r="AY462" s="166">
        <v>0</v>
      </c>
      <c r="AZ462" s="166">
        <v>0</v>
      </c>
      <c r="BA462" s="166">
        <v>0</v>
      </c>
      <c r="BB462" s="166">
        <v>0</v>
      </c>
      <c r="BC462" s="166">
        <v>0</v>
      </c>
      <c r="BD462" s="166">
        <v>0</v>
      </c>
      <c r="BE462" s="166">
        <v>0</v>
      </c>
      <c r="BF462" s="166">
        <v>0</v>
      </c>
      <c r="BG462" s="166">
        <v>0</v>
      </c>
      <c r="BH462" s="166">
        <v>0</v>
      </c>
      <c r="BI462" s="166">
        <v>0</v>
      </c>
      <c r="BJ462" s="166">
        <v>0</v>
      </c>
      <c r="BK462" s="166">
        <v>0</v>
      </c>
      <c r="BL462" s="166">
        <v>0</v>
      </c>
      <c r="BM462" s="166">
        <v>0</v>
      </c>
      <c r="BN462" s="166">
        <v>0</v>
      </c>
      <c r="BO462" s="166">
        <v>0</v>
      </c>
      <c r="BP462" s="166">
        <v>0</v>
      </c>
      <c r="BQ462" s="166">
        <v>0</v>
      </c>
      <c r="BR462" s="166">
        <v>0</v>
      </c>
      <c r="BS462" s="166">
        <v>0</v>
      </c>
      <c r="BT462" s="168">
        <v>0</v>
      </c>
      <c r="BU462" s="166">
        <v>0</v>
      </c>
      <c r="BV462" s="166">
        <v>0</v>
      </c>
      <c r="BW462" s="166">
        <v>0</v>
      </c>
      <c r="BX462" s="166">
        <v>0</v>
      </c>
      <c r="BY462" s="166">
        <v>0</v>
      </c>
      <c r="BZ462" s="166">
        <v>0</v>
      </c>
      <c r="CA462" s="166">
        <v>0</v>
      </c>
      <c r="CB462" s="166">
        <v>0</v>
      </c>
      <c r="CC462" s="166">
        <v>0</v>
      </c>
      <c r="CD462" s="166">
        <v>0</v>
      </c>
      <c r="CE462" s="166">
        <v>0</v>
      </c>
      <c r="CF462" s="166">
        <v>0</v>
      </c>
      <c r="CG462" s="166">
        <v>0</v>
      </c>
      <c r="CH462" s="166">
        <v>0</v>
      </c>
      <c r="CI462" s="166">
        <v>0</v>
      </c>
      <c r="CJ462" s="166">
        <v>0</v>
      </c>
      <c r="CK462" s="166">
        <v>0</v>
      </c>
      <c r="CL462" s="166">
        <v>0</v>
      </c>
      <c r="CM462" s="166">
        <v>0</v>
      </c>
      <c r="CN462" s="166">
        <v>0</v>
      </c>
      <c r="CO462" s="166">
        <v>0</v>
      </c>
      <c r="CP462" s="166">
        <v>0</v>
      </c>
      <c r="CQ462" s="166">
        <v>0</v>
      </c>
      <c r="CR462" s="166">
        <v>0</v>
      </c>
      <c r="CS462" s="166">
        <v>0</v>
      </c>
      <c r="CT462" s="166">
        <v>0</v>
      </c>
      <c r="CU462" s="166">
        <v>0</v>
      </c>
      <c r="CV462" s="166">
        <v>0</v>
      </c>
      <c r="CW462" s="166">
        <v>0</v>
      </c>
      <c r="CX462" s="166">
        <v>0</v>
      </c>
      <c r="CY462" s="166">
        <v>0</v>
      </c>
      <c r="CZ462" s="166">
        <v>0</v>
      </c>
    </row>
    <row r="463" spans="1:104" x14ac:dyDescent="0.2">
      <c r="A463" s="167" t="s">
        <v>552</v>
      </c>
      <c r="B463" s="166">
        <v>0</v>
      </c>
      <c r="C463" s="166">
        <v>0</v>
      </c>
      <c r="D463" s="166">
        <v>0</v>
      </c>
      <c r="E463" s="166">
        <v>0</v>
      </c>
      <c r="F463" s="166">
        <v>0</v>
      </c>
      <c r="G463" s="166">
        <v>0</v>
      </c>
      <c r="H463" s="166">
        <v>0</v>
      </c>
      <c r="I463" s="166">
        <v>0</v>
      </c>
      <c r="J463" s="166">
        <v>0</v>
      </c>
      <c r="K463" s="166">
        <v>0</v>
      </c>
      <c r="L463" s="166">
        <v>0</v>
      </c>
      <c r="M463" s="166">
        <v>0</v>
      </c>
      <c r="N463" s="166">
        <v>0</v>
      </c>
      <c r="O463" s="166">
        <v>0</v>
      </c>
      <c r="P463" s="166">
        <v>0</v>
      </c>
      <c r="Q463" s="166">
        <v>0</v>
      </c>
      <c r="R463" s="166">
        <v>0</v>
      </c>
      <c r="S463" s="166">
        <v>0</v>
      </c>
      <c r="T463" s="166">
        <v>0</v>
      </c>
      <c r="U463" s="166">
        <v>0</v>
      </c>
      <c r="V463" s="166">
        <v>0</v>
      </c>
      <c r="W463" s="166">
        <v>0</v>
      </c>
      <c r="X463" s="166">
        <v>0</v>
      </c>
      <c r="Y463" s="166">
        <v>0</v>
      </c>
      <c r="Z463" s="166">
        <v>0</v>
      </c>
      <c r="AA463" s="166">
        <v>0</v>
      </c>
      <c r="AB463" s="166">
        <v>0</v>
      </c>
      <c r="AC463" s="166">
        <v>0</v>
      </c>
      <c r="AD463" s="166">
        <v>0</v>
      </c>
      <c r="AE463" s="166">
        <v>0</v>
      </c>
      <c r="AF463" s="166">
        <v>0</v>
      </c>
      <c r="AG463" s="166">
        <v>0</v>
      </c>
      <c r="AH463" s="166">
        <v>0</v>
      </c>
      <c r="AI463" s="166">
        <v>0</v>
      </c>
      <c r="AJ463" s="166">
        <v>0</v>
      </c>
      <c r="AK463" s="166">
        <v>0</v>
      </c>
      <c r="AL463" s="166">
        <v>0</v>
      </c>
      <c r="AM463" s="166">
        <v>0</v>
      </c>
      <c r="AN463" s="166">
        <v>0</v>
      </c>
      <c r="AO463" s="166">
        <v>0</v>
      </c>
      <c r="AP463" s="166">
        <v>0</v>
      </c>
      <c r="AQ463" s="166">
        <v>0</v>
      </c>
      <c r="AR463" s="166">
        <v>0</v>
      </c>
      <c r="AS463" s="166">
        <v>0</v>
      </c>
      <c r="AT463" s="166">
        <v>0</v>
      </c>
      <c r="AU463" s="166">
        <v>0</v>
      </c>
      <c r="AV463" s="166">
        <v>0</v>
      </c>
      <c r="AW463" s="166">
        <v>0</v>
      </c>
      <c r="AX463" s="166">
        <v>0</v>
      </c>
      <c r="AY463" s="166">
        <v>0</v>
      </c>
      <c r="AZ463" s="166">
        <v>0</v>
      </c>
      <c r="BA463" s="166">
        <v>0</v>
      </c>
      <c r="BB463" s="166">
        <v>0</v>
      </c>
      <c r="BC463" s="166">
        <v>0</v>
      </c>
      <c r="BD463" s="166">
        <v>0</v>
      </c>
      <c r="BE463" s="166">
        <v>0</v>
      </c>
      <c r="BF463" s="166">
        <v>0</v>
      </c>
      <c r="BG463" s="166">
        <v>0</v>
      </c>
      <c r="BH463" s="166">
        <v>0</v>
      </c>
      <c r="BI463" s="166">
        <v>0</v>
      </c>
      <c r="BJ463" s="166">
        <v>0</v>
      </c>
      <c r="BK463" s="166">
        <v>0</v>
      </c>
      <c r="BL463" s="166">
        <v>0</v>
      </c>
      <c r="BM463" s="166">
        <v>0</v>
      </c>
      <c r="BN463" s="166">
        <v>0</v>
      </c>
      <c r="BO463" s="166">
        <v>0</v>
      </c>
      <c r="BP463" s="166">
        <v>0</v>
      </c>
      <c r="BQ463" s="166">
        <v>0</v>
      </c>
      <c r="BR463" s="166">
        <v>0</v>
      </c>
      <c r="BS463" s="166">
        <v>0</v>
      </c>
      <c r="BT463" s="168">
        <v>0</v>
      </c>
      <c r="BU463" s="166">
        <v>0</v>
      </c>
      <c r="BV463" s="166">
        <v>0</v>
      </c>
      <c r="BW463" s="166">
        <v>0</v>
      </c>
      <c r="BX463" s="166">
        <v>0</v>
      </c>
      <c r="BY463" s="166">
        <v>0</v>
      </c>
      <c r="BZ463" s="166">
        <v>0</v>
      </c>
      <c r="CA463" s="166">
        <v>0</v>
      </c>
      <c r="CB463" s="166">
        <v>0</v>
      </c>
      <c r="CC463" s="166">
        <v>0</v>
      </c>
      <c r="CD463" s="166">
        <v>0</v>
      </c>
      <c r="CE463" s="166">
        <v>0</v>
      </c>
      <c r="CF463" s="166">
        <v>0</v>
      </c>
      <c r="CG463" s="166">
        <v>0</v>
      </c>
      <c r="CH463" s="166">
        <v>0</v>
      </c>
      <c r="CI463" s="166">
        <v>0</v>
      </c>
      <c r="CJ463" s="166">
        <v>0</v>
      </c>
      <c r="CK463" s="166">
        <v>0</v>
      </c>
      <c r="CL463" s="166">
        <v>0</v>
      </c>
      <c r="CM463" s="166">
        <v>0</v>
      </c>
      <c r="CN463" s="166">
        <v>0</v>
      </c>
      <c r="CO463" s="166">
        <v>0</v>
      </c>
      <c r="CP463" s="166">
        <v>0</v>
      </c>
      <c r="CQ463" s="166">
        <v>0</v>
      </c>
      <c r="CR463" s="166">
        <v>0</v>
      </c>
      <c r="CS463" s="166">
        <v>0</v>
      </c>
      <c r="CT463" s="166">
        <v>0</v>
      </c>
      <c r="CU463" s="166">
        <v>0</v>
      </c>
      <c r="CV463" s="166">
        <v>0</v>
      </c>
      <c r="CW463" s="166">
        <v>0</v>
      </c>
      <c r="CX463" s="166">
        <v>0</v>
      </c>
      <c r="CY463" s="166">
        <v>0</v>
      </c>
      <c r="CZ463" s="166">
        <v>0</v>
      </c>
    </row>
    <row r="464" spans="1:104" x14ac:dyDescent="0.2">
      <c r="A464" s="170" t="s">
        <v>553</v>
      </c>
      <c r="B464" s="166">
        <v>0</v>
      </c>
      <c r="C464" s="166">
        <v>0</v>
      </c>
      <c r="D464" s="166">
        <v>0</v>
      </c>
      <c r="E464" s="166">
        <v>0</v>
      </c>
      <c r="F464" s="166">
        <v>0</v>
      </c>
      <c r="G464" s="166">
        <v>0</v>
      </c>
      <c r="H464" s="166">
        <v>0</v>
      </c>
      <c r="I464" s="166">
        <v>0</v>
      </c>
      <c r="J464" s="166">
        <v>0</v>
      </c>
      <c r="K464" s="166">
        <v>0</v>
      </c>
      <c r="L464" s="166">
        <v>0</v>
      </c>
      <c r="M464" s="166">
        <v>0</v>
      </c>
      <c r="N464" s="166">
        <v>0</v>
      </c>
      <c r="O464" s="166">
        <v>0</v>
      </c>
      <c r="P464" s="166">
        <v>0</v>
      </c>
      <c r="Q464" s="166">
        <v>0</v>
      </c>
      <c r="R464" s="166">
        <v>0</v>
      </c>
      <c r="S464" s="166">
        <v>0</v>
      </c>
      <c r="T464" s="166">
        <v>0</v>
      </c>
      <c r="U464" s="166">
        <v>0</v>
      </c>
      <c r="V464" s="166">
        <v>0</v>
      </c>
      <c r="W464" s="166">
        <v>0</v>
      </c>
      <c r="X464" s="166">
        <v>0</v>
      </c>
      <c r="Y464" s="166">
        <v>0</v>
      </c>
      <c r="Z464" s="166">
        <v>0</v>
      </c>
      <c r="AA464" s="166">
        <v>0</v>
      </c>
      <c r="AB464" s="166">
        <v>0</v>
      </c>
      <c r="AC464" s="166">
        <v>0</v>
      </c>
      <c r="AD464" s="166">
        <v>0</v>
      </c>
      <c r="AE464" s="166">
        <v>0</v>
      </c>
      <c r="AF464" s="166">
        <v>0</v>
      </c>
      <c r="AG464" s="166">
        <v>0</v>
      </c>
      <c r="AH464" s="166">
        <v>0</v>
      </c>
      <c r="AI464" s="166">
        <v>0</v>
      </c>
      <c r="AJ464" s="166">
        <v>0</v>
      </c>
      <c r="AK464" s="166">
        <v>0</v>
      </c>
      <c r="AL464" s="166">
        <v>0</v>
      </c>
      <c r="AM464" s="166">
        <v>0</v>
      </c>
      <c r="AN464" s="166">
        <v>0</v>
      </c>
      <c r="AO464" s="166">
        <v>0</v>
      </c>
      <c r="AP464" s="166">
        <v>0</v>
      </c>
      <c r="AQ464" s="166">
        <v>0</v>
      </c>
      <c r="AR464" s="166">
        <v>0</v>
      </c>
      <c r="AS464" s="166">
        <v>0</v>
      </c>
      <c r="AT464" s="166">
        <v>0</v>
      </c>
      <c r="AU464" s="166">
        <v>0</v>
      </c>
      <c r="AV464" s="166">
        <v>0</v>
      </c>
      <c r="AW464" s="166">
        <v>0</v>
      </c>
      <c r="AX464" s="166">
        <v>0</v>
      </c>
      <c r="AY464" s="166">
        <v>0</v>
      </c>
      <c r="AZ464" s="166">
        <v>0</v>
      </c>
      <c r="BA464" s="166">
        <v>0</v>
      </c>
      <c r="BB464" s="166">
        <v>0</v>
      </c>
      <c r="BC464" s="166">
        <v>0</v>
      </c>
      <c r="BD464" s="166">
        <v>0</v>
      </c>
      <c r="BE464" s="166">
        <v>0</v>
      </c>
      <c r="BF464" s="166">
        <v>0</v>
      </c>
      <c r="BG464" s="166">
        <v>0</v>
      </c>
      <c r="BH464" s="166">
        <v>0</v>
      </c>
      <c r="BI464" s="166">
        <v>0</v>
      </c>
      <c r="BJ464" s="166">
        <v>0</v>
      </c>
      <c r="BK464" s="166">
        <v>0</v>
      </c>
      <c r="BL464" s="166">
        <v>0</v>
      </c>
      <c r="BM464" s="166">
        <v>0</v>
      </c>
      <c r="BN464" s="166">
        <v>0</v>
      </c>
      <c r="BO464" s="166">
        <v>0</v>
      </c>
      <c r="BP464" s="166">
        <v>0</v>
      </c>
      <c r="BQ464" s="166">
        <v>0</v>
      </c>
      <c r="BR464" s="166">
        <v>0</v>
      </c>
      <c r="BS464" s="166">
        <v>0</v>
      </c>
      <c r="BT464" s="168">
        <v>0</v>
      </c>
      <c r="BU464" s="166">
        <v>0</v>
      </c>
      <c r="BV464" s="166">
        <v>0</v>
      </c>
      <c r="BW464" s="166">
        <v>0</v>
      </c>
      <c r="BX464" s="166">
        <v>0</v>
      </c>
      <c r="BY464" s="166">
        <v>0</v>
      </c>
      <c r="BZ464" s="166">
        <v>0</v>
      </c>
      <c r="CA464" s="166">
        <v>0</v>
      </c>
      <c r="CB464" s="166">
        <v>0</v>
      </c>
      <c r="CC464" s="166">
        <v>0</v>
      </c>
      <c r="CD464" s="166">
        <v>0</v>
      </c>
      <c r="CE464" s="166">
        <v>0</v>
      </c>
      <c r="CF464" s="166">
        <v>0</v>
      </c>
      <c r="CG464" s="166">
        <v>0</v>
      </c>
      <c r="CH464" s="166">
        <v>0</v>
      </c>
      <c r="CI464" s="166">
        <v>0</v>
      </c>
      <c r="CJ464" s="166">
        <v>0</v>
      </c>
      <c r="CK464" s="166">
        <v>0</v>
      </c>
      <c r="CL464" s="166">
        <v>0</v>
      </c>
      <c r="CM464" s="166">
        <v>0</v>
      </c>
      <c r="CN464" s="166">
        <v>0</v>
      </c>
      <c r="CO464" s="166">
        <v>0</v>
      </c>
      <c r="CP464" s="166">
        <v>0</v>
      </c>
      <c r="CQ464" s="166">
        <v>0</v>
      </c>
      <c r="CR464" s="166">
        <v>0</v>
      </c>
      <c r="CS464" s="166">
        <v>0</v>
      </c>
      <c r="CT464" s="166">
        <v>0</v>
      </c>
      <c r="CU464" s="166">
        <v>0</v>
      </c>
      <c r="CV464" s="166">
        <v>0</v>
      </c>
      <c r="CW464" s="166">
        <v>0</v>
      </c>
      <c r="CX464" s="166">
        <v>0</v>
      </c>
      <c r="CY464" s="166">
        <v>0</v>
      </c>
      <c r="CZ464" s="166">
        <v>0</v>
      </c>
    </row>
    <row r="465" spans="1:104" x14ac:dyDescent="0.2">
      <c r="A465" s="167" t="s">
        <v>554</v>
      </c>
      <c r="B465" s="166">
        <v>76092260.472013503</v>
      </c>
      <c r="C465" s="166">
        <v>76092260.472013503</v>
      </c>
      <c r="D465" s="166">
        <v>0</v>
      </c>
      <c r="E465" s="166">
        <v>0</v>
      </c>
      <c r="F465" s="166">
        <v>0</v>
      </c>
      <c r="G465" s="166">
        <v>0</v>
      </c>
      <c r="H465" s="166">
        <v>0</v>
      </c>
      <c r="I465" s="166">
        <v>0</v>
      </c>
      <c r="J465" s="166">
        <v>0</v>
      </c>
      <c r="K465" s="166">
        <v>0</v>
      </c>
      <c r="L465" s="166">
        <v>0</v>
      </c>
      <c r="M465" s="166">
        <v>0</v>
      </c>
      <c r="N465" s="166">
        <v>0</v>
      </c>
      <c r="O465" s="166">
        <v>0</v>
      </c>
      <c r="P465" s="166">
        <v>0</v>
      </c>
      <c r="Q465" s="166">
        <v>0</v>
      </c>
      <c r="R465" s="166">
        <v>0</v>
      </c>
      <c r="S465" s="166">
        <v>0</v>
      </c>
      <c r="T465" s="166">
        <v>0</v>
      </c>
      <c r="U465" s="166">
        <v>0</v>
      </c>
      <c r="V465" s="166">
        <v>0</v>
      </c>
      <c r="W465" s="166">
        <v>0</v>
      </c>
      <c r="X465" s="166">
        <v>0</v>
      </c>
      <c r="Y465" s="166">
        <v>0</v>
      </c>
      <c r="Z465" s="166">
        <v>0</v>
      </c>
      <c r="AA465" s="166">
        <v>0</v>
      </c>
      <c r="AB465" s="166">
        <v>0</v>
      </c>
      <c r="AC465" s="166">
        <v>0</v>
      </c>
      <c r="AD465" s="166">
        <v>0</v>
      </c>
      <c r="AE465" s="166">
        <v>0</v>
      </c>
      <c r="AF465" s="166">
        <v>0</v>
      </c>
      <c r="AG465" s="166">
        <v>0</v>
      </c>
      <c r="AH465" s="166">
        <v>0</v>
      </c>
      <c r="AI465" s="166">
        <v>0</v>
      </c>
      <c r="AJ465" s="166">
        <v>0</v>
      </c>
      <c r="AK465" s="166">
        <v>0</v>
      </c>
      <c r="AL465" s="166">
        <v>0</v>
      </c>
      <c r="AM465" s="166">
        <v>0</v>
      </c>
      <c r="AN465" s="166">
        <v>0</v>
      </c>
      <c r="AO465" s="166">
        <v>0</v>
      </c>
      <c r="AP465" s="166">
        <v>0</v>
      </c>
      <c r="AQ465" s="166">
        <v>0</v>
      </c>
      <c r="AR465" s="166">
        <v>0</v>
      </c>
      <c r="AS465" s="166">
        <v>0</v>
      </c>
      <c r="AT465" s="166">
        <v>0</v>
      </c>
      <c r="AU465" s="166">
        <v>0</v>
      </c>
      <c r="AV465" s="166">
        <v>0</v>
      </c>
      <c r="AW465" s="166">
        <v>0</v>
      </c>
      <c r="AX465" s="166">
        <v>0</v>
      </c>
      <c r="AY465" s="166">
        <v>0</v>
      </c>
      <c r="AZ465" s="166">
        <v>0</v>
      </c>
      <c r="BA465" s="166">
        <v>0</v>
      </c>
      <c r="BB465" s="166">
        <v>0</v>
      </c>
      <c r="BC465" s="166">
        <v>0</v>
      </c>
      <c r="BD465" s="166">
        <v>0</v>
      </c>
      <c r="BE465" s="166">
        <v>0</v>
      </c>
      <c r="BF465" s="166">
        <v>0</v>
      </c>
      <c r="BG465" s="166">
        <v>0</v>
      </c>
      <c r="BH465" s="166">
        <v>0</v>
      </c>
      <c r="BI465" s="166">
        <v>0</v>
      </c>
      <c r="BJ465" s="166">
        <v>0</v>
      </c>
      <c r="BK465" s="166">
        <v>0</v>
      </c>
      <c r="BL465" s="166">
        <v>0</v>
      </c>
      <c r="BM465" s="166">
        <v>0</v>
      </c>
      <c r="BN465" s="166">
        <v>0</v>
      </c>
      <c r="BO465" s="166">
        <v>0</v>
      </c>
      <c r="BP465" s="166">
        <v>0</v>
      </c>
      <c r="BQ465" s="166">
        <v>0</v>
      </c>
      <c r="BR465" s="166">
        <v>76092260.472013503</v>
      </c>
      <c r="BS465" s="166">
        <v>76092260.472013503</v>
      </c>
      <c r="BT465" s="168">
        <v>0</v>
      </c>
      <c r="BU465" s="166">
        <v>0</v>
      </c>
      <c r="BV465" s="166">
        <v>0</v>
      </c>
      <c r="BW465" s="166">
        <v>0</v>
      </c>
      <c r="BX465" s="166">
        <v>0</v>
      </c>
      <c r="BY465" s="166">
        <v>0</v>
      </c>
      <c r="BZ465" s="166">
        <v>0</v>
      </c>
      <c r="CA465" s="166">
        <v>0</v>
      </c>
      <c r="CB465" s="166">
        <v>0</v>
      </c>
      <c r="CC465" s="166">
        <v>0</v>
      </c>
      <c r="CD465" s="166">
        <v>0</v>
      </c>
      <c r="CE465" s="166">
        <v>0</v>
      </c>
      <c r="CF465" s="166">
        <v>0</v>
      </c>
      <c r="CG465" s="166">
        <v>0</v>
      </c>
      <c r="CH465" s="166">
        <v>0</v>
      </c>
      <c r="CI465" s="166">
        <v>0</v>
      </c>
      <c r="CJ465" s="166">
        <v>0</v>
      </c>
      <c r="CK465" s="166">
        <v>0</v>
      </c>
      <c r="CL465" s="166">
        <v>0</v>
      </c>
      <c r="CM465" s="166">
        <v>0</v>
      </c>
      <c r="CN465" s="166">
        <v>0</v>
      </c>
      <c r="CO465" s="166">
        <v>0</v>
      </c>
      <c r="CP465" s="166">
        <v>0</v>
      </c>
      <c r="CQ465" s="166">
        <v>0</v>
      </c>
      <c r="CR465" s="166">
        <v>0</v>
      </c>
      <c r="CS465" s="166">
        <v>0</v>
      </c>
      <c r="CT465" s="166">
        <v>0</v>
      </c>
      <c r="CU465" s="166">
        <v>0</v>
      </c>
      <c r="CV465" s="166">
        <v>0</v>
      </c>
      <c r="CW465" s="166">
        <v>0</v>
      </c>
      <c r="CX465" s="166">
        <v>0</v>
      </c>
      <c r="CY465" s="166">
        <v>0</v>
      </c>
      <c r="CZ465" s="166">
        <v>0</v>
      </c>
    </row>
    <row r="466" spans="1:104" x14ac:dyDescent="0.2">
      <c r="A466" s="167" t="s">
        <v>555</v>
      </c>
      <c r="B466" s="166">
        <v>14731940.243171999</v>
      </c>
      <c r="C466" s="166">
        <v>14731940.243171999</v>
      </c>
      <c r="D466" s="166">
        <v>0</v>
      </c>
      <c r="E466" s="166">
        <v>0</v>
      </c>
      <c r="F466" s="166">
        <v>0</v>
      </c>
      <c r="G466" s="166">
        <v>0</v>
      </c>
      <c r="H466" s="166">
        <v>0</v>
      </c>
      <c r="I466" s="166">
        <v>0</v>
      </c>
      <c r="J466" s="166">
        <v>0</v>
      </c>
      <c r="K466" s="166">
        <v>0</v>
      </c>
      <c r="L466" s="166">
        <v>0</v>
      </c>
      <c r="M466" s="166">
        <v>0</v>
      </c>
      <c r="N466" s="166">
        <v>0</v>
      </c>
      <c r="O466" s="166">
        <v>0</v>
      </c>
      <c r="P466" s="166">
        <v>0</v>
      </c>
      <c r="Q466" s="166">
        <v>0</v>
      </c>
      <c r="R466" s="166">
        <v>0</v>
      </c>
      <c r="S466" s="166">
        <v>0</v>
      </c>
      <c r="T466" s="166">
        <v>0</v>
      </c>
      <c r="U466" s="166">
        <v>0</v>
      </c>
      <c r="V466" s="166">
        <v>0</v>
      </c>
      <c r="W466" s="166">
        <v>0</v>
      </c>
      <c r="X466" s="166">
        <v>0</v>
      </c>
      <c r="Y466" s="166">
        <v>0</v>
      </c>
      <c r="Z466" s="166">
        <v>0</v>
      </c>
      <c r="AA466" s="166">
        <v>0</v>
      </c>
      <c r="AB466" s="166">
        <v>0</v>
      </c>
      <c r="AC466" s="166">
        <v>0</v>
      </c>
      <c r="AD466" s="166">
        <v>0</v>
      </c>
      <c r="AE466" s="166">
        <v>0</v>
      </c>
      <c r="AF466" s="166">
        <v>0</v>
      </c>
      <c r="AG466" s="166">
        <v>0</v>
      </c>
      <c r="AH466" s="166">
        <v>0</v>
      </c>
      <c r="AI466" s="166">
        <v>0</v>
      </c>
      <c r="AJ466" s="166">
        <v>0</v>
      </c>
      <c r="AK466" s="166">
        <v>0</v>
      </c>
      <c r="AL466" s="166">
        <v>0</v>
      </c>
      <c r="AM466" s="166">
        <v>0</v>
      </c>
      <c r="AN466" s="166">
        <v>0</v>
      </c>
      <c r="AO466" s="166">
        <v>0</v>
      </c>
      <c r="AP466" s="166">
        <v>0</v>
      </c>
      <c r="AQ466" s="166">
        <v>0</v>
      </c>
      <c r="AR466" s="166">
        <v>0</v>
      </c>
      <c r="AS466" s="166">
        <v>0</v>
      </c>
      <c r="AT466" s="166">
        <v>0</v>
      </c>
      <c r="AU466" s="166">
        <v>0</v>
      </c>
      <c r="AV466" s="166">
        <v>0</v>
      </c>
      <c r="AW466" s="166">
        <v>0</v>
      </c>
      <c r="AX466" s="166">
        <v>0</v>
      </c>
      <c r="AY466" s="166">
        <v>0</v>
      </c>
      <c r="AZ466" s="166">
        <v>0</v>
      </c>
      <c r="BA466" s="166">
        <v>0</v>
      </c>
      <c r="BB466" s="166">
        <v>0</v>
      </c>
      <c r="BC466" s="166">
        <v>0</v>
      </c>
      <c r="BD466" s="166">
        <v>0</v>
      </c>
      <c r="BE466" s="166">
        <v>0</v>
      </c>
      <c r="BF466" s="166">
        <v>0</v>
      </c>
      <c r="BG466" s="166">
        <v>0</v>
      </c>
      <c r="BH466" s="166">
        <v>0</v>
      </c>
      <c r="BI466" s="166">
        <v>0</v>
      </c>
      <c r="BJ466" s="166">
        <v>0</v>
      </c>
      <c r="BK466" s="166">
        <v>0</v>
      </c>
      <c r="BL466" s="166">
        <v>0</v>
      </c>
      <c r="BM466" s="166">
        <v>0</v>
      </c>
      <c r="BN466" s="166">
        <v>0</v>
      </c>
      <c r="BO466" s="166">
        <v>0</v>
      </c>
      <c r="BP466" s="166">
        <v>0</v>
      </c>
      <c r="BQ466" s="166">
        <v>0</v>
      </c>
      <c r="BR466" s="166">
        <v>14731940.243171999</v>
      </c>
      <c r="BS466" s="166">
        <v>14731940.243171999</v>
      </c>
      <c r="BT466" s="168">
        <v>0</v>
      </c>
      <c r="BU466" s="166">
        <v>0</v>
      </c>
      <c r="BV466" s="166">
        <v>0</v>
      </c>
      <c r="BW466" s="166">
        <v>0</v>
      </c>
      <c r="BX466" s="166">
        <v>0</v>
      </c>
      <c r="BY466" s="166">
        <v>0</v>
      </c>
      <c r="BZ466" s="166">
        <v>0</v>
      </c>
      <c r="CA466" s="166">
        <v>0</v>
      </c>
      <c r="CB466" s="166">
        <v>0</v>
      </c>
      <c r="CC466" s="166">
        <v>0</v>
      </c>
      <c r="CD466" s="166">
        <v>0</v>
      </c>
      <c r="CE466" s="166">
        <v>0</v>
      </c>
      <c r="CF466" s="166">
        <v>0</v>
      </c>
      <c r="CG466" s="166">
        <v>0</v>
      </c>
      <c r="CH466" s="166">
        <v>0</v>
      </c>
      <c r="CI466" s="166">
        <v>0</v>
      </c>
      <c r="CJ466" s="166">
        <v>0</v>
      </c>
      <c r="CK466" s="166">
        <v>0</v>
      </c>
      <c r="CL466" s="166">
        <v>0</v>
      </c>
      <c r="CM466" s="166">
        <v>0</v>
      </c>
      <c r="CN466" s="166">
        <v>0</v>
      </c>
      <c r="CO466" s="166">
        <v>0</v>
      </c>
      <c r="CP466" s="166">
        <v>0</v>
      </c>
      <c r="CQ466" s="166">
        <v>0</v>
      </c>
      <c r="CR466" s="166">
        <v>0</v>
      </c>
      <c r="CS466" s="166">
        <v>0</v>
      </c>
      <c r="CT466" s="166">
        <v>0</v>
      </c>
      <c r="CU466" s="166">
        <v>0</v>
      </c>
      <c r="CV466" s="166">
        <v>0</v>
      </c>
      <c r="CW466" s="166">
        <v>0</v>
      </c>
      <c r="CX466" s="166">
        <v>0</v>
      </c>
      <c r="CY466" s="166">
        <v>0</v>
      </c>
      <c r="CZ466" s="166">
        <v>0</v>
      </c>
    </row>
    <row r="467" spans="1:104" x14ac:dyDescent="0.2">
      <c r="A467" s="167" t="s">
        <v>556</v>
      </c>
      <c r="B467" s="166">
        <v>13334918.3562124</v>
      </c>
      <c r="C467" s="166">
        <v>13334918.3562124</v>
      </c>
      <c r="D467" s="166">
        <v>0</v>
      </c>
      <c r="E467" s="166">
        <v>0</v>
      </c>
      <c r="F467" s="166">
        <v>0</v>
      </c>
      <c r="G467" s="166">
        <v>0</v>
      </c>
      <c r="H467" s="166">
        <v>0</v>
      </c>
      <c r="I467" s="166">
        <v>0</v>
      </c>
      <c r="J467" s="166">
        <v>0</v>
      </c>
      <c r="K467" s="166">
        <v>0</v>
      </c>
      <c r="L467" s="166">
        <v>0</v>
      </c>
      <c r="M467" s="166">
        <v>0</v>
      </c>
      <c r="N467" s="166">
        <v>0</v>
      </c>
      <c r="O467" s="166">
        <v>0</v>
      </c>
      <c r="P467" s="166">
        <v>0</v>
      </c>
      <c r="Q467" s="166">
        <v>0</v>
      </c>
      <c r="R467" s="166">
        <v>0</v>
      </c>
      <c r="S467" s="166">
        <v>0</v>
      </c>
      <c r="T467" s="166">
        <v>0</v>
      </c>
      <c r="U467" s="166">
        <v>0</v>
      </c>
      <c r="V467" s="166">
        <v>0</v>
      </c>
      <c r="W467" s="166">
        <v>0</v>
      </c>
      <c r="X467" s="166">
        <v>0</v>
      </c>
      <c r="Y467" s="166">
        <v>0</v>
      </c>
      <c r="Z467" s="166">
        <v>0</v>
      </c>
      <c r="AA467" s="166">
        <v>0</v>
      </c>
      <c r="AB467" s="166">
        <v>0</v>
      </c>
      <c r="AC467" s="166">
        <v>0</v>
      </c>
      <c r="AD467" s="166">
        <v>0</v>
      </c>
      <c r="AE467" s="166">
        <v>0</v>
      </c>
      <c r="AF467" s="166">
        <v>0</v>
      </c>
      <c r="AG467" s="166">
        <v>0</v>
      </c>
      <c r="AH467" s="166">
        <v>0</v>
      </c>
      <c r="AI467" s="166">
        <v>0</v>
      </c>
      <c r="AJ467" s="166">
        <v>0</v>
      </c>
      <c r="AK467" s="166">
        <v>0</v>
      </c>
      <c r="AL467" s="166">
        <v>0</v>
      </c>
      <c r="AM467" s="166">
        <v>0</v>
      </c>
      <c r="AN467" s="166">
        <v>0</v>
      </c>
      <c r="AO467" s="166">
        <v>0</v>
      </c>
      <c r="AP467" s="166">
        <v>0</v>
      </c>
      <c r="AQ467" s="166">
        <v>0</v>
      </c>
      <c r="AR467" s="166">
        <v>0</v>
      </c>
      <c r="AS467" s="166">
        <v>0</v>
      </c>
      <c r="AT467" s="166">
        <v>0</v>
      </c>
      <c r="AU467" s="166">
        <v>0</v>
      </c>
      <c r="AV467" s="166">
        <v>0</v>
      </c>
      <c r="AW467" s="166">
        <v>0</v>
      </c>
      <c r="AX467" s="166">
        <v>0</v>
      </c>
      <c r="AY467" s="166">
        <v>0</v>
      </c>
      <c r="AZ467" s="166">
        <v>0</v>
      </c>
      <c r="BA467" s="166">
        <v>0</v>
      </c>
      <c r="BB467" s="166">
        <v>0</v>
      </c>
      <c r="BC467" s="166">
        <v>0</v>
      </c>
      <c r="BD467" s="166">
        <v>0</v>
      </c>
      <c r="BE467" s="166">
        <v>0</v>
      </c>
      <c r="BF467" s="166">
        <v>0</v>
      </c>
      <c r="BG467" s="166">
        <v>0</v>
      </c>
      <c r="BH467" s="166">
        <v>0</v>
      </c>
      <c r="BI467" s="166">
        <v>0</v>
      </c>
      <c r="BJ467" s="166">
        <v>0</v>
      </c>
      <c r="BK467" s="166">
        <v>0</v>
      </c>
      <c r="BL467" s="166">
        <v>0</v>
      </c>
      <c r="BM467" s="166">
        <v>0</v>
      </c>
      <c r="BN467" s="166">
        <v>0</v>
      </c>
      <c r="BO467" s="166">
        <v>0</v>
      </c>
      <c r="BP467" s="166">
        <v>0</v>
      </c>
      <c r="BQ467" s="166">
        <v>0</v>
      </c>
      <c r="BR467" s="166">
        <v>13334918.3562124</v>
      </c>
      <c r="BS467" s="166">
        <v>13334918.3562124</v>
      </c>
      <c r="BT467" s="168">
        <v>0</v>
      </c>
      <c r="BU467" s="166">
        <v>0</v>
      </c>
      <c r="BV467" s="166">
        <v>0</v>
      </c>
      <c r="BW467" s="166">
        <v>0</v>
      </c>
      <c r="BX467" s="166">
        <v>0</v>
      </c>
      <c r="BY467" s="166">
        <v>0</v>
      </c>
      <c r="BZ467" s="166">
        <v>0</v>
      </c>
      <c r="CA467" s="166">
        <v>0</v>
      </c>
      <c r="CB467" s="166">
        <v>0</v>
      </c>
      <c r="CC467" s="166">
        <v>0</v>
      </c>
      <c r="CD467" s="166">
        <v>0</v>
      </c>
      <c r="CE467" s="166">
        <v>0</v>
      </c>
      <c r="CF467" s="166">
        <v>0</v>
      </c>
      <c r="CG467" s="166">
        <v>0</v>
      </c>
      <c r="CH467" s="166">
        <v>0</v>
      </c>
      <c r="CI467" s="166">
        <v>0</v>
      </c>
      <c r="CJ467" s="166">
        <v>0</v>
      </c>
      <c r="CK467" s="166">
        <v>0</v>
      </c>
      <c r="CL467" s="166">
        <v>0</v>
      </c>
      <c r="CM467" s="166">
        <v>0</v>
      </c>
      <c r="CN467" s="166">
        <v>0</v>
      </c>
      <c r="CO467" s="166">
        <v>0</v>
      </c>
      <c r="CP467" s="166">
        <v>0</v>
      </c>
      <c r="CQ467" s="166">
        <v>0</v>
      </c>
      <c r="CR467" s="166">
        <v>0</v>
      </c>
      <c r="CS467" s="166">
        <v>0</v>
      </c>
      <c r="CT467" s="166">
        <v>0</v>
      </c>
      <c r="CU467" s="166">
        <v>0</v>
      </c>
      <c r="CV467" s="166">
        <v>0</v>
      </c>
      <c r="CW467" s="166">
        <v>0</v>
      </c>
      <c r="CX467" s="166">
        <v>0</v>
      </c>
      <c r="CY467" s="166">
        <v>0</v>
      </c>
      <c r="CZ467" s="166">
        <v>0</v>
      </c>
    </row>
    <row r="468" spans="1:104" x14ac:dyDescent="0.2">
      <c r="A468" s="167" t="s">
        <v>557</v>
      </c>
      <c r="B468" s="166">
        <v>759841.45</v>
      </c>
      <c r="C468" s="166">
        <v>759841.45</v>
      </c>
      <c r="D468" s="166">
        <v>0</v>
      </c>
      <c r="E468" s="166">
        <v>0</v>
      </c>
      <c r="F468" s="166">
        <v>0</v>
      </c>
      <c r="G468" s="166">
        <v>0</v>
      </c>
      <c r="H468" s="166">
        <v>0</v>
      </c>
      <c r="I468" s="166">
        <v>0</v>
      </c>
      <c r="J468" s="166">
        <v>0</v>
      </c>
      <c r="K468" s="166">
        <v>0</v>
      </c>
      <c r="L468" s="166">
        <v>0</v>
      </c>
      <c r="M468" s="166">
        <v>0</v>
      </c>
      <c r="N468" s="166">
        <v>0</v>
      </c>
      <c r="O468" s="166">
        <v>0</v>
      </c>
      <c r="P468" s="166">
        <v>0</v>
      </c>
      <c r="Q468" s="166">
        <v>0</v>
      </c>
      <c r="R468" s="166">
        <v>0</v>
      </c>
      <c r="S468" s="166">
        <v>0</v>
      </c>
      <c r="T468" s="166">
        <v>0</v>
      </c>
      <c r="U468" s="166">
        <v>0</v>
      </c>
      <c r="V468" s="166">
        <v>0</v>
      </c>
      <c r="W468" s="166">
        <v>0</v>
      </c>
      <c r="X468" s="166">
        <v>0</v>
      </c>
      <c r="Y468" s="166">
        <v>0</v>
      </c>
      <c r="Z468" s="166">
        <v>0</v>
      </c>
      <c r="AA468" s="166">
        <v>0</v>
      </c>
      <c r="AB468" s="166">
        <v>0</v>
      </c>
      <c r="AC468" s="166">
        <v>0</v>
      </c>
      <c r="AD468" s="166">
        <v>0</v>
      </c>
      <c r="AE468" s="166">
        <v>0</v>
      </c>
      <c r="AF468" s="166">
        <v>0</v>
      </c>
      <c r="AG468" s="166">
        <v>0</v>
      </c>
      <c r="AH468" s="166">
        <v>0</v>
      </c>
      <c r="AI468" s="166">
        <v>0</v>
      </c>
      <c r="AJ468" s="166">
        <v>0</v>
      </c>
      <c r="AK468" s="166">
        <v>0</v>
      </c>
      <c r="AL468" s="166">
        <v>0</v>
      </c>
      <c r="AM468" s="166">
        <v>0</v>
      </c>
      <c r="AN468" s="166">
        <v>0</v>
      </c>
      <c r="AO468" s="166">
        <v>0</v>
      </c>
      <c r="AP468" s="166">
        <v>0</v>
      </c>
      <c r="AQ468" s="166">
        <v>0</v>
      </c>
      <c r="AR468" s="166">
        <v>0</v>
      </c>
      <c r="AS468" s="166">
        <v>0</v>
      </c>
      <c r="AT468" s="166">
        <v>0</v>
      </c>
      <c r="AU468" s="166">
        <v>0</v>
      </c>
      <c r="AV468" s="166">
        <v>0</v>
      </c>
      <c r="AW468" s="166">
        <v>0</v>
      </c>
      <c r="AX468" s="166">
        <v>0</v>
      </c>
      <c r="AY468" s="166">
        <v>0</v>
      </c>
      <c r="AZ468" s="166">
        <v>0</v>
      </c>
      <c r="BA468" s="166">
        <v>0</v>
      </c>
      <c r="BB468" s="166">
        <v>0</v>
      </c>
      <c r="BC468" s="166">
        <v>0</v>
      </c>
      <c r="BD468" s="166">
        <v>0</v>
      </c>
      <c r="BE468" s="166">
        <v>0</v>
      </c>
      <c r="BF468" s="166">
        <v>0</v>
      </c>
      <c r="BG468" s="166">
        <v>0</v>
      </c>
      <c r="BH468" s="166">
        <v>0</v>
      </c>
      <c r="BI468" s="166">
        <v>0</v>
      </c>
      <c r="BJ468" s="166">
        <v>0</v>
      </c>
      <c r="BK468" s="166">
        <v>0</v>
      </c>
      <c r="BL468" s="166">
        <v>0</v>
      </c>
      <c r="BM468" s="166">
        <v>0</v>
      </c>
      <c r="BN468" s="166">
        <v>0</v>
      </c>
      <c r="BO468" s="166">
        <v>0</v>
      </c>
      <c r="BP468" s="166">
        <v>0</v>
      </c>
      <c r="BQ468" s="166">
        <v>0</v>
      </c>
      <c r="BR468" s="166">
        <v>759841.45</v>
      </c>
      <c r="BS468" s="166">
        <v>759841.45</v>
      </c>
      <c r="BT468" s="168">
        <v>0</v>
      </c>
      <c r="BU468" s="166">
        <v>0</v>
      </c>
      <c r="BV468" s="166">
        <v>0</v>
      </c>
      <c r="BW468" s="166">
        <v>0</v>
      </c>
      <c r="BX468" s="166">
        <v>0</v>
      </c>
      <c r="BY468" s="166">
        <v>0</v>
      </c>
      <c r="BZ468" s="166">
        <v>0</v>
      </c>
      <c r="CA468" s="166">
        <v>0</v>
      </c>
      <c r="CB468" s="166">
        <v>0</v>
      </c>
      <c r="CC468" s="166">
        <v>0</v>
      </c>
      <c r="CD468" s="166">
        <v>0</v>
      </c>
      <c r="CE468" s="166">
        <v>0</v>
      </c>
      <c r="CF468" s="166">
        <v>0</v>
      </c>
      <c r="CG468" s="166">
        <v>0</v>
      </c>
      <c r="CH468" s="166">
        <v>0</v>
      </c>
      <c r="CI468" s="166">
        <v>0</v>
      </c>
      <c r="CJ468" s="166">
        <v>0</v>
      </c>
      <c r="CK468" s="166">
        <v>0</v>
      </c>
      <c r="CL468" s="166">
        <v>0</v>
      </c>
      <c r="CM468" s="166">
        <v>0</v>
      </c>
      <c r="CN468" s="166">
        <v>0</v>
      </c>
      <c r="CO468" s="166">
        <v>0</v>
      </c>
      <c r="CP468" s="166">
        <v>0</v>
      </c>
      <c r="CQ468" s="166">
        <v>0</v>
      </c>
      <c r="CR468" s="166">
        <v>0</v>
      </c>
      <c r="CS468" s="166">
        <v>0</v>
      </c>
      <c r="CT468" s="166">
        <v>0</v>
      </c>
      <c r="CU468" s="166">
        <v>0</v>
      </c>
      <c r="CV468" s="166">
        <v>0</v>
      </c>
      <c r="CW468" s="166">
        <v>0</v>
      </c>
      <c r="CX468" s="166">
        <v>0</v>
      </c>
      <c r="CY468" s="166">
        <v>0</v>
      </c>
      <c r="CZ468" s="166">
        <v>0</v>
      </c>
    </row>
    <row r="469" spans="1:104" x14ac:dyDescent="0.2">
      <c r="A469" s="177" t="s">
        <v>558</v>
      </c>
      <c r="B469" s="166">
        <v>104918960.52139799</v>
      </c>
      <c r="C469" s="166">
        <v>104918960.52139799</v>
      </c>
      <c r="D469" s="166">
        <v>0</v>
      </c>
      <c r="E469" s="166">
        <v>0</v>
      </c>
      <c r="F469" s="166">
        <v>0</v>
      </c>
      <c r="G469" s="166">
        <v>0</v>
      </c>
      <c r="H469" s="166">
        <v>0</v>
      </c>
      <c r="I469" s="166">
        <v>0</v>
      </c>
      <c r="J469" s="166">
        <v>0</v>
      </c>
      <c r="K469" s="166">
        <v>0</v>
      </c>
      <c r="L469" s="166">
        <v>0</v>
      </c>
      <c r="M469" s="166">
        <v>0</v>
      </c>
      <c r="N469" s="166">
        <v>0</v>
      </c>
      <c r="O469" s="166">
        <v>0</v>
      </c>
      <c r="P469" s="166">
        <v>0</v>
      </c>
      <c r="Q469" s="166">
        <v>0</v>
      </c>
      <c r="R469" s="166">
        <v>0</v>
      </c>
      <c r="S469" s="166">
        <v>0</v>
      </c>
      <c r="T469" s="166">
        <v>0</v>
      </c>
      <c r="U469" s="166">
        <v>0</v>
      </c>
      <c r="V469" s="166">
        <v>0</v>
      </c>
      <c r="W469" s="166">
        <v>0</v>
      </c>
      <c r="X469" s="166">
        <v>0</v>
      </c>
      <c r="Y469" s="166">
        <v>0</v>
      </c>
      <c r="Z469" s="166">
        <v>0</v>
      </c>
      <c r="AA469" s="166">
        <v>0</v>
      </c>
      <c r="AB469" s="166">
        <v>0</v>
      </c>
      <c r="AC469" s="166">
        <v>0</v>
      </c>
      <c r="AD469" s="166">
        <v>0</v>
      </c>
      <c r="AE469" s="166">
        <v>0</v>
      </c>
      <c r="AF469" s="166">
        <v>0</v>
      </c>
      <c r="AG469" s="166">
        <v>0</v>
      </c>
      <c r="AH469" s="166">
        <v>0</v>
      </c>
      <c r="AI469" s="166">
        <v>0</v>
      </c>
      <c r="AJ469" s="166">
        <v>0</v>
      </c>
      <c r="AK469" s="166">
        <v>0</v>
      </c>
      <c r="AL469" s="166">
        <v>0</v>
      </c>
      <c r="AM469" s="166">
        <v>0</v>
      </c>
      <c r="AN469" s="166">
        <v>0</v>
      </c>
      <c r="AO469" s="166">
        <v>0</v>
      </c>
      <c r="AP469" s="166">
        <v>0</v>
      </c>
      <c r="AQ469" s="166">
        <v>0</v>
      </c>
      <c r="AR469" s="166">
        <v>0</v>
      </c>
      <c r="AS469" s="166">
        <v>0</v>
      </c>
      <c r="AT469" s="166">
        <v>0</v>
      </c>
      <c r="AU469" s="166">
        <v>0</v>
      </c>
      <c r="AV469" s="166">
        <v>0</v>
      </c>
      <c r="AW469" s="166">
        <v>0</v>
      </c>
      <c r="AX469" s="166">
        <v>0</v>
      </c>
      <c r="AY469" s="166">
        <v>0</v>
      </c>
      <c r="AZ469" s="166">
        <v>0</v>
      </c>
      <c r="BA469" s="166">
        <v>0</v>
      </c>
      <c r="BB469" s="166">
        <v>0</v>
      </c>
      <c r="BC469" s="166">
        <v>0</v>
      </c>
      <c r="BD469" s="166">
        <v>0</v>
      </c>
      <c r="BE469" s="166">
        <v>0</v>
      </c>
      <c r="BF469" s="166">
        <v>0</v>
      </c>
      <c r="BG469" s="166">
        <v>0</v>
      </c>
      <c r="BH469" s="166">
        <v>0</v>
      </c>
      <c r="BI469" s="166">
        <v>0</v>
      </c>
      <c r="BJ469" s="166">
        <v>0</v>
      </c>
      <c r="BK469" s="166">
        <v>0</v>
      </c>
      <c r="BL469" s="166">
        <v>0</v>
      </c>
      <c r="BM469" s="166">
        <v>0</v>
      </c>
      <c r="BN469" s="166">
        <v>0</v>
      </c>
      <c r="BO469" s="166">
        <v>0</v>
      </c>
      <c r="BP469" s="166">
        <v>0</v>
      </c>
      <c r="BQ469" s="166">
        <v>0</v>
      </c>
      <c r="BR469" s="166">
        <v>104918960.52139799</v>
      </c>
      <c r="BS469" s="166">
        <v>104918960.52139799</v>
      </c>
      <c r="BT469" s="168">
        <v>0</v>
      </c>
      <c r="BU469" s="166">
        <v>0</v>
      </c>
      <c r="BV469" s="166">
        <v>0</v>
      </c>
      <c r="BW469" s="166">
        <v>0</v>
      </c>
      <c r="BX469" s="166">
        <v>0</v>
      </c>
      <c r="BY469" s="166">
        <v>0</v>
      </c>
      <c r="BZ469" s="166">
        <v>0</v>
      </c>
      <c r="CA469" s="166">
        <v>0</v>
      </c>
      <c r="CB469" s="166">
        <v>0</v>
      </c>
      <c r="CC469" s="166">
        <v>0</v>
      </c>
      <c r="CD469" s="166">
        <v>0</v>
      </c>
      <c r="CE469" s="166">
        <v>0</v>
      </c>
      <c r="CF469" s="166">
        <v>0</v>
      </c>
      <c r="CG469" s="166">
        <v>0</v>
      </c>
      <c r="CH469" s="166">
        <v>0</v>
      </c>
      <c r="CI469" s="166">
        <v>0</v>
      </c>
      <c r="CJ469" s="166">
        <v>0</v>
      </c>
      <c r="CK469" s="166">
        <v>0</v>
      </c>
      <c r="CL469" s="166">
        <v>0</v>
      </c>
      <c r="CM469" s="166">
        <v>0</v>
      </c>
      <c r="CN469" s="166">
        <v>0</v>
      </c>
      <c r="CO469" s="166">
        <v>0</v>
      </c>
      <c r="CP469" s="166">
        <v>0</v>
      </c>
      <c r="CQ469" s="166">
        <v>0</v>
      </c>
      <c r="CR469" s="166">
        <v>0</v>
      </c>
      <c r="CS469" s="166">
        <v>0</v>
      </c>
      <c r="CT469" s="166">
        <v>0</v>
      </c>
      <c r="CU469" s="166">
        <v>0</v>
      </c>
      <c r="CV469" s="166">
        <v>0</v>
      </c>
      <c r="CW469" s="166">
        <v>0</v>
      </c>
      <c r="CX469" s="166">
        <v>0</v>
      </c>
      <c r="CY469" s="166">
        <v>0</v>
      </c>
      <c r="CZ469" s="166">
        <v>0</v>
      </c>
    </row>
    <row r="470" spans="1:104" x14ac:dyDescent="0.2">
      <c r="A470" s="167" t="s">
        <v>559</v>
      </c>
      <c r="B470" s="166">
        <v>0</v>
      </c>
      <c r="C470" s="166">
        <v>0</v>
      </c>
      <c r="D470" s="166">
        <v>0</v>
      </c>
      <c r="E470" s="166">
        <v>0</v>
      </c>
      <c r="F470" s="166">
        <v>0</v>
      </c>
      <c r="G470" s="166">
        <v>0</v>
      </c>
      <c r="H470" s="166">
        <v>0</v>
      </c>
      <c r="I470" s="166">
        <v>0</v>
      </c>
      <c r="J470" s="166">
        <v>0</v>
      </c>
      <c r="K470" s="166">
        <v>0</v>
      </c>
      <c r="L470" s="166">
        <v>0</v>
      </c>
      <c r="M470" s="166">
        <v>0</v>
      </c>
      <c r="N470" s="166">
        <v>0</v>
      </c>
      <c r="O470" s="166">
        <v>0</v>
      </c>
      <c r="P470" s="166">
        <v>0</v>
      </c>
      <c r="Q470" s="166">
        <v>0</v>
      </c>
      <c r="R470" s="166">
        <v>0</v>
      </c>
      <c r="S470" s="166">
        <v>0</v>
      </c>
      <c r="T470" s="166">
        <v>0</v>
      </c>
      <c r="U470" s="166">
        <v>0</v>
      </c>
      <c r="V470" s="166">
        <v>0</v>
      </c>
      <c r="W470" s="166">
        <v>0</v>
      </c>
      <c r="X470" s="166">
        <v>0</v>
      </c>
      <c r="Y470" s="166">
        <v>0</v>
      </c>
      <c r="Z470" s="166">
        <v>0</v>
      </c>
      <c r="AA470" s="166">
        <v>0</v>
      </c>
      <c r="AB470" s="166">
        <v>0</v>
      </c>
      <c r="AC470" s="166">
        <v>0</v>
      </c>
      <c r="AD470" s="166">
        <v>0</v>
      </c>
      <c r="AE470" s="166">
        <v>0</v>
      </c>
      <c r="AF470" s="166">
        <v>0</v>
      </c>
      <c r="AG470" s="166">
        <v>0</v>
      </c>
      <c r="AH470" s="166">
        <v>0</v>
      </c>
      <c r="AI470" s="166">
        <v>0</v>
      </c>
      <c r="AJ470" s="166">
        <v>0</v>
      </c>
      <c r="AK470" s="166">
        <v>0</v>
      </c>
      <c r="AL470" s="166">
        <v>0</v>
      </c>
      <c r="AM470" s="166">
        <v>0</v>
      </c>
      <c r="AN470" s="166">
        <v>0</v>
      </c>
      <c r="AO470" s="166">
        <v>0</v>
      </c>
      <c r="AP470" s="166">
        <v>0</v>
      </c>
      <c r="AQ470" s="166">
        <v>0</v>
      </c>
      <c r="AR470" s="166">
        <v>0</v>
      </c>
      <c r="AS470" s="166">
        <v>0</v>
      </c>
      <c r="AT470" s="166">
        <v>0</v>
      </c>
      <c r="AU470" s="166">
        <v>0</v>
      </c>
      <c r="AV470" s="166">
        <v>0</v>
      </c>
      <c r="AW470" s="166">
        <v>0</v>
      </c>
      <c r="AX470" s="166">
        <v>0</v>
      </c>
      <c r="AY470" s="166">
        <v>0</v>
      </c>
      <c r="AZ470" s="166">
        <v>0</v>
      </c>
      <c r="BA470" s="166">
        <v>0</v>
      </c>
      <c r="BB470" s="166">
        <v>0</v>
      </c>
      <c r="BC470" s="166">
        <v>0</v>
      </c>
      <c r="BD470" s="166">
        <v>0</v>
      </c>
      <c r="BE470" s="166">
        <v>0</v>
      </c>
      <c r="BF470" s="166">
        <v>0</v>
      </c>
      <c r="BG470" s="166">
        <v>0</v>
      </c>
      <c r="BH470" s="166">
        <v>0</v>
      </c>
      <c r="BI470" s="166">
        <v>0</v>
      </c>
      <c r="BJ470" s="166">
        <v>0</v>
      </c>
      <c r="BK470" s="166">
        <v>0</v>
      </c>
      <c r="BL470" s="166">
        <v>0</v>
      </c>
      <c r="BM470" s="166">
        <v>0</v>
      </c>
      <c r="BN470" s="166">
        <v>0</v>
      </c>
      <c r="BO470" s="166">
        <v>0</v>
      </c>
      <c r="BP470" s="166">
        <v>0</v>
      </c>
      <c r="BQ470" s="166">
        <v>0</v>
      </c>
      <c r="BR470" s="166">
        <v>0</v>
      </c>
      <c r="BS470" s="166">
        <v>0</v>
      </c>
      <c r="BT470" s="168">
        <v>0</v>
      </c>
      <c r="BU470" s="166">
        <v>0</v>
      </c>
      <c r="BV470" s="166">
        <v>0</v>
      </c>
      <c r="BW470" s="166">
        <v>0</v>
      </c>
      <c r="BX470" s="166">
        <v>0</v>
      </c>
      <c r="BY470" s="166">
        <v>0</v>
      </c>
      <c r="BZ470" s="166">
        <v>0</v>
      </c>
      <c r="CA470" s="166">
        <v>0</v>
      </c>
      <c r="CB470" s="166">
        <v>0</v>
      </c>
      <c r="CC470" s="166">
        <v>0</v>
      </c>
      <c r="CD470" s="166">
        <v>0</v>
      </c>
      <c r="CE470" s="166">
        <v>0</v>
      </c>
      <c r="CF470" s="166">
        <v>0</v>
      </c>
      <c r="CG470" s="166">
        <v>0</v>
      </c>
      <c r="CH470" s="166">
        <v>0</v>
      </c>
      <c r="CI470" s="166">
        <v>0</v>
      </c>
      <c r="CJ470" s="166">
        <v>0</v>
      </c>
      <c r="CK470" s="166">
        <v>0</v>
      </c>
      <c r="CL470" s="166">
        <v>0</v>
      </c>
      <c r="CM470" s="166">
        <v>0</v>
      </c>
      <c r="CN470" s="166">
        <v>0</v>
      </c>
      <c r="CO470" s="166">
        <v>0</v>
      </c>
      <c r="CP470" s="166">
        <v>0</v>
      </c>
      <c r="CQ470" s="166">
        <v>0</v>
      </c>
      <c r="CR470" s="166">
        <v>0</v>
      </c>
      <c r="CS470" s="166">
        <v>0</v>
      </c>
      <c r="CT470" s="166">
        <v>0</v>
      </c>
      <c r="CU470" s="166">
        <v>0</v>
      </c>
      <c r="CV470" s="166">
        <v>0</v>
      </c>
      <c r="CW470" s="166">
        <v>0</v>
      </c>
      <c r="CX470" s="166">
        <v>0</v>
      </c>
      <c r="CY470" s="166">
        <v>0</v>
      </c>
      <c r="CZ470" s="166">
        <v>0</v>
      </c>
    </row>
    <row r="471" spans="1:104" x14ac:dyDescent="0.2">
      <c r="A471" s="167" t="s">
        <v>560</v>
      </c>
      <c r="B471" s="166">
        <v>41417006.154000796</v>
      </c>
      <c r="C471" s="166">
        <v>41417006.154000796</v>
      </c>
      <c r="D471" s="166">
        <v>0</v>
      </c>
      <c r="E471" s="166">
        <v>0</v>
      </c>
      <c r="F471" s="166">
        <v>0</v>
      </c>
      <c r="G471" s="166">
        <v>0</v>
      </c>
      <c r="H471" s="166">
        <v>0</v>
      </c>
      <c r="I471" s="166">
        <v>0</v>
      </c>
      <c r="J471" s="166">
        <v>0</v>
      </c>
      <c r="K471" s="166">
        <v>0</v>
      </c>
      <c r="L471" s="166">
        <v>0</v>
      </c>
      <c r="M471" s="166">
        <v>0</v>
      </c>
      <c r="N471" s="166">
        <v>0</v>
      </c>
      <c r="O471" s="166">
        <v>0</v>
      </c>
      <c r="P471" s="166">
        <v>0</v>
      </c>
      <c r="Q471" s="166">
        <v>0</v>
      </c>
      <c r="R471" s="166">
        <v>0</v>
      </c>
      <c r="S471" s="166">
        <v>0</v>
      </c>
      <c r="T471" s="166">
        <v>0</v>
      </c>
      <c r="U471" s="166">
        <v>0</v>
      </c>
      <c r="V471" s="166">
        <v>0</v>
      </c>
      <c r="W471" s="166">
        <v>0</v>
      </c>
      <c r="X471" s="166">
        <v>0</v>
      </c>
      <c r="Y471" s="166">
        <v>0</v>
      </c>
      <c r="Z471" s="166">
        <v>0</v>
      </c>
      <c r="AA471" s="166">
        <v>0</v>
      </c>
      <c r="AB471" s="166">
        <v>0</v>
      </c>
      <c r="AC471" s="166">
        <v>0</v>
      </c>
      <c r="AD471" s="166">
        <v>0</v>
      </c>
      <c r="AE471" s="166">
        <v>0</v>
      </c>
      <c r="AF471" s="166">
        <v>0</v>
      </c>
      <c r="AG471" s="166">
        <v>0</v>
      </c>
      <c r="AH471" s="166">
        <v>0</v>
      </c>
      <c r="AI471" s="166">
        <v>0</v>
      </c>
      <c r="AJ471" s="166">
        <v>0</v>
      </c>
      <c r="AK471" s="166">
        <v>0</v>
      </c>
      <c r="AL471" s="166">
        <v>0</v>
      </c>
      <c r="AM471" s="166">
        <v>0</v>
      </c>
      <c r="AN471" s="166">
        <v>0</v>
      </c>
      <c r="AO471" s="166">
        <v>0</v>
      </c>
      <c r="AP471" s="166">
        <v>0</v>
      </c>
      <c r="AQ471" s="166">
        <v>0</v>
      </c>
      <c r="AR471" s="166">
        <v>0</v>
      </c>
      <c r="AS471" s="166">
        <v>0</v>
      </c>
      <c r="AT471" s="166">
        <v>0</v>
      </c>
      <c r="AU471" s="166">
        <v>0</v>
      </c>
      <c r="AV471" s="166">
        <v>0</v>
      </c>
      <c r="AW471" s="166">
        <v>0</v>
      </c>
      <c r="AX471" s="166">
        <v>0</v>
      </c>
      <c r="AY471" s="166">
        <v>0</v>
      </c>
      <c r="AZ471" s="166">
        <v>0</v>
      </c>
      <c r="BA471" s="166">
        <v>0</v>
      </c>
      <c r="BB471" s="166">
        <v>0</v>
      </c>
      <c r="BC471" s="166">
        <v>0</v>
      </c>
      <c r="BD471" s="166">
        <v>0</v>
      </c>
      <c r="BE471" s="166">
        <v>0</v>
      </c>
      <c r="BF471" s="166">
        <v>0</v>
      </c>
      <c r="BG471" s="166">
        <v>0</v>
      </c>
      <c r="BH471" s="166">
        <v>0</v>
      </c>
      <c r="BI471" s="166">
        <v>0</v>
      </c>
      <c r="BJ471" s="166">
        <v>0</v>
      </c>
      <c r="BK471" s="166">
        <v>0</v>
      </c>
      <c r="BL471" s="166">
        <v>0</v>
      </c>
      <c r="BM471" s="166">
        <v>0</v>
      </c>
      <c r="BN471" s="166">
        <v>0</v>
      </c>
      <c r="BO471" s="166">
        <v>0</v>
      </c>
      <c r="BP471" s="166">
        <v>0</v>
      </c>
      <c r="BQ471" s="166">
        <v>0</v>
      </c>
      <c r="BR471" s="166">
        <v>41417006.154000796</v>
      </c>
      <c r="BS471" s="166">
        <v>41417006.154000796</v>
      </c>
      <c r="BT471" s="168">
        <v>0</v>
      </c>
      <c r="BU471" s="166">
        <v>0</v>
      </c>
      <c r="BV471" s="166">
        <v>0</v>
      </c>
      <c r="BW471" s="166">
        <v>0</v>
      </c>
      <c r="BX471" s="166">
        <v>0</v>
      </c>
      <c r="BY471" s="166">
        <v>0</v>
      </c>
      <c r="BZ471" s="166">
        <v>0</v>
      </c>
      <c r="CA471" s="166">
        <v>0</v>
      </c>
      <c r="CB471" s="166">
        <v>0</v>
      </c>
      <c r="CC471" s="166">
        <v>0</v>
      </c>
      <c r="CD471" s="166">
        <v>0</v>
      </c>
      <c r="CE471" s="166">
        <v>0</v>
      </c>
      <c r="CF471" s="166">
        <v>0</v>
      </c>
      <c r="CG471" s="166">
        <v>0</v>
      </c>
      <c r="CH471" s="166">
        <v>0</v>
      </c>
      <c r="CI471" s="166">
        <v>0</v>
      </c>
      <c r="CJ471" s="166">
        <v>0</v>
      </c>
      <c r="CK471" s="166">
        <v>0</v>
      </c>
      <c r="CL471" s="166">
        <v>0</v>
      </c>
      <c r="CM471" s="166">
        <v>0</v>
      </c>
      <c r="CN471" s="166">
        <v>0</v>
      </c>
      <c r="CO471" s="166">
        <v>0</v>
      </c>
      <c r="CP471" s="166">
        <v>0</v>
      </c>
      <c r="CQ471" s="166">
        <v>0</v>
      </c>
      <c r="CR471" s="166">
        <v>0</v>
      </c>
      <c r="CS471" s="166">
        <v>0</v>
      </c>
      <c r="CT471" s="166">
        <v>0</v>
      </c>
      <c r="CU471" s="166">
        <v>0</v>
      </c>
      <c r="CV471" s="166">
        <v>0</v>
      </c>
      <c r="CW471" s="166">
        <v>0</v>
      </c>
      <c r="CX471" s="166">
        <v>0</v>
      </c>
      <c r="CY471" s="166">
        <v>0</v>
      </c>
      <c r="CZ471" s="166">
        <v>0</v>
      </c>
    </row>
    <row r="472" spans="1:104" x14ac:dyDescent="0.2">
      <c r="A472" s="167" t="s">
        <v>561</v>
      </c>
      <c r="B472" s="166">
        <v>4437425.1393154701</v>
      </c>
      <c r="C472" s="166">
        <v>4437425.1393154701</v>
      </c>
      <c r="D472" s="166">
        <v>0</v>
      </c>
      <c r="E472" s="166">
        <v>0</v>
      </c>
      <c r="F472" s="166">
        <v>0</v>
      </c>
      <c r="G472" s="166">
        <v>0</v>
      </c>
      <c r="H472" s="166">
        <v>0</v>
      </c>
      <c r="I472" s="166">
        <v>0</v>
      </c>
      <c r="J472" s="166">
        <v>0</v>
      </c>
      <c r="K472" s="166">
        <v>0</v>
      </c>
      <c r="L472" s="166">
        <v>0</v>
      </c>
      <c r="M472" s="166">
        <v>0</v>
      </c>
      <c r="N472" s="166">
        <v>0</v>
      </c>
      <c r="O472" s="166">
        <v>0</v>
      </c>
      <c r="P472" s="166">
        <v>0</v>
      </c>
      <c r="Q472" s="166">
        <v>0</v>
      </c>
      <c r="R472" s="166">
        <v>0</v>
      </c>
      <c r="S472" s="166">
        <v>0</v>
      </c>
      <c r="T472" s="166">
        <v>0</v>
      </c>
      <c r="U472" s="166">
        <v>0</v>
      </c>
      <c r="V472" s="166">
        <v>0</v>
      </c>
      <c r="W472" s="166">
        <v>0</v>
      </c>
      <c r="X472" s="166">
        <v>0</v>
      </c>
      <c r="Y472" s="166">
        <v>0</v>
      </c>
      <c r="Z472" s="166">
        <v>0</v>
      </c>
      <c r="AA472" s="166">
        <v>0</v>
      </c>
      <c r="AB472" s="166">
        <v>0</v>
      </c>
      <c r="AC472" s="166">
        <v>0</v>
      </c>
      <c r="AD472" s="166">
        <v>0</v>
      </c>
      <c r="AE472" s="166">
        <v>0</v>
      </c>
      <c r="AF472" s="166">
        <v>0</v>
      </c>
      <c r="AG472" s="166">
        <v>0</v>
      </c>
      <c r="AH472" s="166">
        <v>0</v>
      </c>
      <c r="AI472" s="166">
        <v>0</v>
      </c>
      <c r="AJ472" s="166">
        <v>0</v>
      </c>
      <c r="AK472" s="166">
        <v>0</v>
      </c>
      <c r="AL472" s="166">
        <v>0</v>
      </c>
      <c r="AM472" s="166">
        <v>0</v>
      </c>
      <c r="AN472" s="166">
        <v>0</v>
      </c>
      <c r="AO472" s="166">
        <v>0</v>
      </c>
      <c r="AP472" s="166">
        <v>0</v>
      </c>
      <c r="AQ472" s="166">
        <v>0</v>
      </c>
      <c r="AR472" s="166">
        <v>0</v>
      </c>
      <c r="AS472" s="166">
        <v>0</v>
      </c>
      <c r="AT472" s="166">
        <v>0</v>
      </c>
      <c r="AU472" s="166">
        <v>0</v>
      </c>
      <c r="AV472" s="166">
        <v>0</v>
      </c>
      <c r="AW472" s="166">
        <v>0</v>
      </c>
      <c r="AX472" s="166">
        <v>0</v>
      </c>
      <c r="AY472" s="166">
        <v>0</v>
      </c>
      <c r="AZ472" s="166">
        <v>0</v>
      </c>
      <c r="BA472" s="166">
        <v>0</v>
      </c>
      <c r="BB472" s="166">
        <v>0</v>
      </c>
      <c r="BC472" s="166">
        <v>0</v>
      </c>
      <c r="BD472" s="166">
        <v>0</v>
      </c>
      <c r="BE472" s="166">
        <v>0</v>
      </c>
      <c r="BF472" s="166">
        <v>0</v>
      </c>
      <c r="BG472" s="166">
        <v>0</v>
      </c>
      <c r="BH472" s="166">
        <v>0</v>
      </c>
      <c r="BI472" s="166">
        <v>0</v>
      </c>
      <c r="BJ472" s="166">
        <v>0</v>
      </c>
      <c r="BK472" s="166">
        <v>0</v>
      </c>
      <c r="BL472" s="166">
        <v>0</v>
      </c>
      <c r="BM472" s="166">
        <v>0</v>
      </c>
      <c r="BN472" s="166">
        <v>0</v>
      </c>
      <c r="BO472" s="166">
        <v>0</v>
      </c>
      <c r="BP472" s="166">
        <v>0</v>
      </c>
      <c r="BQ472" s="166">
        <v>0</v>
      </c>
      <c r="BR472" s="166">
        <v>4437425.1393154701</v>
      </c>
      <c r="BS472" s="166">
        <v>4437425.1393154701</v>
      </c>
      <c r="BT472" s="168">
        <v>0</v>
      </c>
      <c r="BU472" s="166">
        <v>0</v>
      </c>
      <c r="BV472" s="166">
        <v>0</v>
      </c>
      <c r="BW472" s="166">
        <v>0</v>
      </c>
      <c r="BX472" s="166">
        <v>0</v>
      </c>
      <c r="BY472" s="166">
        <v>0</v>
      </c>
      <c r="BZ472" s="166">
        <v>0</v>
      </c>
      <c r="CA472" s="166">
        <v>0</v>
      </c>
      <c r="CB472" s="166">
        <v>0</v>
      </c>
      <c r="CC472" s="166">
        <v>0</v>
      </c>
      <c r="CD472" s="166">
        <v>0</v>
      </c>
      <c r="CE472" s="166">
        <v>0</v>
      </c>
      <c r="CF472" s="166">
        <v>0</v>
      </c>
      <c r="CG472" s="166">
        <v>0</v>
      </c>
      <c r="CH472" s="166">
        <v>0</v>
      </c>
      <c r="CI472" s="166">
        <v>0</v>
      </c>
      <c r="CJ472" s="166">
        <v>0</v>
      </c>
      <c r="CK472" s="166">
        <v>0</v>
      </c>
      <c r="CL472" s="166">
        <v>0</v>
      </c>
      <c r="CM472" s="166">
        <v>0</v>
      </c>
      <c r="CN472" s="166">
        <v>0</v>
      </c>
      <c r="CO472" s="166">
        <v>0</v>
      </c>
      <c r="CP472" s="166">
        <v>0</v>
      </c>
      <c r="CQ472" s="166">
        <v>0</v>
      </c>
      <c r="CR472" s="166">
        <v>0</v>
      </c>
      <c r="CS472" s="166">
        <v>0</v>
      </c>
      <c r="CT472" s="166">
        <v>0</v>
      </c>
      <c r="CU472" s="166">
        <v>0</v>
      </c>
      <c r="CV472" s="166">
        <v>0</v>
      </c>
      <c r="CW472" s="166">
        <v>0</v>
      </c>
      <c r="CX472" s="166">
        <v>0</v>
      </c>
      <c r="CY472" s="166">
        <v>0</v>
      </c>
      <c r="CZ472" s="166">
        <v>0</v>
      </c>
    </row>
    <row r="473" spans="1:104" x14ac:dyDescent="0.2">
      <c r="A473" s="167" t="s">
        <v>562</v>
      </c>
      <c r="B473" s="166">
        <v>6255478.9201366398</v>
      </c>
      <c r="C473" s="166">
        <v>6255478.9201366398</v>
      </c>
      <c r="D473" s="166">
        <v>0</v>
      </c>
      <c r="E473" s="166">
        <v>0</v>
      </c>
      <c r="F473" s="166">
        <v>0</v>
      </c>
      <c r="G473" s="166">
        <v>0</v>
      </c>
      <c r="H473" s="166">
        <v>0</v>
      </c>
      <c r="I473" s="166">
        <v>0</v>
      </c>
      <c r="J473" s="166">
        <v>0</v>
      </c>
      <c r="K473" s="166">
        <v>0</v>
      </c>
      <c r="L473" s="166">
        <v>0</v>
      </c>
      <c r="M473" s="166">
        <v>0</v>
      </c>
      <c r="N473" s="166">
        <v>0</v>
      </c>
      <c r="O473" s="166">
        <v>0</v>
      </c>
      <c r="P473" s="166">
        <v>0</v>
      </c>
      <c r="Q473" s="166">
        <v>0</v>
      </c>
      <c r="R473" s="166">
        <v>0</v>
      </c>
      <c r="S473" s="166">
        <v>0</v>
      </c>
      <c r="T473" s="166">
        <v>0</v>
      </c>
      <c r="U473" s="166">
        <v>0</v>
      </c>
      <c r="V473" s="166">
        <v>0</v>
      </c>
      <c r="W473" s="166">
        <v>0</v>
      </c>
      <c r="X473" s="166">
        <v>0</v>
      </c>
      <c r="Y473" s="166">
        <v>0</v>
      </c>
      <c r="Z473" s="166">
        <v>0</v>
      </c>
      <c r="AA473" s="166">
        <v>0</v>
      </c>
      <c r="AB473" s="166">
        <v>0</v>
      </c>
      <c r="AC473" s="166">
        <v>0</v>
      </c>
      <c r="AD473" s="166">
        <v>0</v>
      </c>
      <c r="AE473" s="166">
        <v>0</v>
      </c>
      <c r="AF473" s="166">
        <v>0</v>
      </c>
      <c r="AG473" s="166">
        <v>0</v>
      </c>
      <c r="AH473" s="166">
        <v>0</v>
      </c>
      <c r="AI473" s="166">
        <v>0</v>
      </c>
      <c r="AJ473" s="166">
        <v>0</v>
      </c>
      <c r="AK473" s="166">
        <v>0</v>
      </c>
      <c r="AL473" s="166">
        <v>0</v>
      </c>
      <c r="AM473" s="166">
        <v>0</v>
      </c>
      <c r="AN473" s="166">
        <v>0</v>
      </c>
      <c r="AO473" s="166">
        <v>0</v>
      </c>
      <c r="AP473" s="166">
        <v>0</v>
      </c>
      <c r="AQ473" s="166">
        <v>0</v>
      </c>
      <c r="AR473" s="166">
        <v>0</v>
      </c>
      <c r="AS473" s="166">
        <v>0</v>
      </c>
      <c r="AT473" s="166">
        <v>0</v>
      </c>
      <c r="AU473" s="166">
        <v>0</v>
      </c>
      <c r="AV473" s="166">
        <v>0</v>
      </c>
      <c r="AW473" s="166">
        <v>0</v>
      </c>
      <c r="AX473" s="166">
        <v>0</v>
      </c>
      <c r="AY473" s="166">
        <v>0</v>
      </c>
      <c r="AZ473" s="166">
        <v>0</v>
      </c>
      <c r="BA473" s="166">
        <v>0</v>
      </c>
      <c r="BB473" s="166">
        <v>0</v>
      </c>
      <c r="BC473" s="166">
        <v>0</v>
      </c>
      <c r="BD473" s="166">
        <v>0</v>
      </c>
      <c r="BE473" s="166">
        <v>0</v>
      </c>
      <c r="BF473" s="166">
        <v>0</v>
      </c>
      <c r="BG473" s="166">
        <v>0</v>
      </c>
      <c r="BH473" s="166">
        <v>0</v>
      </c>
      <c r="BI473" s="166">
        <v>0</v>
      </c>
      <c r="BJ473" s="166">
        <v>0</v>
      </c>
      <c r="BK473" s="166">
        <v>0</v>
      </c>
      <c r="BL473" s="166">
        <v>0</v>
      </c>
      <c r="BM473" s="166">
        <v>0</v>
      </c>
      <c r="BN473" s="166">
        <v>0</v>
      </c>
      <c r="BO473" s="166">
        <v>0</v>
      </c>
      <c r="BP473" s="166">
        <v>0</v>
      </c>
      <c r="BQ473" s="166">
        <v>0</v>
      </c>
      <c r="BR473" s="166">
        <v>6255478.9201366398</v>
      </c>
      <c r="BS473" s="166">
        <v>6255478.9201366398</v>
      </c>
      <c r="BT473" s="168">
        <v>0</v>
      </c>
      <c r="BU473" s="166">
        <v>0</v>
      </c>
      <c r="BV473" s="166">
        <v>0</v>
      </c>
      <c r="BW473" s="166">
        <v>0</v>
      </c>
      <c r="BX473" s="166">
        <v>0</v>
      </c>
      <c r="BY473" s="166">
        <v>0</v>
      </c>
      <c r="BZ473" s="166">
        <v>0</v>
      </c>
      <c r="CA473" s="166">
        <v>0</v>
      </c>
      <c r="CB473" s="166">
        <v>0</v>
      </c>
      <c r="CC473" s="166">
        <v>0</v>
      </c>
      <c r="CD473" s="166">
        <v>0</v>
      </c>
      <c r="CE473" s="166">
        <v>0</v>
      </c>
      <c r="CF473" s="166">
        <v>0</v>
      </c>
      <c r="CG473" s="166">
        <v>0</v>
      </c>
      <c r="CH473" s="166">
        <v>0</v>
      </c>
      <c r="CI473" s="166">
        <v>0</v>
      </c>
      <c r="CJ473" s="166">
        <v>0</v>
      </c>
      <c r="CK473" s="166">
        <v>0</v>
      </c>
      <c r="CL473" s="166">
        <v>0</v>
      </c>
      <c r="CM473" s="166">
        <v>0</v>
      </c>
      <c r="CN473" s="166">
        <v>0</v>
      </c>
      <c r="CO473" s="166">
        <v>0</v>
      </c>
      <c r="CP473" s="166">
        <v>0</v>
      </c>
      <c r="CQ473" s="166">
        <v>0</v>
      </c>
      <c r="CR473" s="166">
        <v>0</v>
      </c>
      <c r="CS473" s="166">
        <v>0</v>
      </c>
      <c r="CT473" s="166">
        <v>0</v>
      </c>
      <c r="CU473" s="166">
        <v>0</v>
      </c>
      <c r="CV473" s="166">
        <v>0</v>
      </c>
      <c r="CW473" s="166">
        <v>0</v>
      </c>
      <c r="CX473" s="166">
        <v>0</v>
      </c>
      <c r="CY473" s="166">
        <v>0</v>
      </c>
      <c r="CZ473" s="166">
        <v>0</v>
      </c>
    </row>
    <row r="474" spans="1:104" x14ac:dyDescent="0.2">
      <c r="A474" s="177" t="s">
        <v>563</v>
      </c>
      <c r="B474" s="166">
        <v>52109910.213452898</v>
      </c>
      <c r="C474" s="166">
        <v>52109910.213452898</v>
      </c>
      <c r="D474" s="166">
        <v>0</v>
      </c>
      <c r="E474" s="166">
        <v>0</v>
      </c>
      <c r="F474" s="166">
        <v>0</v>
      </c>
      <c r="G474" s="166">
        <v>0</v>
      </c>
      <c r="H474" s="166">
        <v>0</v>
      </c>
      <c r="I474" s="166">
        <v>0</v>
      </c>
      <c r="J474" s="166">
        <v>0</v>
      </c>
      <c r="K474" s="166">
        <v>0</v>
      </c>
      <c r="L474" s="166">
        <v>0</v>
      </c>
      <c r="M474" s="166">
        <v>0</v>
      </c>
      <c r="N474" s="166">
        <v>0</v>
      </c>
      <c r="O474" s="166">
        <v>0</v>
      </c>
      <c r="P474" s="166">
        <v>0</v>
      </c>
      <c r="Q474" s="166">
        <v>0</v>
      </c>
      <c r="R474" s="166">
        <v>0</v>
      </c>
      <c r="S474" s="166">
        <v>0</v>
      </c>
      <c r="T474" s="166">
        <v>0</v>
      </c>
      <c r="U474" s="166">
        <v>0</v>
      </c>
      <c r="V474" s="166">
        <v>0</v>
      </c>
      <c r="W474" s="166">
        <v>0</v>
      </c>
      <c r="X474" s="166">
        <v>0</v>
      </c>
      <c r="Y474" s="166">
        <v>0</v>
      </c>
      <c r="Z474" s="166">
        <v>0</v>
      </c>
      <c r="AA474" s="166">
        <v>0</v>
      </c>
      <c r="AB474" s="166">
        <v>0</v>
      </c>
      <c r="AC474" s="166">
        <v>0</v>
      </c>
      <c r="AD474" s="166">
        <v>0</v>
      </c>
      <c r="AE474" s="166">
        <v>0</v>
      </c>
      <c r="AF474" s="166">
        <v>0</v>
      </c>
      <c r="AG474" s="166">
        <v>0</v>
      </c>
      <c r="AH474" s="166">
        <v>0</v>
      </c>
      <c r="AI474" s="166">
        <v>0</v>
      </c>
      <c r="AJ474" s="166">
        <v>0</v>
      </c>
      <c r="AK474" s="166">
        <v>0</v>
      </c>
      <c r="AL474" s="166">
        <v>0</v>
      </c>
      <c r="AM474" s="166">
        <v>0</v>
      </c>
      <c r="AN474" s="166">
        <v>0</v>
      </c>
      <c r="AO474" s="166">
        <v>0</v>
      </c>
      <c r="AP474" s="166">
        <v>0</v>
      </c>
      <c r="AQ474" s="166">
        <v>0</v>
      </c>
      <c r="AR474" s="166">
        <v>0</v>
      </c>
      <c r="AS474" s="166">
        <v>0</v>
      </c>
      <c r="AT474" s="166">
        <v>0</v>
      </c>
      <c r="AU474" s="166">
        <v>0</v>
      </c>
      <c r="AV474" s="166">
        <v>0</v>
      </c>
      <c r="AW474" s="166">
        <v>0</v>
      </c>
      <c r="AX474" s="166">
        <v>0</v>
      </c>
      <c r="AY474" s="166">
        <v>0</v>
      </c>
      <c r="AZ474" s="166">
        <v>0</v>
      </c>
      <c r="BA474" s="166">
        <v>0</v>
      </c>
      <c r="BB474" s="166">
        <v>0</v>
      </c>
      <c r="BC474" s="166">
        <v>0</v>
      </c>
      <c r="BD474" s="166">
        <v>0</v>
      </c>
      <c r="BE474" s="166">
        <v>0</v>
      </c>
      <c r="BF474" s="166">
        <v>0</v>
      </c>
      <c r="BG474" s="166">
        <v>0</v>
      </c>
      <c r="BH474" s="166">
        <v>0</v>
      </c>
      <c r="BI474" s="166">
        <v>0</v>
      </c>
      <c r="BJ474" s="166">
        <v>0</v>
      </c>
      <c r="BK474" s="166">
        <v>0</v>
      </c>
      <c r="BL474" s="166">
        <v>0</v>
      </c>
      <c r="BM474" s="166">
        <v>0</v>
      </c>
      <c r="BN474" s="166">
        <v>0</v>
      </c>
      <c r="BO474" s="166">
        <v>0</v>
      </c>
      <c r="BP474" s="166">
        <v>0</v>
      </c>
      <c r="BQ474" s="166">
        <v>0</v>
      </c>
      <c r="BR474" s="166">
        <v>52109910.213452898</v>
      </c>
      <c r="BS474" s="166">
        <v>52109910.213452898</v>
      </c>
      <c r="BT474" s="168">
        <v>0</v>
      </c>
      <c r="BU474" s="166">
        <v>0</v>
      </c>
      <c r="BV474" s="166">
        <v>0</v>
      </c>
      <c r="BW474" s="166">
        <v>0</v>
      </c>
      <c r="BX474" s="166">
        <v>0</v>
      </c>
      <c r="BY474" s="166">
        <v>0</v>
      </c>
      <c r="BZ474" s="166">
        <v>0</v>
      </c>
      <c r="CA474" s="166">
        <v>0</v>
      </c>
      <c r="CB474" s="166">
        <v>0</v>
      </c>
      <c r="CC474" s="166">
        <v>0</v>
      </c>
      <c r="CD474" s="166">
        <v>0</v>
      </c>
      <c r="CE474" s="166">
        <v>0</v>
      </c>
      <c r="CF474" s="166">
        <v>0</v>
      </c>
      <c r="CG474" s="166">
        <v>0</v>
      </c>
      <c r="CH474" s="166">
        <v>0</v>
      </c>
      <c r="CI474" s="166">
        <v>0</v>
      </c>
      <c r="CJ474" s="166">
        <v>0</v>
      </c>
      <c r="CK474" s="166">
        <v>0</v>
      </c>
      <c r="CL474" s="166">
        <v>0</v>
      </c>
      <c r="CM474" s="166">
        <v>0</v>
      </c>
      <c r="CN474" s="166">
        <v>0</v>
      </c>
      <c r="CO474" s="166">
        <v>0</v>
      </c>
      <c r="CP474" s="166">
        <v>0</v>
      </c>
      <c r="CQ474" s="166">
        <v>0</v>
      </c>
      <c r="CR474" s="166">
        <v>0</v>
      </c>
      <c r="CS474" s="166">
        <v>0</v>
      </c>
      <c r="CT474" s="166">
        <v>0</v>
      </c>
      <c r="CU474" s="166">
        <v>0</v>
      </c>
      <c r="CV474" s="166">
        <v>0</v>
      </c>
      <c r="CW474" s="166">
        <v>0</v>
      </c>
      <c r="CX474" s="166">
        <v>0</v>
      </c>
      <c r="CY474" s="166">
        <v>0</v>
      </c>
      <c r="CZ474" s="166">
        <v>0</v>
      </c>
    </row>
    <row r="475" spans="1:104" x14ac:dyDescent="0.2">
      <c r="A475" s="167" t="s">
        <v>564</v>
      </c>
      <c r="B475" s="166">
        <v>0</v>
      </c>
      <c r="C475" s="166">
        <v>0</v>
      </c>
      <c r="D475" s="166">
        <v>0</v>
      </c>
      <c r="E475" s="166">
        <v>0</v>
      </c>
      <c r="F475" s="166">
        <v>0</v>
      </c>
      <c r="G475" s="166">
        <v>0</v>
      </c>
      <c r="H475" s="166">
        <v>0</v>
      </c>
      <c r="I475" s="166">
        <v>0</v>
      </c>
      <c r="J475" s="166">
        <v>0</v>
      </c>
      <c r="K475" s="166">
        <v>0</v>
      </c>
      <c r="L475" s="166">
        <v>0</v>
      </c>
      <c r="M475" s="166">
        <v>0</v>
      </c>
      <c r="N475" s="166">
        <v>0</v>
      </c>
      <c r="O475" s="166">
        <v>0</v>
      </c>
      <c r="P475" s="166">
        <v>0</v>
      </c>
      <c r="Q475" s="166">
        <v>0</v>
      </c>
      <c r="R475" s="166">
        <v>0</v>
      </c>
      <c r="S475" s="166">
        <v>0</v>
      </c>
      <c r="T475" s="166">
        <v>0</v>
      </c>
      <c r="U475" s="166">
        <v>0</v>
      </c>
      <c r="V475" s="166">
        <v>0</v>
      </c>
      <c r="W475" s="166">
        <v>0</v>
      </c>
      <c r="X475" s="166">
        <v>0</v>
      </c>
      <c r="Y475" s="166">
        <v>0</v>
      </c>
      <c r="Z475" s="166">
        <v>0</v>
      </c>
      <c r="AA475" s="166">
        <v>0</v>
      </c>
      <c r="AB475" s="166">
        <v>0</v>
      </c>
      <c r="AC475" s="166">
        <v>0</v>
      </c>
      <c r="AD475" s="166">
        <v>0</v>
      </c>
      <c r="AE475" s="166">
        <v>0</v>
      </c>
      <c r="AF475" s="166">
        <v>0</v>
      </c>
      <c r="AG475" s="166">
        <v>0</v>
      </c>
      <c r="AH475" s="166">
        <v>0</v>
      </c>
      <c r="AI475" s="166">
        <v>0</v>
      </c>
      <c r="AJ475" s="166">
        <v>0</v>
      </c>
      <c r="AK475" s="166">
        <v>0</v>
      </c>
      <c r="AL475" s="166">
        <v>0</v>
      </c>
      <c r="AM475" s="166">
        <v>0</v>
      </c>
      <c r="AN475" s="166">
        <v>0</v>
      </c>
      <c r="AO475" s="166">
        <v>0</v>
      </c>
      <c r="AP475" s="166">
        <v>0</v>
      </c>
      <c r="AQ475" s="166">
        <v>0</v>
      </c>
      <c r="AR475" s="166">
        <v>0</v>
      </c>
      <c r="AS475" s="166">
        <v>0</v>
      </c>
      <c r="AT475" s="166">
        <v>0</v>
      </c>
      <c r="AU475" s="166">
        <v>0</v>
      </c>
      <c r="AV475" s="166">
        <v>0</v>
      </c>
      <c r="AW475" s="166">
        <v>0</v>
      </c>
      <c r="AX475" s="166">
        <v>0</v>
      </c>
      <c r="AY475" s="166">
        <v>0</v>
      </c>
      <c r="AZ475" s="166">
        <v>0</v>
      </c>
      <c r="BA475" s="166">
        <v>0</v>
      </c>
      <c r="BB475" s="166">
        <v>0</v>
      </c>
      <c r="BC475" s="166">
        <v>0</v>
      </c>
      <c r="BD475" s="166">
        <v>0</v>
      </c>
      <c r="BE475" s="166">
        <v>0</v>
      </c>
      <c r="BF475" s="166">
        <v>0</v>
      </c>
      <c r="BG475" s="166">
        <v>0</v>
      </c>
      <c r="BH475" s="166">
        <v>0</v>
      </c>
      <c r="BI475" s="166">
        <v>0</v>
      </c>
      <c r="BJ475" s="166">
        <v>0</v>
      </c>
      <c r="BK475" s="166">
        <v>0</v>
      </c>
      <c r="BL475" s="166">
        <v>0</v>
      </c>
      <c r="BM475" s="166">
        <v>0</v>
      </c>
      <c r="BN475" s="166">
        <v>0</v>
      </c>
      <c r="BO475" s="166">
        <v>0</v>
      </c>
      <c r="BP475" s="166">
        <v>0</v>
      </c>
      <c r="BQ475" s="166">
        <v>0</v>
      </c>
      <c r="BR475" s="166">
        <v>0</v>
      </c>
      <c r="BS475" s="166">
        <v>0</v>
      </c>
      <c r="BT475" s="168">
        <v>0</v>
      </c>
      <c r="BU475" s="166">
        <v>0</v>
      </c>
      <c r="BV475" s="166">
        <v>0</v>
      </c>
      <c r="BW475" s="166">
        <v>0</v>
      </c>
      <c r="BX475" s="166">
        <v>0</v>
      </c>
      <c r="BY475" s="166">
        <v>0</v>
      </c>
      <c r="BZ475" s="166">
        <v>0</v>
      </c>
      <c r="CA475" s="166">
        <v>0</v>
      </c>
      <c r="CB475" s="166">
        <v>0</v>
      </c>
      <c r="CC475" s="166">
        <v>0</v>
      </c>
      <c r="CD475" s="166">
        <v>0</v>
      </c>
      <c r="CE475" s="166">
        <v>0</v>
      </c>
      <c r="CF475" s="166">
        <v>0</v>
      </c>
      <c r="CG475" s="166">
        <v>0</v>
      </c>
      <c r="CH475" s="166">
        <v>0</v>
      </c>
      <c r="CI475" s="166">
        <v>0</v>
      </c>
      <c r="CJ475" s="166">
        <v>0</v>
      </c>
      <c r="CK475" s="166">
        <v>0</v>
      </c>
      <c r="CL475" s="166">
        <v>0</v>
      </c>
      <c r="CM475" s="166">
        <v>0</v>
      </c>
      <c r="CN475" s="166">
        <v>0</v>
      </c>
      <c r="CO475" s="166">
        <v>0</v>
      </c>
      <c r="CP475" s="166">
        <v>0</v>
      </c>
      <c r="CQ475" s="166">
        <v>0</v>
      </c>
      <c r="CR475" s="166">
        <v>0</v>
      </c>
      <c r="CS475" s="166">
        <v>0</v>
      </c>
      <c r="CT475" s="166">
        <v>0</v>
      </c>
      <c r="CU475" s="166">
        <v>0</v>
      </c>
      <c r="CV475" s="166">
        <v>0</v>
      </c>
      <c r="CW475" s="166">
        <v>0</v>
      </c>
      <c r="CX475" s="166">
        <v>0</v>
      </c>
      <c r="CY475" s="166">
        <v>0</v>
      </c>
      <c r="CZ475" s="166">
        <v>0</v>
      </c>
    </row>
    <row r="476" spans="1:104" x14ac:dyDescent="0.2">
      <c r="A476" s="167" t="s">
        <v>565</v>
      </c>
      <c r="B476" s="166">
        <v>556665.22089386103</v>
      </c>
      <c r="C476" s="166">
        <v>556665.22089386103</v>
      </c>
      <c r="D476" s="166">
        <v>0</v>
      </c>
      <c r="E476" s="166">
        <v>0</v>
      </c>
      <c r="F476" s="166">
        <v>0</v>
      </c>
      <c r="G476" s="166">
        <v>0</v>
      </c>
      <c r="H476" s="166">
        <v>0</v>
      </c>
      <c r="I476" s="166">
        <v>0</v>
      </c>
      <c r="J476" s="166">
        <v>0</v>
      </c>
      <c r="K476" s="166">
        <v>0</v>
      </c>
      <c r="L476" s="166">
        <v>0</v>
      </c>
      <c r="M476" s="166">
        <v>0</v>
      </c>
      <c r="N476" s="166">
        <v>0</v>
      </c>
      <c r="O476" s="166">
        <v>0</v>
      </c>
      <c r="P476" s="166">
        <v>0</v>
      </c>
      <c r="Q476" s="166">
        <v>0</v>
      </c>
      <c r="R476" s="166">
        <v>0</v>
      </c>
      <c r="S476" s="166">
        <v>0</v>
      </c>
      <c r="T476" s="166">
        <v>0</v>
      </c>
      <c r="U476" s="166">
        <v>0</v>
      </c>
      <c r="V476" s="166">
        <v>0</v>
      </c>
      <c r="W476" s="166">
        <v>0</v>
      </c>
      <c r="X476" s="166">
        <v>0</v>
      </c>
      <c r="Y476" s="166">
        <v>0</v>
      </c>
      <c r="Z476" s="166">
        <v>0</v>
      </c>
      <c r="AA476" s="166">
        <v>0</v>
      </c>
      <c r="AB476" s="166">
        <v>0</v>
      </c>
      <c r="AC476" s="166">
        <v>0</v>
      </c>
      <c r="AD476" s="166">
        <v>0</v>
      </c>
      <c r="AE476" s="166">
        <v>0</v>
      </c>
      <c r="AF476" s="166">
        <v>0</v>
      </c>
      <c r="AG476" s="166">
        <v>0</v>
      </c>
      <c r="AH476" s="166">
        <v>0</v>
      </c>
      <c r="AI476" s="166">
        <v>0</v>
      </c>
      <c r="AJ476" s="166">
        <v>0</v>
      </c>
      <c r="AK476" s="166">
        <v>0</v>
      </c>
      <c r="AL476" s="166">
        <v>0</v>
      </c>
      <c r="AM476" s="166">
        <v>0</v>
      </c>
      <c r="AN476" s="166">
        <v>0</v>
      </c>
      <c r="AO476" s="166">
        <v>0</v>
      </c>
      <c r="AP476" s="166">
        <v>0</v>
      </c>
      <c r="AQ476" s="166">
        <v>0</v>
      </c>
      <c r="AR476" s="166">
        <v>0</v>
      </c>
      <c r="AS476" s="166">
        <v>0</v>
      </c>
      <c r="AT476" s="166">
        <v>0</v>
      </c>
      <c r="AU476" s="166">
        <v>0</v>
      </c>
      <c r="AV476" s="166">
        <v>0</v>
      </c>
      <c r="AW476" s="166">
        <v>0</v>
      </c>
      <c r="AX476" s="166">
        <v>0</v>
      </c>
      <c r="AY476" s="166">
        <v>0</v>
      </c>
      <c r="AZ476" s="166">
        <v>0</v>
      </c>
      <c r="BA476" s="166">
        <v>0</v>
      </c>
      <c r="BB476" s="166">
        <v>0</v>
      </c>
      <c r="BC476" s="166">
        <v>0</v>
      </c>
      <c r="BD476" s="166">
        <v>0</v>
      </c>
      <c r="BE476" s="166">
        <v>0</v>
      </c>
      <c r="BF476" s="166">
        <v>0</v>
      </c>
      <c r="BG476" s="166">
        <v>0</v>
      </c>
      <c r="BH476" s="166">
        <v>0</v>
      </c>
      <c r="BI476" s="166">
        <v>0</v>
      </c>
      <c r="BJ476" s="166">
        <v>0</v>
      </c>
      <c r="BK476" s="166">
        <v>0</v>
      </c>
      <c r="BL476" s="166">
        <v>0</v>
      </c>
      <c r="BM476" s="166">
        <v>0</v>
      </c>
      <c r="BN476" s="166">
        <v>0</v>
      </c>
      <c r="BO476" s="166">
        <v>0</v>
      </c>
      <c r="BP476" s="166">
        <v>0</v>
      </c>
      <c r="BQ476" s="166">
        <v>0</v>
      </c>
      <c r="BR476" s="166">
        <v>556665.22089386103</v>
      </c>
      <c r="BS476" s="166">
        <v>556665.22089386103</v>
      </c>
      <c r="BT476" s="168">
        <v>0</v>
      </c>
      <c r="BU476" s="166">
        <v>0</v>
      </c>
      <c r="BV476" s="166">
        <v>0</v>
      </c>
      <c r="BW476" s="166">
        <v>0</v>
      </c>
      <c r="BX476" s="166">
        <v>0</v>
      </c>
      <c r="BY476" s="166">
        <v>0</v>
      </c>
      <c r="BZ476" s="166">
        <v>0</v>
      </c>
      <c r="CA476" s="166">
        <v>0</v>
      </c>
      <c r="CB476" s="166">
        <v>0</v>
      </c>
      <c r="CC476" s="166">
        <v>0</v>
      </c>
      <c r="CD476" s="166">
        <v>0</v>
      </c>
      <c r="CE476" s="166">
        <v>0</v>
      </c>
      <c r="CF476" s="166">
        <v>0</v>
      </c>
      <c r="CG476" s="166">
        <v>0</v>
      </c>
      <c r="CH476" s="166">
        <v>0</v>
      </c>
      <c r="CI476" s="166">
        <v>0</v>
      </c>
      <c r="CJ476" s="166">
        <v>0</v>
      </c>
      <c r="CK476" s="166">
        <v>0</v>
      </c>
      <c r="CL476" s="166">
        <v>0</v>
      </c>
      <c r="CM476" s="166">
        <v>0</v>
      </c>
      <c r="CN476" s="166">
        <v>0</v>
      </c>
      <c r="CO476" s="166">
        <v>0</v>
      </c>
      <c r="CP476" s="166">
        <v>0</v>
      </c>
      <c r="CQ476" s="166">
        <v>0</v>
      </c>
      <c r="CR476" s="166">
        <v>0</v>
      </c>
      <c r="CS476" s="166">
        <v>0</v>
      </c>
      <c r="CT476" s="166">
        <v>0</v>
      </c>
      <c r="CU476" s="166">
        <v>0</v>
      </c>
      <c r="CV476" s="166">
        <v>0</v>
      </c>
      <c r="CW476" s="166">
        <v>0</v>
      </c>
      <c r="CX476" s="166">
        <v>0</v>
      </c>
      <c r="CY476" s="166">
        <v>0</v>
      </c>
      <c r="CZ476" s="166">
        <v>0</v>
      </c>
    </row>
    <row r="477" spans="1:104" x14ac:dyDescent="0.2">
      <c r="A477" s="167" t="s">
        <v>566</v>
      </c>
      <c r="B477" s="166">
        <v>5162.7092700453604</v>
      </c>
      <c r="C477" s="166">
        <v>5162.7092700453604</v>
      </c>
      <c r="D477" s="166">
        <v>0</v>
      </c>
      <c r="E477" s="166">
        <v>0</v>
      </c>
      <c r="F477" s="166">
        <v>0</v>
      </c>
      <c r="G477" s="166">
        <v>0</v>
      </c>
      <c r="H477" s="166">
        <v>0</v>
      </c>
      <c r="I477" s="166">
        <v>0</v>
      </c>
      <c r="J477" s="166">
        <v>0</v>
      </c>
      <c r="K477" s="166">
        <v>0</v>
      </c>
      <c r="L477" s="166">
        <v>0</v>
      </c>
      <c r="M477" s="166">
        <v>0</v>
      </c>
      <c r="N477" s="166">
        <v>0</v>
      </c>
      <c r="O477" s="166">
        <v>0</v>
      </c>
      <c r="P477" s="166">
        <v>0</v>
      </c>
      <c r="Q477" s="166">
        <v>0</v>
      </c>
      <c r="R477" s="166">
        <v>0</v>
      </c>
      <c r="S477" s="166">
        <v>0</v>
      </c>
      <c r="T477" s="166">
        <v>0</v>
      </c>
      <c r="U477" s="166">
        <v>0</v>
      </c>
      <c r="V477" s="166">
        <v>0</v>
      </c>
      <c r="W477" s="166">
        <v>0</v>
      </c>
      <c r="X477" s="166">
        <v>0</v>
      </c>
      <c r="Y477" s="166">
        <v>0</v>
      </c>
      <c r="Z477" s="166">
        <v>0</v>
      </c>
      <c r="AA477" s="166">
        <v>0</v>
      </c>
      <c r="AB477" s="166">
        <v>0</v>
      </c>
      <c r="AC477" s="166">
        <v>0</v>
      </c>
      <c r="AD477" s="166">
        <v>0</v>
      </c>
      <c r="AE477" s="166">
        <v>0</v>
      </c>
      <c r="AF477" s="166">
        <v>0</v>
      </c>
      <c r="AG477" s="166">
        <v>0</v>
      </c>
      <c r="AH477" s="166">
        <v>0</v>
      </c>
      <c r="AI477" s="166">
        <v>0</v>
      </c>
      <c r="AJ477" s="166">
        <v>0</v>
      </c>
      <c r="AK477" s="166">
        <v>0</v>
      </c>
      <c r="AL477" s="166">
        <v>0</v>
      </c>
      <c r="AM477" s="166">
        <v>0</v>
      </c>
      <c r="AN477" s="166">
        <v>0</v>
      </c>
      <c r="AO477" s="166">
        <v>0</v>
      </c>
      <c r="AP477" s="166">
        <v>0</v>
      </c>
      <c r="AQ477" s="166">
        <v>0</v>
      </c>
      <c r="AR477" s="166">
        <v>0</v>
      </c>
      <c r="AS477" s="166">
        <v>0</v>
      </c>
      <c r="AT477" s="166">
        <v>0</v>
      </c>
      <c r="AU477" s="166">
        <v>0</v>
      </c>
      <c r="AV477" s="166">
        <v>0</v>
      </c>
      <c r="AW477" s="166">
        <v>0</v>
      </c>
      <c r="AX477" s="166">
        <v>0</v>
      </c>
      <c r="AY477" s="166">
        <v>0</v>
      </c>
      <c r="AZ477" s="166">
        <v>0</v>
      </c>
      <c r="BA477" s="166">
        <v>0</v>
      </c>
      <c r="BB477" s="166">
        <v>0</v>
      </c>
      <c r="BC477" s="166">
        <v>0</v>
      </c>
      <c r="BD477" s="166">
        <v>0</v>
      </c>
      <c r="BE477" s="166">
        <v>0</v>
      </c>
      <c r="BF477" s="166">
        <v>0</v>
      </c>
      <c r="BG477" s="166">
        <v>0</v>
      </c>
      <c r="BH477" s="166">
        <v>0</v>
      </c>
      <c r="BI477" s="166">
        <v>0</v>
      </c>
      <c r="BJ477" s="166">
        <v>0</v>
      </c>
      <c r="BK477" s="166">
        <v>0</v>
      </c>
      <c r="BL477" s="166">
        <v>0</v>
      </c>
      <c r="BM477" s="166">
        <v>0</v>
      </c>
      <c r="BN477" s="166">
        <v>0</v>
      </c>
      <c r="BO477" s="166">
        <v>0</v>
      </c>
      <c r="BP477" s="166">
        <v>0</v>
      </c>
      <c r="BQ477" s="166">
        <v>0</v>
      </c>
      <c r="BR477" s="166">
        <v>5162.7092700453604</v>
      </c>
      <c r="BS477" s="166">
        <v>5162.7092700453604</v>
      </c>
      <c r="BT477" s="168">
        <v>0</v>
      </c>
      <c r="BU477" s="166">
        <v>0</v>
      </c>
      <c r="BV477" s="166">
        <v>0</v>
      </c>
      <c r="BW477" s="166">
        <v>0</v>
      </c>
      <c r="BX477" s="166">
        <v>0</v>
      </c>
      <c r="BY477" s="166">
        <v>0</v>
      </c>
      <c r="BZ477" s="166">
        <v>0</v>
      </c>
      <c r="CA477" s="166">
        <v>0</v>
      </c>
      <c r="CB477" s="166">
        <v>0</v>
      </c>
      <c r="CC477" s="166">
        <v>0</v>
      </c>
      <c r="CD477" s="166">
        <v>0</v>
      </c>
      <c r="CE477" s="166">
        <v>0</v>
      </c>
      <c r="CF477" s="166">
        <v>0</v>
      </c>
      <c r="CG477" s="166">
        <v>0</v>
      </c>
      <c r="CH477" s="166">
        <v>0</v>
      </c>
      <c r="CI477" s="166">
        <v>0</v>
      </c>
      <c r="CJ477" s="166">
        <v>0</v>
      </c>
      <c r="CK477" s="166">
        <v>0</v>
      </c>
      <c r="CL477" s="166">
        <v>0</v>
      </c>
      <c r="CM477" s="166">
        <v>0</v>
      </c>
      <c r="CN477" s="166">
        <v>0</v>
      </c>
      <c r="CO477" s="166">
        <v>0</v>
      </c>
      <c r="CP477" s="166">
        <v>0</v>
      </c>
      <c r="CQ477" s="166">
        <v>0</v>
      </c>
      <c r="CR477" s="166">
        <v>0</v>
      </c>
      <c r="CS477" s="166">
        <v>0</v>
      </c>
      <c r="CT477" s="166">
        <v>0</v>
      </c>
      <c r="CU477" s="166">
        <v>0</v>
      </c>
      <c r="CV477" s="166">
        <v>0</v>
      </c>
      <c r="CW477" s="166">
        <v>0</v>
      </c>
      <c r="CX477" s="166">
        <v>0</v>
      </c>
      <c r="CY477" s="166">
        <v>0</v>
      </c>
      <c r="CZ477" s="166">
        <v>0</v>
      </c>
    </row>
    <row r="478" spans="1:104" x14ac:dyDescent="0.2">
      <c r="A478" s="167" t="s">
        <v>567</v>
      </c>
      <c r="B478" s="166">
        <v>37242.893782170897</v>
      </c>
      <c r="C478" s="166">
        <v>37242.893782170897</v>
      </c>
      <c r="D478" s="166">
        <v>0</v>
      </c>
      <c r="E478" s="166">
        <v>0</v>
      </c>
      <c r="F478" s="166">
        <v>0</v>
      </c>
      <c r="G478" s="166">
        <v>0</v>
      </c>
      <c r="H478" s="166">
        <v>0</v>
      </c>
      <c r="I478" s="166">
        <v>0</v>
      </c>
      <c r="J478" s="166">
        <v>0</v>
      </c>
      <c r="K478" s="166">
        <v>0</v>
      </c>
      <c r="L478" s="166">
        <v>0</v>
      </c>
      <c r="M478" s="166">
        <v>0</v>
      </c>
      <c r="N478" s="166">
        <v>0</v>
      </c>
      <c r="O478" s="166">
        <v>0</v>
      </c>
      <c r="P478" s="166">
        <v>0</v>
      </c>
      <c r="Q478" s="166">
        <v>0</v>
      </c>
      <c r="R478" s="166">
        <v>0</v>
      </c>
      <c r="S478" s="166">
        <v>0</v>
      </c>
      <c r="T478" s="166">
        <v>0</v>
      </c>
      <c r="U478" s="166">
        <v>0</v>
      </c>
      <c r="V478" s="166">
        <v>0</v>
      </c>
      <c r="W478" s="166">
        <v>0</v>
      </c>
      <c r="X478" s="166">
        <v>0</v>
      </c>
      <c r="Y478" s="166">
        <v>0</v>
      </c>
      <c r="Z478" s="166">
        <v>0</v>
      </c>
      <c r="AA478" s="166">
        <v>0</v>
      </c>
      <c r="AB478" s="166">
        <v>0</v>
      </c>
      <c r="AC478" s="166">
        <v>0</v>
      </c>
      <c r="AD478" s="166">
        <v>0</v>
      </c>
      <c r="AE478" s="166">
        <v>0</v>
      </c>
      <c r="AF478" s="166">
        <v>0</v>
      </c>
      <c r="AG478" s="166">
        <v>0</v>
      </c>
      <c r="AH478" s="166">
        <v>0</v>
      </c>
      <c r="AI478" s="166">
        <v>0</v>
      </c>
      <c r="AJ478" s="166">
        <v>0</v>
      </c>
      <c r="AK478" s="166">
        <v>0</v>
      </c>
      <c r="AL478" s="166">
        <v>0</v>
      </c>
      <c r="AM478" s="166">
        <v>0</v>
      </c>
      <c r="AN478" s="166">
        <v>0</v>
      </c>
      <c r="AO478" s="166">
        <v>0</v>
      </c>
      <c r="AP478" s="166">
        <v>0</v>
      </c>
      <c r="AQ478" s="166">
        <v>0</v>
      </c>
      <c r="AR478" s="166">
        <v>0</v>
      </c>
      <c r="AS478" s="166">
        <v>0</v>
      </c>
      <c r="AT478" s="166">
        <v>0</v>
      </c>
      <c r="AU478" s="166">
        <v>0</v>
      </c>
      <c r="AV478" s="166">
        <v>0</v>
      </c>
      <c r="AW478" s="166">
        <v>0</v>
      </c>
      <c r="AX478" s="166">
        <v>0</v>
      </c>
      <c r="AY478" s="166">
        <v>0</v>
      </c>
      <c r="AZ478" s="166">
        <v>0</v>
      </c>
      <c r="BA478" s="166">
        <v>0</v>
      </c>
      <c r="BB478" s="166">
        <v>0</v>
      </c>
      <c r="BC478" s="166">
        <v>0</v>
      </c>
      <c r="BD478" s="166">
        <v>0</v>
      </c>
      <c r="BE478" s="166">
        <v>0</v>
      </c>
      <c r="BF478" s="166">
        <v>0</v>
      </c>
      <c r="BG478" s="166">
        <v>0</v>
      </c>
      <c r="BH478" s="166">
        <v>0</v>
      </c>
      <c r="BI478" s="166">
        <v>0</v>
      </c>
      <c r="BJ478" s="166">
        <v>0</v>
      </c>
      <c r="BK478" s="166">
        <v>0</v>
      </c>
      <c r="BL478" s="166">
        <v>0</v>
      </c>
      <c r="BM478" s="166">
        <v>0</v>
      </c>
      <c r="BN478" s="166">
        <v>0</v>
      </c>
      <c r="BO478" s="166">
        <v>0</v>
      </c>
      <c r="BP478" s="166">
        <v>0</v>
      </c>
      <c r="BQ478" s="166">
        <v>0</v>
      </c>
      <c r="BR478" s="166">
        <v>37242.893782170897</v>
      </c>
      <c r="BS478" s="166">
        <v>37242.893782170897</v>
      </c>
      <c r="BT478" s="168">
        <v>0</v>
      </c>
      <c r="BU478" s="166">
        <v>0</v>
      </c>
      <c r="BV478" s="166">
        <v>0</v>
      </c>
      <c r="BW478" s="166">
        <v>0</v>
      </c>
      <c r="BX478" s="166">
        <v>0</v>
      </c>
      <c r="BY478" s="166">
        <v>0</v>
      </c>
      <c r="BZ478" s="166">
        <v>0</v>
      </c>
      <c r="CA478" s="166">
        <v>0</v>
      </c>
      <c r="CB478" s="166">
        <v>0</v>
      </c>
      <c r="CC478" s="166">
        <v>0</v>
      </c>
      <c r="CD478" s="166">
        <v>0</v>
      </c>
      <c r="CE478" s="166">
        <v>0</v>
      </c>
      <c r="CF478" s="166">
        <v>0</v>
      </c>
      <c r="CG478" s="166">
        <v>0</v>
      </c>
      <c r="CH478" s="166">
        <v>0</v>
      </c>
      <c r="CI478" s="166">
        <v>0</v>
      </c>
      <c r="CJ478" s="166">
        <v>0</v>
      </c>
      <c r="CK478" s="166">
        <v>0</v>
      </c>
      <c r="CL478" s="166">
        <v>0</v>
      </c>
      <c r="CM478" s="166">
        <v>0</v>
      </c>
      <c r="CN478" s="166">
        <v>0</v>
      </c>
      <c r="CO478" s="166">
        <v>0</v>
      </c>
      <c r="CP478" s="166">
        <v>0</v>
      </c>
      <c r="CQ478" s="166">
        <v>0</v>
      </c>
      <c r="CR478" s="166">
        <v>0</v>
      </c>
      <c r="CS478" s="166">
        <v>0</v>
      </c>
      <c r="CT478" s="166">
        <v>0</v>
      </c>
      <c r="CU478" s="166">
        <v>0</v>
      </c>
      <c r="CV478" s="166">
        <v>0</v>
      </c>
      <c r="CW478" s="166">
        <v>0</v>
      </c>
      <c r="CX478" s="166">
        <v>0</v>
      </c>
      <c r="CY478" s="166">
        <v>0</v>
      </c>
      <c r="CZ478" s="166">
        <v>0</v>
      </c>
    </row>
    <row r="479" spans="1:104" x14ac:dyDescent="0.2">
      <c r="A479" s="167" t="s">
        <v>568</v>
      </c>
      <c r="B479" s="166">
        <v>28809528.4208773</v>
      </c>
      <c r="C479" s="166">
        <v>28809528.4208773</v>
      </c>
      <c r="D479" s="166">
        <v>0</v>
      </c>
      <c r="E479" s="166">
        <v>0</v>
      </c>
      <c r="F479" s="166">
        <v>0</v>
      </c>
      <c r="G479" s="166">
        <v>0</v>
      </c>
      <c r="H479" s="166">
        <v>0</v>
      </c>
      <c r="I479" s="166">
        <v>0</v>
      </c>
      <c r="J479" s="166">
        <v>0</v>
      </c>
      <c r="K479" s="166">
        <v>0</v>
      </c>
      <c r="L479" s="166">
        <v>0</v>
      </c>
      <c r="M479" s="166">
        <v>0</v>
      </c>
      <c r="N479" s="166">
        <v>0</v>
      </c>
      <c r="O479" s="166">
        <v>0</v>
      </c>
      <c r="P479" s="166">
        <v>0</v>
      </c>
      <c r="Q479" s="166">
        <v>0</v>
      </c>
      <c r="R479" s="166">
        <v>0</v>
      </c>
      <c r="S479" s="166">
        <v>0</v>
      </c>
      <c r="T479" s="166">
        <v>0</v>
      </c>
      <c r="U479" s="166">
        <v>0</v>
      </c>
      <c r="V479" s="166">
        <v>0</v>
      </c>
      <c r="W479" s="166">
        <v>0</v>
      </c>
      <c r="X479" s="166">
        <v>0</v>
      </c>
      <c r="Y479" s="166">
        <v>0</v>
      </c>
      <c r="Z479" s="166">
        <v>0</v>
      </c>
      <c r="AA479" s="166">
        <v>0</v>
      </c>
      <c r="AB479" s="166">
        <v>0</v>
      </c>
      <c r="AC479" s="166">
        <v>0</v>
      </c>
      <c r="AD479" s="166">
        <v>0</v>
      </c>
      <c r="AE479" s="166">
        <v>0</v>
      </c>
      <c r="AF479" s="166">
        <v>0</v>
      </c>
      <c r="AG479" s="166">
        <v>0</v>
      </c>
      <c r="AH479" s="166">
        <v>0</v>
      </c>
      <c r="AI479" s="166">
        <v>0</v>
      </c>
      <c r="AJ479" s="166">
        <v>0</v>
      </c>
      <c r="AK479" s="166">
        <v>0</v>
      </c>
      <c r="AL479" s="166">
        <v>0</v>
      </c>
      <c r="AM479" s="166">
        <v>0</v>
      </c>
      <c r="AN479" s="166">
        <v>0</v>
      </c>
      <c r="AO479" s="166">
        <v>0</v>
      </c>
      <c r="AP479" s="166">
        <v>0</v>
      </c>
      <c r="AQ479" s="166">
        <v>0</v>
      </c>
      <c r="AR479" s="166">
        <v>0</v>
      </c>
      <c r="AS479" s="166">
        <v>0</v>
      </c>
      <c r="AT479" s="166">
        <v>0</v>
      </c>
      <c r="AU479" s="166">
        <v>0</v>
      </c>
      <c r="AV479" s="166">
        <v>0</v>
      </c>
      <c r="AW479" s="166">
        <v>0</v>
      </c>
      <c r="AX479" s="166">
        <v>0</v>
      </c>
      <c r="AY479" s="166">
        <v>0</v>
      </c>
      <c r="AZ479" s="166">
        <v>0</v>
      </c>
      <c r="BA479" s="166">
        <v>0</v>
      </c>
      <c r="BB479" s="166">
        <v>0</v>
      </c>
      <c r="BC479" s="166">
        <v>0</v>
      </c>
      <c r="BD479" s="166">
        <v>0</v>
      </c>
      <c r="BE479" s="166">
        <v>0</v>
      </c>
      <c r="BF479" s="166">
        <v>0</v>
      </c>
      <c r="BG479" s="166">
        <v>0</v>
      </c>
      <c r="BH479" s="166">
        <v>0</v>
      </c>
      <c r="BI479" s="166">
        <v>0</v>
      </c>
      <c r="BJ479" s="166">
        <v>0</v>
      </c>
      <c r="BK479" s="166">
        <v>0</v>
      </c>
      <c r="BL479" s="166">
        <v>0</v>
      </c>
      <c r="BM479" s="166">
        <v>0</v>
      </c>
      <c r="BN479" s="166">
        <v>0</v>
      </c>
      <c r="BO479" s="166">
        <v>0</v>
      </c>
      <c r="BP479" s="166">
        <v>0</v>
      </c>
      <c r="BQ479" s="166">
        <v>0</v>
      </c>
      <c r="BR479" s="166">
        <v>28809528.4208773</v>
      </c>
      <c r="BS479" s="166">
        <v>28809528.4208773</v>
      </c>
      <c r="BT479" s="168">
        <v>0</v>
      </c>
      <c r="BU479" s="166">
        <v>0</v>
      </c>
      <c r="BV479" s="166">
        <v>0</v>
      </c>
      <c r="BW479" s="166">
        <v>0</v>
      </c>
      <c r="BX479" s="166">
        <v>0</v>
      </c>
      <c r="BY479" s="166">
        <v>0</v>
      </c>
      <c r="BZ479" s="166">
        <v>0</v>
      </c>
      <c r="CA479" s="166">
        <v>0</v>
      </c>
      <c r="CB479" s="166">
        <v>0</v>
      </c>
      <c r="CC479" s="166">
        <v>0</v>
      </c>
      <c r="CD479" s="166">
        <v>0</v>
      </c>
      <c r="CE479" s="166">
        <v>0</v>
      </c>
      <c r="CF479" s="166">
        <v>0</v>
      </c>
      <c r="CG479" s="166">
        <v>0</v>
      </c>
      <c r="CH479" s="166">
        <v>0</v>
      </c>
      <c r="CI479" s="166">
        <v>0</v>
      </c>
      <c r="CJ479" s="166">
        <v>0</v>
      </c>
      <c r="CK479" s="166">
        <v>0</v>
      </c>
      <c r="CL479" s="166">
        <v>0</v>
      </c>
      <c r="CM479" s="166">
        <v>0</v>
      </c>
      <c r="CN479" s="166">
        <v>0</v>
      </c>
      <c r="CO479" s="166">
        <v>0</v>
      </c>
      <c r="CP479" s="166">
        <v>0</v>
      </c>
      <c r="CQ479" s="166">
        <v>0</v>
      </c>
      <c r="CR479" s="166">
        <v>0</v>
      </c>
      <c r="CS479" s="166">
        <v>0</v>
      </c>
      <c r="CT479" s="166">
        <v>0</v>
      </c>
      <c r="CU479" s="166">
        <v>0</v>
      </c>
      <c r="CV479" s="166">
        <v>0</v>
      </c>
      <c r="CW479" s="166">
        <v>0</v>
      </c>
      <c r="CX479" s="166">
        <v>0</v>
      </c>
      <c r="CY479" s="166">
        <v>0</v>
      </c>
      <c r="CZ479" s="166">
        <v>0</v>
      </c>
    </row>
    <row r="480" spans="1:104" x14ac:dyDescent="0.2">
      <c r="A480" s="177" t="s">
        <v>569</v>
      </c>
      <c r="B480" s="166">
        <v>29408599.244823299</v>
      </c>
      <c r="C480" s="166">
        <v>29408599.244823299</v>
      </c>
      <c r="D480" s="166">
        <v>0</v>
      </c>
      <c r="E480" s="166">
        <v>0</v>
      </c>
      <c r="F480" s="166">
        <v>0</v>
      </c>
      <c r="G480" s="166">
        <v>0</v>
      </c>
      <c r="H480" s="166">
        <v>0</v>
      </c>
      <c r="I480" s="166">
        <v>0</v>
      </c>
      <c r="J480" s="166">
        <v>0</v>
      </c>
      <c r="K480" s="166">
        <v>0</v>
      </c>
      <c r="L480" s="166">
        <v>0</v>
      </c>
      <c r="M480" s="166">
        <v>0</v>
      </c>
      <c r="N480" s="166">
        <v>0</v>
      </c>
      <c r="O480" s="166">
        <v>0</v>
      </c>
      <c r="P480" s="166">
        <v>0</v>
      </c>
      <c r="Q480" s="166">
        <v>0</v>
      </c>
      <c r="R480" s="166">
        <v>0</v>
      </c>
      <c r="S480" s="166">
        <v>0</v>
      </c>
      <c r="T480" s="166">
        <v>0</v>
      </c>
      <c r="U480" s="166">
        <v>0</v>
      </c>
      <c r="V480" s="166">
        <v>0</v>
      </c>
      <c r="W480" s="166">
        <v>0</v>
      </c>
      <c r="X480" s="166">
        <v>0</v>
      </c>
      <c r="Y480" s="166">
        <v>0</v>
      </c>
      <c r="Z480" s="166">
        <v>0</v>
      </c>
      <c r="AA480" s="166">
        <v>0</v>
      </c>
      <c r="AB480" s="166">
        <v>0</v>
      </c>
      <c r="AC480" s="166">
        <v>0</v>
      </c>
      <c r="AD480" s="166">
        <v>0</v>
      </c>
      <c r="AE480" s="166">
        <v>0</v>
      </c>
      <c r="AF480" s="166">
        <v>0</v>
      </c>
      <c r="AG480" s="166">
        <v>0</v>
      </c>
      <c r="AH480" s="166">
        <v>0</v>
      </c>
      <c r="AI480" s="166">
        <v>0</v>
      </c>
      <c r="AJ480" s="166">
        <v>0</v>
      </c>
      <c r="AK480" s="166">
        <v>0</v>
      </c>
      <c r="AL480" s="166">
        <v>0</v>
      </c>
      <c r="AM480" s="166">
        <v>0</v>
      </c>
      <c r="AN480" s="166">
        <v>0</v>
      </c>
      <c r="AO480" s="166">
        <v>0</v>
      </c>
      <c r="AP480" s="166">
        <v>0</v>
      </c>
      <c r="AQ480" s="166">
        <v>0</v>
      </c>
      <c r="AR480" s="166">
        <v>0</v>
      </c>
      <c r="AS480" s="166">
        <v>0</v>
      </c>
      <c r="AT480" s="166">
        <v>0</v>
      </c>
      <c r="AU480" s="166">
        <v>0</v>
      </c>
      <c r="AV480" s="166">
        <v>0</v>
      </c>
      <c r="AW480" s="166">
        <v>0</v>
      </c>
      <c r="AX480" s="166">
        <v>0</v>
      </c>
      <c r="AY480" s="166">
        <v>0</v>
      </c>
      <c r="AZ480" s="166">
        <v>0</v>
      </c>
      <c r="BA480" s="166">
        <v>0</v>
      </c>
      <c r="BB480" s="166">
        <v>0</v>
      </c>
      <c r="BC480" s="166">
        <v>0</v>
      </c>
      <c r="BD480" s="166">
        <v>0</v>
      </c>
      <c r="BE480" s="166">
        <v>0</v>
      </c>
      <c r="BF480" s="166">
        <v>0</v>
      </c>
      <c r="BG480" s="166">
        <v>0</v>
      </c>
      <c r="BH480" s="166">
        <v>0</v>
      </c>
      <c r="BI480" s="166">
        <v>0</v>
      </c>
      <c r="BJ480" s="166">
        <v>0</v>
      </c>
      <c r="BK480" s="166">
        <v>0</v>
      </c>
      <c r="BL480" s="166">
        <v>0</v>
      </c>
      <c r="BM480" s="166">
        <v>0</v>
      </c>
      <c r="BN480" s="166">
        <v>0</v>
      </c>
      <c r="BO480" s="166">
        <v>0</v>
      </c>
      <c r="BP480" s="166">
        <v>0</v>
      </c>
      <c r="BQ480" s="166">
        <v>0</v>
      </c>
      <c r="BR480" s="166">
        <v>29408599.244823299</v>
      </c>
      <c r="BS480" s="166">
        <v>29408599.244823299</v>
      </c>
      <c r="BT480" s="168">
        <v>0</v>
      </c>
      <c r="BU480" s="166">
        <v>0</v>
      </c>
      <c r="BV480" s="166">
        <v>0</v>
      </c>
      <c r="BW480" s="166">
        <v>0</v>
      </c>
      <c r="BX480" s="166">
        <v>0</v>
      </c>
      <c r="BY480" s="166">
        <v>0</v>
      </c>
      <c r="BZ480" s="166">
        <v>0</v>
      </c>
      <c r="CA480" s="166">
        <v>0</v>
      </c>
      <c r="CB480" s="166">
        <v>0</v>
      </c>
      <c r="CC480" s="166">
        <v>0</v>
      </c>
      <c r="CD480" s="166">
        <v>0</v>
      </c>
      <c r="CE480" s="166">
        <v>0</v>
      </c>
      <c r="CF480" s="166">
        <v>0</v>
      </c>
      <c r="CG480" s="166">
        <v>0</v>
      </c>
      <c r="CH480" s="166">
        <v>0</v>
      </c>
      <c r="CI480" s="166">
        <v>0</v>
      </c>
      <c r="CJ480" s="166">
        <v>0</v>
      </c>
      <c r="CK480" s="166">
        <v>0</v>
      </c>
      <c r="CL480" s="166">
        <v>0</v>
      </c>
      <c r="CM480" s="166">
        <v>0</v>
      </c>
      <c r="CN480" s="166">
        <v>0</v>
      </c>
      <c r="CO480" s="166">
        <v>0</v>
      </c>
      <c r="CP480" s="166">
        <v>0</v>
      </c>
      <c r="CQ480" s="166">
        <v>0</v>
      </c>
      <c r="CR480" s="166">
        <v>0</v>
      </c>
      <c r="CS480" s="166">
        <v>0</v>
      </c>
      <c r="CT480" s="166">
        <v>0</v>
      </c>
      <c r="CU480" s="166">
        <v>0</v>
      </c>
      <c r="CV480" s="166">
        <v>0</v>
      </c>
      <c r="CW480" s="166">
        <v>0</v>
      </c>
      <c r="CX480" s="166">
        <v>0</v>
      </c>
      <c r="CY480" s="166">
        <v>0</v>
      </c>
      <c r="CZ480" s="166">
        <v>0</v>
      </c>
    </row>
    <row r="481" spans="1:104" x14ac:dyDescent="0.2">
      <c r="A481" s="167" t="s">
        <v>570</v>
      </c>
      <c r="B481" s="166">
        <v>0</v>
      </c>
      <c r="C481" s="166">
        <v>0</v>
      </c>
      <c r="D481" s="166">
        <v>0</v>
      </c>
      <c r="E481" s="166">
        <v>0</v>
      </c>
      <c r="F481" s="166">
        <v>0</v>
      </c>
      <c r="G481" s="166">
        <v>0</v>
      </c>
      <c r="H481" s="166">
        <v>0</v>
      </c>
      <c r="I481" s="166">
        <v>0</v>
      </c>
      <c r="J481" s="166">
        <v>0</v>
      </c>
      <c r="K481" s="166">
        <v>0</v>
      </c>
      <c r="L481" s="166">
        <v>0</v>
      </c>
      <c r="M481" s="166">
        <v>0</v>
      </c>
      <c r="N481" s="166">
        <v>0</v>
      </c>
      <c r="O481" s="166">
        <v>0</v>
      </c>
      <c r="P481" s="166">
        <v>0</v>
      </c>
      <c r="Q481" s="166">
        <v>0</v>
      </c>
      <c r="R481" s="166">
        <v>0</v>
      </c>
      <c r="S481" s="166">
        <v>0</v>
      </c>
      <c r="T481" s="166">
        <v>0</v>
      </c>
      <c r="U481" s="166">
        <v>0</v>
      </c>
      <c r="V481" s="166">
        <v>0</v>
      </c>
      <c r="W481" s="166">
        <v>0</v>
      </c>
      <c r="X481" s="166">
        <v>0</v>
      </c>
      <c r="Y481" s="166">
        <v>0</v>
      </c>
      <c r="Z481" s="166">
        <v>0</v>
      </c>
      <c r="AA481" s="166">
        <v>0</v>
      </c>
      <c r="AB481" s="166">
        <v>0</v>
      </c>
      <c r="AC481" s="166">
        <v>0</v>
      </c>
      <c r="AD481" s="166">
        <v>0</v>
      </c>
      <c r="AE481" s="166">
        <v>0</v>
      </c>
      <c r="AF481" s="166">
        <v>0</v>
      </c>
      <c r="AG481" s="166">
        <v>0</v>
      </c>
      <c r="AH481" s="166">
        <v>0</v>
      </c>
      <c r="AI481" s="166">
        <v>0</v>
      </c>
      <c r="AJ481" s="166">
        <v>0</v>
      </c>
      <c r="AK481" s="166">
        <v>0</v>
      </c>
      <c r="AL481" s="166">
        <v>0</v>
      </c>
      <c r="AM481" s="166">
        <v>0</v>
      </c>
      <c r="AN481" s="166">
        <v>0</v>
      </c>
      <c r="AO481" s="166">
        <v>0</v>
      </c>
      <c r="AP481" s="166">
        <v>0</v>
      </c>
      <c r="AQ481" s="166">
        <v>0</v>
      </c>
      <c r="AR481" s="166">
        <v>0</v>
      </c>
      <c r="AS481" s="166">
        <v>0</v>
      </c>
      <c r="AT481" s="166">
        <v>0</v>
      </c>
      <c r="AU481" s="166">
        <v>0</v>
      </c>
      <c r="AV481" s="166">
        <v>0</v>
      </c>
      <c r="AW481" s="166">
        <v>0</v>
      </c>
      <c r="AX481" s="166">
        <v>0</v>
      </c>
      <c r="AY481" s="166">
        <v>0</v>
      </c>
      <c r="AZ481" s="166">
        <v>0</v>
      </c>
      <c r="BA481" s="166">
        <v>0</v>
      </c>
      <c r="BB481" s="166">
        <v>0</v>
      </c>
      <c r="BC481" s="166">
        <v>0</v>
      </c>
      <c r="BD481" s="166">
        <v>0</v>
      </c>
      <c r="BE481" s="166">
        <v>0</v>
      </c>
      <c r="BF481" s="166">
        <v>0</v>
      </c>
      <c r="BG481" s="166">
        <v>0</v>
      </c>
      <c r="BH481" s="166">
        <v>0</v>
      </c>
      <c r="BI481" s="166">
        <v>0</v>
      </c>
      <c r="BJ481" s="166">
        <v>0</v>
      </c>
      <c r="BK481" s="166">
        <v>0</v>
      </c>
      <c r="BL481" s="166">
        <v>0</v>
      </c>
      <c r="BM481" s="166">
        <v>0</v>
      </c>
      <c r="BN481" s="166">
        <v>0</v>
      </c>
      <c r="BO481" s="166">
        <v>0</v>
      </c>
      <c r="BP481" s="166">
        <v>0</v>
      </c>
      <c r="BQ481" s="166">
        <v>0</v>
      </c>
      <c r="BR481" s="166">
        <v>0</v>
      </c>
      <c r="BS481" s="166">
        <v>0</v>
      </c>
      <c r="BT481" s="168">
        <v>0</v>
      </c>
      <c r="BU481" s="166">
        <v>0</v>
      </c>
      <c r="BV481" s="166">
        <v>0</v>
      </c>
      <c r="BW481" s="166">
        <v>0</v>
      </c>
      <c r="BX481" s="166">
        <v>0</v>
      </c>
      <c r="BY481" s="166">
        <v>0</v>
      </c>
      <c r="BZ481" s="166">
        <v>0</v>
      </c>
      <c r="CA481" s="166">
        <v>0</v>
      </c>
      <c r="CB481" s="166">
        <v>0</v>
      </c>
      <c r="CC481" s="166">
        <v>0</v>
      </c>
      <c r="CD481" s="166">
        <v>0</v>
      </c>
      <c r="CE481" s="166">
        <v>0</v>
      </c>
      <c r="CF481" s="166">
        <v>0</v>
      </c>
      <c r="CG481" s="166">
        <v>0</v>
      </c>
      <c r="CH481" s="166">
        <v>0</v>
      </c>
      <c r="CI481" s="166">
        <v>0</v>
      </c>
      <c r="CJ481" s="166">
        <v>0</v>
      </c>
      <c r="CK481" s="166">
        <v>0</v>
      </c>
      <c r="CL481" s="166">
        <v>0</v>
      </c>
      <c r="CM481" s="166">
        <v>0</v>
      </c>
      <c r="CN481" s="166">
        <v>0</v>
      </c>
      <c r="CO481" s="166">
        <v>0</v>
      </c>
      <c r="CP481" s="166">
        <v>0</v>
      </c>
      <c r="CQ481" s="166">
        <v>0</v>
      </c>
      <c r="CR481" s="166">
        <v>0</v>
      </c>
      <c r="CS481" s="166">
        <v>0</v>
      </c>
      <c r="CT481" s="166">
        <v>0</v>
      </c>
      <c r="CU481" s="166">
        <v>0</v>
      </c>
      <c r="CV481" s="166">
        <v>0</v>
      </c>
      <c r="CW481" s="166">
        <v>0</v>
      </c>
      <c r="CX481" s="166">
        <v>0</v>
      </c>
      <c r="CY481" s="166">
        <v>0</v>
      </c>
      <c r="CZ481" s="166">
        <v>0</v>
      </c>
    </row>
    <row r="482" spans="1:104" x14ac:dyDescent="0.2">
      <c r="A482" s="167" t="s">
        <v>571</v>
      </c>
      <c r="B482" s="166">
        <v>36923284.432595901</v>
      </c>
      <c r="C482" s="166">
        <v>36923284.432595901</v>
      </c>
      <c r="D482" s="166">
        <v>0</v>
      </c>
      <c r="E482" s="166">
        <v>0</v>
      </c>
      <c r="F482" s="166">
        <v>0</v>
      </c>
      <c r="G482" s="166">
        <v>0</v>
      </c>
      <c r="H482" s="166">
        <v>0</v>
      </c>
      <c r="I482" s="166">
        <v>0</v>
      </c>
      <c r="J482" s="166">
        <v>0</v>
      </c>
      <c r="K482" s="166">
        <v>0</v>
      </c>
      <c r="L482" s="166">
        <v>0</v>
      </c>
      <c r="M482" s="166">
        <v>0</v>
      </c>
      <c r="N482" s="166">
        <v>0</v>
      </c>
      <c r="O482" s="166">
        <v>0</v>
      </c>
      <c r="P482" s="166">
        <v>0</v>
      </c>
      <c r="Q482" s="166">
        <v>0</v>
      </c>
      <c r="R482" s="166">
        <v>0</v>
      </c>
      <c r="S482" s="166">
        <v>0</v>
      </c>
      <c r="T482" s="166">
        <v>0</v>
      </c>
      <c r="U482" s="166">
        <v>0</v>
      </c>
      <c r="V482" s="166">
        <v>0</v>
      </c>
      <c r="W482" s="166">
        <v>0</v>
      </c>
      <c r="X482" s="166">
        <v>0</v>
      </c>
      <c r="Y482" s="166">
        <v>0</v>
      </c>
      <c r="Z482" s="166">
        <v>0</v>
      </c>
      <c r="AA482" s="166">
        <v>0</v>
      </c>
      <c r="AB482" s="166">
        <v>0</v>
      </c>
      <c r="AC482" s="166">
        <v>0</v>
      </c>
      <c r="AD482" s="166">
        <v>0</v>
      </c>
      <c r="AE482" s="166">
        <v>0</v>
      </c>
      <c r="AF482" s="166">
        <v>0</v>
      </c>
      <c r="AG482" s="166">
        <v>0</v>
      </c>
      <c r="AH482" s="166">
        <v>0</v>
      </c>
      <c r="AI482" s="166">
        <v>0</v>
      </c>
      <c r="AJ482" s="166">
        <v>0</v>
      </c>
      <c r="AK482" s="166">
        <v>0</v>
      </c>
      <c r="AL482" s="166">
        <v>0</v>
      </c>
      <c r="AM482" s="166">
        <v>0</v>
      </c>
      <c r="AN482" s="166">
        <v>0</v>
      </c>
      <c r="AO482" s="166">
        <v>0</v>
      </c>
      <c r="AP482" s="166">
        <v>0</v>
      </c>
      <c r="AQ482" s="166">
        <v>0</v>
      </c>
      <c r="AR482" s="166">
        <v>0</v>
      </c>
      <c r="AS482" s="166">
        <v>0</v>
      </c>
      <c r="AT482" s="166">
        <v>0</v>
      </c>
      <c r="AU482" s="166">
        <v>0</v>
      </c>
      <c r="AV482" s="166">
        <v>0</v>
      </c>
      <c r="AW482" s="166">
        <v>0</v>
      </c>
      <c r="AX482" s="166">
        <v>0</v>
      </c>
      <c r="AY482" s="166">
        <v>0</v>
      </c>
      <c r="AZ482" s="166">
        <v>0</v>
      </c>
      <c r="BA482" s="166">
        <v>0</v>
      </c>
      <c r="BB482" s="166">
        <v>0</v>
      </c>
      <c r="BC482" s="166">
        <v>0</v>
      </c>
      <c r="BD482" s="166">
        <v>0</v>
      </c>
      <c r="BE482" s="166">
        <v>0</v>
      </c>
      <c r="BF482" s="166">
        <v>0</v>
      </c>
      <c r="BG482" s="166">
        <v>0</v>
      </c>
      <c r="BH482" s="166">
        <v>0</v>
      </c>
      <c r="BI482" s="166">
        <v>0</v>
      </c>
      <c r="BJ482" s="166">
        <v>0</v>
      </c>
      <c r="BK482" s="166">
        <v>0</v>
      </c>
      <c r="BL482" s="166">
        <v>0</v>
      </c>
      <c r="BM482" s="166">
        <v>0</v>
      </c>
      <c r="BN482" s="166">
        <v>0</v>
      </c>
      <c r="BO482" s="166">
        <v>0</v>
      </c>
      <c r="BP482" s="166">
        <v>0</v>
      </c>
      <c r="BQ482" s="166">
        <v>0</v>
      </c>
      <c r="BR482" s="166">
        <v>36923284.432595901</v>
      </c>
      <c r="BS482" s="166">
        <v>36923284.432595901</v>
      </c>
      <c r="BT482" s="168">
        <v>0</v>
      </c>
      <c r="BU482" s="166">
        <v>0</v>
      </c>
      <c r="BV482" s="166">
        <v>0</v>
      </c>
      <c r="BW482" s="166">
        <v>0</v>
      </c>
      <c r="BX482" s="166">
        <v>0</v>
      </c>
      <c r="BY482" s="166">
        <v>0</v>
      </c>
      <c r="BZ482" s="166">
        <v>0</v>
      </c>
      <c r="CA482" s="166">
        <v>0</v>
      </c>
      <c r="CB482" s="166">
        <v>0</v>
      </c>
      <c r="CC482" s="166">
        <v>0</v>
      </c>
      <c r="CD482" s="166">
        <v>0</v>
      </c>
      <c r="CE482" s="166">
        <v>0</v>
      </c>
      <c r="CF482" s="166">
        <v>0</v>
      </c>
      <c r="CG482" s="166">
        <v>0</v>
      </c>
      <c r="CH482" s="166">
        <v>0</v>
      </c>
      <c r="CI482" s="166">
        <v>0</v>
      </c>
      <c r="CJ482" s="166">
        <v>0</v>
      </c>
      <c r="CK482" s="166">
        <v>0</v>
      </c>
      <c r="CL482" s="166">
        <v>0</v>
      </c>
      <c r="CM482" s="166">
        <v>0</v>
      </c>
      <c r="CN482" s="166">
        <v>0</v>
      </c>
      <c r="CO482" s="166">
        <v>0</v>
      </c>
      <c r="CP482" s="166">
        <v>0</v>
      </c>
      <c r="CQ482" s="166">
        <v>0</v>
      </c>
      <c r="CR482" s="166">
        <v>0</v>
      </c>
      <c r="CS482" s="166">
        <v>0</v>
      </c>
      <c r="CT482" s="166">
        <v>0</v>
      </c>
      <c r="CU482" s="166">
        <v>0</v>
      </c>
      <c r="CV482" s="166">
        <v>0</v>
      </c>
      <c r="CW482" s="166">
        <v>0</v>
      </c>
      <c r="CX482" s="166">
        <v>0</v>
      </c>
      <c r="CY482" s="166">
        <v>0</v>
      </c>
      <c r="CZ482" s="166">
        <v>0</v>
      </c>
    </row>
    <row r="483" spans="1:104" x14ac:dyDescent="0.2">
      <c r="A483" s="167" t="s">
        <v>572</v>
      </c>
      <c r="B483" s="166">
        <v>15855896.7536969</v>
      </c>
      <c r="C483" s="166">
        <v>15855896.7536969</v>
      </c>
      <c r="D483" s="166">
        <v>0</v>
      </c>
      <c r="E483" s="166">
        <v>0</v>
      </c>
      <c r="F483" s="166">
        <v>0</v>
      </c>
      <c r="G483" s="166">
        <v>0</v>
      </c>
      <c r="H483" s="166">
        <v>0</v>
      </c>
      <c r="I483" s="166">
        <v>0</v>
      </c>
      <c r="J483" s="166">
        <v>0</v>
      </c>
      <c r="K483" s="166">
        <v>0</v>
      </c>
      <c r="L483" s="166">
        <v>0</v>
      </c>
      <c r="M483" s="166">
        <v>0</v>
      </c>
      <c r="N483" s="166">
        <v>0</v>
      </c>
      <c r="O483" s="166">
        <v>0</v>
      </c>
      <c r="P483" s="166">
        <v>0</v>
      </c>
      <c r="Q483" s="166">
        <v>0</v>
      </c>
      <c r="R483" s="166">
        <v>0</v>
      </c>
      <c r="S483" s="166">
        <v>0</v>
      </c>
      <c r="T483" s="166">
        <v>0</v>
      </c>
      <c r="U483" s="166">
        <v>0</v>
      </c>
      <c r="V483" s="166">
        <v>0</v>
      </c>
      <c r="W483" s="166">
        <v>0</v>
      </c>
      <c r="X483" s="166">
        <v>0</v>
      </c>
      <c r="Y483" s="166">
        <v>0</v>
      </c>
      <c r="Z483" s="166">
        <v>0</v>
      </c>
      <c r="AA483" s="166">
        <v>0</v>
      </c>
      <c r="AB483" s="166">
        <v>0</v>
      </c>
      <c r="AC483" s="166">
        <v>0</v>
      </c>
      <c r="AD483" s="166">
        <v>0</v>
      </c>
      <c r="AE483" s="166">
        <v>0</v>
      </c>
      <c r="AF483" s="166">
        <v>0</v>
      </c>
      <c r="AG483" s="166">
        <v>0</v>
      </c>
      <c r="AH483" s="166">
        <v>0</v>
      </c>
      <c r="AI483" s="166">
        <v>0</v>
      </c>
      <c r="AJ483" s="166">
        <v>0</v>
      </c>
      <c r="AK483" s="166">
        <v>0</v>
      </c>
      <c r="AL483" s="166">
        <v>0</v>
      </c>
      <c r="AM483" s="166">
        <v>0</v>
      </c>
      <c r="AN483" s="166">
        <v>0</v>
      </c>
      <c r="AO483" s="166">
        <v>0</v>
      </c>
      <c r="AP483" s="166">
        <v>0</v>
      </c>
      <c r="AQ483" s="166">
        <v>0</v>
      </c>
      <c r="AR483" s="166">
        <v>0</v>
      </c>
      <c r="AS483" s="166">
        <v>0</v>
      </c>
      <c r="AT483" s="166">
        <v>0</v>
      </c>
      <c r="AU483" s="166">
        <v>0</v>
      </c>
      <c r="AV483" s="166">
        <v>0</v>
      </c>
      <c r="AW483" s="166">
        <v>0</v>
      </c>
      <c r="AX483" s="166">
        <v>0</v>
      </c>
      <c r="AY483" s="166">
        <v>0</v>
      </c>
      <c r="AZ483" s="166">
        <v>0</v>
      </c>
      <c r="BA483" s="166">
        <v>0</v>
      </c>
      <c r="BB483" s="166">
        <v>0</v>
      </c>
      <c r="BC483" s="166">
        <v>0</v>
      </c>
      <c r="BD483" s="166">
        <v>0</v>
      </c>
      <c r="BE483" s="166">
        <v>0</v>
      </c>
      <c r="BF483" s="166">
        <v>0</v>
      </c>
      <c r="BG483" s="166">
        <v>0</v>
      </c>
      <c r="BH483" s="166">
        <v>0</v>
      </c>
      <c r="BI483" s="166">
        <v>0</v>
      </c>
      <c r="BJ483" s="166">
        <v>0</v>
      </c>
      <c r="BK483" s="166">
        <v>0</v>
      </c>
      <c r="BL483" s="166">
        <v>0</v>
      </c>
      <c r="BM483" s="166">
        <v>0</v>
      </c>
      <c r="BN483" s="166">
        <v>0</v>
      </c>
      <c r="BO483" s="166">
        <v>0</v>
      </c>
      <c r="BP483" s="166">
        <v>0</v>
      </c>
      <c r="BQ483" s="166">
        <v>0</v>
      </c>
      <c r="BR483" s="166">
        <v>15855896.7536969</v>
      </c>
      <c r="BS483" s="166">
        <v>15855896.7536969</v>
      </c>
      <c r="BT483" s="168">
        <v>0</v>
      </c>
      <c r="BU483" s="166">
        <v>0</v>
      </c>
      <c r="BV483" s="166">
        <v>0</v>
      </c>
      <c r="BW483" s="166">
        <v>0</v>
      </c>
      <c r="BX483" s="166">
        <v>0</v>
      </c>
      <c r="BY483" s="166">
        <v>0</v>
      </c>
      <c r="BZ483" s="166">
        <v>0</v>
      </c>
      <c r="CA483" s="166">
        <v>0</v>
      </c>
      <c r="CB483" s="166">
        <v>0</v>
      </c>
      <c r="CC483" s="166">
        <v>0</v>
      </c>
      <c r="CD483" s="166">
        <v>0</v>
      </c>
      <c r="CE483" s="166">
        <v>0</v>
      </c>
      <c r="CF483" s="166">
        <v>0</v>
      </c>
      <c r="CG483" s="166">
        <v>0</v>
      </c>
      <c r="CH483" s="166">
        <v>0</v>
      </c>
      <c r="CI483" s="166">
        <v>0</v>
      </c>
      <c r="CJ483" s="166">
        <v>0</v>
      </c>
      <c r="CK483" s="166">
        <v>0</v>
      </c>
      <c r="CL483" s="166">
        <v>0</v>
      </c>
      <c r="CM483" s="166">
        <v>0</v>
      </c>
      <c r="CN483" s="166">
        <v>0</v>
      </c>
      <c r="CO483" s="166">
        <v>0</v>
      </c>
      <c r="CP483" s="166">
        <v>0</v>
      </c>
      <c r="CQ483" s="166">
        <v>0</v>
      </c>
      <c r="CR483" s="166">
        <v>0</v>
      </c>
      <c r="CS483" s="166">
        <v>0</v>
      </c>
      <c r="CT483" s="166">
        <v>0</v>
      </c>
      <c r="CU483" s="166">
        <v>0</v>
      </c>
      <c r="CV483" s="166">
        <v>0</v>
      </c>
      <c r="CW483" s="166">
        <v>0</v>
      </c>
      <c r="CX483" s="166">
        <v>0</v>
      </c>
      <c r="CY483" s="166">
        <v>0</v>
      </c>
      <c r="CZ483" s="166">
        <v>0</v>
      </c>
    </row>
    <row r="484" spans="1:104" x14ac:dyDescent="0.2">
      <c r="A484" s="167" t="s">
        <v>573</v>
      </c>
      <c r="B484" s="166">
        <v>21821499.6269769</v>
      </c>
      <c r="C484" s="166">
        <v>21821499.6269769</v>
      </c>
      <c r="D484" s="166">
        <v>0</v>
      </c>
      <c r="E484" s="166">
        <v>0</v>
      </c>
      <c r="F484" s="166">
        <v>0</v>
      </c>
      <c r="G484" s="166">
        <v>0</v>
      </c>
      <c r="H484" s="166">
        <v>0</v>
      </c>
      <c r="I484" s="166">
        <v>0</v>
      </c>
      <c r="J484" s="166">
        <v>0</v>
      </c>
      <c r="K484" s="166">
        <v>0</v>
      </c>
      <c r="L484" s="166">
        <v>0</v>
      </c>
      <c r="M484" s="166">
        <v>0</v>
      </c>
      <c r="N484" s="166">
        <v>0</v>
      </c>
      <c r="O484" s="166">
        <v>0</v>
      </c>
      <c r="P484" s="166">
        <v>0</v>
      </c>
      <c r="Q484" s="166">
        <v>0</v>
      </c>
      <c r="R484" s="166">
        <v>0</v>
      </c>
      <c r="S484" s="166">
        <v>0</v>
      </c>
      <c r="T484" s="166">
        <v>0</v>
      </c>
      <c r="U484" s="166">
        <v>0</v>
      </c>
      <c r="V484" s="166">
        <v>0</v>
      </c>
      <c r="W484" s="166">
        <v>0</v>
      </c>
      <c r="X484" s="166">
        <v>0</v>
      </c>
      <c r="Y484" s="166">
        <v>0</v>
      </c>
      <c r="Z484" s="166">
        <v>0</v>
      </c>
      <c r="AA484" s="166">
        <v>0</v>
      </c>
      <c r="AB484" s="166">
        <v>0</v>
      </c>
      <c r="AC484" s="166">
        <v>0</v>
      </c>
      <c r="AD484" s="166">
        <v>0</v>
      </c>
      <c r="AE484" s="166">
        <v>0</v>
      </c>
      <c r="AF484" s="166">
        <v>0</v>
      </c>
      <c r="AG484" s="166">
        <v>0</v>
      </c>
      <c r="AH484" s="166">
        <v>0</v>
      </c>
      <c r="AI484" s="166">
        <v>0</v>
      </c>
      <c r="AJ484" s="166">
        <v>0</v>
      </c>
      <c r="AK484" s="166">
        <v>0</v>
      </c>
      <c r="AL484" s="166">
        <v>0</v>
      </c>
      <c r="AM484" s="166">
        <v>0</v>
      </c>
      <c r="AN484" s="166">
        <v>0</v>
      </c>
      <c r="AO484" s="166">
        <v>0</v>
      </c>
      <c r="AP484" s="166">
        <v>0</v>
      </c>
      <c r="AQ484" s="166">
        <v>0</v>
      </c>
      <c r="AR484" s="166">
        <v>0</v>
      </c>
      <c r="AS484" s="166">
        <v>0</v>
      </c>
      <c r="AT484" s="166">
        <v>0</v>
      </c>
      <c r="AU484" s="166">
        <v>0</v>
      </c>
      <c r="AV484" s="166">
        <v>0</v>
      </c>
      <c r="AW484" s="166">
        <v>0</v>
      </c>
      <c r="AX484" s="166">
        <v>0</v>
      </c>
      <c r="AY484" s="166">
        <v>0</v>
      </c>
      <c r="AZ484" s="166">
        <v>0</v>
      </c>
      <c r="BA484" s="166">
        <v>0</v>
      </c>
      <c r="BB484" s="166">
        <v>0</v>
      </c>
      <c r="BC484" s="166">
        <v>0</v>
      </c>
      <c r="BD484" s="166">
        <v>0</v>
      </c>
      <c r="BE484" s="166">
        <v>0</v>
      </c>
      <c r="BF484" s="166">
        <v>0</v>
      </c>
      <c r="BG484" s="166">
        <v>0</v>
      </c>
      <c r="BH484" s="166">
        <v>0</v>
      </c>
      <c r="BI484" s="166">
        <v>0</v>
      </c>
      <c r="BJ484" s="166">
        <v>0</v>
      </c>
      <c r="BK484" s="166">
        <v>0</v>
      </c>
      <c r="BL484" s="166">
        <v>0</v>
      </c>
      <c r="BM484" s="166">
        <v>0</v>
      </c>
      <c r="BN484" s="166">
        <v>0</v>
      </c>
      <c r="BO484" s="166">
        <v>0</v>
      </c>
      <c r="BP484" s="166">
        <v>0</v>
      </c>
      <c r="BQ484" s="166">
        <v>0</v>
      </c>
      <c r="BR484" s="166">
        <v>21821499.6269769</v>
      </c>
      <c r="BS484" s="166">
        <v>21821499.6269769</v>
      </c>
      <c r="BT484" s="168">
        <v>0</v>
      </c>
      <c r="BU484" s="166">
        <v>0</v>
      </c>
      <c r="BV484" s="166">
        <v>0</v>
      </c>
      <c r="BW484" s="166">
        <v>0</v>
      </c>
      <c r="BX484" s="166">
        <v>0</v>
      </c>
      <c r="BY484" s="166">
        <v>0</v>
      </c>
      <c r="BZ484" s="166">
        <v>0</v>
      </c>
      <c r="CA484" s="166">
        <v>0</v>
      </c>
      <c r="CB484" s="166">
        <v>0</v>
      </c>
      <c r="CC484" s="166">
        <v>0</v>
      </c>
      <c r="CD484" s="166">
        <v>0</v>
      </c>
      <c r="CE484" s="166">
        <v>0</v>
      </c>
      <c r="CF484" s="166">
        <v>0</v>
      </c>
      <c r="CG484" s="166">
        <v>0</v>
      </c>
      <c r="CH484" s="166">
        <v>0</v>
      </c>
      <c r="CI484" s="166">
        <v>0</v>
      </c>
      <c r="CJ484" s="166">
        <v>0</v>
      </c>
      <c r="CK484" s="166">
        <v>0</v>
      </c>
      <c r="CL484" s="166">
        <v>0</v>
      </c>
      <c r="CM484" s="166">
        <v>0</v>
      </c>
      <c r="CN484" s="166">
        <v>0</v>
      </c>
      <c r="CO484" s="166">
        <v>0</v>
      </c>
      <c r="CP484" s="166">
        <v>0</v>
      </c>
      <c r="CQ484" s="166">
        <v>0</v>
      </c>
      <c r="CR484" s="166">
        <v>0</v>
      </c>
      <c r="CS484" s="166">
        <v>0</v>
      </c>
      <c r="CT484" s="166">
        <v>0</v>
      </c>
      <c r="CU484" s="166">
        <v>0</v>
      </c>
      <c r="CV484" s="166">
        <v>0</v>
      </c>
      <c r="CW484" s="166">
        <v>0</v>
      </c>
      <c r="CX484" s="166">
        <v>0</v>
      </c>
      <c r="CY484" s="166">
        <v>0</v>
      </c>
      <c r="CZ484" s="166">
        <v>0</v>
      </c>
    </row>
    <row r="485" spans="1:104" x14ac:dyDescent="0.2">
      <c r="A485" s="167" t="s">
        <v>574</v>
      </c>
      <c r="B485" s="166">
        <v>3177042.89386399</v>
      </c>
      <c r="C485" s="166">
        <v>3177042.89386399</v>
      </c>
      <c r="D485" s="166">
        <v>0</v>
      </c>
      <c r="E485" s="166">
        <v>0</v>
      </c>
      <c r="F485" s="166">
        <v>0</v>
      </c>
      <c r="G485" s="166">
        <v>0</v>
      </c>
      <c r="H485" s="166">
        <v>0</v>
      </c>
      <c r="I485" s="166">
        <v>0</v>
      </c>
      <c r="J485" s="166">
        <v>0</v>
      </c>
      <c r="K485" s="166">
        <v>0</v>
      </c>
      <c r="L485" s="166">
        <v>0</v>
      </c>
      <c r="M485" s="166">
        <v>0</v>
      </c>
      <c r="N485" s="166">
        <v>0</v>
      </c>
      <c r="O485" s="166">
        <v>0</v>
      </c>
      <c r="P485" s="166">
        <v>0</v>
      </c>
      <c r="Q485" s="166">
        <v>0</v>
      </c>
      <c r="R485" s="166">
        <v>0</v>
      </c>
      <c r="S485" s="166">
        <v>0</v>
      </c>
      <c r="T485" s="166">
        <v>0</v>
      </c>
      <c r="U485" s="166">
        <v>0</v>
      </c>
      <c r="V485" s="166">
        <v>0</v>
      </c>
      <c r="W485" s="166">
        <v>0</v>
      </c>
      <c r="X485" s="166">
        <v>0</v>
      </c>
      <c r="Y485" s="166">
        <v>0</v>
      </c>
      <c r="Z485" s="166">
        <v>0</v>
      </c>
      <c r="AA485" s="166">
        <v>0</v>
      </c>
      <c r="AB485" s="166">
        <v>0</v>
      </c>
      <c r="AC485" s="166">
        <v>0</v>
      </c>
      <c r="AD485" s="166">
        <v>0</v>
      </c>
      <c r="AE485" s="166">
        <v>0</v>
      </c>
      <c r="AF485" s="166">
        <v>0</v>
      </c>
      <c r="AG485" s="166">
        <v>0</v>
      </c>
      <c r="AH485" s="166">
        <v>0</v>
      </c>
      <c r="AI485" s="166">
        <v>0</v>
      </c>
      <c r="AJ485" s="166">
        <v>0</v>
      </c>
      <c r="AK485" s="166">
        <v>0</v>
      </c>
      <c r="AL485" s="166">
        <v>0</v>
      </c>
      <c r="AM485" s="166">
        <v>0</v>
      </c>
      <c r="AN485" s="166">
        <v>0</v>
      </c>
      <c r="AO485" s="166">
        <v>0</v>
      </c>
      <c r="AP485" s="166">
        <v>0</v>
      </c>
      <c r="AQ485" s="166">
        <v>0</v>
      </c>
      <c r="AR485" s="166">
        <v>0</v>
      </c>
      <c r="AS485" s="166">
        <v>0</v>
      </c>
      <c r="AT485" s="166">
        <v>0</v>
      </c>
      <c r="AU485" s="166">
        <v>0</v>
      </c>
      <c r="AV485" s="166">
        <v>0</v>
      </c>
      <c r="AW485" s="166">
        <v>0</v>
      </c>
      <c r="AX485" s="166">
        <v>0</v>
      </c>
      <c r="AY485" s="166">
        <v>0</v>
      </c>
      <c r="AZ485" s="166">
        <v>0</v>
      </c>
      <c r="BA485" s="166">
        <v>0</v>
      </c>
      <c r="BB485" s="166">
        <v>0</v>
      </c>
      <c r="BC485" s="166">
        <v>0</v>
      </c>
      <c r="BD485" s="166">
        <v>0</v>
      </c>
      <c r="BE485" s="166">
        <v>0</v>
      </c>
      <c r="BF485" s="166">
        <v>0</v>
      </c>
      <c r="BG485" s="166">
        <v>0</v>
      </c>
      <c r="BH485" s="166">
        <v>0</v>
      </c>
      <c r="BI485" s="166">
        <v>0</v>
      </c>
      <c r="BJ485" s="166">
        <v>0</v>
      </c>
      <c r="BK485" s="166">
        <v>0</v>
      </c>
      <c r="BL485" s="166">
        <v>0</v>
      </c>
      <c r="BM485" s="166">
        <v>0</v>
      </c>
      <c r="BN485" s="166">
        <v>0</v>
      </c>
      <c r="BO485" s="166">
        <v>0</v>
      </c>
      <c r="BP485" s="166">
        <v>0</v>
      </c>
      <c r="BQ485" s="166">
        <v>0</v>
      </c>
      <c r="BR485" s="166">
        <v>3177042.89386399</v>
      </c>
      <c r="BS485" s="166">
        <v>3177042.89386399</v>
      </c>
      <c r="BT485" s="168">
        <v>0</v>
      </c>
      <c r="BU485" s="166">
        <v>0</v>
      </c>
      <c r="BV485" s="166">
        <v>0</v>
      </c>
      <c r="BW485" s="166">
        <v>0</v>
      </c>
      <c r="BX485" s="166">
        <v>0</v>
      </c>
      <c r="BY485" s="166">
        <v>0</v>
      </c>
      <c r="BZ485" s="166">
        <v>0</v>
      </c>
      <c r="CA485" s="166">
        <v>0</v>
      </c>
      <c r="CB485" s="166">
        <v>0</v>
      </c>
      <c r="CC485" s="166">
        <v>0</v>
      </c>
      <c r="CD485" s="166">
        <v>0</v>
      </c>
      <c r="CE485" s="166">
        <v>0</v>
      </c>
      <c r="CF485" s="166">
        <v>0</v>
      </c>
      <c r="CG485" s="166">
        <v>0</v>
      </c>
      <c r="CH485" s="166">
        <v>0</v>
      </c>
      <c r="CI485" s="166">
        <v>0</v>
      </c>
      <c r="CJ485" s="166">
        <v>0</v>
      </c>
      <c r="CK485" s="166">
        <v>0</v>
      </c>
      <c r="CL485" s="166">
        <v>0</v>
      </c>
      <c r="CM485" s="166">
        <v>0</v>
      </c>
      <c r="CN485" s="166">
        <v>0</v>
      </c>
      <c r="CO485" s="166">
        <v>0</v>
      </c>
      <c r="CP485" s="166">
        <v>0</v>
      </c>
      <c r="CQ485" s="166">
        <v>0</v>
      </c>
      <c r="CR485" s="166">
        <v>0</v>
      </c>
      <c r="CS485" s="166">
        <v>0</v>
      </c>
      <c r="CT485" s="166">
        <v>0</v>
      </c>
      <c r="CU485" s="166">
        <v>0</v>
      </c>
      <c r="CV485" s="166">
        <v>0</v>
      </c>
      <c r="CW485" s="166">
        <v>0</v>
      </c>
      <c r="CX485" s="166">
        <v>0</v>
      </c>
      <c r="CY485" s="166">
        <v>0</v>
      </c>
      <c r="CZ485" s="166">
        <v>0</v>
      </c>
    </row>
    <row r="486" spans="1:104" x14ac:dyDescent="0.2">
      <c r="A486" s="167" t="s">
        <v>575</v>
      </c>
      <c r="B486" s="166">
        <v>7175344.5068609901</v>
      </c>
      <c r="C486" s="166">
        <v>7175344.5068609901</v>
      </c>
      <c r="D486" s="166">
        <v>0</v>
      </c>
      <c r="E486" s="166">
        <v>0</v>
      </c>
      <c r="F486" s="166">
        <v>0</v>
      </c>
      <c r="G486" s="166">
        <v>0</v>
      </c>
      <c r="H486" s="166">
        <v>0</v>
      </c>
      <c r="I486" s="166">
        <v>0</v>
      </c>
      <c r="J486" s="166">
        <v>0</v>
      </c>
      <c r="K486" s="166">
        <v>0</v>
      </c>
      <c r="L486" s="166">
        <v>0</v>
      </c>
      <c r="M486" s="166">
        <v>0</v>
      </c>
      <c r="N486" s="166">
        <v>0</v>
      </c>
      <c r="O486" s="166">
        <v>0</v>
      </c>
      <c r="P486" s="166">
        <v>0</v>
      </c>
      <c r="Q486" s="166">
        <v>0</v>
      </c>
      <c r="R486" s="166">
        <v>0</v>
      </c>
      <c r="S486" s="166">
        <v>0</v>
      </c>
      <c r="T486" s="166">
        <v>0</v>
      </c>
      <c r="U486" s="166">
        <v>0</v>
      </c>
      <c r="V486" s="166">
        <v>0</v>
      </c>
      <c r="W486" s="166">
        <v>0</v>
      </c>
      <c r="X486" s="166">
        <v>0</v>
      </c>
      <c r="Y486" s="166">
        <v>0</v>
      </c>
      <c r="Z486" s="166">
        <v>0</v>
      </c>
      <c r="AA486" s="166">
        <v>0</v>
      </c>
      <c r="AB486" s="166">
        <v>0</v>
      </c>
      <c r="AC486" s="166">
        <v>0</v>
      </c>
      <c r="AD486" s="166">
        <v>0</v>
      </c>
      <c r="AE486" s="166">
        <v>0</v>
      </c>
      <c r="AF486" s="166">
        <v>0</v>
      </c>
      <c r="AG486" s="166">
        <v>0</v>
      </c>
      <c r="AH486" s="166">
        <v>0</v>
      </c>
      <c r="AI486" s="166">
        <v>0</v>
      </c>
      <c r="AJ486" s="166">
        <v>0</v>
      </c>
      <c r="AK486" s="166">
        <v>0</v>
      </c>
      <c r="AL486" s="166">
        <v>0</v>
      </c>
      <c r="AM486" s="166">
        <v>0</v>
      </c>
      <c r="AN486" s="166">
        <v>0</v>
      </c>
      <c r="AO486" s="166">
        <v>0</v>
      </c>
      <c r="AP486" s="166">
        <v>0</v>
      </c>
      <c r="AQ486" s="166">
        <v>0</v>
      </c>
      <c r="AR486" s="166">
        <v>0</v>
      </c>
      <c r="AS486" s="166">
        <v>0</v>
      </c>
      <c r="AT486" s="166">
        <v>0</v>
      </c>
      <c r="AU486" s="166">
        <v>0</v>
      </c>
      <c r="AV486" s="166">
        <v>0</v>
      </c>
      <c r="AW486" s="166">
        <v>0</v>
      </c>
      <c r="AX486" s="166">
        <v>0</v>
      </c>
      <c r="AY486" s="166">
        <v>0</v>
      </c>
      <c r="AZ486" s="166">
        <v>0</v>
      </c>
      <c r="BA486" s="166">
        <v>0</v>
      </c>
      <c r="BB486" s="166">
        <v>0</v>
      </c>
      <c r="BC486" s="166">
        <v>0</v>
      </c>
      <c r="BD486" s="166">
        <v>0</v>
      </c>
      <c r="BE486" s="166">
        <v>0</v>
      </c>
      <c r="BF486" s="166">
        <v>0</v>
      </c>
      <c r="BG486" s="166">
        <v>0</v>
      </c>
      <c r="BH486" s="166">
        <v>0</v>
      </c>
      <c r="BI486" s="166">
        <v>0</v>
      </c>
      <c r="BJ486" s="166">
        <v>0</v>
      </c>
      <c r="BK486" s="166">
        <v>0</v>
      </c>
      <c r="BL486" s="166">
        <v>0</v>
      </c>
      <c r="BM486" s="166">
        <v>0</v>
      </c>
      <c r="BN486" s="166">
        <v>0</v>
      </c>
      <c r="BO486" s="166">
        <v>0</v>
      </c>
      <c r="BP486" s="166">
        <v>0</v>
      </c>
      <c r="BQ486" s="166">
        <v>0</v>
      </c>
      <c r="BR486" s="166">
        <v>7175344.5068609901</v>
      </c>
      <c r="BS486" s="166">
        <v>7175344.5068609901</v>
      </c>
      <c r="BT486" s="168">
        <v>0</v>
      </c>
      <c r="BU486" s="166">
        <v>0</v>
      </c>
      <c r="BV486" s="166">
        <v>0</v>
      </c>
      <c r="BW486" s="166">
        <v>0</v>
      </c>
      <c r="BX486" s="166">
        <v>0</v>
      </c>
      <c r="BY486" s="166">
        <v>0</v>
      </c>
      <c r="BZ486" s="166">
        <v>0</v>
      </c>
      <c r="CA486" s="166">
        <v>0</v>
      </c>
      <c r="CB486" s="166">
        <v>0</v>
      </c>
      <c r="CC486" s="166">
        <v>0</v>
      </c>
      <c r="CD486" s="166">
        <v>0</v>
      </c>
      <c r="CE486" s="166">
        <v>0</v>
      </c>
      <c r="CF486" s="166">
        <v>0</v>
      </c>
      <c r="CG486" s="166">
        <v>0</v>
      </c>
      <c r="CH486" s="166">
        <v>0</v>
      </c>
      <c r="CI486" s="166">
        <v>0</v>
      </c>
      <c r="CJ486" s="166">
        <v>0</v>
      </c>
      <c r="CK486" s="166">
        <v>0</v>
      </c>
      <c r="CL486" s="166">
        <v>0</v>
      </c>
      <c r="CM486" s="166">
        <v>0</v>
      </c>
      <c r="CN486" s="166">
        <v>0</v>
      </c>
      <c r="CO486" s="166">
        <v>0</v>
      </c>
      <c r="CP486" s="166">
        <v>0</v>
      </c>
      <c r="CQ486" s="166">
        <v>0</v>
      </c>
      <c r="CR486" s="166">
        <v>0</v>
      </c>
      <c r="CS486" s="166">
        <v>0</v>
      </c>
      <c r="CT486" s="166">
        <v>0</v>
      </c>
      <c r="CU486" s="166">
        <v>0</v>
      </c>
      <c r="CV486" s="166">
        <v>0</v>
      </c>
      <c r="CW486" s="166">
        <v>0</v>
      </c>
      <c r="CX486" s="166">
        <v>0</v>
      </c>
      <c r="CY486" s="166">
        <v>0</v>
      </c>
      <c r="CZ486" s="166">
        <v>0</v>
      </c>
    </row>
    <row r="487" spans="1:104" x14ac:dyDescent="0.2">
      <c r="A487" s="167" t="s">
        <v>576</v>
      </c>
      <c r="B487" s="166">
        <v>32126.3876219999</v>
      </c>
      <c r="C487" s="166">
        <v>32126.3876219999</v>
      </c>
      <c r="D487" s="166">
        <v>0</v>
      </c>
      <c r="E487" s="166">
        <v>0</v>
      </c>
      <c r="F487" s="166">
        <v>0</v>
      </c>
      <c r="G487" s="166">
        <v>0</v>
      </c>
      <c r="H487" s="166">
        <v>0</v>
      </c>
      <c r="I487" s="166">
        <v>0</v>
      </c>
      <c r="J487" s="166">
        <v>0</v>
      </c>
      <c r="K487" s="166">
        <v>0</v>
      </c>
      <c r="L487" s="166">
        <v>0</v>
      </c>
      <c r="M487" s="166">
        <v>0</v>
      </c>
      <c r="N487" s="166">
        <v>0</v>
      </c>
      <c r="O487" s="166">
        <v>0</v>
      </c>
      <c r="P487" s="166">
        <v>0</v>
      </c>
      <c r="Q487" s="166">
        <v>0</v>
      </c>
      <c r="R487" s="166">
        <v>0</v>
      </c>
      <c r="S487" s="166">
        <v>0</v>
      </c>
      <c r="T487" s="166">
        <v>0</v>
      </c>
      <c r="U487" s="166">
        <v>0</v>
      </c>
      <c r="V487" s="166">
        <v>0</v>
      </c>
      <c r="W487" s="166">
        <v>0</v>
      </c>
      <c r="X487" s="166">
        <v>0</v>
      </c>
      <c r="Y487" s="166">
        <v>0</v>
      </c>
      <c r="Z487" s="166">
        <v>0</v>
      </c>
      <c r="AA487" s="166">
        <v>0</v>
      </c>
      <c r="AB487" s="166">
        <v>0</v>
      </c>
      <c r="AC487" s="166">
        <v>0</v>
      </c>
      <c r="AD487" s="166">
        <v>0</v>
      </c>
      <c r="AE487" s="166">
        <v>0</v>
      </c>
      <c r="AF487" s="166">
        <v>0</v>
      </c>
      <c r="AG487" s="166">
        <v>0</v>
      </c>
      <c r="AH487" s="166">
        <v>0</v>
      </c>
      <c r="AI487" s="166">
        <v>0</v>
      </c>
      <c r="AJ487" s="166">
        <v>0</v>
      </c>
      <c r="AK487" s="166">
        <v>0</v>
      </c>
      <c r="AL487" s="166">
        <v>0</v>
      </c>
      <c r="AM487" s="166">
        <v>0</v>
      </c>
      <c r="AN487" s="166">
        <v>0</v>
      </c>
      <c r="AO487" s="166">
        <v>0</v>
      </c>
      <c r="AP487" s="166">
        <v>0</v>
      </c>
      <c r="AQ487" s="166">
        <v>0</v>
      </c>
      <c r="AR487" s="166">
        <v>0</v>
      </c>
      <c r="AS487" s="166">
        <v>0</v>
      </c>
      <c r="AT487" s="166">
        <v>0</v>
      </c>
      <c r="AU487" s="166">
        <v>0</v>
      </c>
      <c r="AV487" s="166">
        <v>0</v>
      </c>
      <c r="AW487" s="166">
        <v>0</v>
      </c>
      <c r="AX487" s="166">
        <v>0</v>
      </c>
      <c r="AY487" s="166">
        <v>0</v>
      </c>
      <c r="AZ487" s="166">
        <v>0</v>
      </c>
      <c r="BA487" s="166">
        <v>0</v>
      </c>
      <c r="BB487" s="166">
        <v>0</v>
      </c>
      <c r="BC487" s="166">
        <v>0</v>
      </c>
      <c r="BD487" s="166">
        <v>0</v>
      </c>
      <c r="BE487" s="166">
        <v>0</v>
      </c>
      <c r="BF487" s="166">
        <v>0</v>
      </c>
      <c r="BG487" s="166">
        <v>0</v>
      </c>
      <c r="BH487" s="166">
        <v>0</v>
      </c>
      <c r="BI487" s="166">
        <v>0</v>
      </c>
      <c r="BJ487" s="166">
        <v>0</v>
      </c>
      <c r="BK487" s="166">
        <v>0</v>
      </c>
      <c r="BL487" s="166">
        <v>0</v>
      </c>
      <c r="BM487" s="166">
        <v>0</v>
      </c>
      <c r="BN487" s="166">
        <v>0</v>
      </c>
      <c r="BO487" s="166">
        <v>0</v>
      </c>
      <c r="BP487" s="166">
        <v>0</v>
      </c>
      <c r="BQ487" s="166">
        <v>0</v>
      </c>
      <c r="BR487" s="166">
        <v>32126.3876219999</v>
      </c>
      <c r="BS487" s="166">
        <v>32126.3876219999</v>
      </c>
      <c r="BT487" s="168">
        <v>0</v>
      </c>
      <c r="BU487" s="166">
        <v>0</v>
      </c>
      <c r="BV487" s="166">
        <v>0</v>
      </c>
      <c r="BW487" s="166">
        <v>0</v>
      </c>
      <c r="BX487" s="166">
        <v>0</v>
      </c>
      <c r="BY487" s="166">
        <v>0</v>
      </c>
      <c r="BZ487" s="166">
        <v>0</v>
      </c>
      <c r="CA487" s="166">
        <v>0</v>
      </c>
      <c r="CB487" s="166">
        <v>0</v>
      </c>
      <c r="CC487" s="166">
        <v>0</v>
      </c>
      <c r="CD487" s="166">
        <v>0</v>
      </c>
      <c r="CE487" s="166">
        <v>0</v>
      </c>
      <c r="CF487" s="166">
        <v>0</v>
      </c>
      <c r="CG487" s="166">
        <v>0</v>
      </c>
      <c r="CH487" s="166">
        <v>0</v>
      </c>
      <c r="CI487" s="166">
        <v>0</v>
      </c>
      <c r="CJ487" s="166">
        <v>0</v>
      </c>
      <c r="CK487" s="166">
        <v>0</v>
      </c>
      <c r="CL487" s="166">
        <v>0</v>
      </c>
      <c r="CM487" s="166">
        <v>0</v>
      </c>
      <c r="CN487" s="166">
        <v>0</v>
      </c>
      <c r="CO487" s="166">
        <v>0</v>
      </c>
      <c r="CP487" s="166">
        <v>0</v>
      </c>
      <c r="CQ487" s="166">
        <v>0</v>
      </c>
      <c r="CR487" s="166">
        <v>0</v>
      </c>
      <c r="CS487" s="166">
        <v>0</v>
      </c>
      <c r="CT487" s="166">
        <v>0</v>
      </c>
      <c r="CU487" s="166">
        <v>0</v>
      </c>
      <c r="CV487" s="166">
        <v>0</v>
      </c>
      <c r="CW487" s="166">
        <v>0</v>
      </c>
      <c r="CX487" s="166">
        <v>0</v>
      </c>
      <c r="CY487" s="166">
        <v>0</v>
      </c>
      <c r="CZ487" s="166">
        <v>0</v>
      </c>
    </row>
    <row r="488" spans="1:104" x14ac:dyDescent="0.2">
      <c r="A488" s="177" t="s">
        <v>577</v>
      </c>
      <c r="B488" s="166">
        <v>84985194.601616904</v>
      </c>
      <c r="C488" s="166">
        <v>84985194.601616904</v>
      </c>
      <c r="D488" s="166">
        <v>0</v>
      </c>
      <c r="E488" s="166">
        <v>0</v>
      </c>
      <c r="F488" s="166">
        <v>0</v>
      </c>
      <c r="G488" s="166">
        <v>0</v>
      </c>
      <c r="H488" s="166">
        <v>0</v>
      </c>
      <c r="I488" s="166">
        <v>0</v>
      </c>
      <c r="J488" s="166">
        <v>0</v>
      </c>
      <c r="K488" s="166">
        <v>0</v>
      </c>
      <c r="L488" s="166">
        <v>0</v>
      </c>
      <c r="M488" s="166">
        <v>0</v>
      </c>
      <c r="N488" s="166">
        <v>0</v>
      </c>
      <c r="O488" s="166">
        <v>0</v>
      </c>
      <c r="P488" s="166">
        <v>0</v>
      </c>
      <c r="Q488" s="166">
        <v>0</v>
      </c>
      <c r="R488" s="166">
        <v>0</v>
      </c>
      <c r="S488" s="166">
        <v>0</v>
      </c>
      <c r="T488" s="166">
        <v>0</v>
      </c>
      <c r="U488" s="166">
        <v>0</v>
      </c>
      <c r="V488" s="166">
        <v>0</v>
      </c>
      <c r="W488" s="166">
        <v>0</v>
      </c>
      <c r="X488" s="166">
        <v>0</v>
      </c>
      <c r="Y488" s="166">
        <v>0</v>
      </c>
      <c r="Z488" s="166">
        <v>0</v>
      </c>
      <c r="AA488" s="166">
        <v>0</v>
      </c>
      <c r="AB488" s="166">
        <v>0</v>
      </c>
      <c r="AC488" s="166">
        <v>0</v>
      </c>
      <c r="AD488" s="166">
        <v>0</v>
      </c>
      <c r="AE488" s="166">
        <v>0</v>
      </c>
      <c r="AF488" s="166">
        <v>0</v>
      </c>
      <c r="AG488" s="166">
        <v>0</v>
      </c>
      <c r="AH488" s="166">
        <v>0</v>
      </c>
      <c r="AI488" s="166">
        <v>0</v>
      </c>
      <c r="AJ488" s="166">
        <v>0</v>
      </c>
      <c r="AK488" s="166">
        <v>0</v>
      </c>
      <c r="AL488" s="166">
        <v>0</v>
      </c>
      <c r="AM488" s="166">
        <v>0</v>
      </c>
      <c r="AN488" s="166">
        <v>0</v>
      </c>
      <c r="AO488" s="166">
        <v>0</v>
      </c>
      <c r="AP488" s="166">
        <v>0</v>
      </c>
      <c r="AQ488" s="166">
        <v>0</v>
      </c>
      <c r="AR488" s="166">
        <v>0</v>
      </c>
      <c r="AS488" s="166">
        <v>0</v>
      </c>
      <c r="AT488" s="166">
        <v>0</v>
      </c>
      <c r="AU488" s="166">
        <v>0</v>
      </c>
      <c r="AV488" s="166">
        <v>0</v>
      </c>
      <c r="AW488" s="166">
        <v>0</v>
      </c>
      <c r="AX488" s="166">
        <v>0</v>
      </c>
      <c r="AY488" s="166">
        <v>0</v>
      </c>
      <c r="AZ488" s="166">
        <v>0</v>
      </c>
      <c r="BA488" s="166">
        <v>0</v>
      </c>
      <c r="BB488" s="166">
        <v>0</v>
      </c>
      <c r="BC488" s="166">
        <v>0</v>
      </c>
      <c r="BD488" s="166">
        <v>0</v>
      </c>
      <c r="BE488" s="166">
        <v>0</v>
      </c>
      <c r="BF488" s="166">
        <v>0</v>
      </c>
      <c r="BG488" s="166">
        <v>0</v>
      </c>
      <c r="BH488" s="166">
        <v>0</v>
      </c>
      <c r="BI488" s="166">
        <v>0</v>
      </c>
      <c r="BJ488" s="166">
        <v>0</v>
      </c>
      <c r="BK488" s="166">
        <v>0</v>
      </c>
      <c r="BL488" s="166">
        <v>0</v>
      </c>
      <c r="BM488" s="166">
        <v>0</v>
      </c>
      <c r="BN488" s="166">
        <v>0</v>
      </c>
      <c r="BO488" s="166">
        <v>0</v>
      </c>
      <c r="BP488" s="166">
        <v>0</v>
      </c>
      <c r="BQ488" s="166">
        <v>0</v>
      </c>
      <c r="BR488" s="166">
        <v>84985194.601616904</v>
      </c>
      <c r="BS488" s="166">
        <v>84985194.601616904</v>
      </c>
      <c r="BT488" s="168">
        <v>0</v>
      </c>
      <c r="BU488" s="166">
        <v>0</v>
      </c>
      <c r="BV488" s="166">
        <v>0</v>
      </c>
      <c r="BW488" s="166">
        <v>0</v>
      </c>
      <c r="BX488" s="166">
        <v>0</v>
      </c>
      <c r="BY488" s="166">
        <v>0</v>
      </c>
      <c r="BZ488" s="166">
        <v>0</v>
      </c>
      <c r="CA488" s="166">
        <v>0</v>
      </c>
      <c r="CB488" s="166">
        <v>0</v>
      </c>
      <c r="CC488" s="166">
        <v>0</v>
      </c>
      <c r="CD488" s="166">
        <v>0</v>
      </c>
      <c r="CE488" s="166">
        <v>0</v>
      </c>
      <c r="CF488" s="166">
        <v>0</v>
      </c>
      <c r="CG488" s="166">
        <v>0</v>
      </c>
      <c r="CH488" s="166">
        <v>0</v>
      </c>
      <c r="CI488" s="166">
        <v>0</v>
      </c>
      <c r="CJ488" s="166">
        <v>0</v>
      </c>
      <c r="CK488" s="166">
        <v>0</v>
      </c>
      <c r="CL488" s="166">
        <v>0</v>
      </c>
      <c r="CM488" s="166">
        <v>0</v>
      </c>
      <c r="CN488" s="166">
        <v>0</v>
      </c>
      <c r="CO488" s="166">
        <v>0</v>
      </c>
      <c r="CP488" s="166">
        <v>0</v>
      </c>
      <c r="CQ488" s="166">
        <v>0</v>
      </c>
      <c r="CR488" s="166">
        <v>0</v>
      </c>
      <c r="CS488" s="166">
        <v>0</v>
      </c>
      <c r="CT488" s="166">
        <v>0</v>
      </c>
      <c r="CU488" s="166">
        <v>0</v>
      </c>
      <c r="CV488" s="166">
        <v>0</v>
      </c>
      <c r="CW488" s="166">
        <v>0</v>
      </c>
      <c r="CX488" s="166">
        <v>0</v>
      </c>
      <c r="CY488" s="166">
        <v>0</v>
      </c>
      <c r="CZ488" s="166">
        <v>0</v>
      </c>
    </row>
    <row r="489" spans="1:104" x14ac:dyDescent="0.2">
      <c r="A489" s="167" t="s">
        <v>578</v>
      </c>
      <c r="B489" s="166">
        <v>0</v>
      </c>
      <c r="C489" s="166">
        <v>0</v>
      </c>
      <c r="D489" s="166">
        <v>0</v>
      </c>
      <c r="E489" s="166">
        <v>0</v>
      </c>
      <c r="F489" s="166">
        <v>0</v>
      </c>
      <c r="G489" s="166">
        <v>0</v>
      </c>
      <c r="H489" s="166">
        <v>0</v>
      </c>
      <c r="I489" s="166">
        <v>0</v>
      </c>
      <c r="J489" s="166">
        <v>0</v>
      </c>
      <c r="K489" s="166">
        <v>0</v>
      </c>
      <c r="L489" s="166">
        <v>0</v>
      </c>
      <c r="M489" s="166">
        <v>0</v>
      </c>
      <c r="N489" s="166">
        <v>0</v>
      </c>
      <c r="O489" s="166">
        <v>0</v>
      </c>
      <c r="P489" s="166">
        <v>0</v>
      </c>
      <c r="Q489" s="166">
        <v>0</v>
      </c>
      <c r="R489" s="166">
        <v>0</v>
      </c>
      <c r="S489" s="166">
        <v>0</v>
      </c>
      <c r="T489" s="166">
        <v>0</v>
      </c>
      <c r="U489" s="166">
        <v>0</v>
      </c>
      <c r="V489" s="166">
        <v>0</v>
      </c>
      <c r="W489" s="166">
        <v>0</v>
      </c>
      <c r="X489" s="166">
        <v>0</v>
      </c>
      <c r="Y489" s="166">
        <v>0</v>
      </c>
      <c r="Z489" s="166">
        <v>0</v>
      </c>
      <c r="AA489" s="166">
        <v>0</v>
      </c>
      <c r="AB489" s="166">
        <v>0</v>
      </c>
      <c r="AC489" s="166">
        <v>0</v>
      </c>
      <c r="AD489" s="166">
        <v>0</v>
      </c>
      <c r="AE489" s="166">
        <v>0</v>
      </c>
      <c r="AF489" s="166">
        <v>0</v>
      </c>
      <c r="AG489" s="166">
        <v>0</v>
      </c>
      <c r="AH489" s="166">
        <v>0</v>
      </c>
      <c r="AI489" s="166">
        <v>0</v>
      </c>
      <c r="AJ489" s="166">
        <v>0</v>
      </c>
      <c r="AK489" s="166">
        <v>0</v>
      </c>
      <c r="AL489" s="166">
        <v>0</v>
      </c>
      <c r="AM489" s="166">
        <v>0</v>
      </c>
      <c r="AN489" s="166">
        <v>0</v>
      </c>
      <c r="AO489" s="166">
        <v>0</v>
      </c>
      <c r="AP489" s="166">
        <v>0</v>
      </c>
      <c r="AQ489" s="166">
        <v>0</v>
      </c>
      <c r="AR489" s="166">
        <v>0</v>
      </c>
      <c r="AS489" s="166">
        <v>0</v>
      </c>
      <c r="AT489" s="166">
        <v>0</v>
      </c>
      <c r="AU489" s="166">
        <v>0</v>
      </c>
      <c r="AV489" s="166">
        <v>0</v>
      </c>
      <c r="AW489" s="166">
        <v>0</v>
      </c>
      <c r="AX489" s="166">
        <v>0</v>
      </c>
      <c r="AY489" s="166">
        <v>0</v>
      </c>
      <c r="AZ489" s="166">
        <v>0</v>
      </c>
      <c r="BA489" s="166">
        <v>0</v>
      </c>
      <c r="BB489" s="166">
        <v>0</v>
      </c>
      <c r="BC489" s="166">
        <v>0</v>
      </c>
      <c r="BD489" s="166">
        <v>0</v>
      </c>
      <c r="BE489" s="166">
        <v>0</v>
      </c>
      <c r="BF489" s="166">
        <v>0</v>
      </c>
      <c r="BG489" s="166">
        <v>0</v>
      </c>
      <c r="BH489" s="166">
        <v>0</v>
      </c>
      <c r="BI489" s="166">
        <v>0</v>
      </c>
      <c r="BJ489" s="166">
        <v>0</v>
      </c>
      <c r="BK489" s="166">
        <v>0</v>
      </c>
      <c r="BL489" s="166">
        <v>0</v>
      </c>
      <c r="BM489" s="166">
        <v>0</v>
      </c>
      <c r="BN489" s="166">
        <v>0</v>
      </c>
      <c r="BO489" s="166">
        <v>0</v>
      </c>
      <c r="BP489" s="166">
        <v>0</v>
      </c>
      <c r="BQ489" s="166">
        <v>0</v>
      </c>
      <c r="BR489" s="166">
        <v>0</v>
      </c>
      <c r="BS489" s="166">
        <v>0</v>
      </c>
      <c r="BT489" s="168">
        <v>0</v>
      </c>
      <c r="BU489" s="166">
        <v>0</v>
      </c>
      <c r="BV489" s="166">
        <v>0</v>
      </c>
      <c r="BW489" s="166">
        <v>0</v>
      </c>
      <c r="BX489" s="166">
        <v>0</v>
      </c>
      <c r="BY489" s="166">
        <v>0</v>
      </c>
      <c r="BZ489" s="166">
        <v>0</v>
      </c>
      <c r="CA489" s="166">
        <v>0</v>
      </c>
      <c r="CB489" s="166">
        <v>0</v>
      </c>
      <c r="CC489" s="166">
        <v>0</v>
      </c>
      <c r="CD489" s="166">
        <v>0</v>
      </c>
      <c r="CE489" s="166">
        <v>0</v>
      </c>
      <c r="CF489" s="166">
        <v>0</v>
      </c>
      <c r="CG489" s="166">
        <v>0</v>
      </c>
      <c r="CH489" s="166">
        <v>0</v>
      </c>
      <c r="CI489" s="166">
        <v>0</v>
      </c>
      <c r="CJ489" s="166">
        <v>0</v>
      </c>
      <c r="CK489" s="166">
        <v>0</v>
      </c>
      <c r="CL489" s="166">
        <v>0</v>
      </c>
      <c r="CM489" s="166">
        <v>0</v>
      </c>
      <c r="CN489" s="166">
        <v>0</v>
      </c>
      <c r="CO489" s="166">
        <v>0</v>
      </c>
      <c r="CP489" s="166">
        <v>0</v>
      </c>
      <c r="CQ489" s="166">
        <v>0</v>
      </c>
      <c r="CR489" s="166">
        <v>0</v>
      </c>
      <c r="CS489" s="166">
        <v>0</v>
      </c>
      <c r="CT489" s="166">
        <v>0</v>
      </c>
      <c r="CU489" s="166">
        <v>0</v>
      </c>
      <c r="CV489" s="166">
        <v>0</v>
      </c>
      <c r="CW489" s="166">
        <v>0</v>
      </c>
      <c r="CX489" s="166">
        <v>0</v>
      </c>
      <c r="CY489" s="166">
        <v>0</v>
      </c>
      <c r="CZ489" s="166">
        <v>0</v>
      </c>
    </row>
    <row r="490" spans="1:104" x14ac:dyDescent="0.2">
      <c r="A490" s="167" t="s">
        <v>579</v>
      </c>
      <c r="B490" s="166">
        <v>169761.2</v>
      </c>
      <c r="C490" s="166">
        <v>169761.2</v>
      </c>
      <c r="D490" s="166">
        <v>0</v>
      </c>
      <c r="E490" s="166">
        <v>0</v>
      </c>
      <c r="F490" s="166">
        <v>0</v>
      </c>
      <c r="G490" s="166">
        <v>0</v>
      </c>
      <c r="H490" s="166">
        <v>0</v>
      </c>
      <c r="I490" s="166">
        <v>0</v>
      </c>
      <c r="J490" s="166">
        <v>0</v>
      </c>
      <c r="K490" s="166">
        <v>0</v>
      </c>
      <c r="L490" s="166">
        <v>0</v>
      </c>
      <c r="M490" s="166">
        <v>0</v>
      </c>
      <c r="N490" s="166">
        <v>0</v>
      </c>
      <c r="O490" s="166">
        <v>0</v>
      </c>
      <c r="P490" s="166">
        <v>0</v>
      </c>
      <c r="Q490" s="166">
        <v>0</v>
      </c>
      <c r="R490" s="166">
        <v>0</v>
      </c>
      <c r="S490" s="166">
        <v>0</v>
      </c>
      <c r="T490" s="166">
        <v>0</v>
      </c>
      <c r="U490" s="166">
        <v>0</v>
      </c>
      <c r="V490" s="166">
        <v>0</v>
      </c>
      <c r="W490" s="166">
        <v>0</v>
      </c>
      <c r="X490" s="166">
        <v>0</v>
      </c>
      <c r="Y490" s="166">
        <v>0</v>
      </c>
      <c r="Z490" s="166">
        <v>0</v>
      </c>
      <c r="AA490" s="166">
        <v>0</v>
      </c>
      <c r="AB490" s="166">
        <v>0</v>
      </c>
      <c r="AC490" s="166">
        <v>0</v>
      </c>
      <c r="AD490" s="166">
        <v>0</v>
      </c>
      <c r="AE490" s="166">
        <v>0</v>
      </c>
      <c r="AF490" s="166">
        <v>0</v>
      </c>
      <c r="AG490" s="166">
        <v>0</v>
      </c>
      <c r="AH490" s="166">
        <v>0</v>
      </c>
      <c r="AI490" s="166">
        <v>0</v>
      </c>
      <c r="AJ490" s="166">
        <v>0</v>
      </c>
      <c r="AK490" s="166">
        <v>0</v>
      </c>
      <c r="AL490" s="166">
        <v>0</v>
      </c>
      <c r="AM490" s="166">
        <v>0</v>
      </c>
      <c r="AN490" s="166">
        <v>0</v>
      </c>
      <c r="AO490" s="166">
        <v>0</v>
      </c>
      <c r="AP490" s="166">
        <v>0</v>
      </c>
      <c r="AQ490" s="166">
        <v>0</v>
      </c>
      <c r="AR490" s="166">
        <v>0</v>
      </c>
      <c r="AS490" s="166">
        <v>0</v>
      </c>
      <c r="AT490" s="166">
        <v>0</v>
      </c>
      <c r="AU490" s="166">
        <v>0</v>
      </c>
      <c r="AV490" s="166">
        <v>0</v>
      </c>
      <c r="AW490" s="166">
        <v>0</v>
      </c>
      <c r="AX490" s="166">
        <v>0</v>
      </c>
      <c r="AY490" s="166">
        <v>0</v>
      </c>
      <c r="AZ490" s="166">
        <v>0</v>
      </c>
      <c r="BA490" s="166">
        <v>0</v>
      </c>
      <c r="BB490" s="166">
        <v>0</v>
      </c>
      <c r="BC490" s="166">
        <v>0</v>
      </c>
      <c r="BD490" s="166">
        <v>0</v>
      </c>
      <c r="BE490" s="166">
        <v>0</v>
      </c>
      <c r="BF490" s="166">
        <v>0</v>
      </c>
      <c r="BG490" s="166">
        <v>0</v>
      </c>
      <c r="BH490" s="166">
        <v>0</v>
      </c>
      <c r="BI490" s="166">
        <v>0</v>
      </c>
      <c r="BJ490" s="166">
        <v>0</v>
      </c>
      <c r="BK490" s="166">
        <v>0</v>
      </c>
      <c r="BL490" s="166">
        <v>0</v>
      </c>
      <c r="BM490" s="166">
        <v>0</v>
      </c>
      <c r="BN490" s="166">
        <v>0</v>
      </c>
      <c r="BO490" s="166">
        <v>0</v>
      </c>
      <c r="BP490" s="166">
        <v>0</v>
      </c>
      <c r="BQ490" s="166">
        <v>0</v>
      </c>
      <c r="BR490" s="166">
        <v>169761.2</v>
      </c>
      <c r="BS490" s="166">
        <v>169761.2</v>
      </c>
      <c r="BT490" s="168">
        <v>0</v>
      </c>
      <c r="BU490" s="166">
        <v>0</v>
      </c>
      <c r="BV490" s="166">
        <v>0</v>
      </c>
      <c r="BW490" s="166">
        <v>0</v>
      </c>
      <c r="BX490" s="166">
        <v>0</v>
      </c>
      <c r="BY490" s="166">
        <v>0</v>
      </c>
      <c r="BZ490" s="166">
        <v>0</v>
      </c>
      <c r="CA490" s="166">
        <v>0</v>
      </c>
      <c r="CB490" s="166">
        <v>0</v>
      </c>
      <c r="CC490" s="166">
        <v>0</v>
      </c>
      <c r="CD490" s="166">
        <v>0</v>
      </c>
      <c r="CE490" s="166">
        <v>0</v>
      </c>
      <c r="CF490" s="166">
        <v>0</v>
      </c>
      <c r="CG490" s="166">
        <v>0</v>
      </c>
      <c r="CH490" s="166">
        <v>0</v>
      </c>
      <c r="CI490" s="166">
        <v>0</v>
      </c>
      <c r="CJ490" s="166">
        <v>0</v>
      </c>
      <c r="CK490" s="166">
        <v>0</v>
      </c>
      <c r="CL490" s="166">
        <v>0</v>
      </c>
      <c r="CM490" s="166">
        <v>0</v>
      </c>
      <c r="CN490" s="166">
        <v>0</v>
      </c>
      <c r="CO490" s="166">
        <v>0</v>
      </c>
      <c r="CP490" s="166">
        <v>0</v>
      </c>
      <c r="CQ490" s="166">
        <v>0</v>
      </c>
      <c r="CR490" s="166">
        <v>0</v>
      </c>
      <c r="CS490" s="166">
        <v>0</v>
      </c>
      <c r="CT490" s="166">
        <v>0</v>
      </c>
      <c r="CU490" s="166">
        <v>0</v>
      </c>
      <c r="CV490" s="166">
        <v>0</v>
      </c>
      <c r="CW490" s="166">
        <v>0</v>
      </c>
      <c r="CX490" s="166">
        <v>0</v>
      </c>
      <c r="CY490" s="166">
        <v>0</v>
      </c>
      <c r="CZ490" s="166">
        <v>0</v>
      </c>
    </row>
    <row r="491" spans="1:104" x14ac:dyDescent="0.2">
      <c r="A491" s="167" t="s">
        <v>580</v>
      </c>
      <c r="B491" s="166">
        <v>869468.53</v>
      </c>
      <c r="C491" s="166">
        <v>869468.53</v>
      </c>
      <c r="D491" s="166">
        <v>0</v>
      </c>
      <c r="E491" s="166">
        <v>0</v>
      </c>
      <c r="F491" s="166">
        <v>0</v>
      </c>
      <c r="G491" s="166">
        <v>0</v>
      </c>
      <c r="H491" s="166">
        <v>0</v>
      </c>
      <c r="I491" s="166">
        <v>0</v>
      </c>
      <c r="J491" s="166">
        <v>0</v>
      </c>
      <c r="K491" s="166">
        <v>0</v>
      </c>
      <c r="L491" s="166">
        <v>0</v>
      </c>
      <c r="M491" s="166">
        <v>0</v>
      </c>
      <c r="N491" s="166">
        <v>0</v>
      </c>
      <c r="O491" s="166">
        <v>0</v>
      </c>
      <c r="P491" s="166">
        <v>0</v>
      </c>
      <c r="Q491" s="166">
        <v>0</v>
      </c>
      <c r="R491" s="166">
        <v>0</v>
      </c>
      <c r="S491" s="166">
        <v>0</v>
      </c>
      <c r="T491" s="166">
        <v>0</v>
      </c>
      <c r="U491" s="166">
        <v>0</v>
      </c>
      <c r="V491" s="166">
        <v>0</v>
      </c>
      <c r="W491" s="166">
        <v>0</v>
      </c>
      <c r="X491" s="166">
        <v>0</v>
      </c>
      <c r="Y491" s="166">
        <v>0</v>
      </c>
      <c r="Z491" s="166">
        <v>0</v>
      </c>
      <c r="AA491" s="166">
        <v>0</v>
      </c>
      <c r="AB491" s="166">
        <v>0</v>
      </c>
      <c r="AC491" s="166">
        <v>0</v>
      </c>
      <c r="AD491" s="166">
        <v>0</v>
      </c>
      <c r="AE491" s="166">
        <v>0</v>
      </c>
      <c r="AF491" s="166">
        <v>0</v>
      </c>
      <c r="AG491" s="166">
        <v>0</v>
      </c>
      <c r="AH491" s="166">
        <v>0</v>
      </c>
      <c r="AI491" s="166">
        <v>0</v>
      </c>
      <c r="AJ491" s="166">
        <v>0</v>
      </c>
      <c r="AK491" s="166">
        <v>0</v>
      </c>
      <c r="AL491" s="166">
        <v>0</v>
      </c>
      <c r="AM491" s="166">
        <v>0</v>
      </c>
      <c r="AN491" s="166">
        <v>0</v>
      </c>
      <c r="AO491" s="166">
        <v>0</v>
      </c>
      <c r="AP491" s="166">
        <v>0</v>
      </c>
      <c r="AQ491" s="166">
        <v>0</v>
      </c>
      <c r="AR491" s="166">
        <v>0</v>
      </c>
      <c r="AS491" s="166">
        <v>0</v>
      </c>
      <c r="AT491" s="166">
        <v>0</v>
      </c>
      <c r="AU491" s="166">
        <v>0</v>
      </c>
      <c r="AV491" s="166">
        <v>0</v>
      </c>
      <c r="AW491" s="166">
        <v>0</v>
      </c>
      <c r="AX491" s="166">
        <v>0</v>
      </c>
      <c r="AY491" s="166">
        <v>0</v>
      </c>
      <c r="AZ491" s="166">
        <v>0</v>
      </c>
      <c r="BA491" s="166">
        <v>0</v>
      </c>
      <c r="BB491" s="166">
        <v>0</v>
      </c>
      <c r="BC491" s="166">
        <v>0</v>
      </c>
      <c r="BD491" s="166">
        <v>0</v>
      </c>
      <c r="BE491" s="166">
        <v>0</v>
      </c>
      <c r="BF491" s="166">
        <v>0</v>
      </c>
      <c r="BG491" s="166">
        <v>0</v>
      </c>
      <c r="BH491" s="166">
        <v>0</v>
      </c>
      <c r="BI491" s="166">
        <v>0</v>
      </c>
      <c r="BJ491" s="166">
        <v>0</v>
      </c>
      <c r="BK491" s="166">
        <v>0</v>
      </c>
      <c r="BL491" s="166">
        <v>0</v>
      </c>
      <c r="BM491" s="166">
        <v>0</v>
      </c>
      <c r="BN491" s="166">
        <v>0</v>
      </c>
      <c r="BO491" s="166">
        <v>0</v>
      </c>
      <c r="BP491" s="166">
        <v>0</v>
      </c>
      <c r="BQ491" s="166">
        <v>0</v>
      </c>
      <c r="BR491" s="166">
        <v>869468.53</v>
      </c>
      <c r="BS491" s="166">
        <v>869468.53</v>
      </c>
      <c r="BT491" s="168">
        <v>0</v>
      </c>
      <c r="BU491" s="166">
        <v>0</v>
      </c>
      <c r="BV491" s="166">
        <v>0</v>
      </c>
      <c r="BW491" s="166">
        <v>0</v>
      </c>
      <c r="BX491" s="166">
        <v>0</v>
      </c>
      <c r="BY491" s="166">
        <v>0</v>
      </c>
      <c r="BZ491" s="166">
        <v>0</v>
      </c>
      <c r="CA491" s="166">
        <v>0</v>
      </c>
      <c r="CB491" s="166">
        <v>0</v>
      </c>
      <c r="CC491" s="166">
        <v>0</v>
      </c>
      <c r="CD491" s="166">
        <v>0</v>
      </c>
      <c r="CE491" s="166">
        <v>0</v>
      </c>
      <c r="CF491" s="166">
        <v>0</v>
      </c>
      <c r="CG491" s="166">
        <v>0</v>
      </c>
      <c r="CH491" s="166">
        <v>0</v>
      </c>
      <c r="CI491" s="166">
        <v>0</v>
      </c>
      <c r="CJ491" s="166">
        <v>0</v>
      </c>
      <c r="CK491" s="166">
        <v>0</v>
      </c>
      <c r="CL491" s="166">
        <v>0</v>
      </c>
      <c r="CM491" s="166">
        <v>0</v>
      </c>
      <c r="CN491" s="166">
        <v>0</v>
      </c>
      <c r="CO491" s="166">
        <v>0</v>
      </c>
      <c r="CP491" s="166">
        <v>0</v>
      </c>
      <c r="CQ491" s="166">
        <v>0</v>
      </c>
      <c r="CR491" s="166">
        <v>0</v>
      </c>
      <c r="CS491" s="166">
        <v>0</v>
      </c>
      <c r="CT491" s="166">
        <v>0</v>
      </c>
      <c r="CU491" s="166">
        <v>0</v>
      </c>
      <c r="CV491" s="166">
        <v>0</v>
      </c>
      <c r="CW491" s="166">
        <v>0</v>
      </c>
      <c r="CX491" s="166">
        <v>0</v>
      </c>
      <c r="CY491" s="166">
        <v>0</v>
      </c>
      <c r="CZ491" s="166">
        <v>0</v>
      </c>
    </row>
    <row r="492" spans="1:104" x14ac:dyDescent="0.2">
      <c r="A492" s="167" t="s">
        <v>581</v>
      </c>
      <c r="B492" s="166">
        <v>58747620.520000003</v>
      </c>
      <c r="C492" s="166">
        <v>58747620.520000003</v>
      </c>
      <c r="D492" s="166">
        <v>0</v>
      </c>
      <c r="E492" s="166">
        <v>0</v>
      </c>
      <c r="F492" s="166">
        <v>0</v>
      </c>
      <c r="G492" s="166">
        <v>0</v>
      </c>
      <c r="H492" s="166">
        <v>0</v>
      </c>
      <c r="I492" s="166">
        <v>0</v>
      </c>
      <c r="J492" s="166">
        <v>0</v>
      </c>
      <c r="K492" s="166">
        <v>0</v>
      </c>
      <c r="L492" s="166">
        <v>0</v>
      </c>
      <c r="M492" s="166">
        <v>0</v>
      </c>
      <c r="N492" s="166">
        <v>0</v>
      </c>
      <c r="O492" s="166">
        <v>0</v>
      </c>
      <c r="P492" s="166">
        <v>0</v>
      </c>
      <c r="Q492" s="166">
        <v>0</v>
      </c>
      <c r="R492" s="166">
        <v>0</v>
      </c>
      <c r="S492" s="166">
        <v>0</v>
      </c>
      <c r="T492" s="166">
        <v>0</v>
      </c>
      <c r="U492" s="166">
        <v>0</v>
      </c>
      <c r="V492" s="166">
        <v>0</v>
      </c>
      <c r="W492" s="166">
        <v>0</v>
      </c>
      <c r="X492" s="166">
        <v>0</v>
      </c>
      <c r="Y492" s="166">
        <v>0</v>
      </c>
      <c r="Z492" s="166">
        <v>0</v>
      </c>
      <c r="AA492" s="166">
        <v>0</v>
      </c>
      <c r="AB492" s="166">
        <v>0</v>
      </c>
      <c r="AC492" s="166">
        <v>0</v>
      </c>
      <c r="AD492" s="166">
        <v>0</v>
      </c>
      <c r="AE492" s="166">
        <v>0</v>
      </c>
      <c r="AF492" s="166">
        <v>0</v>
      </c>
      <c r="AG492" s="166">
        <v>0</v>
      </c>
      <c r="AH492" s="166">
        <v>0</v>
      </c>
      <c r="AI492" s="166">
        <v>0</v>
      </c>
      <c r="AJ492" s="166">
        <v>0</v>
      </c>
      <c r="AK492" s="166">
        <v>0</v>
      </c>
      <c r="AL492" s="166">
        <v>0</v>
      </c>
      <c r="AM492" s="166">
        <v>0</v>
      </c>
      <c r="AN492" s="166">
        <v>0</v>
      </c>
      <c r="AO492" s="166">
        <v>0</v>
      </c>
      <c r="AP492" s="166">
        <v>0</v>
      </c>
      <c r="AQ492" s="166">
        <v>0</v>
      </c>
      <c r="AR492" s="166">
        <v>0</v>
      </c>
      <c r="AS492" s="166">
        <v>0</v>
      </c>
      <c r="AT492" s="166">
        <v>0</v>
      </c>
      <c r="AU492" s="166">
        <v>0</v>
      </c>
      <c r="AV492" s="166">
        <v>0</v>
      </c>
      <c r="AW492" s="166">
        <v>0</v>
      </c>
      <c r="AX492" s="166">
        <v>0</v>
      </c>
      <c r="AY492" s="166">
        <v>0</v>
      </c>
      <c r="AZ492" s="166">
        <v>0</v>
      </c>
      <c r="BA492" s="166">
        <v>0</v>
      </c>
      <c r="BB492" s="166">
        <v>0</v>
      </c>
      <c r="BC492" s="166">
        <v>0</v>
      </c>
      <c r="BD492" s="166">
        <v>0</v>
      </c>
      <c r="BE492" s="166">
        <v>0</v>
      </c>
      <c r="BF492" s="166">
        <v>0</v>
      </c>
      <c r="BG492" s="166">
        <v>0</v>
      </c>
      <c r="BH492" s="166">
        <v>0</v>
      </c>
      <c r="BI492" s="166">
        <v>0</v>
      </c>
      <c r="BJ492" s="166">
        <v>0</v>
      </c>
      <c r="BK492" s="166">
        <v>0</v>
      </c>
      <c r="BL492" s="166">
        <v>0</v>
      </c>
      <c r="BM492" s="166">
        <v>0</v>
      </c>
      <c r="BN492" s="166">
        <v>0</v>
      </c>
      <c r="BO492" s="166">
        <v>0</v>
      </c>
      <c r="BP492" s="166">
        <v>0</v>
      </c>
      <c r="BQ492" s="166">
        <v>0</v>
      </c>
      <c r="BR492" s="166">
        <v>58747620.520000003</v>
      </c>
      <c r="BS492" s="166">
        <v>58747620.520000003</v>
      </c>
      <c r="BT492" s="168">
        <v>0</v>
      </c>
      <c r="BU492" s="166">
        <v>0</v>
      </c>
      <c r="BV492" s="166">
        <v>0</v>
      </c>
      <c r="BW492" s="166">
        <v>0</v>
      </c>
      <c r="BX492" s="166">
        <v>0</v>
      </c>
      <c r="BY492" s="166">
        <v>0</v>
      </c>
      <c r="BZ492" s="166">
        <v>0</v>
      </c>
      <c r="CA492" s="166">
        <v>0</v>
      </c>
      <c r="CB492" s="166">
        <v>0</v>
      </c>
      <c r="CC492" s="166">
        <v>0</v>
      </c>
      <c r="CD492" s="166">
        <v>0</v>
      </c>
      <c r="CE492" s="166">
        <v>0</v>
      </c>
      <c r="CF492" s="166">
        <v>0</v>
      </c>
      <c r="CG492" s="166">
        <v>0</v>
      </c>
      <c r="CH492" s="166">
        <v>0</v>
      </c>
      <c r="CI492" s="166">
        <v>0</v>
      </c>
      <c r="CJ492" s="166">
        <v>0</v>
      </c>
      <c r="CK492" s="166">
        <v>0</v>
      </c>
      <c r="CL492" s="166">
        <v>0</v>
      </c>
      <c r="CM492" s="166">
        <v>0</v>
      </c>
      <c r="CN492" s="166">
        <v>0</v>
      </c>
      <c r="CO492" s="166">
        <v>0</v>
      </c>
      <c r="CP492" s="166">
        <v>0</v>
      </c>
      <c r="CQ492" s="166">
        <v>0</v>
      </c>
      <c r="CR492" s="166">
        <v>0</v>
      </c>
      <c r="CS492" s="166">
        <v>0</v>
      </c>
      <c r="CT492" s="166">
        <v>0</v>
      </c>
      <c r="CU492" s="166">
        <v>0</v>
      </c>
      <c r="CV492" s="166">
        <v>0</v>
      </c>
      <c r="CW492" s="166">
        <v>0</v>
      </c>
      <c r="CX492" s="166">
        <v>0</v>
      </c>
      <c r="CY492" s="166">
        <v>0</v>
      </c>
      <c r="CZ492" s="166">
        <v>0</v>
      </c>
    </row>
    <row r="493" spans="1:104" x14ac:dyDescent="0.2">
      <c r="A493" s="167" t="s">
        <v>582</v>
      </c>
      <c r="B493" s="166">
        <v>33606972.839999899</v>
      </c>
      <c r="C493" s="166">
        <v>33606972.839999899</v>
      </c>
      <c r="D493" s="166">
        <v>0</v>
      </c>
      <c r="E493" s="166">
        <v>0</v>
      </c>
      <c r="F493" s="166">
        <v>0</v>
      </c>
      <c r="G493" s="166">
        <v>0</v>
      </c>
      <c r="H493" s="166">
        <v>0</v>
      </c>
      <c r="I493" s="166">
        <v>0</v>
      </c>
      <c r="J493" s="166">
        <v>0</v>
      </c>
      <c r="K493" s="166">
        <v>0</v>
      </c>
      <c r="L493" s="166">
        <v>0</v>
      </c>
      <c r="M493" s="166">
        <v>0</v>
      </c>
      <c r="N493" s="166">
        <v>0</v>
      </c>
      <c r="O493" s="166">
        <v>0</v>
      </c>
      <c r="P493" s="166">
        <v>0</v>
      </c>
      <c r="Q493" s="166">
        <v>0</v>
      </c>
      <c r="R493" s="166">
        <v>0</v>
      </c>
      <c r="S493" s="166">
        <v>0</v>
      </c>
      <c r="T493" s="166">
        <v>0</v>
      </c>
      <c r="U493" s="166">
        <v>0</v>
      </c>
      <c r="V493" s="166">
        <v>0</v>
      </c>
      <c r="W493" s="166">
        <v>0</v>
      </c>
      <c r="X493" s="166">
        <v>0</v>
      </c>
      <c r="Y493" s="166">
        <v>0</v>
      </c>
      <c r="Z493" s="166">
        <v>0</v>
      </c>
      <c r="AA493" s="166">
        <v>0</v>
      </c>
      <c r="AB493" s="166">
        <v>0</v>
      </c>
      <c r="AC493" s="166">
        <v>0</v>
      </c>
      <c r="AD493" s="166">
        <v>0</v>
      </c>
      <c r="AE493" s="166">
        <v>0</v>
      </c>
      <c r="AF493" s="166">
        <v>0</v>
      </c>
      <c r="AG493" s="166">
        <v>0</v>
      </c>
      <c r="AH493" s="166">
        <v>0</v>
      </c>
      <c r="AI493" s="166">
        <v>0</v>
      </c>
      <c r="AJ493" s="166">
        <v>0</v>
      </c>
      <c r="AK493" s="166">
        <v>0</v>
      </c>
      <c r="AL493" s="166">
        <v>0</v>
      </c>
      <c r="AM493" s="166">
        <v>0</v>
      </c>
      <c r="AN493" s="166">
        <v>0</v>
      </c>
      <c r="AO493" s="166">
        <v>0</v>
      </c>
      <c r="AP493" s="166">
        <v>0</v>
      </c>
      <c r="AQ493" s="166">
        <v>0</v>
      </c>
      <c r="AR493" s="166">
        <v>0</v>
      </c>
      <c r="AS493" s="166">
        <v>0</v>
      </c>
      <c r="AT493" s="166">
        <v>0</v>
      </c>
      <c r="AU493" s="166">
        <v>0</v>
      </c>
      <c r="AV493" s="166">
        <v>0</v>
      </c>
      <c r="AW493" s="166">
        <v>0</v>
      </c>
      <c r="AX493" s="166">
        <v>0</v>
      </c>
      <c r="AY493" s="166">
        <v>0</v>
      </c>
      <c r="AZ493" s="166">
        <v>0</v>
      </c>
      <c r="BA493" s="166">
        <v>0</v>
      </c>
      <c r="BB493" s="166">
        <v>0</v>
      </c>
      <c r="BC493" s="166">
        <v>0</v>
      </c>
      <c r="BD493" s="166">
        <v>0</v>
      </c>
      <c r="BE493" s="166">
        <v>0</v>
      </c>
      <c r="BF493" s="166">
        <v>0</v>
      </c>
      <c r="BG493" s="166">
        <v>0</v>
      </c>
      <c r="BH493" s="166">
        <v>0</v>
      </c>
      <c r="BI493" s="166">
        <v>0</v>
      </c>
      <c r="BJ493" s="166">
        <v>0</v>
      </c>
      <c r="BK493" s="166">
        <v>0</v>
      </c>
      <c r="BL493" s="166">
        <v>0</v>
      </c>
      <c r="BM493" s="166">
        <v>0</v>
      </c>
      <c r="BN493" s="166">
        <v>0</v>
      </c>
      <c r="BO493" s="166">
        <v>0</v>
      </c>
      <c r="BP493" s="166">
        <v>0</v>
      </c>
      <c r="BQ493" s="166">
        <v>0</v>
      </c>
      <c r="BR493" s="166">
        <v>33606972.839999899</v>
      </c>
      <c r="BS493" s="166">
        <v>33606972.839999899</v>
      </c>
      <c r="BT493" s="168">
        <v>0</v>
      </c>
      <c r="BU493" s="166">
        <v>0</v>
      </c>
      <c r="BV493" s="166">
        <v>0</v>
      </c>
      <c r="BW493" s="166">
        <v>0</v>
      </c>
      <c r="BX493" s="166">
        <v>0</v>
      </c>
      <c r="BY493" s="166">
        <v>0</v>
      </c>
      <c r="BZ493" s="166">
        <v>0</v>
      </c>
      <c r="CA493" s="166">
        <v>0</v>
      </c>
      <c r="CB493" s="166">
        <v>0</v>
      </c>
      <c r="CC493" s="166">
        <v>0</v>
      </c>
      <c r="CD493" s="166">
        <v>0</v>
      </c>
      <c r="CE493" s="166">
        <v>0</v>
      </c>
      <c r="CF493" s="166">
        <v>0</v>
      </c>
      <c r="CG493" s="166">
        <v>0</v>
      </c>
      <c r="CH493" s="166">
        <v>0</v>
      </c>
      <c r="CI493" s="166">
        <v>0</v>
      </c>
      <c r="CJ493" s="166">
        <v>0</v>
      </c>
      <c r="CK493" s="166">
        <v>0</v>
      </c>
      <c r="CL493" s="166">
        <v>0</v>
      </c>
      <c r="CM493" s="166">
        <v>0</v>
      </c>
      <c r="CN493" s="166">
        <v>0</v>
      </c>
      <c r="CO493" s="166">
        <v>0</v>
      </c>
      <c r="CP493" s="166">
        <v>0</v>
      </c>
      <c r="CQ493" s="166">
        <v>0</v>
      </c>
      <c r="CR493" s="166">
        <v>0</v>
      </c>
      <c r="CS493" s="166">
        <v>0</v>
      </c>
      <c r="CT493" s="166">
        <v>0</v>
      </c>
      <c r="CU493" s="166">
        <v>0</v>
      </c>
      <c r="CV493" s="166">
        <v>0</v>
      </c>
      <c r="CW493" s="166">
        <v>0</v>
      </c>
      <c r="CX493" s="166">
        <v>0</v>
      </c>
      <c r="CY493" s="166">
        <v>0</v>
      </c>
      <c r="CZ493" s="166">
        <v>0</v>
      </c>
    </row>
    <row r="494" spans="1:104" x14ac:dyDescent="0.2">
      <c r="A494" s="167" t="s">
        <v>583</v>
      </c>
      <c r="B494" s="166">
        <v>2889.68</v>
      </c>
      <c r="C494" s="166">
        <v>2889.68</v>
      </c>
      <c r="D494" s="166">
        <v>0</v>
      </c>
      <c r="E494" s="166">
        <v>0</v>
      </c>
      <c r="F494" s="166">
        <v>0</v>
      </c>
      <c r="G494" s="166">
        <v>0</v>
      </c>
      <c r="H494" s="166">
        <v>0</v>
      </c>
      <c r="I494" s="166">
        <v>0</v>
      </c>
      <c r="J494" s="166">
        <v>0</v>
      </c>
      <c r="K494" s="166">
        <v>0</v>
      </c>
      <c r="L494" s="166">
        <v>0</v>
      </c>
      <c r="M494" s="166">
        <v>0</v>
      </c>
      <c r="N494" s="166">
        <v>0</v>
      </c>
      <c r="O494" s="166">
        <v>0</v>
      </c>
      <c r="P494" s="166">
        <v>0</v>
      </c>
      <c r="Q494" s="166">
        <v>0</v>
      </c>
      <c r="R494" s="166">
        <v>0</v>
      </c>
      <c r="S494" s="166">
        <v>0</v>
      </c>
      <c r="T494" s="166">
        <v>0</v>
      </c>
      <c r="U494" s="166">
        <v>0</v>
      </c>
      <c r="V494" s="166">
        <v>0</v>
      </c>
      <c r="W494" s="166">
        <v>0</v>
      </c>
      <c r="X494" s="166">
        <v>0</v>
      </c>
      <c r="Y494" s="166">
        <v>0</v>
      </c>
      <c r="Z494" s="166">
        <v>0</v>
      </c>
      <c r="AA494" s="166">
        <v>0</v>
      </c>
      <c r="AB494" s="166">
        <v>0</v>
      </c>
      <c r="AC494" s="166">
        <v>0</v>
      </c>
      <c r="AD494" s="166">
        <v>0</v>
      </c>
      <c r="AE494" s="166">
        <v>0</v>
      </c>
      <c r="AF494" s="166">
        <v>0</v>
      </c>
      <c r="AG494" s="166">
        <v>0</v>
      </c>
      <c r="AH494" s="166">
        <v>0</v>
      </c>
      <c r="AI494" s="166">
        <v>0</v>
      </c>
      <c r="AJ494" s="166">
        <v>0</v>
      </c>
      <c r="AK494" s="166">
        <v>0</v>
      </c>
      <c r="AL494" s="166">
        <v>0</v>
      </c>
      <c r="AM494" s="166">
        <v>0</v>
      </c>
      <c r="AN494" s="166">
        <v>0</v>
      </c>
      <c r="AO494" s="166">
        <v>0</v>
      </c>
      <c r="AP494" s="166">
        <v>0</v>
      </c>
      <c r="AQ494" s="166">
        <v>0</v>
      </c>
      <c r="AR494" s="166">
        <v>0</v>
      </c>
      <c r="AS494" s="166">
        <v>0</v>
      </c>
      <c r="AT494" s="166">
        <v>0</v>
      </c>
      <c r="AU494" s="166">
        <v>0</v>
      </c>
      <c r="AV494" s="166">
        <v>0</v>
      </c>
      <c r="AW494" s="166">
        <v>0</v>
      </c>
      <c r="AX494" s="166">
        <v>0</v>
      </c>
      <c r="AY494" s="166">
        <v>0</v>
      </c>
      <c r="AZ494" s="166">
        <v>0</v>
      </c>
      <c r="BA494" s="166">
        <v>0</v>
      </c>
      <c r="BB494" s="166">
        <v>0</v>
      </c>
      <c r="BC494" s="166">
        <v>0</v>
      </c>
      <c r="BD494" s="166">
        <v>0</v>
      </c>
      <c r="BE494" s="166">
        <v>0</v>
      </c>
      <c r="BF494" s="166">
        <v>0</v>
      </c>
      <c r="BG494" s="166">
        <v>0</v>
      </c>
      <c r="BH494" s="166">
        <v>0</v>
      </c>
      <c r="BI494" s="166">
        <v>0</v>
      </c>
      <c r="BJ494" s="166">
        <v>0</v>
      </c>
      <c r="BK494" s="166">
        <v>0</v>
      </c>
      <c r="BL494" s="166">
        <v>0</v>
      </c>
      <c r="BM494" s="166">
        <v>0</v>
      </c>
      <c r="BN494" s="166">
        <v>0</v>
      </c>
      <c r="BO494" s="166">
        <v>0</v>
      </c>
      <c r="BP494" s="166">
        <v>0</v>
      </c>
      <c r="BQ494" s="166">
        <v>0</v>
      </c>
      <c r="BR494" s="166">
        <v>2889.68</v>
      </c>
      <c r="BS494" s="166">
        <v>2889.68</v>
      </c>
      <c r="BT494" s="168">
        <v>0</v>
      </c>
      <c r="BU494" s="166">
        <v>0</v>
      </c>
      <c r="BV494" s="166">
        <v>0</v>
      </c>
      <c r="BW494" s="166">
        <v>0</v>
      </c>
      <c r="BX494" s="166">
        <v>0</v>
      </c>
      <c r="BY494" s="166">
        <v>0</v>
      </c>
      <c r="BZ494" s="166">
        <v>0</v>
      </c>
      <c r="CA494" s="166">
        <v>0</v>
      </c>
      <c r="CB494" s="166">
        <v>0</v>
      </c>
      <c r="CC494" s="166">
        <v>0</v>
      </c>
      <c r="CD494" s="166">
        <v>0</v>
      </c>
      <c r="CE494" s="166">
        <v>0</v>
      </c>
      <c r="CF494" s="166">
        <v>0</v>
      </c>
      <c r="CG494" s="166">
        <v>0</v>
      </c>
      <c r="CH494" s="166">
        <v>0</v>
      </c>
      <c r="CI494" s="166">
        <v>0</v>
      </c>
      <c r="CJ494" s="166">
        <v>0</v>
      </c>
      <c r="CK494" s="166">
        <v>0</v>
      </c>
      <c r="CL494" s="166">
        <v>0</v>
      </c>
      <c r="CM494" s="166">
        <v>0</v>
      </c>
      <c r="CN494" s="166">
        <v>0</v>
      </c>
      <c r="CO494" s="166">
        <v>0</v>
      </c>
      <c r="CP494" s="166">
        <v>0</v>
      </c>
      <c r="CQ494" s="166">
        <v>0</v>
      </c>
      <c r="CR494" s="166">
        <v>0</v>
      </c>
      <c r="CS494" s="166">
        <v>0</v>
      </c>
      <c r="CT494" s="166">
        <v>0</v>
      </c>
      <c r="CU494" s="166">
        <v>0</v>
      </c>
      <c r="CV494" s="166">
        <v>0</v>
      </c>
      <c r="CW494" s="166">
        <v>0</v>
      </c>
      <c r="CX494" s="166">
        <v>0</v>
      </c>
      <c r="CY494" s="166">
        <v>0</v>
      </c>
      <c r="CZ494" s="166">
        <v>0</v>
      </c>
    </row>
    <row r="495" spans="1:104" x14ac:dyDescent="0.2">
      <c r="A495" s="177" t="s">
        <v>584</v>
      </c>
      <c r="B495" s="166">
        <v>93396712.769999996</v>
      </c>
      <c r="C495" s="166">
        <v>93396712.769999996</v>
      </c>
      <c r="D495" s="166">
        <v>0</v>
      </c>
      <c r="E495" s="166">
        <v>0</v>
      </c>
      <c r="F495" s="166">
        <v>0</v>
      </c>
      <c r="G495" s="166">
        <v>0</v>
      </c>
      <c r="H495" s="166">
        <v>0</v>
      </c>
      <c r="I495" s="166">
        <v>0</v>
      </c>
      <c r="J495" s="166">
        <v>0</v>
      </c>
      <c r="K495" s="166">
        <v>0</v>
      </c>
      <c r="L495" s="166">
        <v>0</v>
      </c>
      <c r="M495" s="166">
        <v>0</v>
      </c>
      <c r="N495" s="166">
        <v>0</v>
      </c>
      <c r="O495" s="166">
        <v>0</v>
      </c>
      <c r="P495" s="166">
        <v>0</v>
      </c>
      <c r="Q495" s="166">
        <v>0</v>
      </c>
      <c r="R495" s="166">
        <v>0</v>
      </c>
      <c r="S495" s="166">
        <v>0</v>
      </c>
      <c r="T495" s="166">
        <v>0</v>
      </c>
      <c r="U495" s="166">
        <v>0</v>
      </c>
      <c r="V495" s="166">
        <v>0</v>
      </c>
      <c r="W495" s="166">
        <v>0</v>
      </c>
      <c r="X495" s="166">
        <v>0</v>
      </c>
      <c r="Y495" s="166">
        <v>0</v>
      </c>
      <c r="Z495" s="166">
        <v>0</v>
      </c>
      <c r="AA495" s="166">
        <v>0</v>
      </c>
      <c r="AB495" s="166">
        <v>0</v>
      </c>
      <c r="AC495" s="166">
        <v>0</v>
      </c>
      <c r="AD495" s="166">
        <v>0</v>
      </c>
      <c r="AE495" s="166">
        <v>0</v>
      </c>
      <c r="AF495" s="166">
        <v>0</v>
      </c>
      <c r="AG495" s="166">
        <v>0</v>
      </c>
      <c r="AH495" s="166">
        <v>0</v>
      </c>
      <c r="AI495" s="166">
        <v>0</v>
      </c>
      <c r="AJ495" s="166">
        <v>0</v>
      </c>
      <c r="AK495" s="166">
        <v>0</v>
      </c>
      <c r="AL495" s="166">
        <v>0</v>
      </c>
      <c r="AM495" s="166">
        <v>0</v>
      </c>
      <c r="AN495" s="166">
        <v>0</v>
      </c>
      <c r="AO495" s="166">
        <v>0</v>
      </c>
      <c r="AP495" s="166">
        <v>0</v>
      </c>
      <c r="AQ495" s="166">
        <v>0</v>
      </c>
      <c r="AR495" s="166">
        <v>0</v>
      </c>
      <c r="AS495" s="166">
        <v>0</v>
      </c>
      <c r="AT495" s="166">
        <v>0</v>
      </c>
      <c r="AU495" s="166">
        <v>0</v>
      </c>
      <c r="AV495" s="166">
        <v>0</v>
      </c>
      <c r="AW495" s="166">
        <v>0</v>
      </c>
      <c r="AX495" s="166">
        <v>0</v>
      </c>
      <c r="AY495" s="166">
        <v>0</v>
      </c>
      <c r="AZ495" s="166">
        <v>0</v>
      </c>
      <c r="BA495" s="166">
        <v>0</v>
      </c>
      <c r="BB495" s="166">
        <v>0</v>
      </c>
      <c r="BC495" s="166">
        <v>0</v>
      </c>
      <c r="BD495" s="166">
        <v>0</v>
      </c>
      <c r="BE495" s="166">
        <v>0</v>
      </c>
      <c r="BF495" s="166">
        <v>0</v>
      </c>
      <c r="BG495" s="166">
        <v>0</v>
      </c>
      <c r="BH495" s="166">
        <v>0</v>
      </c>
      <c r="BI495" s="166">
        <v>0</v>
      </c>
      <c r="BJ495" s="166">
        <v>0</v>
      </c>
      <c r="BK495" s="166">
        <v>0</v>
      </c>
      <c r="BL495" s="166">
        <v>0</v>
      </c>
      <c r="BM495" s="166">
        <v>0</v>
      </c>
      <c r="BN495" s="166">
        <v>0</v>
      </c>
      <c r="BO495" s="166">
        <v>0</v>
      </c>
      <c r="BP495" s="166">
        <v>0</v>
      </c>
      <c r="BQ495" s="166">
        <v>0</v>
      </c>
      <c r="BR495" s="166">
        <v>93396712.769999996</v>
      </c>
      <c r="BS495" s="166">
        <v>93396712.769999996</v>
      </c>
      <c r="BT495" s="168">
        <v>0</v>
      </c>
      <c r="BU495" s="166">
        <v>0</v>
      </c>
      <c r="BV495" s="166">
        <v>0</v>
      </c>
      <c r="BW495" s="166">
        <v>0</v>
      </c>
      <c r="BX495" s="166">
        <v>0</v>
      </c>
      <c r="BY495" s="166">
        <v>0</v>
      </c>
      <c r="BZ495" s="166">
        <v>0</v>
      </c>
      <c r="CA495" s="166">
        <v>0</v>
      </c>
      <c r="CB495" s="166">
        <v>0</v>
      </c>
      <c r="CC495" s="166">
        <v>0</v>
      </c>
      <c r="CD495" s="166">
        <v>0</v>
      </c>
      <c r="CE495" s="166">
        <v>0</v>
      </c>
      <c r="CF495" s="166">
        <v>0</v>
      </c>
      <c r="CG495" s="166">
        <v>0</v>
      </c>
      <c r="CH495" s="166">
        <v>0</v>
      </c>
      <c r="CI495" s="166">
        <v>0</v>
      </c>
      <c r="CJ495" s="166">
        <v>0</v>
      </c>
      <c r="CK495" s="166">
        <v>0</v>
      </c>
      <c r="CL495" s="166">
        <v>0</v>
      </c>
      <c r="CM495" s="166">
        <v>0</v>
      </c>
      <c r="CN495" s="166">
        <v>0</v>
      </c>
      <c r="CO495" s="166">
        <v>0</v>
      </c>
      <c r="CP495" s="166">
        <v>0</v>
      </c>
      <c r="CQ495" s="166">
        <v>0</v>
      </c>
      <c r="CR495" s="166">
        <v>0</v>
      </c>
      <c r="CS495" s="166">
        <v>0</v>
      </c>
      <c r="CT495" s="166">
        <v>0</v>
      </c>
      <c r="CU495" s="166">
        <v>0</v>
      </c>
      <c r="CV495" s="166">
        <v>0</v>
      </c>
      <c r="CW495" s="166">
        <v>0</v>
      </c>
      <c r="CX495" s="166">
        <v>0</v>
      </c>
      <c r="CY495" s="166">
        <v>0</v>
      </c>
      <c r="CZ495" s="166">
        <v>0</v>
      </c>
    </row>
    <row r="496" spans="1:104" x14ac:dyDescent="0.2">
      <c r="A496" s="167" t="s">
        <v>585</v>
      </c>
      <c r="B496" s="166">
        <v>0</v>
      </c>
      <c r="C496" s="166">
        <v>0</v>
      </c>
      <c r="D496" s="166">
        <v>0</v>
      </c>
      <c r="E496" s="166">
        <v>0</v>
      </c>
      <c r="F496" s="166">
        <v>0</v>
      </c>
      <c r="G496" s="166">
        <v>0</v>
      </c>
      <c r="H496" s="166">
        <v>0</v>
      </c>
      <c r="I496" s="166">
        <v>0</v>
      </c>
      <c r="J496" s="166">
        <v>0</v>
      </c>
      <c r="K496" s="166">
        <v>0</v>
      </c>
      <c r="L496" s="166">
        <v>0</v>
      </c>
      <c r="M496" s="166">
        <v>0</v>
      </c>
      <c r="N496" s="166">
        <v>0</v>
      </c>
      <c r="O496" s="166">
        <v>0</v>
      </c>
      <c r="P496" s="166">
        <v>0</v>
      </c>
      <c r="Q496" s="166">
        <v>0</v>
      </c>
      <c r="R496" s="166">
        <v>0</v>
      </c>
      <c r="S496" s="166">
        <v>0</v>
      </c>
      <c r="T496" s="166">
        <v>0</v>
      </c>
      <c r="U496" s="166">
        <v>0</v>
      </c>
      <c r="V496" s="166">
        <v>0</v>
      </c>
      <c r="W496" s="166">
        <v>0</v>
      </c>
      <c r="X496" s="166">
        <v>0</v>
      </c>
      <c r="Y496" s="166">
        <v>0</v>
      </c>
      <c r="Z496" s="166">
        <v>0</v>
      </c>
      <c r="AA496" s="166">
        <v>0</v>
      </c>
      <c r="AB496" s="166">
        <v>0</v>
      </c>
      <c r="AC496" s="166">
        <v>0</v>
      </c>
      <c r="AD496" s="166">
        <v>0</v>
      </c>
      <c r="AE496" s="166">
        <v>0</v>
      </c>
      <c r="AF496" s="166">
        <v>0</v>
      </c>
      <c r="AG496" s="166">
        <v>0</v>
      </c>
      <c r="AH496" s="166">
        <v>0</v>
      </c>
      <c r="AI496" s="166">
        <v>0</v>
      </c>
      <c r="AJ496" s="166">
        <v>0</v>
      </c>
      <c r="AK496" s="166">
        <v>0</v>
      </c>
      <c r="AL496" s="166">
        <v>0</v>
      </c>
      <c r="AM496" s="166">
        <v>0</v>
      </c>
      <c r="AN496" s="166">
        <v>0</v>
      </c>
      <c r="AO496" s="166">
        <v>0</v>
      </c>
      <c r="AP496" s="166">
        <v>0</v>
      </c>
      <c r="AQ496" s="166">
        <v>0</v>
      </c>
      <c r="AR496" s="166">
        <v>0</v>
      </c>
      <c r="AS496" s="166">
        <v>0</v>
      </c>
      <c r="AT496" s="166">
        <v>0</v>
      </c>
      <c r="AU496" s="166">
        <v>0</v>
      </c>
      <c r="AV496" s="166">
        <v>0</v>
      </c>
      <c r="AW496" s="166">
        <v>0</v>
      </c>
      <c r="AX496" s="166">
        <v>0</v>
      </c>
      <c r="AY496" s="166">
        <v>0</v>
      </c>
      <c r="AZ496" s="166">
        <v>0</v>
      </c>
      <c r="BA496" s="166">
        <v>0</v>
      </c>
      <c r="BB496" s="166">
        <v>0</v>
      </c>
      <c r="BC496" s="166">
        <v>0</v>
      </c>
      <c r="BD496" s="166">
        <v>0</v>
      </c>
      <c r="BE496" s="166">
        <v>0</v>
      </c>
      <c r="BF496" s="166">
        <v>0</v>
      </c>
      <c r="BG496" s="166">
        <v>0</v>
      </c>
      <c r="BH496" s="166">
        <v>0</v>
      </c>
      <c r="BI496" s="166">
        <v>0</v>
      </c>
      <c r="BJ496" s="166">
        <v>0</v>
      </c>
      <c r="BK496" s="166">
        <v>0</v>
      </c>
      <c r="BL496" s="166">
        <v>0</v>
      </c>
      <c r="BM496" s="166">
        <v>0</v>
      </c>
      <c r="BN496" s="166">
        <v>0</v>
      </c>
      <c r="BO496" s="166">
        <v>0</v>
      </c>
      <c r="BP496" s="166">
        <v>0</v>
      </c>
      <c r="BQ496" s="166">
        <v>0</v>
      </c>
      <c r="BR496" s="166">
        <v>0</v>
      </c>
      <c r="BS496" s="166">
        <v>0</v>
      </c>
      <c r="BT496" s="168">
        <v>0</v>
      </c>
      <c r="BU496" s="166">
        <v>0</v>
      </c>
      <c r="BV496" s="166">
        <v>0</v>
      </c>
      <c r="BW496" s="166">
        <v>0</v>
      </c>
      <c r="BX496" s="166">
        <v>0</v>
      </c>
      <c r="BY496" s="166">
        <v>0</v>
      </c>
      <c r="BZ496" s="166">
        <v>0</v>
      </c>
      <c r="CA496" s="166">
        <v>0</v>
      </c>
      <c r="CB496" s="166">
        <v>0</v>
      </c>
      <c r="CC496" s="166">
        <v>0</v>
      </c>
      <c r="CD496" s="166">
        <v>0</v>
      </c>
      <c r="CE496" s="166">
        <v>0</v>
      </c>
      <c r="CF496" s="166">
        <v>0</v>
      </c>
      <c r="CG496" s="166">
        <v>0</v>
      </c>
      <c r="CH496" s="166">
        <v>0</v>
      </c>
      <c r="CI496" s="166">
        <v>0</v>
      </c>
      <c r="CJ496" s="166">
        <v>0</v>
      </c>
      <c r="CK496" s="166">
        <v>0</v>
      </c>
      <c r="CL496" s="166">
        <v>0</v>
      </c>
      <c r="CM496" s="166">
        <v>0</v>
      </c>
      <c r="CN496" s="166">
        <v>0</v>
      </c>
      <c r="CO496" s="166">
        <v>0</v>
      </c>
      <c r="CP496" s="166">
        <v>0</v>
      </c>
      <c r="CQ496" s="166">
        <v>0</v>
      </c>
      <c r="CR496" s="166">
        <v>0</v>
      </c>
      <c r="CS496" s="166">
        <v>0</v>
      </c>
      <c r="CT496" s="166">
        <v>0</v>
      </c>
      <c r="CU496" s="166">
        <v>0</v>
      </c>
      <c r="CV496" s="166">
        <v>0</v>
      </c>
      <c r="CW496" s="166">
        <v>0</v>
      </c>
      <c r="CX496" s="166">
        <v>0</v>
      </c>
      <c r="CY496" s="166">
        <v>0</v>
      </c>
      <c r="CZ496" s="166">
        <v>0</v>
      </c>
    </row>
    <row r="497" spans="1:104" x14ac:dyDescent="0.2">
      <c r="A497" s="177" t="s">
        <v>586</v>
      </c>
      <c r="B497" s="166">
        <v>16128582.84</v>
      </c>
      <c r="C497" s="166">
        <v>16128582.84</v>
      </c>
      <c r="D497" s="166">
        <v>0</v>
      </c>
      <c r="E497" s="166">
        <v>0</v>
      </c>
      <c r="F497" s="166">
        <v>0</v>
      </c>
      <c r="G497" s="166">
        <v>0</v>
      </c>
      <c r="H497" s="166">
        <v>0</v>
      </c>
      <c r="I497" s="166">
        <v>0</v>
      </c>
      <c r="J497" s="166">
        <v>0</v>
      </c>
      <c r="K497" s="166">
        <v>0</v>
      </c>
      <c r="L497" s="166">
        <v>0</v>
      </c>
      <c r="M497" s="166">
        <v>0</v>
      </c>
      <c r="N497" s="166">
        <v>0</v>
      </c>
      <c r="O497" s="166">
        <v>0</v>
      </c>
      <c r="P497" s="166">
        <v>0</v>
      </c>
      <c r="Q497" s="166">
        <v>0</v>
      </c>
      <c r="R497" s="166">
        <v>0</v>
      </c>
      <c r="S497" s="166">
        <v>0</v>
      </c>
      <c r="T497" s="166">
        <v>0</v>
      </c>
      <c r="U497" s="166">
        <v>0</v>
      </c>
      <c r="V497" s="166">
        <v>0</v>
      </c>
      <c r="W497" s="166">
        <v>0</v>
      </c>
      <c r="X497" s="166">
        <v>0</v>
      </c>
      <c r="Y497" s="166">
        <v>0</v>
      </c>
      <c r="Z497" s="166">
        <v>0</v>
      </c>
      <c r="AA497" s="166">
        <v>0</v>
      </c>
      <c r="AB497" s="166">
        <v>0</v>
      </c>
      <c r="AC497" s="166">
        <v>0</v>
      </c>
      <c r="AD497" s="166">
        <v>0</v>
      </c>
      <c r="AE497" s="166">
        <v>0</v>
      </c>
      <c r="AF497" s="166">
        <v>0</v>
      </c>
      <c r="AG497" s="166">
        <v>0</v>
      </c>
      <c r="AH497" s="166">
        <v>0</v>
      </c>
      <c r="AI497" s="166">
        <v>0</v>
      </c>
      <c r="AJ497" s="166">
        <v>0</v>
      </c>
      <c r="AK497" s="166">
        <v>0</v>
      </c>
      <c r="AL497" s="166">
        <v>0</v>
      </c>
      <c r="AM497" s="166">
        <v>0</v>
      </c>
      <c r="AN497" s="166">
        <v>0</v>
      </c>
      <c r="AO497" s="166">
        <v>0</v>
      </c>
      <c r="AP497" s="166">
        <v>0</v>
      </c>
      <c r="AQ497" s="166">
        <v>0</v>
      </c>
      <c r="AR497" s="166">
        <v>0</v>
      </c>
      <c r="AS497" s="166">
        <v>0</v>
      </c>
      <c r="AT497" s="166">
        <v>0</v>
      </c>
      <c r="AU497" s="166">
        <v>0</v>
      </c>
      <c r="AV497" s="166">
        <v>0</v>
      </c>
      <c r="AW497" s="166">
        <v>0</v>
      </c>
      <c r="AX497" s="166">
        <v>0</v>
      </c>
      <c r="AY497" s="166">
        <v>0</v>
      </c>
      <c r="AZ497" s="166">
        <v>0</v>
      </c>
      <c r="BA497" s="166">
        <v>0</v>
      </c>
      <c r="BB497" s="166">
        <v>0</v>
      </c>
      <c r="BC497" s="166">
        <v>0</v>
      </c>
      <c r="BD497" s="166">
        <v>0</v>
      </c>
      <c r="BE497" s="166">
        <v>0</v>
      </c>
      <c r="BF497" s="166">
        <v>0</v>
      </c>
      <c r="BG497" s="166">
        <v>0</v>
      </c>
      <c r="BH497" s="166">
        <v>0</v>
      </c>
      <c r="BI497" s="166">
        <v>0</v>
      </c>
      <c r="BJ497" s="166">
        <v>0</v>
      </c>
      <c r="BK497" s="166">
        <v>0</v>
      </c>
      <c r="BL497" s="166">
        <v>0</v>
      </c>
      <c r="BM497" s="166">
        <v>0</v>
      </c>
      <c r="BN497" s="166">
        <v>0</v>
      </c>
      <c r="BO497" s="166">
        <v>0</v>
      </c>
      <c r="BP497" s="166">
        <v>0</v>
      </c>
      <c r="BQ497" s="166">
        <v>0</v>
      </c>
      <c r="BR497" s="166">
        <v>16128582.84</v>
      </c>
      <c r="BS497" s="166">
        <v>16128582.84</v>
      </c>
      <c r="BT497" s="168">
        <v>0</v>
      </c>
      <c r="BU497" s="166">
        <v>0</v>
      </c>
      <c r="BV497" s="166">
        <v>0</v>
      </c>
      <c r="BW497" s="166">
        <v>0</v>
      </c>
      <c r="BX497" s="166">
        <v>0</v>
      </c>
      <c r="BY497" s="166">
        <v>0</v>
      </c>
      <c r="BZ497" s="166">
        <v>0</v>
      </c>
      <c r="CA497" s="166">
        <v>0</v>
      </c>
      <c r="CB497" s="166">
        <v>0</v>
      </c>
      <c r="CC497" s="166">
        <v>0</v>
      </c>
      <c r="CD497" s="166">
        <v>0</v>
      </c>
      <c r="CE497" s="166">
        <v>0</v>
      </c>
      <c r="CF497" s="166">
        <v>0</v>
      </c>
      <c r="CG497" s="166">
        <v>0</v>
      </c>
      <c r="CH497" s="166">
        <v>0</v>
      </c>
      <c r="CI497" s="166">
        <v>0</v>
      </c>
      <c r="CJ497" s="166">
        <v>0</v>
      </c>
      <c r="CK497" s="166">
        <v>0</v>
      </c>
      <c r="CL497" s="166">
        <v>0</v>
      </c>
      <c r="CM497" s="166">
        <v>0</v>
      </c>
      <c r="CN497" s="166">
        <v>0</v>
      </c>
      <c r="CO497" s="166">
        <v>0</v>
      </c>
      <c r="CP497" s="166">
        <v>0</v>
      </c>
      <c r="CQ497" s="166">
        <v>0</v>
      </c>
      <c r="CR497" s="166">
        <v>0</v>
      </c>
      <c r="CS497" s="166">
        <v>0</v>
      </c>
      <c r="CT497" s="166">
        <v>0</v>
      </c>
      <c r="CU497" s="166">
        <v>0</v>
      </c>
      <c r="CV497" s="166">
        <v>0</v>
      </c>
      <c r="CW497" s="166">
        <v>0</v>
      </c>
      <c r="CX497" s="166">
        <v>0</v>
      </c>
      <c r="CY497" s="166">
        <v>0</v>
      </c>
      <c r="CZ497" s="166">
        <v>0</v>
      </c>
    </row>
    <row r="498" spans="1:104" x14ac:dyDescent="0.2">
      <c r="A498" s="167" t="s">
        <v>587</v>
      </c>
      <c r="B498" s="166">
        <v>0</v>
      </c>
      <c r="C498" s="166">
        <v>0</v>
      </c>
      <c r="D498" s="166">
        <v>0</v>
      </c>
      <c r="E498" s="166">
        <v>0</v>
      </c>
      <c r="F498" s="166">
        <v>0</v>
      </c>
      <c r="G498" s="166">
        <v>0</v>
      </c>
      <c r="H498" s="166">
        <v>0</v>
      </c>
      <c r="I498" s="166">
        <v>0</v>
      </c>
      <c r="J498" s="166">
        <v>0</v>
      </c>
      <c r="K498" s="166">
        <v>0</v>
      </c>
      <c r="L498" s="166">
        <v>0</v>
      </c>
      <c r="M498" s="166">
        <v>0</v>
      </c>
      <c r="N498" s="166">
        <v>0</v>
      </c>
      <c r="O498" s="166">
        <v>0</v>
      </c>
      <c r="P498" s="166">
        <v>0</v>
      </c>
      <c r="Q498" s="166">
        <v>0</v>
      </c>
      <c r="R498" s="166">
        <v>0</v>
      </c>
      <c r="S498" s="166">
        <v>0</v>
      </c>
      <c r="T498" s="166">
        <v>0</v>
      </c>
      <c r="U498" s="166">
        <v>0</v>
      </c>
      <c r="V498" s="166">
        <v>0</v>
      </c>
      <c r="W498" s="166">
        <v>0</v>
      </c>
      <c r="X498" s="166">
        <v>0</v>
      </c>
      <c r="Y498" s="166">
        <v>0</v>
      </c>
      <c r="Z498" s="166">
        <v>0</v>
      </c>
      <c r="AA498" s="166">
        <v>0</v>
      </c>
      <c r="AB498" s="166">
        <v>0</v>
      </c>
      <c r="AC498" s="166">
        <v>0</v>
      </c>
      <c r="AD498" s="166">
        <v>0</v>
      </c>
      <c r="AE498" s="166">
        <v>0</v>
      </c>
      <c r="AF498" s="166">
        <v>0</v>
      </c>
      <c r="AG498" s="166">
        <v>0</v>
      </c>
      <c r="AH498" s="166">
        <v>0</v>
      </c>
      <c r="AI498" s="166">
        <v>0</v>
      </c>
      <c r="AJ498" s="166">
        <v>0</v>
      </c>
      <c r="AK498" s="166">
        <v>0</v>
      </c>
      <c r="AL498" s="166">
        <v>0</v>
      </c>
      <c r="AM498" s="166">
        <v>0</v>
      </c>
      <c r="AN498" s="166">
        <v>0</v>
      </c>
      <c r="AO498" s="166">
        <v>0</v>
      </c>
      <c r="AP498" s="166">
        <v>0</v>
      </c>
      <c r="AQ498" s="166">
        <v>0</v>
      </c>
      <c r="AR498" s="166">
        <v>0</v>
      </c>
      <c r="AS498" s="166">
        <v>0</v>
      </c>
      <c r="AT498" s="166">
        <v>0</v>
      </c>
      <c r="AU498" s="166">
        <v>0</v>
      </c>
      <c r="AV498" s="166">
        <v>0</v>
      </c>
      <c r="AW498" s="166">
        <v>0</v>
      </c>
      <c r="AX498" s="166">
        <v>0</v>
      </c>
      <c r="AY498" s="166">
        <v>0</v>
      </c>
      <c r="AZ498" s="166">
        <v>0</v>
      </c>
      <c r="BA498" s="166">
        <v>0</v>
      </c>
      <c r="BB498" s="166">
        <v>0</v>
      </c>
      <c r="BC498" s="166">
        <v>0</v>
      </c>
      <c r="BD498" s="166">
        <v>0</v>
      </c>
      <c r="BE498" s="166">
        <v>0</v>
      </c>
      <c r="BF498" s="166">
        <v>0</v>
      </c>
      <c r="BG498" s="166">
        <v>0</v>
      </c>
      <c r="BH498" s="166">
        <v>0</v>
      </c>
      <c r="BI498" s="166">
        <v>0</v>
      </c>
      <c r="BJ498" s="166">
        <v>0</v>
      </c>
      <c r="BK498" s="166">
        <v>0</v>
      </c>
      <c r="BL498" s="166">
        <v>0</v>
      </c>
      <c r="BM498" s="166">
        <v>0</v>
      </c>
      <c r="BN498" s="166">
        <v>0</v>
      </c>
      <c r="BO498" s="166">
        <v>0</v>
      </c>
      <c r="BP498" s="166">
        <v>0</v>
      </c>
      <c r="BQ498" s="166">
        <v>0</v>
      </c>
      <c r="BR498" s="166">
        <v>0</v>
      </c>
      <c r="BS498" s="166">
        <v>0</v>
      </c>
      <c r="BT498" s="168">
        <v>0</v>
      </c>
      <c r="BU498" s="166">
        <v>0</v>
      </c>
      <c r="BV498" s="166">
        <v>0</v>
      </c>
      <c r="BW498" s="166">
        <v>0</v>
      </c>
      <c r="BX498" s="166">
        <v>0</v>
      </c>
      <c r="BY498" s="166">
        <v>0</v>
      </c>
      <c r="BZ498" s="166">
        <v>0</v>
      </c>
      <c r="CA498" s="166">
        <v>0</v>
      </c>
      <c r="CB498" s="166">
        <v>0</v>
      </c>
      <c r="CC498" s="166">
        <v>0</v>
      </c>
      <c r="CD498" s="166">
        <v>0</v>
      </c>
      <c r="CE498" s="166">
        <v>0</v>
      </c>
      <c r="CF498" s="166">
        <v>0</v>
      </c>
      <c r="CG498" s="166">
        <v>0</v>
      </c>
      <c r="CH498" s="166">
        <v>0</v>
      </c>
      <c r="CI498" s="166">
        <v>0</v>
      </c>
      <c r="CJ498" s="166">
        <v>0</v>
      </c>
      <c r="CK498" s="166">
        <v>0</v>
      </c>
      <c r="CL498" s="166">
        <v>0</v>
      </c>
      <c r="CM498" s="166">
        <v>0</v>
      </c>
      <c r="CN498" s="166">
        <v>0</v>
      </c>
      <c r="CO498" s="166">
        <v>0</v>
      </c>
      <c r="CP498" s="166">
        <v>0</v>
      </c>
      <c r="CQ498" s="166">
        <v>0</v>
      </c>
      <c r="CR498" s="166">
        <v>0</v>
      </c>
      <c r="CS498" s="166">
        <v>0</v>
      </c>
      <c r="CT498" s="166">
        <v>0</v>
      </c>
      <c r="CU498" s="166">
        <v>0</v>
      </c>
      <c r="CV498" s="166">
        <v>0</v>
      </c>
      <c r="CW498" s="166">
        <v>0</v>
      </c>
      <c r="CX498" s="166">
        <v>0</v>
      </c>
      <c r="CY498" s="166">
        <v>0</v>
      </c>
      <c r="CZ498" s="166">
        <v>0</v>
      </c>
    </row>
    <row r="499" spans="1:104" x14ac:dyDescent="0.2">
      <c r="A499" s="167" t="s">
        <v>588</v>
      </c>
      <c r="B499" s="166">
        <v>7333978.2099999897</v>
      </c>
      <c r="C499" s="166">
        <v>7333978.2099999897</v>
      </c>
      <c r="D499" s="166">
        <v>0</v>
      </c>
      <c r="E499" s="166">
        <v>0</v>
      </c>
      <c r="F499" s="166">
        <v>0</v>
      </c>
      <c r="G499" s="166">
        <v>0</v>
      </c>
      <c r="H499" s="166">
        <v>0</v>
      </c>
      <c r="I499" s="166">
        <v>0</v>
      </c>
      <c r="J499" s="166">
        <v>0</v>
      </c>
      <c r="K499" s="166">
        <v>0</v>
      </c>
      <c r="L499" s="166">
        <v>0</v>
      </c>
      <c r="M499" s="166">
        <v>0</v>
      </c>
      <c r="N499" s="166">
        <v>0</v>
      </c>
      <c r="O499" s="166">
        <v>0</v>
      </c>
      <c r="P499" s="166">
        <v>0</v>
      </c>
      <c r="Q499" s="166">
        <v>0</v>
      </c>
      <c r="R499" s="166">
        <v>0</v>
      </c>
      <c r="S499" s="166">
        <v>0</v>
      </c>
      <c r="T499" s="166">
        <v>0</v>
      </c>
      <c r="U499" s="166">
        <v>0</v>
      </c>
      <c r="V499" s="166">
        <v>0</v>
      </c>
      <c r="W499" s="166">
        <v>0</v>
      </c>
      <c r="X499" s="166">
        <v>0</v>
      </c>
      <c r="Y499" s="166">
        <v>0</v>
      </c>
      <c r="Z499" s="166">
        <v>0</v>
      </c>
      <c r="AA499" s="166">
        <v>0</v>
      </c>
      <c r="AB499" s="166">
        <v>0</v>
      </c>
      <c r="AC499" s="166">
        <v>0</v>
      </c>
      <c r="AD499" s="166">
        <v>0</v>
      </c>
      <c r="AE499" s="166">
        <v>0</v>
      </c>
      <c r="AF499" s="166">
        <v>0</v>
      </c>
      <c r="AG499" s="166">
        <v>0</v>
      </c>
      <c r="AH499" s="166">
        <v>0</v>
      </c>
      <c r="AI499" s="166">
        <v>0</v>
      </c>
      <c r="AJ499" s="166">
        <v>0</v>
      </c>
      <c r="AK499" s="166">
        <v>0</v>
      </c>
      <c r="AL499" s="166">
        <v>0</v>
      </c>
      <c r="AM499" s="166">
        <v>0</v>
      </c>
      <c r="AN499" s="166">
        <v>0</v>
      </c>
      <c r="AO499" s="166">
        <v>0</v>
      </c>
      <c r="AP499" s="166">
        <v>0</v>
      </c>
      <c r="AQ499" s="166">
        <v>0</v>
      </c>
      <c r="AR499" s="166">
        <v>0</v>
      </c>
      <c r="AS499" s="166">
        <v>0</v>
      </c>
      <c r="AT499" s="166">
        <v>0</v>
      </c>
      <c r="AU499" s="166">
        <v>0</v>
      </c>
      <c r="AV499" s="166">
        <v>0</v>
      </c>
      <c r="AW499" s="166">
        <v>0</v>
      </c>
      <c r="AX499" s="166">
        <v>0</v>
      </c>
      <c r="AY499" s="166">
        <v>0</v>
      </c>
      <c r="AZ499" s="166">
        <v>0</v>
      </c>
      <c r="BA499" s="166">
        <v>0</v>
      </c>
      <c r="BB499" s="166">
        <v>0</v>
      </c>
      <c r="BC499" s="166">
        <v>0</v>
      </c>
      <c r="BD499" s="166">
        <v>0</v>
      </c>
      <c r="BE499" s="166">
        <v>0</v>
      </c>
      <c r="BF499" s="166">
        <v>0</v>
      </c>
      <c r="BG499" s="166">
        <v>0</v>
      </c>
      <c r="BH499" s="166">
        <v>0</v>
      </c>
      <c r="BI499" s="166">
        <v>0</v>
      </c>
      <c r="BJ499" s="166">
        <v>0</v>
      </c>
      <c r="BK499" s="166">
        <v>0</v>
      </c>
      <c r="BL499" s="166">
        <v>0</v>
      </c>
      <c r="BM499" s="166">
        <v>0</v>
      </c>
      <c r="BN499" s="166">
        <v>0</v>
      </c>
      <c r="BO499" s="166">
        <v>0</v>
      </c>
      <c r="BP499" s="166">
        <v>0</v>
      </c>
      <c r="BQ499" s="166">
        <v>0</v>
      </c>
      <c r="BR499" s="166">
        <v>7333978.2099999897</v>
      </c>
      <c r="BS499" s="166">
        <v>7333978.2099999897</v>
      </c>
      <c r="BT499" s="168">
        <v>0</v>
      </c>
      <c r="BU499" s="166">
        <v>0</v>
      </c>
      <c r="BV499" s="166">
        <v>0</v>
      </c>
      <c r="BW499" s="166">
        <v>0</v>
      </c>
      <c r="BX499" s="166">
        <v>0</v>
      </c>
      <c r="BY499" s="166">
        <v>0</v>
      </c>
      <c r="BZ499" s="166">
        <v>0</v>
      </c>
      <c r="CA499" s="166">
        <v>0</v>
      </c>
      <c r="CB499" s="166">
        <v>0</v>
      </c>
      <c r="CC499" s="166">
        <v>0</v>
      </c>
      <c r="CD499" s="166">
        <v>0</v>
      </c>
      <c r="CE499" s="166">
        <v>0</v>
      </c>
      <c r="CF499" s="166">
        <v>0</v>
      </c>
      <c r="CG499" s="166">
        <v>0</v>
      </c>
      <c r="CH499" s="166">
        <v>0</v>
      </c>
      <c r="CI499" s="166">
        <v>0</v>
      </c>
      <c r="CJ499" s="166">
        <v>0</v>
      </c>
      <c r="CK499" s="166">
        <v>0</v>
      </c>
      <c r="CL499" s="166">
        <v>0</v>
      </c>
      <c r="CM499" s="166">
        <v>0</v>
      </c>
      <c r="CN499" s="166">
        <v>0</v>
      </c>
      <c r="CO499" s="166">
        <v>0</v>
      </c>
      <c r="CP499" s="166">
        <v>0</v>
      </c>
      <c r="CQ499" s="166">
        <v>0</v>
      </c>
      <c r="CR499" s="166">
        <v>0</v>
      </c>
      <c r="CS499" s="166">
        <v>0</v>
      </c>
      <c r="CT499" s="166">
        <v>0</v>
      </c>
      <c r="CU499" s="166">
        <v>0</v>
      </c>
      <c r="CV499" s="166">
        <v>0</v>
      </c>
      <c r="CW499" s="166">
        <v>0</v>
      </c>
      <c r="CX499" s="166">
        <v>0</v>
      </c>
      <c r="CY499" s="166">
        <v>0</v>
      </c>
      <c r="CZ499" s="166">
        <v>0</v>
      </c>
    </row>
    <row r="500" spans="1:104" x14ac:dyDescent="0.2">
      <c r="A500" s="167" t="s">
        <v>589</v>
      </c>
      <c r="B500" s="166">
        <v>0</v>
      </c>
      <c r="C500" s="166">
        <v>0</v>
      </c>
      <c r="D500" s="166">
        <v>0</v>
      </c>
      <c r="E500" s="166">
        <v>0</v>
      </c>
      <c r="F500" s="166">
        <v>0</v>
      </c>
      <c r="G500" s="166">
        <v>0</v>
      </c>
      <c r="H500" s="166">
        <v>0</v>
      </c>
      <c r="I500" s="166">
        <v>0</v>
      </c>
      <c r="J500" s="166">
        <v>0</v>
      </c>
      <c r="K500" s="166">
        <v>0</v>
      </c>
      <c r="L500" s="166">
        <v>0</v>
      </c>
      <c r="M500" s="166">
        <v>0</v>
      </c>
      <c r="N500" s="166">
        <v>0</v>
      </c>
      <c r="O500" s="166">
        <v>0</v>
      </c>
      <c r="P500" s="166">
        <v>0</v>
      </c>
      <c r="Q500" s="166">
        <v>0</v>
      </c>
      <c r="R500" s="166">
        <v>0</v>
      </c>
      <c r="S500" s="166">
        <v>0</v>
      </c>
      <c r="T500" s="166">
        <v>0</v>
      </c>
      <c r="U500" s="166">
        <v>0</v>
      </c>
      <c r="V500" s="166">
        <v>0</v>
      </c>
      <c r="W500" s="166">
        <v>0</v>
      </c>
      <c r="X500" s="166">
        <v>0</v>
      </c>
      <c r="Y500" s="166">
        <v>0</v>
      </c>
      <c r="Z500" s="166">
        <v>0</v>
      </c>
      <c r="AA500" s="166">
        <v>0</v>
      </c>
      <c r="AB500" s="166">
        <v>0</v>
      </c>
      <c r="AC500" s="166">
        <v>0</v>
      </c>
      <c r="AD500" s="166">
        <v>0</v>
      </c>
      <c r="AE500" s="166">
        <v>0</v>
      </c>
      <c r="AF500" s="166">
        <v>0</v>
      </c>
      <c r="AG500" s="166">
        <v>0</v>
      </c>
      <c r="AH500" s="166">
        <v>0</v>
      </c>
      <c r="AI500" s="166">
        <v>0</v>
      </c>
      <c r="AJ500" s="166">
        <v>0</v>
      </c>
      <c r="AK500" s="166">
        <v>0</v>
      </c>
      <c r="AL500" s="166">
        <v>0</v>
      </c>
      <c r="AM500" s="166">
        <v>0</v>
      </c>
      <c r="AN500" s="166">
        <v>0</v>
      </c>
      <c r="AO500" s="166">
        <v>0</v>
      </c>
      <c r="AP500" s="166">
        <v>0</v>
      </c>
      <c r="AQ500" s="166">
        <v>0</v>
      </c>
      <c r="AR500" s="166">
        <v>0</v>
      </c>
      <c r="AS500" s="166">
        <v>0</v>
      </c>
      <c r="AT500" s="166">
        <v>0</v>
      </c>
      <c r="AU500" s="166">
        <v>0</v>
      </c>
      <c r="AV500" s="166">
        <v>0</v>
      </c>
      <c r="AW500" s="166">
        <v>0</v>
      </c>
      <c r="AX500" s="166">
        <v>0</v>
      </c>
      <c r="AY500" s="166">
        <v>0</v>
      </c>
      <c r="AZ500" s="166">
        <v>0</v>
      </c>
      <c r="BA500" s="166">
        <v>0</v>
      </c>
      <c r="BB500" s="166">
        <v>0</v>
      </c>
      <c r="BC500" s="166">
        <v>0</v>
      </c>
      <c r="BD500" s="166">
        <v>0</v>
      </c>
      <c r="BE500" s="166">
        <v>0</v>
      </c>
      <c r="BF500" s="166">
        <v>0</v>
      </c>
      <c r="BG500" s="166">
        <v>0</v>
      </c>
      <c r="BH500" s="166">
        <v>0</v>
      </c>
      <c r="BI500" s="166">
        <v>0</v>
      </c>
      <c r="BJ500" s="166">
        <v>0</v>
      </c>
      <c r="BK500" s="166">
        <v>0</v>
      </c>
      <c r="BL500" s="166">
        <v>0</v>
      </c>
      <c r="BM500" s="166">
        <v>0</v>
      </c>
      <c r="BN500" s="166">
        <v>0</v>
      </c>
      <c r="BO500" s="166">
        <v>0</v>
      </c>
      <c r="BP500" s="166">
        <v>0</v>
      </c>
      <c r="BQ500" s="166">
        <v>0</v>
      </c>
      <c r="BR500" s="166">
        <v>0</v>
      </c>
      <c r="BS500" s="166">
        <v>0</v>
      </c>
      <c r="BT500" s="168">
        <v>0</v>
      </c>
      <c r="BU500" s="166">
        <v>0</v>
      </c>
      <c r="BV500" s="166">
        <v>0</v>
      </c>
      <c r="BW500" s="166">
        <v>0</v>
      </c>
      <c r="BX500" s="166">
        <v>0</v>
      </c>
      <c r="BY500" s="166">
        <v>0</v>
      </c>
      <c r="BZ500" s="166">
        <v>0</v>
      </c>
      <c r="CA500" s="166">
        <v>0</v>
      </c>
      <c r="CB500" s="166">
        <v>0</v>
      </c>
      <c r="CC500" s="166">
        <v>0</v>
      </c>
      <c r="CD500" s="166">
        <v>0</v>
      </c>
      <c r="CE500" s="166">
        <v>0</v>
      </c>
      <c r="CF500" s="166">
        <v>0</v>
      </c>
      <c r="CG500" s="166">
        <v>0</v>
      </c>
      <c r="CH500" s="166">
        <v>0</v>
      </c>
      <c r="CI500" s="166">
        <v>0</v>
      </c>
      <c r="CJ500" s="166">
        <v>0</v>
      </c>
      <c r="CK500" s="166">
        <v>0</v>
      </c>
      <c r="CL500" s="166">
        <v>0</v>
      </c>
      <c r="CM500" s="166">
        <v>0</v>
      </c>
      <c r="CN500" s="166">
        <v>0</v>
      </c>
      <c r="CO500" s="166">
        <v>0</v>
      </c>
      <c r="CP500" s="166">
        <v>0</v>
      </c>
      <c r="CQ500" s="166">
        <v>0</v>
      </c>
      <c r="CR500" s="166">
        <v>0</v>
      </c>
      <c r="CS500" s="166">
        <v>0</v>
      </c>
      <c r="CT500" s="166">
        <v>0</v>
      </c>
      <c r="CU500" s="166">
        <v>0</v>
      </c>
      <c r="CV500" s="166">
        <v>0</v>
      </c>
      <c r="CW500" s="166">
        <v>0</v>
      </c>
      <c r="CX500" s="166">
        <v>0</v>
      </c>
      <c r="CY500" s="166">
        <v>0</v>
      </c>
      <c r="CZ500" s="166">
        <v>0</v>
      </c>
    </row>
    <row r="501" spans="1:104" x14ac:dyDescent="0.2">
      <c r="A501" s="177" t="s">
        <v>590</v>
      </c>
      <c r="B501" s="166">
        <v>7333978.2099999897</v>
      </c>
      <c r="C501" s="166">
        <v>7333978.2099999897</v>
      </c>
      <c r="D501" s="166">
        <v>0</v>
      </c>
      <c r="E501" s="166">
        <v>0</v>
      </c>
      <c r="F501" s="166">
        <v>0</v>
      </c>
      <c r="G501" s="166">
        <v>0</v>
      </c>
      <c r="H501" s="166">
        <v>0</v>
      </c>
      <c r="I501" s="166">
        <v>0</v>
      </c>
      <c r="J501" s="166">
        <v>0</v>
      </c>
      <c r="K501" s="166">
        <v>0</v>
      </c>
      <c r="L501" s="166">
        <v>0</v>
      </c>
      <c r="M501" s="166">
        <v>0</v>
      </c>
      <c r="N501" s="166">
        <v>0</v>
      </c>
      <c r="O501" s="166">
        <v>0</v>
      </c>
      <c r="P501" s="166">
        <v>0</v>
      </c>
      <c r="Q501" s="166">
        <v>0</v>
      </c>
      <c r="R501" s="166">
        <v>0</v>
      </c>
      <c r="S501" s="166">
        <v>0</v>
      </c>
      <c r="T501" s="166">
        <v>0</v>
      </c>
      <c r="U501" s="166">
        <v>0</v>
      </c>
      <c r="V501" s="166">
        <v>0</v>
      </c>
      <c r="W501" s="166">
        <v>0</v>
      </c>
      <c r="X501" s="166">
        <v>0</v>
      </c>
      <c r="Y501" s="166">
        <v>0</v>
      </c>
      <c r="Z501" s="166">
        <v>0</v>
      </c>
      <c r="AA501" s="166">
        <v>0</v>
      </c>
      <c r="AB501" s="166">
        <v>0</v>
      </c>
      <c r="AC501" s="166">
        <v>0</v>
      </c>
      <c r="AD501" s="166">
        <v>0</v>
      </c>
      <c r="AE501" s="166">
        <v>0</v>
      </c>
      <c r="AF501" s="166">
        <v>0</v>
      </c>
      <c r="AG501" s="166">
        <v>0</v>
      </c>
      <c r="AH501" s="166">
        <v>0</v>
      </c>
      <c r="AI501" s="166">
        <v>0</v>
      </c>
      <c r="AJ501" s="166">
        <v>0</v>
      </c>
      <c r="AK501" s="166">
        <v>0</v>
      </c>
      <c r="AL501" s="166">
        <v>0</v>
      </c>
      <c r="AM501" s="166">
        <v>0</v>
      </c>
      <c r="AN501" s="166">
        <v>0</v>
      </c>
      <c r="AO501" s="166">
        <v>0</v>
      </c>
      <c r="AP501" s="166">
        <v>0</v>
      </c>
      <c r="AQ501" s="166">
        <v>0</v>
      </c>
      <c r="AR501" s="166">
        <v>0</v>
      </c>
      <c r="AS501" s="166">
        <v>0</v>
      </c>
      <c r="AT501" s="166">
        <v>0</v>
      </c>
      <c r="AU501" s="166">
        <v>0</v>
      </c>
      <c r="AV501" s="166">
        <v>0</v>
      </c>
      <c r="AW501" s="166">
        <v>0</v>
      </c>
      <c r="AX501" s="166">
        <v>0</v>
      </c>
      <c r="AY501" s="166">
        <v>0</v>
      </c>
      <c r="AZ501" s="166">
        <v>0</v>
      </c>
      <c r="BA501" s="166">
        <v>0</v>
      </c>
      <c r="BB501" s="166">
        <v>0</v>
      </c>
      <c r="BC501" s="166">
        <v>0</v>
      </c>
      <c r="BD501" s="166">
        <v>0</v>
      </c>
      <c r="BE501" s="166">
        <v>0</v>
      </c>
      <c r="BF501" s="166">
        <v>0</v>
      </c>
      <c r="BG501" s="166">
        <v>0</v>
      </c>
      <c r="BH501" s="166">
        <v>0</v>
      </c>
      <c r="BI501" s="166">
        <v>0</v>
      </c>
      <c r="BJ501" s="166">
        <v>0</v>
      </c>
      <c r="BK501" s="166">
        <v>0</v>
      </c>
      <c r="BL501" s="166">
        <v>0</v>
      </c>
      <c r="BM501" s="166">
        <v>0</v>
      </c>
      <c r="BN501" s="166">
        <v>0</v>
      </c>
      <c r="BO501" s="166">
        <v>0</v>
      </c>
      <c r="BP501" s="166">
        <v>0</v>
      </c>
      <c r="BQ501" s="166">
        <v>0</v>
      </c>
      <c r="BR501" s="166">
        <v>7333978.2099999897</v>
      </c>
      <c r="BS501" s="166">
        <v>7333978.2099999897</v>
      </c>
      <c r="BT501" s="168">
        <v>0</v>
      </c>
      <c r="BU501" s="166">
        <v>0</v>
      </c>
      <c r="BV501" s="166">
        <v>0</v>
      </c>
      <c r="BW501" s="166">
        <v>0</v>
      </c>
      <c r="BX501" s="166">
        <v>0</v>
      </c>
      <c r="BY501" s="166">
        <v>0</v>
      </c>
      <c r="BZ501" s="166">
        <v>0</v>
      </c>
      <c r="CA501" s="166">
        <v>0</v>
      </c>
      <c r="CB501" s="166">
        <v>0</v>
      </c>
      <c r="CC501" s="166">
        <v>0</v>
      </c>
      <c r="CD501" s="166">
        <v>0</v>
      </c>
      <c r="CE501" s="166">
        <v>0</v>
      </c>
      <c r="CF501" s="166">
        <v>0</v>
      </c>
      <c r="CG501" s="166">
        <v>0</v>
      </c>
      <c r="CH501" s="166">
        <v>0</v>
      </c>
      <c r="CI501" s="166">
        <v>0</v>
      </c>
      <c r="CJ501" s="166">
        <v>0</v>
      </c>
      <c r="CK501" s="166">
        <v>0</v>
      </c>
      <c r="CL501" s="166">
        <v>0</v>
      </c>
      <c r="CM501" s="166">
        <v>0</v>
      </c>
      <c r="CN501" s="166">
        <v>0</v>
      </c>
      <c r="CO501" s="166">
        <v>0</v>
      </c>
      <c r="CP501" s="166">
        <v>0</v>
      </c>
      <c r="CQ501" s="166">
        <v>0</v>
      </c>
      <c r="CR501" s="166">
        <v>0</v>
      </c>
      <c r="CS501" s="166">
        <v>0</v>
      </c>
      <c r="CT501" s="166">
        <v>0</v>
      </c>
      <c r="CU501" s="166">
        <v>0</v>
      </c>
      <c r="CV501" s="166">
        <v>0</v>
      </c>
      <c r="CW501" s="166">
        <v>0</v>
      </c>
      <c r="CX501" s="166">
        <v>0</v>
      </c>
      <c r="CY501" s="166">
        <v>0</v>
      </c>
      <c r="CZ501" s="166">
        <v>0</v>
      </c>
    </row>
    <row r="502" spans="1:104" x14ac:dyDescent="0.2">
      <c r="A502" s="167" t="s">
        <v>591</v>
      </c>
      <c r="B502" s="166">
        <v>0</v>
      </c>
      <c r="C502" s="166">
        <v>0</v>
      </c>
      <c r="D502" s="166">
        <v>0</v>
      </c>
      <c r="E502" s="166">
        <v>0</v>
      </c>
      <c r="F502" s="166">
        <v>0</v>
      </c>
      <c r="G502" s="166">
        <v>0</v>
      </c>
      <c r="H502" s="166">
        <v>0</v>
      </c>
      <c r="I502" s="166">
        <v>0</v>
      </c>
      <c r="J502" s="166">
        <v>0</v>
      </c>
      <c r="K502" s="166">
        <v>0</v>
      </c>
      <c r="L502" s="166">
        <v>0</v>
      </c>
      <c r="M502" s="166">
        <v>0</v>
      </c>
      <c r="N502" s="166">
        <v>0</v>
      </c>
      <c r="O502" s="166">
        <v>0</v>
      </c>
      <c r="P502" s="166">
        <v>0</v>
      </c>
      <c r="Q502" s="166">
        <v>0</v>
      </c>
      <c r="R502" s="166">
        <v>0</v>
      </c>
      <c r="S502" s="166">
        <v>0</v>
      </c>
      <c r="T502" s="166">
        <v>0</v>
      </c>
      <c r="U502" s="166">
        <v>0</v>
      </c>
      <c r="V502" s="166">
        <v>0</v>
      </c>
      <c r="W502" s="166">
        <v>0</v>
      </c>
      <c r="X502" s="166">
        <v>0</v>
      </c>
      <c r="Y502" s="166">
        <v>0</v>
      </c>
      <c r="Z502" s="166">
        <v>0</v>
      </c>
      <c r="AA502" s="166">
        <v>0</v>
      </c>
      <c r="AB502" s="166">
        <v>0</v>
      </c>
      <c r="AC502" s="166">
        <v>0</v>
      </c>
      <c r="AD502" s="166">
        <v>0</v>
      </c>
      <c r="AE502" s="166">
        <v>0</v>
      </c>
      <c r="AF502" s="166">
        <v>0</v>
      </c>
      <c r="AG502" s="166">
        <v>0</v>
      </c>
      <c r="AH502" s="166">
        <v>0</v>
      </c>
      <c r="AI502" s="166">
        <v>0</v>
      </c>
      <c r="AJ502" s="166">
        <v>0</v>
      </c>
      <c r="AK502" s="166">
        <v>0</v>
      </c>
      <c r="AL502" s="166">
        <v>0</v>
      </c>
      <c r="AM502" s="166">
        <v>0</v>
      </c>
      <c r="AN502" s="166">
        <v>0</v>
      </c>
      <c r="AO502" s="166">
        <v>0</v>
      </c>
      <c r="AP502" s="166">
        <v>0</v>
      </c>
      <c r="AQ502" s="166">
        <v>0</v>
      </c>
      <c r="AR502" s="166">
        <v>0</v>
      </c>
      <c r="AS502" s="166">
        <v>0</v>
      </c>
      <c r="AT502" s="166">
        <v>0</v>
      </c>
      <c r="AU502" s="166">
        <v>0</v>
      </c>
      <c r="AV502" s="166">
        <v>0</v>
      </c>
      <c r="AW502" s="166">
        <v>0</v>
      </c>
      <c r="AX502" s="166">
        <v>0</v>
      </c>
      <c r="AY502" s="166">
        <v>0</v>
      </c>
      <c r="AZ502" s="166">
        <v>0</v>
      </c>
      <c r="BA502" s="166">
        <v>0</v>
      </c>
      <c r="BB502" s="166">
        <v>0</v>
      </c>
      <c r="BC502" s="166">
        <v>0</v>
      </c>
      <c r="BD502" s="166">
        <v>0</v>
      </c>
      <c r="BE502" s="166">
        <v>0</v>
      </c>
      <c r="BF502" s="166">
        <v>0</v>
      </c>
      <c r="BG502" s="166">
        <v>0</v>
      </c>
      <c r="BH502" s="166">
        <v>0</v>
      </c>
      <c r="BI502" s="166">
        <v>0</v>
      </c>
      <c r="BJ502" s="166">
        <v>0</v>
      </c>
      <c r="BK502" s="166">
        <v>0</v>
      </c>
      <c r="BL502" s="166">
        <v>0</v>
      </c>
      <c r="BM502" s="166">
        <v>0</v>
      </c>
      <c r="BN502" s="166">
        <v>0</v>
      </c>
      <c r="BO502" s="166">
        <v>0</v>
      </c>
      <c r="BP502" s="166">
        <v>0</v>
      </c>
      <c r="BQ502" s="166">
        <v>0</v>
      </c>
      <c r="BR502" s="166">
        <v>0</v>
      </c>
      <c r="BS502" s="166">
        <v>0</v>
      </c>
      <c r="BT502" s="168">
        <v>0</v>
      </c>
      <c r="BU502" s="166">
        <v>0</v>
      </c>
      <c r="BV502" s="166">
        <v>0</v>
      </c>
      <c r="BW502" s="166">
        <v>0</v>
      </c>
      <c r="BX502" s="166">
        <v>0</v>
      </c>
      <c r="BY502" s="166">
        <v>0</v>
      </c>
      <c r="BZ502" s="166">
        <v>0</v>
      </c>
      <c r="CA502" s="166">
        <v>0</v>
      </c>
      <c r="CB502" s="166">
        <v>0</v>
      </c>
      <c r="CC502" s="166">
        <v>0</v>
      </c>
      <c r="CD502" s="166">
        <v>0</v>
      </c>
      <c r="CE502" s="166">
        <v>0</v>
      </c>
      <c r="CF502" s="166">
        <v>0</v>
      </c>
      <c r="CG502" s="166">
        <v>0</v>
      </c>
      <c r="CH502" s="166">
        <v>0</v>
      </c>
      <c r="CI502" s="166">
        <v>0</v>
      </c>
      <c r="CJ502" s="166">
        <v>0</v>
      </c>
      <c r="CK502" s="166">
        <v>0</v>
      </c>
      <c r="CL502" s="166">
        <v>0</v>
      </c>
      <c r="CM502" s="166">
        <v>0</v>
      </c>
      <c r="CN502" s="166">
        <v>0</v>
      </c>
      <c r="CO502" s="166">
        <v>0</v>
      </c>
      <c r="CP502" s="166">
        <v>0</v>
      </c>
      <c r="CQ502" s="166">
        <v>0</v>
      </c>
      <c r="CR502" s="166">
        <v>0</v>
      </c>
      <c r="CS502" s="166">
        <v>0</v>
      </c>
      <c r="CT502" s="166">
        <v>0</v>
      </c>
      <c r="CU502" s="166">
        <v>0</v>
      </c>
      <c r="CV502" s="166">
        <v>0</v>
      </c>
      <c r="CW502" s="166">
        <v>0</v>
      </c>
      <c r="CX502" s="166">
        <v>0</v>
      </c>
      <c r="CY502" s="166">
        <v>0</v>
      </c>
      <c r="CZ502" s="166">
        <v>0</v>
      </c>
    </row>
    <row r="503" spans="1:104" x14ac:dyDescent="0.2">
      <c r="A503" s="167" t="s">
        <v>592</v>
      </c>
      <c r="B503" s="166">
        <v>0</v>
      </c>
      <c r="C503" s="166">
        <v>0</v>
      </c>
      <c r="D503" s="166">
        <v>0</v>
      </c>
      <c r="E503" s="166">
        <v>0</v>
      </c>
      <c r="F503" s="166">
        <v>0</v>
      </c>
      <c r="G503" s="166">
        <v>0</v>
      </c>
      <c r="H503" s="166">
        <v>0</v>
      </c>
      <c r="I503" s="166">
        <v>0</v>
      </c>
      <c r="J503" s="166">
        <v>0</v>
      </c>
      <c r="K503" s="166">
        <v>0</v>
      </c>
      <c r="L503" s="166">
        <v>0</v>
      </c>
      <c r="M503" s="166">
        <v>0</v>
      </c>
      <c r="N503" s="166">
        <v>0</v>
      </c>
      <c r="O503" s="166">
        <v>0</v>
      </c>
      <c r="P503" s="166">
        <v>0</v>
      </c>
      <c r="Q503" s="166">
        <v>0</v>
      </c>
      <c r="R503" s="166">
        <v>0</v>
      </c>
      <c r="S503" s="166">
        <v>0</v>
      </c>
      <c r="T503" s="166">
        <v>0</v>
      </c>
      <c r="U503" s="166">
        <v>0</v>
      </c>
      <c r="V503" s="166">
        <v>0</v>
      </c>
      <c r="W503" s="166">
        <v>0</v>
      </c>
      <c r="X503" s="166">
        <v>0</v>
      </c>
      <c r="Y503" s="166">
        <v>0</v>
      </c>
      <c r="Z503" s="166">
        <v>0</v>
      </c>
      <c r="AA503" s="166">
        <v>0</v>
      </c>
      <c r="AB503" s="166">
        <v>0</v>
      </c>
      <c r="AC503" s="166">
        <v>0</v>
      </c>
      <c r="AD503" s="166">
        <v>0</v>
      </c>
      <c r="AE503" s="166">
        <v>0</v>
      </c>
      <c r="AF503" s="166">
        <v>0</v>
      </c>
      <c r="AG503" s="166">
        <v>0</v>
      </c>
      <c r="AH503" s="166">
        <v>0</v>
      </c>
      <c r="AI503" s="166">
        <v>0</v>
      </c>
      <c r="AJ503" s="166">
        <v>0</v>
      </c>
      <c r="AK503" s="166">
        <v>0</v>
      </c>
      <c r="AL503" s="166">
        <v>0</v>
      </c>
      <c r="AM503" s="166">
        <v>0</v>
      </c>
      <c r="AN503" s="166">
        <v>0</v>
      </c>
      <c r="AO503" s="166">
        <v>0</v>
      </c>
      <c r="AP503" s="166">
        <v>0</v>
      </c>
      <c r="AQ503" s="166">
        <v>0</v>
      </c>
      <c r="AR503" s="166">
        <v>0</v>
      </c>
      <c r="AS503" s="166">
        <v>0</v>
      </c>
      <c r="AT503" s="166">
        <v>0</v>
      </c>
      <c r="AU503" s="166">
        <v>0</v>
      </c>
      <c r="AV503" s="166">
        <v>0</v>
      </c>
      <c r="AW503" s="166">
        <v>0</v>
      </c>
      <c r="AX503" s="166">
        <v>0</v>
      </c>
      <c r="AY503" s="166">
        <v>0</v>
      </c>
      <c r="AZ503" s="166">
        <v>0</v>
      </c>
      <c r="BA503" s="166">
        <v>0</v>
      </c>
      <c r="BB503" s="166">
        <v>0</v>
      </c>
      <c r="BC503" s="166">
        <v>0</v>
      </c>
      <c r="BD503" s="166">
        <v>0</v>
      </c>
      <c r="BE503" s="166">
        <v>0</v>
      </c>
      <c r="BF503" s="166">
        <v>0</v>
      </c>
      <c r="BG503" s="166">
        <v>0</v>
      </c>
      <c r="BH503" s="166">
        <v>0</v>
      </c>
      <c r="BI503" s="166">
        <v>0</v>
      </c>
      <c r="BJ503" s="166">
        <v>0</v>
      </c>
      <c r="BK503" s="166">
        <v>0</v>
      </c>
      <c r="BL503" s="166">
        <v>0</v>
      </c>
      <c r="BM503" s="166">
        <v>0</v>
      </c>
      <c r="BN503" s="166">
        <v>0</v>
      </c>
      <c r="BO503" s="166">
        <v>0</v>
      </c>
      <c r="BP503" s="166">
        <v>0</v>
      </c>
      <c r="BQ503" s="166">
        <v>0</v>
      </c>
      <c r="BR503" s="166">
        <v>0</v>
      </c>
      <c r="BS503" s="166">
        <v>0</v>
      </c>
      <c r="BT503" s="168">
        <v>0</v>
      </c>
      <c r="BU503" s="166">
        <v>0</v>
      </c>
      <c r="BV503" s="166">
        <v>0</v>
      </c>
      <c r="BW503" s="166">
        <v>0</v>
      </c>
      <c r="BX503" s="166">
        <v>0</v>
      </c>
      <c r="BY503" s="166">
        <v>0</v>
      </c>
      <c r="BZ503" s="166">
        <v>0</v>
      </c>
      <c r="CA503" s="166">
        <v>0</v>
      </c>
      <c r="CB503" s="166">
        <v>0</v>
      </c>
      <c r="CC503" s="166">
        <v>0</v>
      </c>
      <c r="CD503" s="166">
        <v>0</v>
      </c>
      <c r="CE503" s="166">
        <v>0</v>
      </c>
      <c r="CF503" s="166">
        <v>0</v>
      </c>
      <c r="CG503" s="166">
        <v>0</v>
      </c>
      <c r="CH503" s="166">
        <v>0</v>
      </c>
      <c r="CI503" s="166">
        <v>0</v>
      </c>
      <c r="CJ503" s="166">
        <v>0</v>
      </c>
      <c r="CK503" s="166">
        <v>0</v>
      </c>
      <c r="CL503" s="166">
        <v>0</v>
      </c>
      <c r="CM503" s="166">
        <v>0</v>
      </c>
      <c r="CN503" s="166">
        <v>0</v>
      </c>
      <c r="CO503" s="166">
        <v>0</v>
      </c>
      <c r="CP503" s="166">
        <v>0</v>
      </c>
      <c r="CQ503" s="166">
        <v>0</v>
      </c>
      <c r="CR503" s="166">
        <v>0</v>
      </c>
      <c r="CS503" s="166">
        <v>0</v>
      </c>
      <c r="CT503" s="166">
        <v>0</v>
      </c>
      <c r="CU503" s="166">
        <v>0</v>
      </c>
      <c r="CV503" s="166">
        <v>0</v>
      </c>
      <c r="CW503" s="166">
        <v>0</v>
      </c>
      <c r="CX503" s="166">
        <v>0</v>
      </c>
      <c r="CY503" s="166">
        <v>0</v>
      </c>
      <c r="CZ503" s="166">
        <v>0</v>
      </c>
    </row>
    <row r="504" spans="1:104" x14ac:dyDescent="0.2">
      <c r="A504" s="167" t="s">
        <v>593</v>
      </c>
      <c r="B504" s="166">
        <v>0</v>
      </c>
      <c r="C504" s="166">
        <v>0</v>
      </c>
      <c r="D504" s="166">
        <v>0</v>
      </c>
      <c r="E504" s="166">
        <v>0</v>
      </c>
      <c r="F504" s="166">
        <v>0</v>
      </c>
      <c r="G504" s="166">
        <v>0</v>
      </c>
      <c r="H504" s="166">
        <v>0</v>
      </c>
      <c r="I504" s="166">
        <v>0</v>
      </c>
      <c r="J504" s="166">
        <v>0</v>
      </c>
      <c r="K504" s="166">
        <v>0</v>
      </c>
      <c r="L504" s="166">
        <v>0</v>
      </c>
      <c r="M504" s="166">
        <v>0</v>
      </c>
      <c r="N504" s="166">
        <v>0</v>
      </c>
      <c r="O504" s="166">
        <v>0</v>
      </c>
      <c r="P504" s="166">
        <v>0</v>
      </c>
      <c r="Q504" s="166">
        <v>0</v>
      </c>
      <c r="R504" s="166">
        <v>0</v>
      </c>
      <c r="S504" s="166">
        <v>0</v>
      </c>
      <c r="T504" s="166">
        <v>0</v>
      </c>
      <c r="U504" s="166">
        <v>0</v>
      </c>
      <c r="V504" s="166">
        <v>0</v>
      </c>
      <c r="W504" s="166">
        <v>0</v>
      </c>
      <c r="X504" s="166">
        <v>0</v>
      </c>
      <c r="Y504" s="166">
        <v>0</v>
      </c>
      <c r="Z504" s="166">
        <v>0</v>
      </c>
      <c r="AA504" s="166">
        <v>0</v>
      </c>
      <c r="AB504" s="166">
        <v>0</v>
      </c>
      <c r="AC504" s="166">
        <v>0</v>
      </c>
      <c r="AD504" s="166">
        <v>0</v>
      </c>
      <c r="AE504" s="166">
        <v>0</v>
      </c>
      <c r="AF504" s="166">
        <v>0</v>
      </c>
      <c r="AG504" s="166">
        <v>0</v>
      </c>
      <c r="AH504" s="166">
        <v>0</v>
      </c>
      <c r="AI504" s="166">
        <v>0</v>
      </c>
      <c r="AJ504" s="166">
        <v>0</v>
      </c>
      <c r="AK504" s="166">
        <v>0</v>
      </c>
      <c r="AL504" s="166">
        <v>0</v>
      </c>
      <c r="AM504" s="166">
        <v>0</v>
      </c>
      <c r="AN504" s="166">
        <v>0</v>
      </c>
      <c r="AO504" s="166">
        <v>0</v>
      </c>
      <c r="AP504" s="166">
        <v>0</v>
      </c>
      <c r="AQ504" s="166">
        <v>0</v>
      </c>
      <c r="AR504" s="166">
        <v>0</v>
      </c>
      <c r="AS504" s="166">
        <v>0</v>
      </c>
      <c r="AT504" s="166">
        <v>0</v>
      </c>
      <c r="AU504" s="166">
        <v>0</v>
      </c>
      <c r="AV504" s="166">
        <v>0</v>
      </c>
      <c r="AW504" s="166">
        <v>0</v>
      </c>
      <c r="AX504" s="166">
        <v>0</v>
      </c>
      <c r="AY504" s="166">
        <v>0</v>
      </c>
      <c r="AZ504" s="166">
        <v>0</v>
      </c>
      <c r="BA504" s="166">
        <v>0</v>
      </c>
      <c r="BB504" s="166">
        <v>0</v>
      </c>
      <c r="BC504" s="166">
        <v>0</v>
      </c>
      <c r="BD504" s="166">
        <v>0</v>
      </c>
      <c r="BE504" s="166">
        <v>0</v>
      </c>
      <c r="BF504" s="166">
        <v>0</v>
      </c>
      <c r="BG504" s="166">
        <v>0</v>
      </c>
      <c r="BH504" s="166">
        <v>0</v>
      </c>
      <c r="BI504" s="166">
        <v>0</v>
      </c>
      <c r="BJ504" s="166">
        <v>0</v>
      </c>
      <c r="BK504" s="166">
        <v>0</v>
      </c>
      <c r="BL504" s="166">
        <v>0</v>
      </c>
      <c r="BM504" s="166">
        <v>0</v>
      </c>
      <c r="BN504" s="166">
        <v>0</v>
      </c>
      <c r="BO504" s="166">
        <v>0</v>
      </c>
      <c r="BP504" s="166">
        <v>0</v>
      </c>
      <c r="BQ504" s="166">
        <v>0</v>
      </c>
      <c r="BR504" s="166">
        <v>0</v>
      </c>
      <c r="BS504" s="166">
        <v>0</v>
      </c>
      <c r="BT504" s="168">
        <v>0</v>
      </c>
      <c r="BU504" s="166">
        <v>0</v>
      </c>
      <c r="BV504" s="166">
        <v>0</v>
      </c>
      <c r="BW504" s="166">
        <v>0</v>
      </c>
      <c r="BX504" s="166">
        <v>0</v>
      </c>
      <c r="BY504" s="166">
        <v>0</v>
      </c>
      <c r="BZ504" s="166">
        <v>0</v>
      </c>
      <c r="CA504" s="166">
        <v>0</v>
      </c>
      <c r="CB504" s="166">
        <v>0</v>
      </c>
      <c r="CC504" s="166">
        <v>0</v>
      </c>
      <c r="CD504" s="166">
        <v>0</v>
      </c>
      <c r="CE504" s="166">
        <v>0</v>
      </c>
      <c r="CF504" s="166">
        <v>0</v>
      </c>
      <c r="CG504" s="166">
        <v>0</v>
      </c>
      <c r="CH504" s="166">
        <v>0</v>
      </c>
      <c r="CI504" s="166">
        <v>0</v>
      </c>
      <c r="CJ504" s="166">
        <v>0</v>
      </c>
      <c r="CK504" s="166">
        <v>0</v>
      </c>
      <c r="CL504" s="166">
        <v>0</v>
      </c>
      <c r="CM504" s="166">
        <v>0</v>
      </c>
      <c r="CN504" s="166">
        <v>0</v>
      </c>
      <c r="CO504" s="166">
        <v>0</v>
      </c>
      <c r="CP504" s="166">
        <v>0</v>
      </c>
      <c r="CQ504" s="166">
        <v>0</v>
      </c>
      <c r="CR504" s="166">
        <v>0</v>
      </c>
      <c r="CS504" s="166">
        <v>0</v>
      </c>
      <c r="CT504" s="166">
        <v>0</v>
      </c>
      <c r="CU504" s="166">
        <v>0</v>
      </c>
      <c r="CV504" s="166">
        <v>0</v>
      </c>
      <c r="CW504" s="166">
        <v>0</v>
      </c>
      <c r="CX504" s="166">
        <v>0</v>
      </c>
      <c r="CY504" s="166">
        <v>0</v>
      </c>
      <c r="CZ504" s="166">
        <v>0</v>
      </c>
    </row>
    <row r="505" spans="1:104" x14ac:dyDescent="0.2">
      <c r="A505" s="167" t="s">
        <v>594</v>
      </c>
      <c r="B505" s="166">
        <v>0</v>
      </c>
      <c r="C505" s="166">
        <v>0</v>
      </c>
      <c r="D505" s="166">
        <v>0</v>
      </c>
      <c r="E505" s="166">
        <v>0</v>
      </c>
      <c r="F505" s="166">
        <v>0</v>
      </c>
      <c r="G505" s="166">
        <v>0</v>
      </c>
      <c r="H505" s="166">
        <v>0</v>
      </c>
      <c r="I505" s="166">
        <v>0</v>
      </c>
      <c r="J505" s="166">
        <v>0</v>
      </c>
      <c r="K505" s="166">
        <v>0</v>
      </c>
      <c r="L505" s="166">
        <v>0</v>
      </c>
      <c r="M505" s="166">
        <v>0</v>
      </c>
      <c r="N505" s="166">
        <v>0</v>
      </c>
      <c r="O505" s="166">
        <v>0</v>
      </c>
      <c r="P505" s="166">
        <v>0</v>
      </c>
      <c r="Q505" s="166">
        <v>0</v>
      </c>
      <c r="R505" s="166">
        <v>0</v>
      </c>
      <c r="S505" s="166">
        <v>0</v>
      </c>
      <c r="T505" s="166">
        <v>0</v>
      </c>
      <c r="U505" s="166">
        <v>0</v>
      </c>
      <c r="V505" s="166">
        <v>0</v>
      </c>
      <c r="W505" s="166">
        <v>0</v>
      </c>
      <c r="X505" s="166">
        <v>0</v>
      </c>
      <c r="Y505" s="166">
        <v>0</v>
      </c>
      <c r="Z505" s="166">
        <v>0</v>
      </c>
      <c r="AA505" s="166">
        <v>0</v>
      </c>
      <c r="AB505" s="166">
        <v>0</v>
      </c>
      <c r="AC505" s="166">
        <v>0</v>
      </c>
      <c r="AD505" s="166">
        <v>0</v>
      </c>
      <c r="AE505" s="166">
        <v>0</v>
      </c>
      <c r="AF505" s="166">
        <v>0</v>
      </c>
      <c r="AG505" s="166">
        <v>0</v>
      </c>
      <c r="AH505" s="166">
        <v>0</v>
      </c>
      <c r="AI505" s="166">
        <v>0</v>
      </c>
      <c r="AJ505" s="166">
        <v>0</v>
      </c>
      <c r="AK505" s="166">
        <v>0</v>
      </c>
      <c r="AL505" s="166">
        <v>0</v>
      </c>
      <c r="AM505" s="166">
        <v>0</v>
      </c>
      <c r="AN505" s="166">
        <v>0</v>
      </c>
      <c r="AO505" s="166">
        <v>0</v>
      </c>
      <c r="AP505" s="166">
        <v>0</v>
      </c>
      <c r="AQ505" s="166">
        <v>0</v>
      </c>
      <c r="AR505" s="166">
        <v>0</v>
      </c>
      <c r="AS505" s="166">
        <v>0</v>
      </c>
      <c r="AT505" s="166">
        <v>0</v>
      </c>
      <c r="AU505" s="166">
        <v>0</v>
      </c>
      <c r="AV505" s="166">
        <v>0</v>
      </c>
      <c r="AW505" s="166">
        <v>0</v>
      </c>
      <c r="AX505" s="166">
        <v>0</v>
      </c>
      <c r="AY505" s="166">
        <v>0</v>
      </c>
      <c r="AZ505" s="166">
        <v>0</v>
      </c>
      <c r="BA505" s="166">
        <v>0</v>
      </c>
      <c r="BB505" s="166">
        <v>0</v>
      </c>
      <c r="BC505" s="166">
        <v>0</v>
      </c>
      <c r="BD505" s="166">
        <v>0</v>
      </c>
      <c r="BE505" s="166">
        <v>0</v>
      </c>
      <c r="BF505" s="166">
        <v>0</v>
      </c>
      <c r="BG505" s="166">
        <v>0</v>
      </c>
      <c r="BH505" s="166">
        <v>0</v>
      </c>
      <c r="BI505" s="166">
        <v>0</v>
      </c>
      <c r="BJ505" s="166">
        <v>0</v>
      </c>
      <c r="BK505" s="166">
        <v>0</v>
      </c>
      <c r="BL505" s="166">
        <v>0</v>
      </c>
      <c r="BM505" s="166">
        <v>0</v>
      </c>
      <c r="BN505" s="166">
        <v>0</v>
      </c>
      <c r="BO505" s="166">
        <v>0</v>
      </c>
      <c r="BP505" s="166">
        <v>0</v>
      </c>
      <c r="BQ505" s="166">
        <v>0</v>
      </c>
      <c r="BR505" s="166">
        <v>0</v>
      </c>
      <c r="BS505" s="166">
        <v>0</v>
      </c>
      <c r="BT505" s="168">
        <v>0</v>
      </c>
      <c r="BU505" s="166">
        <v>0</v>
      </c>
      <c r="BV505" s="166">
        <v>0</v>
      </c>
      <c r="BW505" s="166">
        <v>0</v>
      </c>
      <c r="BX505" s="166">
        <v>0</v>
      </c>
      <c r="BY505" s="166">
        <v>0</v>
      </c>
      <c r="BZ505" s="166">
        <v>0</v>
      </c>
      <c r="CA505" s="166">
        <v>0</v>
      </c>
      <c r="CB505" s="166">
        <v>0</v>
      </c>
      <c r="CC505" s="166">
        <v>0</v>
      </c>
      <c r="CD505" s="166">
        <v>0</v>
      </c>
      <c r="CE505" s="166">
        <v>0</v>
      </c>
      <c r="CF505" s="166">
        <v>0</v>
      </c>
      <c r="CG505" s="166">
        <v>0</v>
      </c>
      <c r="CH505" s="166">
        <v>0</v>
      </c>
      <c r="CI505" s="166">
        <v>0</v>
      </c>
      <c r="CJ505" s="166">
        <v>0</v>
      </c>
      <c r="CK505" s="166">
        <v>0</v>
      </c>
      <c r="CL505" s="166">
        <v>0</v>
      </c>
      <c r="CM505" s="166">
        <v>0</v>
      </c>
      <c r="CN505" s="166">
        <v>0</v>
      </c>
      <c r="CO505" s="166">
        <v>0</v>
      </c>
      <c r="CP505" s="166">
        <v>0</v>
      </c>
      <c r="CQ505" s="166">
        <v>0</v>
      </c>
      <c r="CR505" s="166">
        <v>0</v>
      </c>
      <c r="CS505" s="166">
        <v>0</v>
      </c>
      <c r="CT505" s="166">
        <v>0</v>
      </c>
      <c r="CU505" s="166">
        <v>0</v>
      </c>
      <c r="CV505" s="166">
        <v>0</v>
      </c>
      <c r="CW505" s="166">
        <v>0</v>
      </c>
      <c r="CX505" s="166">
        <v>0</v>
      </c>
      <c r="CY505" s="166">
        <v>0</v>
      </c>
      <c r="CZ505" s="166">
        <v>0</v>
      </c>
    </row>
    <row r="506" spans="1:104" x14ac:dyDescent="0.2">
      <c r="A506" s="167" t="s">
        <v>595</v>
      </c>
      <c r="B506" s="166">
        <v>20936215.859999999</v>
      </c>
      <c r="C506" s="166">
        <v>20936215.859999999</v>
      </c>
      <c r="D506" s="166">
        <v>0</v>
      </c>
      <c r="E506" s="166">
        <v>0</v>
      </c>
      <c r="F506" s="166">
        <v>0</v>
      </c>
      <c r="G506" s="166">
        <v>0</v>
      </c>
      <c r="H506" s="166">
        <v>0</v>
      </c>
      <c r="I506" s="166">
        <v>0</v>
      </c>
      <c r="J506" s="166">
        <v>0</v>
      </c>
      <c r="K506" s="166">
        <v>0</v>
      </c>
      <c r="L506" s="166">
        <v>0</v>
      </c>
      <c r="M506" s="166">
        <v>0</v>
      </c>
      <c r="N506" s="166">
        <v>0</v>
      </c>
      <c r="O506" s="166">
        <v>0</v>
      </c>
      <c r="P506" s="166">
        <v>0</v>
      </c>
      <c r="Q506" s="166">
        <v>0</v>
      </c>
      <c r="R506" s="166">
        <v>0</v>
      </c>
      <c r="S506" s="166">
        <v>0</v>
      </c>
      <c r="T506" s="166">
        <v>0</v>
      </c>
      <c r="U506" s="166">
        <v>0</v>
      </c>
      <c r="V506" s="166">
        <v>0</v>
      </c>
      <c r="W506" s="166">
        <v>0</v>
      </c>
      <c r="X506" s="166">
        <v>0</v>
      </c>
      <c r="Y506" s="166">
        <v>0</v>
      </c>
      <c r="Z506" s="166">
        <v>0</v>
      </c>
      <c r="AA506" s="166">
        <v>0</v>
      </c>
      <c r="AB506" s="166">
        <v>0</v>
      </c>
      <c r="AC506" s="166">
        <v>0</v>
      </c>
      <c r="AD506" s="166">
        <v>0</v>
      </c>
      <c r="AE506" s="166">
        <v>0</v>
      </c>
      <c r="AF506" s="166">
        <v>0</v>
      </c>
      <c r="AG506" s="166">
        <v>0</v>
      </c>
      <c r="AH506" s="166">
        <v>0</v>
      </c>
      <c r="AI506" s="166">
        <v>0</v>
      </c>
      <c r="AJ506" s="166">
        <v>0</v>
      </c>
      <c r="AK506" s="166">
        <v>0</v>
      </c>
      <c r="AL506" s="166">
        <v>0</v>
      </c>
      <c r="AM506" s="166">
        <v>0</v>
      </c>
      <c r="AN506" s="166">
        <v>0</v>
      </c>
      <c r="AO506" s="166">
        <v>0</v>
      </c>
      <c r="AP506" s="166">
        <v>0</v>
      </c>
      <c r="AQ506" s="166">
        <v>0</v>
      </c>
      <c r="AR506" s="166">
        <v>0</v>
      </c>
      <c r="AS506" s="166">
        <v>0</v>
      </c>
      <c r="AT506" s="166">
        <v>0</v>
      </c>
      <c r="AU506" s="166">
        <v>0</v>
      </c>
      <c r="AV506" s="166">
        <v>0</v>
      </c>
      <c r="AW506" s="166">
        <v>0</v>
      </c>
      <c r="AX506" s="166">
        <v>0</v>
      </c>
      <c r="AY506" s="166">
        <v>0</v>
      </c>
      <c r="AZ506" s="166">
        <v>0</v>
      </c>
      <c r="BA506" s="166">
        <v>0</v>
      </c>
      <c r="BB506" s="166">
        <v>0</v>
      </c>
      <c r="BC506" s="166">
        <v>0</v>
      </c>
      <c r="BD506" s="166">
        <v>0</v>
      </c>
      <c r="BE506" s="166">
        <v>0</v>
      </c>
      <c r="BF506" s="166">
        <v>0</v>
      </c>
      <c r="BG506" s="166">
        <v>0</v>
      </c>
      <c r="BH506" s="166">
        <v>0</v>
      </c>
      <c r="BI506" s="166">
        <v>0</v>
      </c>
      <c r="BJ506" s="166">
        <v>0</v>
      </c>
      <c r="BK506" s="166">
        <v>0</v>
      </c>
      <c r="BL506" s="166">
        <v>0</v>
      </c>
      <c r="BM506" s="166">
        <v>0</v>
      </c>
      <c r="BN506" s="166">
        <v>0</v>
      </c>
      <c r="BO506" s="166">
        <v>0</v>
      </c>
      <c r="BP506" s="166">
        <v>0</v>
      </c>
      <c r="BQ506" s="166">
        <v>0</v>
      </c>
      <c r="BR506" s="166">
        <v>20936215.859999999</v>
      </c>
      <c r="BS506" s="166">
        <v>20936215.859999999</v>
      </c>
      <c r="BT506" s="168">
        <v>0</v>
      </c>
      <c r="BU506" s="166">
        <v>0</v>
      </c>
      <c r="BV506" s="166">
        <v>0</v>
      </c>
      <c r="BW506" s="166">
        <v>0</v>
      </c>
      <c r="BX506" s="166">
        <v>0</v>
      </c>
      <c r="BY506" s="166">
        <v>0</v>
      </c>
      <c r="BZ506" s="166">
        <v>0</v>
      </c>
      <c r="CA506" s="166">
        <v>0</v>
      </c>
      <c r="CB506" s="166">
        <v>0</v>
      </c>
      <c r="CC506" s="166">
        <v>0</v>
      </c>
      <c r="CD506" s="166">
        <v>0</v>
      </c>
      <c r="CE506" s="166">
        <v>0</v>
      </c>
      <c r="CF506" s="166">
        <v>0</v>
      </c>
      <c r="CG506" s="166">
        <v>0</v>
      </c>
      <c r="CH506" s="166">
        <v>0</v>
      </c>
      <c r="CI506" s="166">
        <v>0</v>
      </c>
      <c r="CJ506" s="166">
        <v>0</v>
      </c>
      <c r="CK506" s="166">
        <v>0</v>
      </c>
      <c r="CL506" s="166">
        <v>0</v>
      </c>
      <c r="CM506" s="166">
        <v>0</v>
      </c>
      <c r="CN506" s="166">
        <v>0</v>
      </c>
      <c r="CO506" s="166">
        <v>0</v>
      </c>
      <c r="CP506" s="166">
        <v>0</v>
      </c>
      <c r="CQ506" s="166">
        <v>0</v>
      </c>
      <c r="CR506" s="166">
        <v>0</v>
      </c>
      <c r="CS506" s="166">
        <v>0</v>
      </c>
      <c r="CT506" s="166">
        <v>0</v>
      </c>
      <c r="CU506" s="166">
        <v>0</v>
      </c>
      <c r="CV506" s="166">
        <v>0</v>
      </c>
      <c r="CW506" s="166">
        <v>0</v>
      </c>
      <c r="CX506" s="166">
        <v>0</v>
      </c>
      <c r="CY506" s="166">
        <v>0</v>
      </c>
      <c r="CZ506" s="166">
        <v>0</v>
      </c>
    </row>
    <row r="507" spans="1:104" x14ac:dyDescent="0.2">
      <c r="A507" s="167" t="s">
        <v>596</v>
      </c>
      <c r="B507" s="166">
        <v>189501058.47</v>
      </c>
      <c r="C507" s="166">
        <v>189501058.47</v>
      </c>
      <c r="D507" s="166">
        <v>0</v>
      </c>
      <c r="E507" s="166">
        <v>0</v>
      </c>
      <c r="F507" s="166">
        <v>0</v>
      </c>
      <c r="G507" s="166">
        <v>0</v>
      </c>
      <c r="H507" s="166">
        <v>0</v>
      </c>
      <c r="I507" s="166">
        <v>0</v>
      </c>
      <c r="J507" s="166">
        <v>0</v>
      </c>
      <c r="K507" s="166">
        <v>0</v>
      </c>
      <c r="L507" s="166">
        <v>0</v>
      </c>
      <c r="M507" s="166">
        <v>0</v>
      </c>
      <c r="N507" s="166">
        <v>0</v>
      </c>
      <c r="O507" s="166">
        <v>0</v>
      </c>
      <c r="P507" s="166">
        <v>0</v>
      </c>
      <c r="Q507" s="166">
        <v>0</v>
      </c>
      <c r="R507" s="166">
        <v>0</v>
      </c>
      <c r="S507" s="166">
        <v>0</v>
      </c>
      <c r="T507" s="166">
        <v>0</v>
      </c>
      <c r="U507" s="166">
        <v>0</v>
      </c>
      <c r="V507" s="166">
        <v>0</v>
      </c>
      <c r="W507" s="166">
        <v>0</v>
      </c>
      <c r="X507" s="166">
        <v>0</v>
      </c>
      <c r="Y507" s="166">
        <v>0</v>
      </c>
      <c r="Z507" s="166">
        <v>0</v>
      </c>
      <c r="AA507" s="166">
        <v>0</v>
      </c>
      <c r="AB507" s="166">
        <v>0</v>
      </c>
      <c r="AC507" s="166">
        <v>0</v>
      </c>
      <c r="AD507" s="166">
        <v>0</v>
      </c>
      <c r="AE507" s="166">
        <v>0</v>
      </c>
      <c r="AF507" s="166">
        <v>0</v>
      </c>
      <c r="AG507" s="166">
        <v>0</v>
      </c>
      <c r="AH507" s="166">
        <v>0</v>
      </c>
      <c r="AI507" s="166">
        <v>0</v>
      </c>
      <c r="AJ507" s="166">
        <v>0</v>
      </c>
      <c r="AK507" s="166">
        <v>0</v>
      </c>
      <c r="AL507" s="166">
        <v>0</v>
      </c>
      <c r="AM507" s="166">
        <v>0</v>
      </c>
      <c r="AN507" s="166">
        <v>0</v>
      </c>
      <c r="AO507" s="166">
        <v>0</v>
      </c>
      <c r="AP507" s="166">
        <v>0</v>
      </c>
      <c r="AQ507" s="166">
        <v>0</v>
      </c>
      <c r="AR507" s="166">
        <v>0</v>
      </c>
      <c r="AS507" s="166">
        <v>0</v>
      </c>
      <c r="AT507" s="166">
        <v>0</v>
      </c>
      <c r="AU507" s="166">
        <v>0</v>
      </c>
      <c r="AV507" s="166">
        <v>0</v>
      </c>
      <c r="AW507" s="166">
        <v>0</v>
      </c>
      <c r="AX507" s="166">
        <v>0</v>
      </c>
      <c r="AY507" s="166">
        <v>0</v>
      </c>
      <c r="AZ507" s="166">
        <v>0</v>
      </c>
      <c r="BA507" s="166">
        <v>0</v>
      </c>
      <c r="BB507" s="166">
        <v>0</v>
      </c>
      <c r="BC507" s="166">
        <v>0</v>
      </c>
      <c r="BD507" s="166">
        <v>0</v>
      </c>
      <c r="BE507" s="166">
        <v>0</v>
      </c>
      <c r="BF507" s="166">
        <v>0</v>
      </c>
      <c r="BG507" s="166">
        <v>0</v>
      </c>
      <c r="BH507" s="166">
        <v>0</v>
      </c>
      <c r="BI507" s="166">
        <v>0</v>
      </c>
      <c r="BJ507" s="166">
        <v>0</v>
      </c>
      <c r="BK507" s="166">
        <v>0</v>
      </c>
      <c r="BL507" s="166">
        <v>0</v>
      </c>
      <c r="BM507" s="166">
        <v>0</v>
      </c>
      <c r="BN507" s="166">
        <v>0</v>
      </c>
      <c r="BO507" s="166">
        <v>0</v>
      </c>
      <c r="BP507" s="166">
        <v>0</v>
      </c>
      <c r="BQ507" s="166">
        <v>0</v>
      </c>
      <c r="BR507" s="166">
        <v>189501058.47</v>
      </c>
      <c r="BS507" s="166">
        <v>189501058.47</v>
      </c>
      <c r="BT507" s="168">
        <v>0</v>
      </c>
      <c r="BU507" s="166">
        <v>0</v>
      </c>
      <c r="BV507" s="166">
        <v>0</v>
      </c>
      <c r="BW507" s="166">
        <v>0</v>
      </c>
      <c r="BX507" s="166">
        <v>0</v>
      </c>
      <c r="BY507" s="166">
        <v>0</v>
      </c>
      <c r="BZ507" s="166">
        <v>0</v>
      </c>
      <c r="CA507" s="166">
        <v>0</v>
      </c>
      <c r="CB507" s="166">
        <v>0</v>
      </c>
      <c r="CC507" s="166">
        <v>0</v>
      </c>
      <c r="CD507" s="166">
        <v>0</v>
      </c>
      <c r="CE507" s="166">
        <v>0</v>
      </c>
      <c r="CF507" s="166">
        <v>0</v>
      </c>
      <c r="CG507" s="166">
        <v>0</v>
      </c>
      <c r="CH507" s="166">
        <v>0</v>
      </c>
      <c r="CI507" s="166">
        <v>0</v>
      </c>
      <c r="CJ507" s="166">
        <v>0</v>
      </c>
      <c r="CK507" s="166">
        <v>0</v>
      </c>
      <c r="CL507" s="166">
        <v>0</v>
      </c>
      <c r="CM507" s="166">
        <v>0</v>
      </c>
      <c r="CN507" s="166">
        <v>0</v>
      </c>
      <c r="CO507" s="166">
        <v>0</v>
      </c>
      <c r="CP507" s="166">
        <v>0</v>
      </c>
      <c r="CQ507" s="166">
        <v>0</v>
      </c>
      <c r="CR507" s="166">
        <v>0</v>
      </c>
      <c r="CS507" s="166">
        <v>0</v>
      </c>
      <c r="CT507" s="166">
        <v>0</v>
      </c>
      <c r="CU507" s="166">
        <v>0</v>
      </c>
      <c r="CV507" s="166">
        <v>0</v>
      </c>
      <c r="CW507" s="166">
        <v>0</v>
      </c>
      <c r="CX507" s="166">
        <v>0</v>
      </c>
      <c r="CY507" s="166">
        <v>0</v>
      </c>
      <c r="CZ507" s="166">
        <v>0</v>
      </c>
    </row>
    <row r="508" spans="1:104" x14ac:dyDescent="0.2">
      <c r="A508" s="167" t="s">
        <v>597</v>
      </c>
      <c r="B508" s="166">
        <v>0</v>
      </c>
      <c r="C508" s="166">
        <v>0</v>
      </c>
      <c r="D508" s="166">
        <v>0</v>
      </c>
      <c r="E508" s="166">
        <v>0</v>
      </c>
      <c r="F508" s="166">
        <v>0</v>
      </c>
      <c r="G508" s="166">
        <v>0</v>
      </c>
      <c r="H508" s="166">
        <v>0</v>
      </c>
      <c r="I508" s="166">
        <v>0</v>
      </c>
      <c r="J508" s="166">
        <v>0</v>
      </c>
      <c r="K508" s="166">
        <v>0</v>
      </c>
      <c r="L508" s="166">
        <v>0</v>
      </c>
      <c r="M508" s="166">
        <v>0</v>
      </c>
      <c r="N508" s="166">
        <v>0</v>
      </c>
      <c r="O508" s="166">
        <v>0</v>
      </c>
      <c r="P508" s="166">
        <v>0</v>
      </c>
      <c r="Q508" s="166">
        <v>0</v>
      </c>
      <c r="R508" s="166">
        <v>0</v>
      </c>
      <c r="S508" s="166">
        <v>0</v>
      </c>
      <c r="T508" s="166">
        <v>0</v>
      </c>
      <c r="U508" s="166">
        <v>0</v>
      </c>
      <c r="V508" s="166">
        <v>0</v>
      </c>
      <c r="W508" s="166">
        <v>0</v>
      </c>
      <c r="X508" s="166">
        <v>0</v>
      </c>
      <c r="Y508" s="166">
        <v>0</v>
      </c>
      <c r="Z508" s="166">
        <v>0</v>
      </c>
      <c r="AA508" s="166">
        <v>0</v>
      </c>
      <c r="AB508" s="166">
        <v>0</v>
      </c>
      <c r="AC508" s="166">
        <v>0</v>
      </c>
      <c r="AD508" s="166">
        <v>0</v>
      </c>
      <c r="AE508" s="166">
        <v>0</v>
      </c>
      <c r="AF508" s="166">
        <v>0</v>
      </c>
      <c r="AG508" s="166">
        <v>0</v>
      </c>
      <c r="AH508" s="166">
        <v>0</v>
      </c>
      <c r="AI508" s="166">
        <v>0</v>
      </c>
      <c r="AJ508" s="166">
        <v>0</v>
      </c>
      <c r="AK508" s="166">
        <v>0</v>
      </c>
      <c r="AL508" s="166">
        <v>0</v>
      </c>
      <c r="AM508" s="166">
        <v>0</v>
      </c>
      <c r="AN508" s="166">
        <v>0</v>
      </c>
      <c r="AO508" s="166">
        <v>0</v>
      </c>
      <c r="AP508" s="166">
        <v>0</v>
      </c>
      <c r="AQ508" s="166">
        <v>0</v>
      </c>
      <c r="AR508" s="166">
        <v>0</v>
      </c>
      <c r="AS508" s="166">
        <v>0</v>
      </c>
      <c r="AT508" s="166">
        <v>0</v>
      </c>
      <c r="AU508" s="166">
        <v>0</v>
      </c>
      <c r="AV508" s="166">
        <v>0</v>
      </c>
      <c r="AW508" s="166">
        <v>0</v>
      </c>
      <c r="AX508" s="166">
        <v>0</v>
      </c>
      <c r="AY508" s="166">
        <v>0</v>
      </c>
      <c r="AZ508" s="166">
        <v>0</v>
      </c>
      <c r="BA508" s="166">
        <v>0</v>
      </c>
      <c r="BB508" s="166">
        <v>0</v>
      </c>
      <c r="BC508" s="166">
        <v>0</v>
      </c>
      <c r="BD508" s="166">
        <v>0</v>
      </c>
      <c r="BE508" s="166">
        <v>0</v>
      </c>
      <c r="BF508" s="166">
        <v>0</v>
      </c>
      <c r="BG508" s="166">
        <v>0</v>
      </c>
      <c r="BH508" s="166">
        <v>0</v>
      </c>
      <c r="BI508" s="166">
        <v>0</v>
      </c>
      <c r="BJ508" s="166">
        <v>0</v>
      </c>
      <c r="BK508" s="166">
        <v>0</v>
      </c>
      <c r="BL508" s="166">
        <v>0</v>
      </c>
      <c r="BM508" s="166">
        <v>0</v>
      </c>
      <c r="BN508" s="166">
        <v>0</v>
      </c>
      <c r="BO508" s="166">
        <v>0</v>
      </c>
      <c r="BP508" s="166">
        <v>0</v>
      </c>
      <c r="BQ508" s="166">
        <v>0</v>
      </c>
      <c r="BR508" s="166">
        <v>0</v>
      </c>
      <c r="BS508" s="166">
        <v>0</v>
      </c>
      <c r="BT508" s="168">
        <v>0</v>
      </c>
      <c r="BU508" s="166">
        <v>0</v>
      </c>
      <c r="BV508" s="166">
        <v>0</v>
      </c>
      <c r="BW508" s="166">
        <v>0</v>
      </c>
      <c r="BX508" s="166">
        <v>0</v>
      </c>
      <c r="BY508" s="166">
        <v>0</v>
      </c>
      <c r="BZ508" s="166">
        <v>0</v>
      </c>
      <c r="CA508" s="166">
        <v>0</v>
      </c>
      <c r="CB508" s="166">
        <v>0</v>
      </c>
      <c r="CC508" s="166">
        <v>0</v>
      </c>
      <c r="CD508" s="166">
        <v>0</v>
      </c>
      <c r="CE508" s="166">
        <v>0</v>
      </c>
      <c r="CF508" s="166">
        <v>0</v>
      </c>
      <c r="CG508" s="166">
        <v>0</v>
      </c>
      <c r="CH508" s="166">
        <v>0</v>
      </c>
      <c r="CI508" s="166">
        <v>0</v>
      </c>
      <c r="CJ508" s="166">
        <v>0</v>
      </c>
      <c r="CK508" s="166">
        <v>0</v>
      </c>
      <c r="CL508" s="166">
        <v>0</v>
      </c>
      <c r="CM508" s="166">
        <v>0</v>
      </c>
      <c r="CN508" s="166">
        <v>0</v>
      </c>
      <c r="CO508" s="166">
        <v>0</v>
      </c>
      <c r="CP508" s="166">
        <v>0</v>
      </c>
      <c r="CQ508" s="166">
        <v>0</v>
      </c>
      <c r="CR508" s="166">
        <v>0</v>
      </c>
      <c r="CS508" s="166">
        <v>0</v>
      </c>
      <c r="CT508" s="166">
        <v>0</v>
      </c>
      <c r="CU508" s="166">
        <v>0</v>
      </c>
      <c r="CV508" s="166">
        <v>0</v>
      </c>
      <c r="CW508" s="166">
        <v>0</v>
      </c>
      <c r="CX508" s="166">
        <v>0</v>
      </c>
      <c r="CY508" s="166">
        <v>0</v>
      </c>
      <c r="CZ508" s="166">
        <v>0</v>
      </c>
    </row>
    <row r="509" spans="1:104" x14ac:dyDescent="0.2">
      <c r="A509" s="167" t="s">
        <v>598</v>
      </c>
      <c r="B509" s="166">
        <v>0</v>
      </c>
      <c r="C509" s="166">
        <v>0</v>
      </c>
      <c r="D509" s="166">
        <v>0</v>
      </c>
      <c r="E509" s="166">
        <v>0</v>
      </c>
      <c r="F509" s="166">
        <v>0</v>
      </c>
      <c r="G509" s="166">
        <v>0</v>
      </c>
      <c r="H509" s="166">
        <v>0</v>
      </c>
      <c r="I509" s="166">
        <v>0</v>
      </c>
      <c r="J509" s="166">
        <v>0</v>
      </c>
      <c r="K509" s="166">
        <v>0</v>
      </c>
      <c r="L509" s="166">
        <v>0</v>
      </c>
      <c r="M509" s="166">
        <v>0</v>
      </c>
      <c r="N509" s="166">
        <v>0</v>
      </c>
      <c r="O509" s="166">
        <v>0</v>
      </c>
      <c r="P509" s="166">
        <v>0</v>
      </c>
      <c r="Q509" s="166">
        <v>0</v>
      </c>
      <c r="R509" s="166">
        <v>0</v>
      </c>
      <c r="S509" s="166">
        <v>0</v>
      </c>
      <c r="T509" s="166">
        <v>0</v>
      </c>
      <c r="U509" s="166">
        <v>0</v>
      </c>
      <c r="V509" s="166">
        <v>0</v>
      </c>
      <c r="W509" s="166">
        <v>0</v>
      </c>
      <c r="X509" s="166">
        <v>0</v>
      </c>
      <c r="Y509" s="166">
        <v>0</v>
      </c>
      <c r="Z509" s="166">
        <v>0</v>
      </c>
      <c r="AA509" s="166">
        <v>0</v>
      </c>
      <c r="AB509" s="166">
        <v>0</v>
      </c>
      <c r="AC509" s="166">
        <v>0</v>
      </c>
      <c r="AD509" s="166">
        <v>0</v>
      </c>
      <c r="AE509" s="166">
        <v>0</v>
      </c>
      <c r="AF509" s="166">
        <v>0</v>
      </c>
      <c r="AG509" s="166">
        <v>0</v>
      </c>
      <c r="AH509" s="166">
        <v>0</v>
      </c>
      <c r="AI509" s="166">
        <v>0</v>
      </c>
      <c r="AJ509" s="166">
        <v>0</v>
      </c>
      <c r="AK509" s="166">
        <v>0</v>
      </c>
      <c r="AL509" s="166">
        <v>0</v>
      </c>
      <c r="AM509" s="166">
        <v>0</v>
      </c>
      <c r="AN509" s="166">
        <v>0</v>
      </c>
      <c r="AO509" s="166">
        <v>0</v>
      </c>
      <c r="AP509" s="166">
        <v>0</v>
      </c>
      <c r="AQ509" s="166">
        <v>0</v>
      </c>
      <c r="AR509" s="166">
        <v>0</v>
      </c>
      <c r="AS509" s="166">
        <v>0</v>
      </c>
      <c r="AT509" s="166">
        <v>0</v>
      </c>
      <c r="AU509" s="166">
        <v>0</v>
      </c>
      <c r="AV509" s="166">
        <v>0</v>
      </c>
      <c r="AW509" s="166">
        <v>0</v>
      </c>
      <c r="AX509" s="166">
        <v>0</v>
      </c>
      <c r="AY509" s="166">
        <v>0</v>
      </c>
      <c r="AZ509" s="166">
        <v>0</v>
      </c>
      <c r="BA509" s="166">
        <v>0</v>
      </c>
      <c r="BB509" s="166">
        <v>0</v>
      </c>
      <c r="BC509" s="166">
        <v>0</v>
      </c>
      <c r="BD509" s="166">
        <v>0</v>
      </c>
      <c r="BE509" s="166">
        <v>0</v>
      </c>
      <c r="BF509" s="166">
        <v>0</v>
      </c>
      <c r="BG509" s="166">
        <v>0</v>
      </c>
      <c r="BH509" s="166">
        <v>0</v>
      </c>
      <c r="BI509" s="166">
        <v>0</v>
      </c>
      <c r="BJ509" s="166">
        <v>0</v>
      </c>
      <c r="BK509" s="166">
        <v>0</v>
      </c>
      <c r="BL509" s="166">
        <v>0</v>
      </c>
      <c r="BM509" s="166">
        <v>0</v>
      </c>
      <c r="BN509" s="166">
        <v>0</v>
      </c>
      <c r="BO509" s="166">
        <v>0</v>
      </c>
      <c r="BP509" s="166">
        <v>0</v>
      </c>
      <c r="BQ509" s="166">
        <v>0</v>
      </c>
      <c r="BR509" s="166">
        <v>0</v>
      </c>
      <c r="BS509" s="166">
        <v>0</v>
      </c>
      <c r="BT509" s="168">
        <v>0</v>
      </c>
      <c r="BU509" s="166">
        <v>0</v>
      </c>
      <c r="BV509" s="166">
        <v>0</v>
      </c>
      <c r="BW509" s="166">
        <v>0</v>
      </c>
      <c r="BX509" s="166">
        <v>0</v>
      </c>
      <c r="BY509" s="166">
        <v>0</v>
      </c>
      <c r="BZ509" s="166">
        <v>0</v>
      </c>
      <c r="CA509" s="166">
        <v>0</v>
      </c>
      <c r="CB509" s="166">
        <v>0</v>
      </c>
      <c r="CC509" s="166">
        <v>0</v>
      </c>
      <c r="CD509" s="166">
        <v>0</v>
      </c>
      <c r="CE509" s="166">
        <v>0</v>
      </c>
      <c r="CF509" s="166">
        <v>0</v>
      </c>
      <c r="CG509" s="166">
        <v>0</v>
      </c>
      <c r="CH509" s="166">
        <v>0</v>
      </c>
      <c r="CI509" s="166">
        <v>0</v>
      </c>
      <c r="CJ509" s="166">
        <v>0</v>
      </c>
      <c r="CK509" s="166">
        <v>0</v>
      </c>
      <c r="CL509" s="166">
        <v>0</v>
      </c>
      <c r="CM509" s="166">
        <v>0</v>
      </c>
      <c r="CN509" s="166">
        <v>0</v>
      </c>
      <c r="CO509" s="166">
        <v>0</v>
      </c>
      <c r="CP509" s="166">
        <v>0</v>
      </c>
      <c r="CQ509" s="166">
        <v>0</v>
      </c>
      <c r="CR509" s="166">
        <v>0</v>
      </c>
      <c r="CS509" s="166">
        <v>0</v>
      </c>
      <c r="CT509" s="166">
        <v>0</v>
      </c>
      <c r="CU509" s="166">
        <v>0</v>
      </c>
      <c r="CV509" s="166">
        <v>0</v>
      </c>
      <c r="CW509" s="166">
        <v>0</v>
      </c>
      <c r="CX509" s="166">
        <v>0</v>
      </c>
      <c r="CY509" s="166">
        <v>0</v>
      </c>
      <c r="CZ509" s="166">
        <v>0</v>
      </c>
    </row>
    <row r="510" spans="1:104" x14ac:dyDescent="0.2">
      <c r="A510" s="167" t="s">
        <v>599</v>
      </c>
      <c r="B510" s="166">
        <v>0</v>
      </c>
      <c r="C510" s="166">
        <v>0</v>
      </c>
      <c r="D510" s="166">
        <v>0</v>
      </c>
      <c r="E510" s="166">
        <v>0</v>
      </c>
      <c r="F510" s="166">
        <v>0</v>
      </c>
      <c r="G510" s="166">
        <v>0</v>
      </c>
      <c r="H510" s="166">
        <v>0</v>
      </c>
      <c r="I510" s="166">
        <v>0</v>
      </c>
      <c r="J510" s="166">
        <v>0</v>
      </c>
      <c r="K510" s="166">
        <v>0</v>
      </c>
      <c r="L510" s="166">
        <v>0</v>
      </c>
      <c r="M510" s="166">
        <v>0</v>
      </c>
      <c r="N510" s="166">
        <v>0</v>
      </c>
      <c r="O510" s="166">
        <v>0</v>
      </c>
      <c r="P510" s="166">
        <v>0</v>
      </c>
      <c r="Q510" s="166">
        <v>0</v>
      </c>
      <c r="R510" s="166">
        <v>0</v>
      </c>
      <c r="S510" s="166">
        <v>0</v>
      </c>
      <c r="T510" s="166">
        <v>0</v>
      </c>
      <c r="U510" s="166">
        <v>0</v>
      </c>
      <c r="V510" s="166">
        <v>0</v>
      </c>
      <c r="W510" s="166">
        <v>0</v>
      </c>
      <c r="X510" s="166">
        <v>0</v>
      </c>
      <c r="Y510" s="166">
        <v>0</v>
      </c>
      <c r="Z510" s="166">
        <v>0</v>
      </c>
      <c r="AA510" s="166">
        <v>0</v>
      </c>
      <c r="AB510" s="166">
        <v>0</v>
      </c>
      <c r="AC510" s="166">
        <v>0</v>
      </c>
      <c r="AD510" s="166">
        <v>0</v>
      </c>
      <c r="AE510" s="166">
        <v>0</v>
      </c>
      <c r="AF510" s="166">
        <v>0</v>
      </c>
      <c r="AG510" s="166">
        <v>0</v>
      </c>
      <c r="AH510" s="166">
        <v>0</v>
      </c>
      <c r="AI510" s="166">
        <v>0</v>
      </c>
      <c r="AJ510" s="166">
        <v>0</v>
      </c>
      <c r="AK510" s="166">
        <v>0</v>
      </c>
      <c r="AL510" s="166">
        <v>0</v>
      </c>
      <c r="AM510" s="166">
        <v>0</v>
      </c>
      <c r="AN510" s="166">
        <v>0</v>
      </c>
      <c r="AO510" s="166">
        <v>0</v>
      </c>
      <c r="AP510" s="166">
        <v>0</v>
      </c>
      <c r="AQ510" s="166">
        <v>0</v>
      </c>
      <c r="AR510" s="166">
        <v>0</v>
      </c>
      <c r="AS510" s="166">
        <v>0</v>
      </c>
      <c r="AT510" s="166">
        <v>0</v>
      </c>
      <c r="AU510" s="166">
        <v>0</v>
      </c>
      <c r="AV510" s="166">
        <v>0</v>
      </c>
      <c r="AW510" s="166">
        <v>0</v>
      </c>
      <c r="AX510" s="166">
        <v>0</v>
      </c>
      <c r="AY510" s="166">
        <v>0</v>
      </c>
      <c r="AZ510" s="166">
        <v>0</v>
      </c>
      <c r="BA510" s="166">
        <v>0</v>
      </c>
      <c r="BB510" s="166">
        <v>0</v>
      </c>
      <c r="BC510" s="166">
        <v>0</v>
      </c>
      <c r="BD510" s="166">
        <v>0</v>
      </c>
      <c r="BE510" s="166">
        <v>0</v>
      </c>
      <c r="BF510" s="166">
        <v>0</v>
      </c>
      <c r="BG510" s="166">
        <v>0</v>
      </c>
      <c r="BH510" s="166">
        <v>0</v>
      </c>
      <c r="BI510" s="166">
        <v>0</v>
      </c>
      <c r="BJ510" s="166">
        <v>0</v>
      </c>
      <c r="BK510" s="166">
        <v>0</v>
      </c>
      <c r="BL510" s="166">
        <v>0</v>
      </c>
      <c r="BM510" s="166">
        <v>0</v>
      </c>
      <c r="BN510" s="166">
        <v>0</v>
      </c>
      <c r="BO510" s="166">
        <v>0</v>
      </c>
      <c r="BP510" s="166">
        <v>0</v>
      </c>
      <c r="BQ510" s="166">
        <v>0</v>
      </c>
      <c r="BR510" s="166">
        <v>0</v>
      </c>
      <c r="BS510" s="166">
        <v>0</v>
      </c>
      <c r="BT510" s="168">
        <v>0</v>
      </c>
      <c r="BU510" s="166">
        <v>0</v>
      </c>
      <c r="BV510" s="166">
        <v>0</v>
      </c>
      <c r="BW510" s="166">
        <v>0</v>
      </c>
      <c r="BX510" s="166">
        <v>0</v>
      </c>
      <c r="BY510" s="166">
        <v>0</v>
      </c>
      <c r="BZ510" s="166">
        <v>0</v>
      </c>
      <c r="CA510" s="166">
        <v>0</v>
      </c>
      <c r="CB510" s="166">
        <v>0</v>
      </c>
      <c r="CC510" s="166">
        <v>0</v>
      </c>
      <c r="CD510" s="166">
        <v>0</v>
      </c>
      <c r="CE510" s="166">
        <v>0</v>
      </c>
      <c r="CF510" s="166">
        <v>0</v>
      </c>
      <c r="CG510" s="166">
        <v>0</v>
      </c>
      <c r="CH510" s="166">
        <v>0</v>
      </c>
      <c r="CI510" s="166">
        <v>0</v>
      </c>
      <c r="CJ510" s="166">
        <v>0</v>
      </c>
      <c r="CK510" s="166">
        <v>0</v>
      </c>
      <c r="CL510" s="166">
        <v>0</v>
      </c>
      <c r="CM510" s="166">
        <v>0</v>
      </c>
      <c r="CN510" s="166">
        <v>0</v>
      </c>
      <c r="CO510" s="166">
        <v>0</v>
      </c>
      <c r="CP510" s="166">
        <v>0</v>
      </c>
      <c r="CQ510" s="166">
        <v>0</v>
      </c>
      <c r="CR510" s="166">
        <v>0</v>
      </c>
      <c r="CS510" s="166">
        <v>0</v>
      </c>
      <c r="CT510" s="166">
        <v>0</v>
      </c>
      <c r="CU510" s="166">
        <v>0</v>
      </c>
      <c r="CV510" s="166">
        <v>0</v>
      </c>
      <c r="CW510" s="166">
        <v>0</v>
      </c>
      <c r="CX510" s="166">
        <v>0</v>
      </c>
      <c r="CY510" s="166">
        <v>0</v>
      </c>
      <c r="CZ510" s="166">
        <v>0</v>
      </c>
    </row>
    <row r="511" spans="1:104" x14ac:dyDescent="0.2">
      <c r="A511" s="167" t="s">
        <v>600</v>
      </c>
      <c r="B511" s="166">
        <v>0</v>
      </c>
      <c r="C511" s="166">
        <v>0</v>
      </c>
      <c r="D511" s="166">
        <v>0</v>
      </c>
      <c r="E511" s="166">
        <v>0</v>
      </c>
      <c r="F511" s="166">
        <v>0</v>
      </c>
      <c r="G511" s="166">
        <v>0</v>
      </c>
      <c r="H511" s="166">
        <v>0</v>
      </c>
      <c r="I511" s="166">
        <v>0</v>
      </c>
      <c r="J511" s="166">
        <v>0</v>
      </c>
      <c r="K511" s="166">
        <v>0</v>
      </c>
      <c r="L511" s="166">
        <v>0</v>
      </c>
      <c r="M511" s="166">
        <v>0</v>
      </c>
      <c r="N511" s="166">
        <v>0</v>
      </c>
      <c r="O511" s="166">
        <v>0</v>
      </c>
      <c r="P511" s="166">
        <v>0</v>
      </c>
      <c r="Q511" s="166">
        <v>0</v>
      </c>
      <c r="R511" s="166">
        <v>0</v>
      </c>
      <c r="S511" s="166">
        <v>0</v>
      </c>
      <c r="T511" s="166">
        <v>0</v>
      </c>
      <c r="U511" s="166">
        <v>0</v>
      </c>
      <c r="V511" s="166">
        <v>0</v>
      </c>
      <c r="W511" s="166">
        <v>0</v>
      </c>
      <c r="X511" s="166">
        <v>0</v>
      </c>
      <c r="Y511" s="166">
        <v>0</v>
      </c>
      <c r="Z511" s="166">
        <v>0</v>
      </c>
      <c r="AA511" s="166">
        <v>0</v>
      </c>
      <c r="AB511" s="166">
        <v>0</v>
      </c>
      <c r="AC511" s="166">
        <v>0</v>
      </c>
      <c r="AD511" s="166">
        <v>0</v>
      </c>
      <c r="AE511" s="166">
        <v>0</v>
      </c>
      <c r="AF511" s="166">
        <v>0</v>
      </c>
      <c r="AG511" s="166">
        <v>0</v>
      </c>
      <c r="AH511" s="166">
        <v>0</v>
      </c>
      <c r="AI511" s="166">
        <v>0</v>
      </c>
      <c r="AJ511" s="166">
        <v>0</v>
      </c>
      <c r="AK511" s="166">
        <v>0</v>
      </c>
      <c r="AL511" s="166">
        <v>0</v>
      </c>
      <c r="AM511" s="166">
        <v>0</v>
      </c>
      <c r="AN511" s="166">
        <v>0</v>
      </c>
      <c r="AO511" s="166">
        <v>0</v>
      </c>
      <c r="AP511" s="166">
        <v>0</v>
      </c>
      <c r="AQ511" s="166">
        <v>0</v>
      </c>
      <c r="AR511" s="166">
        <v>0</v>
      </c>
      <c r="AS511" s="166">
        <v>0</v>
      </c>
      <c r="AT511" s="166">
        <v>0</v>
      </c>
      <c r="AU511" s="166">
        <v>0</v>
      </c>
      <c r="AV511" s="166">
        <v>0</v>
      </c>
      <c r="AW511" s="166">
        <v>0</v>
      </c>
      <c r="AX511" s="166">
        <v>0</v>
      </c>
      <c r="AY511" s="166">
        <v>0</v>
      </c>
      <c r="AZ511" s="166">
        <v>0</v>
      </c>
      <c r="BA511" s="166">
        <v>0</v>
      </c>
      <c r="BB511" s="166">
        <v>0</v>
      </c>
      <c r="BC511" s="166">
        <v>0</v>
      </c>
      <c r="BD511" s="166">
        <v>0</v>
      </c>
      <c r="BE511" s="166">
        <v>0</v>
      </c>
      <c r="BF511" s="166">
        <v>0</v>
      </c>
      <c r="BG511" s="166">
        <v>0</v>
      </c>
      <c r="BH511" s="166">
        <v>0</v>
      </c>
      <c r="BI511" s="166">
        <v>0</v>
      </c>
      <c r="BJ511" s="166">
        <v>0</v>
      </c>
      <c r="BK511" s="166">
        <v>0</v>
      </c>
      <c r="BL511" s="166">
        <v>0</v>
      </c>
      <c r="BM511" s="166">
        <v>0</v>
      </c>
      <c r="BN511" s="166">
        <v>0</v>
      </c>
      <c r="BO511" s="166">
        <v>0</v>
      </c>
      <c r="BP511" s="166">
        <v>0</v>
      </c>
      <c r="BQ511" s="166">
        <v>0</v>
      </c>
      <c r="BR511" s="166">
        <v>0</v>
      </c>
      <c r="BS511" s="166">
        <v>0</v>
      </c>
      <c r="BT511" s="168">
        <v>0</v>
      </c>
      <c r="BU511" s="166">
        <v>0</v>
      </c>
      <c r="BV511" s="166">
        <v>0</v>
      </c>
      <c r="BW511" s="166">
        <v>0</v>
      </c>
      <c r="BX511" s="166">
        <v>0</v>
      </c>
      <c r="BY511" s="166">
        <v>0</v>
      </c>
      <c r="BZ511" s="166">
        <v>0</v>
      </c>
      <c r="CA511" s="166">
        <v>0</v>
      </c>
      <c r="CB511" s="166">
        <v>0</v>
      </c>
      <c r="CC511" s="166">
        <v>0</v>
      </c>
      <c r="CD511" s="166">
        <v>0</v>
      </c>
      <c r="CE511" s="166">
        <v>0</v>
      </c>
      <c r="CF511" s="166">
        <v>0</v>
      </c>
      <c r="CG511" s="166">
        <v>0</v>
      </c>
      <c r="CH511" s="166">
        <v>0</v>
      </c>
      <c r="CI511" s="166">
        <v>0</v>
      </c>
      <c r="CJ511" s="166">
        <v>0</v>
      </c>
      <c r="CK511" s="166">
        <v>0</v>
      </c>
      <c r="CL511" s="166">
        <v>0</v>
      </c>
      <c r="CM511" s="166">
        <v>0</v>
      </c>
      <c r="CN511" s="166">
        <v>0</v>
      </c>
      <c r="CO511" s="166">
        <v>0</v>
      </c>
      <c r="CP511" s="166">
        <v>0</v>
      </c>
      <c r="CQ511" s="166">
        <v>0</v>
      </c>
      <c r="CR511" s="166">
        <v>0</v>
      </c>
      <c r="CS511" s="166">
        <v>0</v>
      </c>
      <c r="CT511" s="166">
        <v>0</v>
      </c>
      <c r="CU511" s="166">
        <v>0</v>
      </c>
      <c r="CV511" s="166">
        <v>0</v>
      </c>
      <c r="CW511" s="166">
        <v>0</v>
      </c>
      <c r="CX511" s="166">
        <v>0</v>
      </c>
      <c r="CY511" s="166">
        <v>0</v>
      </c>
      <c r="CZ511" s="166">
        <v>0</v>
      </c>
    </row>
    <row r="512" spans="1:104" x14ac:dyDescent="0.2">
      <c r="A512" s="167" t="s">
        <v>601</v>
      </c>
      <c r="B512" s="166">
        <v>0</v>
      </c>
      <c r="C512" s="166">
        <v>0</v>
      </c>
      <c r="D512" s="166">
        <v>0</v>
      </c>
      <c r="E512" s="166">
        <v>0</v>
      </c>
      <c r="F512" s="166">
        <v>0</v>
      </c>
      <c r="G512" s="166">
        <v>0</v>
      </c>
      <c r="H512" s="166">
        <v>0</v>
      </c>
      <c r="I512" s="166">
        <v>0</v>
      </c>
      <c r="J512" s="166">
        <v>0</v>
      </c>
      <c r="K512" s="166">
        <v>0</v>
      </c>
      <c r="L512" s="166">
        <v>0</v>
      </c>
      <c r="M512" s="166">
        <v>0</v>
      </c>
      <c r="N512" s="166">
        <v>0</v>
      </c>
      <c r="O512" s="166">
        <v>0</v>
      </c>
      <c r="P512" s="166">
        <v>0</v>
      </c>
      <c r="Q512" s="166">
        <v>0</v>
      </c>
      <c r="R512" s="166">
        <v>0</v>
      </c>
      <c r="S512" s="166">
        <v>0</v>
      </c>
      <c r="T512" s="166">
        <v>0</v>
      </c>
      <c r="U512" s="166">
        <v>0</v>
      </c>
      <c r="V512" s="166">
        <v>0</v>
      </c>
      <c r="W512" s="166">
        <v>0</v>
      </c>
      <c r="X512" s="166">
        <v>0</v>
      </c>
      <c r="Y512" s="166">
        <v>0</v>
      </c>
      <c r="Z512" s="166">
        <v>0</v>
      </c>
      <c r="AA512" s="166">
        <v>0</v>
      </c>
      <c r="AB512" s="166">
        <v>0</v>
      </c>
      <c r="AC512" s="166">
        <v>0</v>
      </c>
      <c r="AD512" s="166">
        <v>0</v>
      </c>
      <c r="AE512" s="166">
        <v>0</v>
      </c>
      <c r="AF512" s="166">
        <v>0</v>
      </c>
      <c r="AG512" s="166">
        <v>0</v>
      </c>
      <c r="AH512" s="166">
        <v>0</v>
      </c>
      <c r="AI512" s="166">
        <v>0</v>
      </c>
      <c r="AJ512" s="166">
        <v>0</v>
      </c>
      <c r="AK512" s="166">
        <v>0</v>
      </c>
      <c r="AL512" s="166">
        <v>0</v>
      </c>
      <c r="AM512" s="166">
        <v>0</v>
      </c>
      <c r="AN512" s="166">
        <v>0</v>
      </c>
      <c r="AO512" s="166">
        <v>0</v>
      </c>
      <c r="AP512" s="166">
        <v>0</v>
      </c>
      <c r="AQ512" s="166">
        <v>0</v>
      </c>
      <c r="AR512" s="166">
        <v>0</v>
      </c>
      <c r="AS512" s="166">
        <v>0</v>
      </c>
      <c r="AT512" s="166">
        <v>0</v>
      </c>
      <c r="AU512" s="166">
        <v>0</v>
      </c>
      <c r="AV512" s="166">
        <v>0</v>
      </c>
      <c r="AW512" s="166">
        <v>0</v>
      </c>
      <c r="AX512" s="166">
        <v>0</v>
      </c>
      <c r="AY512" s="166">
        <v>0</v>
      </c>
      <c r="AZ512" s="166">
        <v>0</v>
      </c>
      <c r="BA512" s="166">
        <v>0</v>
      </c>
      <c r="BB512" s="166">
        <v>0</v>
      </c>
      <c r="BC512" s="166">
        <v>0</v>
      </c>
      <c r="BD512" s="166">
        <v>0</v>
      </c>
      <c r="BE512" s="166">
        <v>0</v>
      </c>
      <c r="BF512" s="166">
        <v>0</v>
      </c>
      <c r="BG512" s="166">
        <v>0</v>
      </c>
      <c r="BH512" s="166">
        <v>0</v>
      </c>
      <c r="BI512" s="166">
        <v>0</v>
      </c>
      <c r="BJ512" s="166">
        <v>0</v>
      </c>
      <c r="BK512" s="166">
        <v>0</v>
      </c>
      <c r="BL512" s="166">
        <v>0</v>
      </c>
      <c r="BM512" s="166">
        <v>0</v>
      </c>
      <c r="BN512" s="166">
        <v>0</v>
      </c>
      <c r="BO512" s="166">
        <v>0</v>
      </c>
      <c r="BP512" s="166">
        <v>0</v>
      </c>
      <c r="BQ512" s="166">
        <v>0</v>
      </c>
      <c r="BR512" s="166">
        <v>0</v>
      </c>
      <c r="BS512" s="166">
        <v>0</v>
      </c>
      <c r="BT512" s="168">
        <v>0</v>
      </c>
      <c r="BU512" s="166">
        <v>0</v>
      </c>
      <c r="BV512" s="166">
        <v>0</v>
      </c>
      <c r="BW512" s="166">
        <v>0</v>
      </c>
      <c r="BX512" s="166">
        <v>0</v>
      </c>
      <c r="BY512" s="166">
        <v>0</v>
      </c>
      <c r="BZ512" s="166">
        <v>0</v>
      </c>
      <c r="CA512" s="166">
        <v>0</v>
      </c>
      <c r="CB512" s="166">
        <v>0</v>
      </c>
      <c r="CC512" s="166">
        <v>0</v>
      </c>
      <c r="CD512" s="166">
        <v>0</v>
      </c>
      <c r="CE512" s="166">
        <v>0</v>
      </c>
      <c r="CF512" s="166">
        <v>0</v>
      </c>
      <c r="CG512" s="166">
        <v>0</v>
      </c>
      <c r="CH512" s="166">
        <v>0</v>
      </c>
      <c r="CI512" s="166">
        <v>0</v>
      </c>
      <c r="CJ512" s="166">
        <v>0</v>
      </c>
      <c r="CK512" s="166">
        <v>0</v>
      </c>
      <c r="CL512" s="166">
        <v>0</v>
      </c>
      <c r="CM512" s="166">
        <v>0</v>
      </c>
      <c r="CN512" s="166">
        <v>0</v>
      </c>
      <c r="CO512" s="166">
        <v>0</v>
      </c>
      <c r="CP512" s="166">
        <v>0</v>
      </c>
      <c r="CQ512" s="166">
        <v>0</v>
      </c>
      <c r="CR512" s="166">
        <v>0</v>
      </c>
      <c r="CS512" s="166">
        <v>0</v>
      </c>
      <c r="CT512" s="166">
        <v>0</v>
      </c>
      <c r="CU512" s="166">
        <v>0</v>
      </c>
      <c r="CV512" s="166">
        <v>0</v>
      </c>
      <c r="CW512" s="166">
        <v>0</v>
      </c>
      <c r="CX512" s="166">
        <v>0</v>
      </c>
      <c r="CY512" s="166">
        <v>0</v>
      </c>
      <c r="CZ512" s="166">
        <v>0</v>
      </c>
    </row>
    <row r="513" spans="1:104" x14ac:dyDescent="0.2">
      <c r="A513" s="177" t="s">
        <v>602</v>
      </c>
      <c r="B513" s="166">
        <v>210437274.329999</v>
      </c>
      <c r="C513" s="166">
        <v>210437274.329999</v>
      </c>
      <c r="D513" s="166">
        <v>0</v>
      </c>
      <c r="E513" s="166">
        <v>0</v>
      </c>
      <c r="F513" s="166">
        <v>0</v>
      </c>
      <c r="G513" s="166">
        <v>0</v>
      </c>
      <c r="H513" s="166">
        <v>0</v>
      </c>
      <c r="I513" s="166">
        <v>0</v>
      </c>
      <c r="J513" s="166">
        <v>0</v>
      </c>
      <c r="K513" s="166">
        <v>0</v>
      </c>
      <c r="L513" s="166">
        <v>0</v>
      </c>
      <c r="M513" s="166">
        <v>0</v>
      </c>
      <c r="N513" s="166">
        <v>0</v>
      </c>
      <c r="O513" s="166">
        <v>0</v>
      </c>
      <c r="P513" s="166">
        <v>0</v>
      </c>
      <c r="Q513" s="166">
        <v>0</v>
      </c>
      <c r="R513" s="166">
        <v>0</v>
      </c>
      <c r="S513" s="166">
        <v>0</v>
      </c>
      <c r="T513" s="166">
        <v>0</v>
      </c>
      <c r="U513" s="166">
        <v>0</v>
      </c>
      <c r="V513" s="166">
        <v>0</v>
      </c>
      <c r="W513" s="166">
        <v>0</v>
      </c>
      <c r="X513" s="166">
        <v>0</v>
      </c>
      <c r="Y513" s="166">
        <v>0</v>
      </c>
      <c r="Z513" s="166">
        <v>0</v>
      </c>
      <c r="AA513" s="166">
        <v>0</v>
      </c>
      <c r="AB513" s="166">
        <v>0</v>
      </c>
      <c r="AC513" s="166">
        <v>0</v>
      </c>
      <c r="AD513" s="166">
        <v>0</v>
      </c>
      <c r="AE513" s="166">
        <v>0</v>
      </c>
      <c r="AF513" s="166">
        <v>0</v>
      </c>
      <c r="AG513" s="166">
        <v>0</v>
      </c>
      <c r="AH513" s="166">
        <v>0</v>
      </c>
      <c r="AI513" s="166">
        <v>0</v>
      </c>
      <c r="AJ513" s="166">
        <v>0</v>
      </c>
      <c r="AK513" s="166">
        <v>0</v>
      </c>
      <c r="AL513" s="166">
        <v>0</v>
      </c>
      <c r="AM513" s="166">
        <v>0</v>
      </c>
      <c r="AN513" s="166">
        <v>0</v>
      </c>
      <c r="AO513" s="166">
        <v>0</v>
      </c>
      <c r="AP513" s="166">
        <v>0</v>
      </c>
      <c r="AQ513" s="166">
        <v>0</v>
      </c>
      <c r="AR513" s="166">
        <v>0</v>
      </c>
      <c r="AS513" s="166">
        <v>0</v>
      </c>
      <c r="AT513" s="166">
        <v>0</v>
      </c>
      <c r="AU513" s="166">
        <v>0</v>
      </c>
      <c r="AV513" s="166">
        <v>0</v>
      </c>
      <c r="AW513" s="166">
        <v>0</v>
      </c>
      <c r="AX513" s="166">
        <v>0</v>
      </c>
      <c r="AY513" s="166">
        <v>0</v>
      </c>
      <c r="AZ513" s="166">
        <v>0</v>
      </c>
      <c r="BA513" s="166">
        <v>0</v>
      </c>
      <c r="BB513" s="166">
        <v>0</v>
      </c>
      <c r="BC513" s="166">
        <v>0</v>
      </c>
      <c r="BD513" s="166">
        <v>0</v>
      </c>
      <c r="BE513" s="166">
        <v>0</v>
      </c>
      <c r="BF513" s="166">
        <v>0</v>
      </c>
      <c r="BG513" s="166">
        <v>0</v>
      </c>
      <c r="BH513" s="166">
        <v>0</v>
      </c>
      <c r="BI513" s="166">
        <v>0</v>
      </c>
      <c r="BJ513" s="166">
        <v>0</v>
      </c>
      <c r="BK513" s="166">
        <v>0</v>
      </c>
      <c r="BL513" s="166">
        <v>0</v>
      </c>
      <c r="BM513" s="166">
        <v>0</v>
      </c>
      <c r="BN513" s="166">
        <v>0</v>
      </c>
      <c r="BO513" s="166">
        <v>0</v>
      </c>
      <c r="BP513" s="166">
        <v>0</v>
      </c>
      <c r="BQ513" s="166">
        <v>0</v>
      </c>
      <c r="BR513" s="166">
        <v>210437274.329999</v>
      </c>
      <c r="BS513" s="166">
        <v>210437274.329999</v>
      </c>
      <c r="BT513" s="168">
        <v>0</v>
      </c>
      <c r="BU513" s="166">
        <v>0</v>
      </c>
      <c r="BV513" s="166">
        <v>0</v>
      </c>
      <c r="BW513" s="166">
        <v>0</v>
      </c>
      <c r="BX513" s="166">
        <v>0</v>
      </c>
      <c r="BY513" s="166">
        <v>0</v>
      </c>
      <c r="BZ513" s="166">
        <v>0</v>
      </c>
      <c r="CA513" s="166">
        <v>0</v>
      </c>
      <c r="CB513" s="166">
        <v>0</v>
      </c>
      <c r="CC513" s="166">
        <v>0</v>
      </c>
      <c r="CD513" s="166">
        <v>0</v>
      </c>
      <c r="CE513" s="166">
        <v>0</v>
      </c>
      <c r="CF513" s="166">
        <v>0</v>
      </c>
      <c r="CG513" s="166">
        <v>0</v>
      </c>
      <c r="CH513" s="166">
        <v>0</v>
      </c>
      <c r="CI513" s="166">
        <v>0</v>
      </c>
      <c r="CJ513" s="166">
        <v>0</v>
      </c>
      <c r="CK513" s="166">
        <v>0</v>
      </c>
      <c r="CL513" s="166">
        <v>0</v>
      </c>
      <c r="CM513" s="166">
        <v>0</v>
      </c>
      <c r="CN513" s="166">
        <v>0</v>
      </c>
      <c r="CO513" s="166">
        <v>0</v>
      </c>
      <c r="CP513" s="166">
        <v>0</v>
      </c>
      <c r="CQ513" s="166">
        <v>0</v>
      </c>
      <c r="CR513" s="166">
        <v>0</v>
      </c>
      <c r="CS513" s="166">
        <v>0</v>
      </c>
      <c r="CT513" s="166">
        <v>0</v>
      </c>
      <c r="CU513" s="166">
        <v>0</v>
      </c>
      <c r="CV513" s="166">
        <v>0</v>
      </c>
      <c r="CW513" s="166">
        <v>0</v>
      </c>
      <c r="CX513" s="166">
        <v>0</v>
      </c>
      <c r="CY513" s="166">
        <v>0</v>
      </c>
      <c r="CZ513" s="166">
        <v>0</v>
      </c>
    </row>
    <row r="514" spans="1:104" x14ac:dyDescent="0.2">
      <c r="A514" s="167" t="s">
        <v>603</v>
      </c>
      <c r="B514" s="166">
        <v>0</v>
      </c>
      <c r="C514" s="166">
        <v>0</v>
      </c>
      <c r="D514" s="166">
        <v>0</v>
      </c>
      <c r="E514" s="166">
        <v>0</v>
      </c>
      <c r="F514" s="166">
        <v>0</v>
      </c>
      <c r="G514" s="166">
        <v>0</v>
      </c>
      <c r="H514" s="166">
        <v>0</v>
      </c>
      <c r="I514" s="166">
        <v>0</v>
      </c>
      <c r="J514" s="166">
        <v>0</v>
      </c>
      <c r="K514" s="166">
        <v>0</v>
      </c>
      <c r="L514" s="166">
        <v>0</v>
      </c>
      <c r="M514" s="166">
        <v>0</v>
      </c>
      <c r="N514" s="166">
        <v>0</v>
      </c>
      <c r="O514" s="166">
        <v>0</v>
      </c>
      <c r="P514" s="166">
        <v>0</v>
      </c>
      <c r="Q514" s="166">
        <v>0</v>
      </c>
      <c r="R514" s="166">
        <v>0</v>
      </c>
      <c r="S514" s="166">
        <v>0</v>
      </c>
      <c r="T514" s="166">
        <v>0</v>
      </c>
      <c r="U514" s="166">
        <v>0</v>
      </c>
      <c r="V514" s="166">
        <v>0</v>
      </c>
      <c r="W514" s="166">
        <v>0</v>
      </c>
      <c r="X514" s="166">
        <v>0</v>
      </c>
      <c r="Y514" s="166">
        <v>0</v>
      </c>
      <c r="Z514" s="166">
        <v>0</v>
      </c>
      <c r="AA514" s="166">
        <v>0</v>
      </c>
      <c r="AB514" s="166">
        <v>0</v>
      </c>
      <c r="AC514" s="166">
        <v>0</v>
      </c>
      <c r="AD514" s="166">
        <v>0</v>
      </c>
      <c r="AE514" s="166">
        <v>0</v>
      </c>
      <c r="AF514" s="166">
        <v>0</v>
      </c>
      <c r="AG514" s="166">
        <v>0</v>
      </c>
      <c r="AH514" s="166">
        <v>0</v>
      </c>
      <c r="AI514" s="166">
        <v>0</v>
      </c>
      <c r="AJ514" s="166">
        <v>0</v>
      </c>
      <c r="AK514" s="166">
        <v>0</v>
      </c>
      <c r="AL514" s="166">
        <v>0</v>
      </c>
      <c r="AM514" s="166">
        <v>0</v>
      </c>
      <c r="AN514" s="166">
        <v>0</v>
      </c>
      <c r="AO514" s="166">
        <v>0</v>
      </c>
      <c r="AP514" s="166">
        <v>0</v>
      </c>
      <c r="AQ514" s="166">
        <v>0</v>
      </c>
      <c r="AR514" s="166">
        <v>0</v>
      </c>
      <c r="AS514" s="166">
        <v>0</v>
      </c>
      <c r="AT514" s="166">
        <v>0</v>
      </c>
      <c r="AU514" s="166">
        <v>0</v>
      </c>
      <c r="AV514" s="166">
        <v>0</v>
      </c>
      <c r="AW514" s="166">
        <v>0</v>
      </c>
      <c r="AX514" s="166">
        <v>0</v>
      </c>
      <c r="AY514" s="166">
        <v>0</v>
      </c>
      <c r="AZ514" s="166">
        <v>0</v>
      </c>
      <c r="BA514" s="166">
        <v>0</v>
      </c>
      <c r="BB514" s="166">
        <v>0</v>
      </c>
      <c r="BC514" s="166">
        <v>0</v>
      </c>
      <c r="BD514" s="166">
        <v>0</v>
      </c>
      <c r="BE514" s="166">
        <v>0</v>
      </c>
      <c r="BF514" s="166">
        <v>0</v>
      </c>
      <c r="BG514" s="166">
        <v>0</v>
      </c>
      <c r="BH514" s="166">
        <v>0</v>
      </c>
      <c r="BI514" s="166">
        <v>0</v>
      </c>
      <c r="BJ514" s="166">
        <v>0</v>
      </c>
      <c r="BK514" s="166">
        <v>0</v>
      </c>
      <c r="BL514" s="166">
        <v>0</v>
      </c>
      <c r="BM514" s="166">
        <v>0</v>
      </c>
      <c r="BN514" s="166">
        <v>0</v>
      </c>
      <c r="BO514" s="166">
        <v>0</v>
      </c>
      <c r="BP514" s="166">
        <v>0</v>
      </c>
      <c r="BQ514" s="166">
        <v>0</v>
      </c>
      <c r="BR514" s="166">
        <v>0</v>
      </c>
      <c r="BS514" s="166">
        <v>0</v>
      </c>
      <c r="BT514" s="168">
        <v>0</v>
      </c>
      <c r="BU514" s="166">
        <v>0</v>
      </c>
      <c r="BV514" s="166">
        <v>0</v>
      </c>
      <c r="BW514" s="166">
        <v>0</v>
      </c>
      <c r="BX514" s="166">
        <v>0</v>
      </c>
      <c r="BY514" s="166">
        <v>0</v>
      </c>
      <c r="BZ514" s="166">
        <v>0</v>
      </c>
      <c r="CA514" s="166">
        <v>0</v>
      </c>
      <c r="CB514" s="166">
        <v>0</v>
      </c>
      <c r="CC514" s="166">
        <v>0</v>
      </c>
      <c r="CD514" s="166">
        <v>0</v>
      </c>
      <c r="CE514" s="166">
        <v>0</v>
      </c>
      <c r="CF514" s="166">
        <v>0</v>
      </c>
      <c r="CG514" s="166">
        <v>0</v>
      </c>
      <c r="CH514" s="166">
        <v>0</v>
      </c>
      <c r="CI514" s="166">
        <v>0</v>
      </c>
      <c r="CJ514" s="166">
        <v>0</v>
      </c>
      <c r="CK514" s="166">
        <v>0</v>
      </c>
      <c r="CL514" s="166">
        <v>0</v>
      </c>
      <c r="CM514" s="166">
        <v>0</v>
      </c>
      <c r="CN514" s="166">
        <v>0</v>
      </c>
      <c r="CO514" s="166">
        <v>0</v>
      </c>
      <c r="CP514" s="166">
        <v>0</v>
      </c>
      <c r="CQ514" s="166">
        <v>0</v>
      </c>
      <c r="CR514" s="166">
        <v>0</v>
      </c>
      <c r="CS514" s="166">
        <v>0</v>
      </c>
      <c r="CT514" s="166">
        <v>0</v>
      </c>
      <c r="CU514" s="166">
        <v>0</v>
      </c>
      <c r="CV514" s="166">
        <v>0</v>
      </c>
      <c r="CW514" s="166">
        <v>0</v>
      </c>
      <c r="CX514" s="166">
        <v>0</v>
      </c>
      <c r="CY514" s="166">
        <v>0</v>
      </c>
      <c r="CZ514" s="166">
        <v>0</v>
      </c>
    </row>
    <row r="515" spans="1:104" x14ac:dyDescent="0.2">
      <c r="A515" s="177" t="s">
        <v>604</v>
      </c>
      <c r="B515" s="166">
        <v>598719212.73129106</v>
      </c>
      <c r="C515" s="166">
        <v>598719212.73129106</v>
      </c>
      <c r="D515" s="166">
        <v>0</v>
      </c>
      <c r="E515" s="166">
        <v>0</v>
      </c>
      <c r="F515" s="166">
        <v>0</v>
      </c>
      <c r="G515" s="166">
        <v>0</v>
      </c>
      <c r="H515" s="166">
        <v>0</v>
      </c>
      <c r="I515" s="166">
        <v>0</v>
      </c>
      <c r="J515" s="166">
        <v>0</v>
      </c>
      <c r="K515" s="166">
        <v>0</v>
      </c>
      <c r="L515" s="166">
        <v>0</v>
      </c>
      <c r="M515" s="166">
        <v>0</v>
      </c>
      <c r="N515" s="166">
        <v>0</v>
      </c>
      <c r="O515" s="166">
        <v>0</v>
      </c>
      <c r="P515" s="166">
        <v>0</v>
      </c>
      <c r="Q515" s="166">
        <v>0</v>
      </c>
      <c r="R515" s="166">
        <v>0</v>
      </c>
      <c r="S515" s="166">
        <v>0</v>
      </c>
      <c r="T515" s="166">
        <v>0</v>
      </c>
      <c r="U515" s="166">
        <v>0</v>
      </c>
      <c r="V515" s="166">
        <v>0</v>
      </c>
      <c r="W515" s="166">
        <v>0</v>
      </c>
      <c r="X515" s="166">
        <v>0</v>
      </c>
      <c r="Y515" s="166">
        <v>0</v>
      </c>
      <c r="Z515" s="166">
        <v>0</v>
      </c>
      <c r="AA515" s="166">
        <v>0</v>
      </c>
      <c r="AB515" s="166">
        <v>0</v>
      </c>
      <c r="AC515" s="166">
        <v>0</v>
      </c>
      <c r="AD515" s="166">
        <v>0</v>
      </c>
      <c r="AE515" s="166">
        <v>0</v>
      </c>
      <c r="AF515" s="166">
        <v>0</v>
      </c>
      <c r="AG515" s="166">
        <v>0</v>
      </c>
      <c r="AH515" s="166">
        <v>0</v>
      </c>
      <c r="AI515" s="166">
        <v>0</v>
      </c>
      <c r="AJ515" s="166">
        <v>0</v>
      </c>
      <c r="AK515" s="166">
        <v>0</v>
      </c>
      <c r="AL515" s="166">
        <v>0</v>
      </c>
      <c r="AM515" s="166">
        <v>0</v>
      </c>
      <c r="AN515" s="166">
        <v>0</v>
      </c>
      <c r="AO515" s="166">
        <v>0</v>
      </c>
      <c r="AP515" s="166">
        <v>0</v>
      </c>
      <c r="AQ515" s="166">
        <v>0</v>
      </c>
      <c r="AR515" s="166">
        <v>0</v>
      </c>
      <c r="AS515" s="166">
        <v>0</v>
      </c>
      <c r="AT515" s="166">
        <v>0</v>
      </c>
      <c r="AU515" s="166">
        <v>0</v>
      </c>
      <c r="AV515" s="166">
        <v>0</v>
      </c>
      <c r="AW515" s="166">
        <v>0</v>
      </c>
      <c r="AX515" s="166">
        <v>0</v>
      </c>
      <c r="AY515" s="166">
        <v>0</v>
      </c>
      <c r="AZ515" s="166">
        <v>0</v>
      </c>
      <c r="BA515" s="166">
        <v>0</v>
      </c>
      <c r="BB515" s="166">
        <v>0</v>
      </c>
      <c r="BC515" s="166">
        <v>0</v>
      </c>
      <c r="BD515" s="166">
        <v>0</v>
      </c>
      <c r="BE515" s="166">
        <v>0</v>
      </c>
      <c r="BF515" s="166">
        <v>0</v>
      </c>
      <c r="BG515" s="166">
        <v>0</v>
      </c>
      <c r="BH515" s="166">
        <v>0</v>
      </c>
      <c r="BI515" s="166">
        <v>0</v>
      </c>
      <c r="BJ515" s="166">
        <v>0</v>
      </c>
      <c r="BK515" s="166">
        <v>0</v>
      </c>
      <c r="BL515" s="166">
        <v>0</v>
      </c>
      <c r="BM515" s="166">
        <v>0</v>
      </c>
      <c r="BN515" s="166">
        <v>0</v>
      </c>
      <c r="BO515" s="166">
        <v>0</v>
      </c>
      <c r="BP515" s="166">
        <v>0</v>
      </c>
      <c r="BQ515" s="166">
        <v>0</v>
      </c>
      <c r="BR515" s="166">
        <v>598719212.73129106</v>
      </c>
      <c r="BS515" s="166">
        <v>598719212.73129106</v>
      </c>
      <c r="BT515" s="168">
        <v>0</v>
      </c>
      <c r="BU515" s="166">
        <v>0</v>
      </c>
      <c r="BV515" s="166">
        <v>0</v>
      </c>
      <c r="BW515" s="166">
        <v>0</v>
      </c>
      <c r="BX515" s="166">
        <v>0</v>
      </c>
      <c r="BY515" s="166">
        <v>0</v>
      </c>
      <c r="BZ515" s="166">
        <v>0</v>
      </c>
      <c r="CA515" s="166">
        <v>0</v>
      </c>
      <c r="CB515" s="166">
        <v>0</v>
      </c>
      <c r="CC515" s="166">
        <v>0</v>
      </c>
      <c r="CD515" s="166">
        <v>0</v>
      </c>
      <c r="CE515" s="166">
        <v>0</v>
      </c>
      <c r="CF515" s="166">
        <v>0</v>
      </c>
      <c r="CG515" s="166">
        <v>0</v>
      </c>
      <c r="CH515" s="166">
        <v>0</v>
      </c>
      <c r="CI515" s="166">
        <v>0</v>
      </c>
      <c r="CJ515" s="166">
        <v>0</v>
      </c>
      <c r="CK515" s="166">
        <v>0</v>
      </c>
      <c r="CL515" s="166">
        <v>0</v>
      </c>
      <c r="CM515" s="166">
        <v>0</v>
      </c>
      <c r="CN515" s="166">
        <v>0</v>
      </c>
      <c r="CO515" s="166">
        <v>0</v>
      </c>
      <c r="CP515" s="166">
        <v>0</v>
      </c>
      <c r="CQ515" s="166">
        <v>0</v>
      </c>
      <c r="CR515" s="166">
        <v>0</v>
      </c>
      <c r="CS515" s="166">
        <v>0</v>
      </c>
      <c r="CT515" s="166">
        <v>0</v>
      </c>
      <c r="CU515" s="166">
        <v>0</v>
      </c>
      <c r="CV515" s="166">
        <v>0</v>
      </c>
      <c r="CW515" s="166">
        <v>0</v>
      </c>
      <c r="CX515" s="166">
        <v>0</v>
      </c>
      <c r="CY515" s="166">
        <v>0</v>
      </c>
      <c r="CZ515" s="166">
        <v>0</v>
      </c>
    </row>
    <row r="516" spans="1:104" x14ac:dyDescent="0.2">
      <c r="A516" s="167" t="s">
        <v>605</v>
      </c>
      <c r="B516" s="166">
        <v>0</v>
      </c>
      <c r="C516" s="166">
        <v>0</v>
      </c>
      <c r="D516" s="166">
        <v>0</v>
      </c>
      <c r="E516" s="166">
        <v>0</v>
      </c>
      <c r="F516" s="166">
        <v>0</v>
      </c>
      <c r="G516" s="166">
        <v>0</v>
      </c>
      <c r="H516" s="166">
        <v>0</v>
      </c>
      <c r="I516" s="166">
        <v>0</v>
      </c>
      <c r="J516" s="166">
        <v>0</v>
      </c>
      <c r="K516" s="166">
        <v>0</v>
      </c>
      <c r="L516" s="166">
        <v>0</v>
      </c>
      <c r="M516" s="166">
        <v>0</v>
      </c>
      <c r="N516" s="166">
        <v>0</v>
      </c>
      <c r="O516" s="166">
        <v>0</v>
      </c>
      <c r="P516" s="166">
        <v>0</v>
      </c>
      <c r="Q516" s="166">
        <v>0</v>
      </c>
      <c r="R516" s="166">
        <v>0</v>
      </c>
      <c r="S516" s="166">
        <v>0</v>
      </c>
      <c r="T516" s="166">
        <v>0</v>
      </c>
      <c r="U516" s="166">
        <v>0</v>
      </c>
      <c r="V516" s="166">
        <v>0</v>
      </c>
      <c r="W516" s="166">
        <v>0</v>
      </c>
      <c r="X516" s="166">
        <v>0</v>
      </c>
      <c r="Y516" s="166">
        <v>0</v>
      </c>
      <c r="Z516" s="166">
        <v>0</v>
      </c>
      <c r="AA516" s="166">
        <v>0</v>
      </c>
      <c r="AB516" s="166">
        <v>0</v>
      </c>
      <c r="AC516" s="166">
        <v>0</v>
      </c>
      <c r="AD516" s="166">
        <v>0</v>
      </c>
      <c r="AE516" s="166">
        <v>0</v>
      </c>
      <c r="AF516" s="166">
        <v>0</v>
      </c>
      <c r="AG516" s="166">
        <v>0</v>
      </c>
      <c r="AH516" s="166">
        <v>0</v>
      </c>
      <c r="AI516" s="166">
        <v>0</v>
      </c>
      <c r="AJ516" s="166">
        <v>0</v>
      </c>
      <c r="AK516" s="166">
        <v>0</v>
      </c>
      <c r="AL516" s="166">
        <v>0</v>
      </c>
      <c r="AM516" s="166">
        <v>0</v>
      </c>
      <c r="AN516" s="166">
        <v>0</v>
      </c>
      <c r="AO516" s="166">
        <v>0</v>
      </c>
      <c r="AP516" s="166">
        <v>0</v>
      </c>
      <c r="AQ516" s="166">
        <v>0</v>
      </c>
      <c r="AR516" s="166">
        <v>0</v>
      </c>
      <c r="AS516" s="166">
        <v>0</v>
      </c>
      <c r="AT516" s="166">
        <v>0</v>
      </c>
      <c r="AU516" s="166">
        <v>0</v>
      </c>
      <c r="AV516" s="166">
        <v>0</v>
      </c>
      <c r="AW516" s="166">
        <v>0</v>
      </c>
      <c r="AX516" s="166">
        <v>0</v>
      </c>
      <c r="AY516" s="166">
        <v>0</v>
      </c>
      <c r="AZ516" s="166">
        <v>0</v>
      </c>
      <c r="BA516" s="166">
        <v>0</v>
      </c>
      <c r="BB516" s="166">
        <v>0</v>
      </c>
      <c r="BC516" s="166">
        <v>0</v>
      </c>
      <c r="BD516" s="166">
        <v>0</v>
      </c>
      <c r="BE516" s="166">
        <v>0</v>
      </c>
      <c r="BF516" s="166">
        <v>0</v>
      </c>
      <c r="BG516" s="166">
        <v>0</v>
      </c>
      <c r="BH516" s="166">
        <v>0</v>
      </c>
      <c r="BI516" s="166">
        <v>0</v>
      </c>
      <c r="BJ516" s="166">
        <v>0</v>
      </c>
      <c r="BK516" s="166">
        <v>0</v>
      </c>
      <c r="BL516" s="166">
        <v>0</v>
      </c>
      <c r="BM516" s="166">
        <v>0</v>
      </c>
      <c r="BN516" s="166">
        <v>0</v>
      </c>
      <c r="BO516" s="166">
        <v>0</v>
      </c>
      <c r="BP516" s="166">
        <v>0</v>
      </c>
      <c r="BQ516" s="166">
        <v>0</v>
      </c>
      <c r="BR516" s="166">
        <v>0</v>
      </c>
      <c r="BS516" s="166">
        <v>0</v>
      </c>
      <c r="BT516" s="168">
        <v>0</v>
      </c>
      <c r="BU516" s="166">
        <v>0</v>
      </c>
      <c r="BV516" s="166">
        <v>0</v>
      </c>
      <c r="BW516" s="166">
        <v>0</v>
      </c>
      <c r="BX516" s="166">
        <v>0</v>
      </c>
      <c r="BY516" s="166">
        <v>0</v>
      </c>
      <c r="BZ516" s="166">
        <v>0</v>
      </c>
      <c r="CA516" s="166">
        <v>0</v>
      </c>
      <c r="CB516" s="166">
        <v>0</v>
      </c>
      <c r="CC516" s="166">
        <v>0</v>
      </c>
      <c r="CD516" s="166">
        <v>0</v>
      </c>
      <c r="CE516" s="166">
        <v>0</v>
      </c>
      <c r="CF516" s="166">
        <v>0</v>
      </c>
      <c r="CG516" s="166">
        <v>0</v>
      </c>
      <c r="CH516" s="166">
        <v>0</v>
      </c>
      <c r="CI516" s="166">
        <v>0</v>
      </c>
      <c r="CJ516" s="166">
        <v>0</v>
      </c>
      <c r="CK516" s="166">
        <v>0</v>
      </c>
      <c r="CL516" s="166">
        <v>0</v>
      </c>
      <c r="CM516" s="166">
        <v>0</v>
      </c>
      <c r="CN516" s="166">
        <v>0</v>
      </c>
      <c r="CO516" s="166">
        <v>0</v>
      </c>
      <c r="CP516" s="166">
        <v>0</v>
      </c>
      <c r="CQ516" s="166">
        <v>0</v>
      </c>
      <c r="CR516" s="166">
        <v>0</v>
      </c>
      <c r="CS516" s="166">
        <v>0</v>
      </c>
      <c r="CT516" s="166">
        <v>0</v>
      </c>
      <c r="CU516" s="166">
        <v>0</v>
      </c>
      <c r="CV516" s="166">
        <v>0</v>
      </c>
      <c r="CW516" s="166">
        <v>0</v>
      </c>
      <c r="CX516" s="166">
        <v>0</v>
      </c>
      <c r="CY516" s="166">
        <v>0</v>
      </c>
      <c r="CZ516" s="166">
        <v>0</v>
      </c>
    </row>
    <row r="517" spans="1:104" x14ac:dyDescent="0.2">
      <c r="A517" s="167" t="s">
        <v>606</v>
      </c>
    </row>
    <row r="518" spans="1:104" x14ac:dyDescent="0.2">
      <c r="A518" s="167" t="s">
        <v>607</v>
      </c>
      <c r="B518" s="166">
        <v>41417006.154000796</v>
      </c>
      <c r="C518" s="166">
        <v>41417006.154000796</v>
      </c>
      <c r="D518" s="166">
        <v>0</v>
      </c>
      <c r="E518" s="166">
        <v>0</v>
      </c>
      <c r="F518" s="166">
        <v>0</v>
      </c>
      <c r="G518" s="166">
        <v>0</v>
      </c>
      <c r="H518" s="166">
        <v>0</v>
      </c>
      <c r="I518" s="166">
        <v>0</v>
      </c>
      <c r="J518" s="166">
        <v>0</v>
      </c>
      <c r="K518" s="166">
        <v>0</v>
      </c>
      <c r="L518" s="166">
        <v>0</v>
      </c>
      <c r="M518" s="166">
        <v>0</v>
      </c>
      <c r="N518" s="166">
        <v>0</v>
      </c>
      <c r="O518" s="166">
        <v>0</v>
      </c>
      <c r="P518" s="166">
        <v>0</v>
      </c>
      <c r="Q518" s="166">
        <v>0</v>
      </c>
      <c r="R518" s="166">
        <v>0</v>
      </c>
      <c r="S518" s="166">
        <v>0</v>
      </c>
      <c r="T518" s="166">
        <v>0</v>
      </c>
      <c r="U518" s="166">
        <v>0</v>
      </c>
      <c r="V518" s="166">
        <v>0</v>
      </c>
      <c r="W518" s="166">
        <v>0</v>
      </c>
      <c r="X518" s="166">
        <v>0</v>
      </c>
      <c r="Y518" s="166">
        <v>0</v>
      </c>
      <c r="Z518" s="166">
        <v>0</v>
      </c>
      <c r="AA518" s="166">
        <v>0</v>
      </c>
      <c r="AB518" s="166">
        <v>0</v>
      </c>
      <c r="AC518" s="166">
        <v>0</v>
      </c>
      <c r="AD518" s="166">
        <v>0</v>
      </c>
      <c r="AE518" s="166">
        <v>0</v>
      </c>
      <c r="AF518" s="166">
        <v>0</v>
      </c>
      <c r="AG518" s="166">
        <v>0</v>
      </c>
      <c r="AH518" s="166">
        <v>0</v>
      </c>
      <c r="AI518" s="166">
        <v>0</v>
      </c>
      <c r="AJ518" s="166">
        <v>0</v>
      </c>
      <c r="AK518" s="166">
        <v>0</v>
      </c>
      <c r="AL518" s="166">
        <v>0</v>
      </c>
      <c r="AM518" s="166">
        <v>0</v>
      </c>
      <c r="AN518" s="166">
        <v>0</v>
      </c>
      <c r="AO518" s="166">
        <v>0</v>
      </c>
      <c r="AP518" s="166">
        <v>0</v>
      </c>
      <c r="AQ518" s="166">
        <v>0</v>
      </c>
      <c r="AR518" s="166">
        <v>0</v>
      </c>
      <c r="AS518" s="166">
        <v>0</v>
      </c>
      <c r="AT518" s="166">
        <v>0</v>
      </c>
      <c r="AU518" s="166">
        <v>0</v>
      </c>
      <c r="AV518" s="166">
        <v>0</v>
      </c>
      <c r="AW518" s="166">
        <v>0</v>
      </c>
      <c r="AX518" s="166">
        <v>0</v>
      </c>
      <c r="AY518" s="166">
        <v>0</v>
      </c>
      <c r="AZ518" s="166">
        <v>0</v>
      </c>
      <c r="BA518" s="166">
        <v>0</v>
      </c>
      <c r="BB518" s="166">
        <v>0</v>
      </c>
      <c r="BC518" s="166">
        <v>0</v>
      </c>
      <c r="BD518" s="166">
        <v>0</v>
      </c>
      <c r="BE518" s="166">
        <v>0</v>
      </c>
      <c r="BF518" s="166">
        <v>0</v>
      </c>
      <c r="BG518" s="166">
        <v>0</v>
      </c>
      <c r="BH518" s="166">
        <v>0</v>
      </c>
      <c r="BI518" s="166">
        <v>0</v>
      </c>
      <c r="BJ518" s="166">
        <v>0</v>
      </c>
      <c r="BK518" s="166">
        <v>0</v>
      </c>
      <c r="BL518" s="166">
        <v>0</v>
      </c>
      <c r="BM518" s="166">
        <v>0</v>
      </c>
      <c r="BN518" s="166">
        <v>0</v>
      </c>
      <c r="BO518" s="166">
        <v>0</v>
      </c>
      <c r="BP518" s="166">
        <v>0</v>
      </c>
      <c r="BQ518" s="166">
        <v>0</v>
      </c>
      <c r="BR518" s="166">
        <v>41417006.154000796</v>
      </c>
      <c r="BS518" s="166">
        <v>41417006.154000796</v>
      </c>
      <c r="BT518" s="168">
        <v>0</v>
      </c>
      <c r="BU518" s="166">
        <v>3203614.7313434798</v>
      </c>
      <c r="BV518" s="166">
        <v>40341406.5041814</v>
      </c>
      <c r="BW518" s="166">
        <v>0</v>
      </c>
      <c r="BX518" s="166">
        <v>0</v>
      </c>
      <c r="BY518" s="166">
        <v>0</v>
      </c>
      <c r="BZ518" s="166">
        <v>0</v>
      </c>
      <c r="CA518" s="166">
        <v>0</v>
      </c>
      <c r="CB518" s="166">
        <v>0</v>
      </c>
      <c r="CC518" s="166">
        <v>0</v>
      </c>
      <c r="CD518" s="166">
        <v>0</v>
      </c>
      <c r="CE518" s="166">
        <v>0</v>
      </c>
      <c r="CF518" s="166">
        <v>0</v>
      </c>
      <c r="CG518" s="166">
        <v>0</v>
      </c>
      <c r="CH518" s="166">
        <v>0</v>
      </c>
      <c r="CI518" s="166">
        <v>0</v>
      </c>
      <c r="CJ518" s="166">
        <v>0</v>
      </c>
      <c r="CK518" s="166">
        <v>0</v>
      </c>
      <c r="CL518" s="166">
        <v>0</v>
      </c>
      <c r="CM518" s="166">
        <v>0</v>
      </c>
      <c r="CN518" s="166">
        <v>0</v>
      </c>
      <c r="CO518" s="166">
        <v>0</v>
      </c>
      <c r="CP518" s="166">
        <v>0</v>
      </c>
      <c r="CQ518" s="166">
        <v>0</v>
      </c>
      <c r="CR518" s="166">
        <v>0</v>
      </c>
      <c r="CS518" s="166">
        <v>0</v>
      </c>
      <c r="CT518" s="166">
        <v>0</v>
      </c>
      <c r="CU518" s="166">
        <v>0</v>
      </c>
      <c r="CV518" s="166">
        <v>0</v>
      </c>
      <c r="CW518" s="166">
        <v>0</v>
      </c>
      <c r="CX518" s="166">
        <v>0</v>
      </c>
      <c r="CY518" s="166">
        <v>40341406.5041814</v>
      </c>
      <c r="CZ518" s="166">
        <v>40341406.5041814</v>
      </c>
    </row>
    <row r="519" spans="1:104" x14ac:dyDescent="0.2">
      <c r="A519" s="167" t="s">
        <v>608</v>
      </c>
      <c r="B519" s="166">
        <v>4437425.1393154701</v>
      </c>
      <c r="C519" s="166">
        <v>4437425.1393154701</v>
      </c>
      <c r="D519" s="166">
        <v>0</v>
      </c>
      <c r="E519" s="166">
        <v>0</v>
      </c>
      <c r="F519" s="166">
        <v>0</v>
      </c>
      <c r="G519" s="166">
        <v>0</v>
      </c>
      <c r="H519" s="166">
        <v>0</v>
      </c>
      <c r="I519" s="166">
        <v>0</v>
      </c>
      <c r="J519" s="166">
        <v>0</v>
      </c>
      <c r="K519" s="166">
        <v>0</v>
      </c>
      <c r="L519" s="166">
        <v>0</v>
      </c>
      <c r="M519" s="166">
        <v>0</v>
      </c>
      <c r="N519" s="166">
        <v>0</v>
      </c>
      <c r="O519" s="166">
        <v>0</v>
      </c>
      <c r="P519" s="166">
        <v>0</v>
      </c>
      <c r="Q519" s="166">
        <v>0</v>
      </c>
      <c r="R519" s="166">
        <v>0</v>
      </c>
      <c r="S519" s="166">
        <v>0</v>
      </c>
      <c r="T519" s="166">
        <v>0</v>
      </c>
      <c r="U519" s="166">
        <v>0</v>
      </c>
      <c r="V519" s="166">
        <v>0</v>
      </c>
      <c r="W519" s="166">
        <v>0</v>
      </c>
      <c r="X519" s="166">
        <v>0</v>
      </c>
      <c r="Y519" s="166">
        <v>0</v>
      </c>
      <c r="Z519" s="166">
        <v>0</v>
      </c>
      <c r="AA519" s="166">
        <v>0</v>
      </c>
      <c r="AB519" s="166">
        <v>0</v>
      </c>
      <c r="AC519" s="166">
        <v>0</v>
      </c>
      <c r="AD519" s="166">
        <v>0</v>
      </c>
      <c r="AE519" s="166">
        <v>0</v>
      </c>
      <c r="AF519" s="166">
        <v>0</v>
      </c>
      <c r="AG519" s="166">
        <v>0</v>
      </c>
      <c r="AH519" s="166">
        <v>0</v>
      </c>
      <c r="AI519" s="166">
        <v>0</v>
      </c>
      <c r="AJ519" s="166">
        <v>0</v>
      </c>
      <c r="AK519" s="166">
        <v>0</v>
      </c>
      <c r="AL519" s="166">
        <v>0</v>
      </c>
      <c r="AM519" s="166">
        <v>0</v>
      </c>
      <c r="AN519" s="166">
        <v>0</v>
      </c>
      <c r="AO519" s="166">
        <v>0</v>
      </c>
      <c r="AP519" s="166">
        <v>0</v>
      </c>
      <c r="AQ519" s="166">
        <v>0</v>
      </c>
      <c r="AR519" s="166">
        <v>0</v>
      </c>
      <c r="AS519" s="166">
        <v>0</v>
      </c>
      <c r="AT519" s="166">
        <v>0</v>
      </c>
      <c r="AU519" s="166">
        <v>0</v>
      </c>
      <c r="AV519" s="166">
        <v>0</v>
      </c>
      <c r="AW519" s="166">
        <v>0</v>
      </c>
      <c r="AX519" s="166">
        <v>0</v>
      </c>
      <c r="AY519" s="166">
        <v>0</v>
      </c>
      <c r="AZ519" s="166">
        <v>0</v>
      </c>
      <c r="BA519" s="166">
        <v>0</v>
      </c>
      <c r="BB519" s="166">
        <v>0</v>
      </c>
      <c r="BC519" s="166">
        <v>0</v>
      </c>
      <c r="BD519" s="166">
        <v>0</v>
      </c>
      <c r="BE519" s="166">
        <v>0</v>
      </c>
      <c r="BF519" s="166">
        <v>0</v>
      </c>
      <c r="BG519" s="166">
        <v>0</v>
      </c>
      <c r="BH519" s="166">
        <v>0</v>
      </c>
      <c r="BI519" s="166">
        <v>0</v>
      </c>
      <c r="BJ519" s="166">
        <v>0</v>
      </c>
      <c r="BK519" s="166">
        <v>0</v>
      </c>
      <c r="BL519" s="166">
        <v>0</v>
      </c>
      <c r="BM519" s="166">
        <v>0</v>
      </c>
      <c r="BN519" s="166">
        <v>0</v>
      </c>
      <c r="BO519" s="166">
        <v>0</v>
      </c>
      <c r="BP519" s="166">
        <v>0</v>
      </c>
      <c r="BQ519" s="166">
        <v>0</v>
      </c>
      <c r="BR519" s="166">
        <v>4437425.1393154701</v>
      </c>
      <c r="BS519" s="166">
        <v>4437425.1393154701</v>
      </c>
      <c r="BT519" s="168">
        <v>0</v>
      </c>
      <c r="BU519" s="166">
        <v>372908.96809807501</v>
      </c>
      <c r="BV519" s="166">
        <v>4110707.7697151601</v>
      </c>
      <c r="BW519" s="166">
        <v>0</v>
      </c>
      <c r="BX519" s="166">
        <v>0</v>
      </c>
      <c r="BY519" s="166">
        <v>0</v>
      </c>
      <c r="BZ519" s="166">
        <v>0</v>
      </c>
      <c r="CA519" s="166">
        <v>0</v>
      </c>
      <c r="CB519" s="166">
        <v>0</v>
      </c>
      <c r="CC519" s="166">
        <v>0</v>
      </c>
      <c r="CD519" s="166">
        <v>0</v>
      </c>
      <c r="CE519" s="166">
        <v>0</v>
      </c>
      <c r="CF519" s="166">
        <v>0</v>
      </c>
      <c r="CG519" s="166">
        <v>0</v>
      </c>
      <c r="CH519" s="166">
        <v>0</v>
      </c>
      <c r="CI519" s="166">
        <v>0</v>
      </c>
      <c r="CJ519" s="166">
        <v>0</v>
      </c>
      <c r="CK519" s="166">
        <v>0</v>
      </c>
      <c r="CL519" s="166">
        <v>0</v>
      </c>
      <c r="CM519" s="166">
        <v>0</v>
      </c>
      <c r="CN519" s="166">
        <v>0</v>
      </c>
      <c r="CO519" s="166">
        <v>0</v>
      </c>
      <c r="CP519" s="166">
        <v>0</v>
      </c>
      <c r="CQ519" s="166">
        <v>0</v>
      </c>
      <c r="CR519" s="166">
        <v>0</v>
      </c>
      <c r="CS519" s="166">
        <v>0</v>
      </c>
      <c r="CT519" s="166">
        <v>0</v>
      </c>
      <c r="CU519" s="166">
        <v>0</v>
      </c>
      <c r="CV519" s="166">
        <v>0</v>
      </c>
      <c r="CW519" s="166">
        <v>0</v>
      </c>
      <c r="CX519" s="166">
        <v>0</v>
      </c>
      <c r="CY519" s="166">
        <v>4110707.7697151601</v>
      </c>
      <c r="CZ519" s="166">
        <v>4110707.7697151601</v>
      </c>
    </row>
    <row r="520" spans="1:104" x14ac:dyDescent="0.2">
      <c r="A520" s="167" t="s">
        <v>609</v>
      </c>
      <c r="B520" s="166">
        <v>6255478.9201366398</v>
      </c>
      <c r="C520" s="166">
        <v>6255478.9201366398</v>
      </c>
      <c r="D520" s="166">
        <v>0</v>
      </c>
      <c r="E520" s="166">
        <v>0</v>
      </c>
      <c r="F520" s="166">
        <v>0</v>
      </c>
      <c r="G520" s="166">
        <v>0</v>
      </c>
      <c r="H520" s="166">
        <v>0</v>
      </c>
      <c r="I520" s="166">
        <v>0</v>
      </c>
      <c r="J520" s="166">
        <v>0</v>
      </c>
      <c r="K520" s="166">
        <v>0</v>
      </c>
      <c r="L520" s="166">
        <v>0</v>
      </c>
      <c r="M520" s="166">
        <v>0</v>
      </c>
      <c r="N520" s="166">
        <v>0</v>
      </c>
      <c r="O520" s="166">
        <v>0</v>
      </c>
      <c r="P520" s="166">
        <v>0</v>
      </c>
      <c r="Q520" s="166">
        <v>0</v>
      </c>
      <c r="R520" s="166">
        <v>0</v>
      </c>
      <c r="S520" s="166">
        <v>0</v>
      </c>
      <c r="T520" s="166">
        <v>0</v>
      </c>
      <c r="U520" s="166">
        <v>0</v>
      </c>
      <c r="V520" s="166">
        <v>0</v>
      </c>
      <c r="W520" s="166">
        <v>0</v>
      </c>
      <c r="X520" s="166">
        <v>0</v>
      </c>
      <c r="Y520" s="166">
        <v>0</v>
      </c>
      <c r="Z520" s="166">
        <v>0</v>
      </c>
      <c r="AA520" s="166">
        <v>0</v>
      </c>
      <c r="AB520" s="166">
        <v>0</v>
      </c>
      <c r="AC520" s="166">
        <v>0</v>
      </c>
      <c r="AD520" s="166">
        <v>0</v>
      </c>
      <c r="AE520" s="166">
        <v>0</v>
      </c>
      <c r="AF520" s="166">
        <v>0</v>
      </c>
      <c r="AG520" s="166">
        <v>0</v>
      </c>
      <c r="AH520" s="166">
        <v>0</v>
      </c>
      <c r="AI520" s="166">
        <v>0</v>
      </c>
      <c r="AJ520" s="166">
        <v>0</v>
      </c>
      <c r="AK520" s="166">
        <v>0</v>
      </c>
      <c r="AL520" s="166">
        <v>0</v>
      </c>
      <c r="AM520" s="166">
        <v>0</v>
      </c>
      <c r="AN520" s="166">
        <v>0</v>
      </c>
      <c r="AO520" s="166">
        <v>0</v>
      </c>
      <c r="AP520" s="166">
        <v>0</v>
      </c>
      <c r="AQ520" s="166">
        <v>0</v>
      </c>
      <c r="AR520" s="166">
        <v>0</v>
      </c>
      <c r="AS520" s="166">
        <v>0</v>
      </c>
      <c r="AT520" s="166">
        <v>0</v>
      </c>
      <c r="AU520" s="166">
        <v>0</v>
      </c>
      <c r="AV520" s="166">
        <v>0</v>
      </c>
      <c r="AW520" s="166">
        <v>0</v>
      </c>
      <c r="AX520" s="166">
        <v>0</v>
      </c>
      <c r="AY520" s="166">
        <v>0</v>
      </c>
      <c r="AZ520" s="166">
        <v>0</v>
      </c>
      <c r="BA520" s="166">
        <v>0</v>
      </c>
      <c r="BB520" s="166">
        <v>0</v>
      </c>
      <c r="BC520" s="166">
        <v>0</v>
      </c>
      <c r="BD520" s="166">
        <v>0</v>
      </c>
      <c r="BE520" s="166">
        <v>0</v>
      </c>
      <c r="BF520" s="166">
        <v>0</v>
      </c>
      <c r="BG520" s="166">
        <v>0</v>
      </c>
      <c r="BH520" s="166">
        <v>0</v>
      </c>
      <c r="BI520" s="166">
        <v>0</v>
      </c>
      <c r="BJ520" s="166">
        <v>0</v>
      </c>
      <c r="BK520" s="166">
        <v>0</v>
      </c>
      <c r="BL520" s="166">
        <v>0</v>
      </c>
      <c r="BM520" s="166">
        <v>0</v>
      </c>
      <c r="BN520" s="166">
        <v>0</v>
      </c>
      <c r="BO520" s="166">
        <v>0</v>
      </c>
      <c r="BP520" s="166">
        <v>0</v>
      </c>
      <c r="BQ520" s="166">
        <v>0</v>
      </c>
      <c r="BR520" s="166">
        <v>6255478.9201366398</v>
      </c>
      <c r="BS520" s="166">
        <v>6255478.9201366501</v>
      </c>
      <c r="BT520" s="168">
        <v>0</v>
      </c>
      <c r="BU520" s="166">
        <v>440881.24119115801</v>
      </c>
      <c r="BV520" s="166">
        <v>5949581.9073638199</v>
      </c>
      <c r="BW520" s="166">
        <v>0</v>
      </c>
      <c r="BX520" s="166">
        <v>0</v>
      </c>
      <c r="BY520" s="166">
        <v>0</v>
      </c>
      <c r="BZ520" s="166">
        <v>0</v>
      </c>
      <c r="CA520" s="166">
        <v>0</v>
      </c>
      <c r="CB520" s="166">
        <v>0</v>
      </c>
      <c r="CC520" s="166">
        <v>0</v>
      </c>
      <c r="CD520" s="166">
        <v>0</v>
      </c>
      <c r="CE520" s="166">
        <v>0</v>
      </c>
      <c r="CF520" s="166">
        <v>0</v>
      </c>
      <c r="CG520" s="166">
        <v>0</v>
      </c>
      <c r="CH520" s="166">
        <v>0</v>
      </c>
      <c r="CI520" s="166">
        <v>0</v>
      </c>
      <c r="CJ520" s="166">
        <v>0</v>
      </c>
      <c r="CK520" s="166">
        <v>0</v>
      </c>
      <c r="CL520" s="166">
        <v>0</v>
      </c>
      <c r="CM520" s="166">
        <v>0</v>
      </c>
      <c r="CN520" s="166">
        <v>0</v>
      </c>
      <c r="CO520" s="166">
        <v>0</v>
      </c>
      <c r="CP520" s="166">
        <v>0</v>
      </c>
      <c r="CQ520" s="166">
        <v>0</v>
      </c>
      <c r="CR520" s="166">
        <v>0</v>
      </c>
      <c r="CS520" s="166">
        <v>0</v>
      </c>
      <c r="CT520" s="166">
        <v>0</v>
      </c>
      <c r="CU520" s="166">
        <v>0</v>
      </c>
      <c r="CV520" s="166">
        <v>0</v>
      </c>
      <c r="CW520" s="166">
        <v>0</v>
      </c>
      <c r="CX520" s="166">
        <v>0</v>
      </c>
      <c r="CY520" s="166">
        <v>5949581.9073638199</v>
      </c>
      <c r="CZ520" s="166">
        <v>5949581.9073638199</v>
      </c>
    </row>
    <row r="521" spans="1:104" x14ac:dyDescent="0.2">
      <c r="A521" s="167" t="s">
        <v>610</v>
      </c>
      <c r="B521" s="166">
        <v>76852104.732013494</v>
      </c>
      <c r="C521" s="166">
        <v>76852104.732013494</v>
      </c>
      <c r="D521" s="166">
        <v>0</v>
      </c>
      <c r="E521" s="166">
        <v>0</v>
      </c>
      <c r="F521" s="166">
        <v>0</v>
      </c>
      <c r="G521" s="166">
        <v>0</v>
      </c>
      <c r="H521" s="166">
        <v>0</v>
      </c>
      <c r="I521" s="166">
        <v>0</v>
      </c>
      <c r="J521" s="166">
        <v>0</v>
      </c>
      <c r="K521" s="166">
        <v>0</v>
      </c>
      <c r="L521" s="166">
        <v>0</v>
      </c>
      <c r="M521" s="166">
        <v>0</v>
      </c>
      <c r="N521" s="166">
        <v>0</v>
      </c>
      <c r="O521" s="166">
        <v>0</v>
      </c>
      <c r="P521" s="166">
        <v>0</v>
      </c>
      <c r="Q521" s="166">
        <v>0</v>
      </c>
      <c r="R521" s="166">
        <v>0</v>
      </c>
      <c r="S521" s="166">
        <v>0</v>
      </c>
      <c r="T521" s="166">
        <v>0</v>
      </c>
      <c r="U521" s="166">
        <v>0</v>
      </c>
      <c r="V521" s="166">
        <v>0</v>
      </c>
      <c r="W521" s="166">
        <v>0</v>
      </c>
      <c r="X521" s="166">
        <v>0</v>
      </c>
      <c r="Y521" s="166">
        <v>0</v>
      </c>
      <c r="Z521" s="166">
        <v>0</v>
      </c>
      <c r="AA521" s="166">
        <v>0</v>
      </c>
      <c r="AB521" s="166">
        <v>0</v>
      </c>
      <c r="AC521" s="166">
        <v>0</v>
      </c>
      <c r="AD521" s="166">
        <v>0</v>
      </c>
      <c r="AE521" s="166">
        <v>0</v>
      </c>
      <c r="AF521" s="166">
        <v>0</v>
      </c>
      <c r="AG521" s="166">
        <v>0</v>
      </c>
      <c r="AH521" s="166">
        <v>0</v>
      </c>
      <c r="AI521" s="166">
        <v>0</v>
      </c>
      <c r="AJ521" s="166">
        <v>0</v>
      </c>
      <c r="AK521" s="166">
        <v>0</v>
      </c>
      <c r="AL521" s="166">
        <v>0</v>
      </c>
      <c r="AM521" s="166">
        <v>0</v>
      </c>
      <c r="AN521" s="166">
        <v>0</v>
      </c>
      <c r="AO521" s="166">
        <v>0</v>
      </c>
      <c r="AP521" s="166">
        <v>0</v>
      </c>
      <c r="AQ521" s="166">
        <v>0</v>
      </c>
      <c r="AR521" s="166">
        <v>0</v>
      </c>
      <c r="AS521" s="166">
        <v>0</v>
      </c>
      <c r="AT521" s="166">
        <v>0</v>
      </c>
      <c r="AU521" s="166">
        <v>0</v>
      </c>
      <c r="AV521" s="166">
        <v>0</v>
      </c>
      <c r="AW521" s="166">
        <v>0</v>
      </c>
      <c r="AX521" s="166">
        <v>0</v>
      </c>
      <c r="AY521" s="166">
        <v>0</v>
      </c>
      <c r="AZ521" s="166">
        <v>0</v>
      </c>
      <c r="BA521" s="166">
        <v>0</v>
      </c>
      <c r="BB521" s="166">
        <v>0</v>
      </c>
      <c r="BC521" s="166">
        <v>0</v>
      </c>
      <c r="BD521" s="166">
        <v>0</v>
      </c>
      <c r="BE521" s="166">
        <v>0</v>
      </c>
      <c r="BF521" s="166">
        <v>0</v>
      </c>
      <c r="BG521" s="166">
        <v>0</v>
      </c>
      <c r="BH521" s="166">
        <v>0</v>
      </c>
      <c r="BI521" s="166">
        <v>0</v>
      </c>
      <c r="BJ521" s="166">
        <v>0</v>
      </c>
      <c r="BK521" s="166">
        <v>0</v>
      </c>
      <c r="BL521" s="166">
        <v>0</v>
      </c>
      <c r="BM521" s="166">
        <v>0</v>
      </c>
      <c r="BN521" s="166">
        <v>0</v>
      </c>
      <c r="BO521" s="166">
        <v>0</v>
      </c>
      <c r="BP521" s="166">
        <v>0</v>
      </c>
      <c r="BQ521" s="166">
        <v>0</v>
      </c>
      <c r="BR521" s="166">
        <v>76852104.732013494</v>
      </c>
      <c r="BS521" s="166">
        <v>76852104.732013494</v>
      </c>
      <c r="BT521" s="168">
        <v>0</v>
      </c>
      <c r="BU521" s="166">
        <v>10969978.174709</v>
      </c>
      <c r="BV521" s="166">
        <v>75972312.653780907</v>
      </c>
      <c r="BW521" s="166">
        <v>0</v>
      </c>
      <c r="BX521" s="166">
        <v>0</v>
      </c>
      <c r="BY521" s="166">
        <v>0</v>
      </c>
      <c r="BZ521" s="166">
        <v>0</v>
      </c>
      <c r="CA521" s="166">
        <v>0</v>
      </c>
      <c r="CB521" s="166">
        <v>0</v>
      </c>
      <c r="CC521" s="166">
        <v>0</v>
      </c>
      <c r="CD521" s="166">
        <v>0</v>
      </c>
      <c r="CE521" s="166">
        <v>0</v>
      </c>
      <c r="CF521" s="166">
        <v>0</v>
      </c>
      <c r="CG521" s="166">
        <v>0</v>
      </c>
      <c r="CH521" s="166">
        <v>0</v>
      </c>
      <c r="CI521" s="166">
        <v>0</v>
      </c>
      <c r="CJ521" s="166">
        <v>0</v>
      </c>
      <c r="CK521" s="166">
        <v>0</v>
      </c>
      <c r="CL521" s="166">
        <v>0</v>
      </c>
      <c r="CM521" s="166">
        <v>0</v>
      </c>
      <c r="CN521" s="166">
        <v>0</v>
      </c>
      <c r="CO521" s="166">
        <v>0</v>
      </c>
      <c r="CP521" s="166">
        <v>0</v>
      </c>
      <c r="CQ521" s="166">
        <v>0</v>
      </c>
      <c r="CR521" s="166">
        <v>0</v>
      </c>
      <c r="CS521" s="166">
        <v>0</v>
      </c>
      <c r="CT521" s="166">
        <v>0</v>
      </c>
      <c r="CU521" s="166">
        <v>0</v>
      </c>
      <c r="CV521" s="166">
        <v>0</v>
      </c>
      <c r="CW521" s="166">
        <v>0</v>
      </c>
      <c r="CX521" s="166">
        <v>0</v>
      </c>
      <c r="CY521" s="166">
        <v>75972312.653780907</v>
      </c>
      <c r="CZ521" s="166">
        <v>75972312.653780907</v>
      </c>
    </row>
    <row r="522" spans="1:104" x14ac:dyDescent="0.2">
      <c r="A522" s="167" t="s">
        <v>611</v>
      </c>
      <c r="B522" s="166">
        <v>14731940.243171999</v>
      </c>
      <c r="C522" s="166">
        <v>14731940.243171999</v>
      </c>
      <c r="D522" s="166">
        <v>0</v>
      </c>
      <c r="E522" s="166">
        <v>0</v>
      </c>
      <c r="F522" s="166">
        <v>0</v>
      </c>
      <c r="G522" s="166">
        <v>0</v>
      </c>
      <c r="H522" s="166">
        <v>0</v>
      </c>
      <c r="I522" s="166">
        <v>0</v>
      </c>
      <c r="J522" s="166">
        <v>0</v>
      </c>
      <c r="K522" s="166">
        <v>0</v>
      </c>
      <c r="L522" s="166">
        <v>0</v>
      </c>
      <c r="M522" s="166">
        <v>0</v>
      </c>
      <c r="N522" s="166">
        <v>0</v>
      </c>
      <c r="O522" s="166">
        <v>0</v>
      </c>
      <c r="P522" s="166">
        <v>0</v>
      </c>
      <c r="Q522" s="166">
        <v>0</v>
      </c>
      <c r="R522" s="166">
        <v>0</v>
      </c>
      <c r="S522" s="166">
        <v>0</v>
      </c>
      <c r="T522" s="166">
        <v>0</v>
      </c>
      <c r="U522" s="166">
        <v>0</v>
      </c>
      <c r="V522" s="166">
        <v>0</v>
      </c>
      <c r="W522" s="166">
        <v>0</v>
      </c>
      <c r="X522" s="166">
        <v>0</v>
      </c>
      <c r="Y522" s="166">
        <v>0</v>
      </c>
      <c r="Z522" s="166">
        <v>0</v>
      </c>
      <c r="AA522" s="166">
        <v>0</v>
      </c>
      <c r="AB522" s="166">
        <v>0</v>
      </c>
      <c r="AC522" s="166">
        <v>0</v>
      </c>
      <c r="AD522" s="166">
        <v>0</v>
      </c>
      <c r="AE522" s="166">
        <v>0</v>
      </c>
      <c r="AF522" s="166">
        <v>0</v>
      </c>
      <c r="AG522" s="166">
        <v>0</v>
      </c>
      <c r="AH522" s="166">
        <v>0</v>
      </c>
      <c r="AI522" s="166">
        <v>0</v>
      </c>
      <c r="AJ522" s="166">
        <v>0</v>
      </c>
      <c r="AK522" s="166">
        <v>0</v>
      </c>
      <c r="AL522" s="166">
        <v>0</v>
      </c>
      <c r="AM522" s="166">
        <v>0</v>
      </c>
      <c r="AN522" s="166">
        <v>0</v>
      </c>
      <c r="AO522" s="166">
        <v>0</v>
      </c>
      <c r="AP522" s="166">
        <v>0</v>
      </c>
      <c r="AQ522" s="166">
        <v>0</v>
      </c>
      <c r="AR522" s="166">
        <v>0</v>
      </c>
      <c r="AS522" s="166">
        <v>0</v>
      </c>
      <c r="AT522" s="166">
        <v>0</v>
      </c>
      <c r="AU522" s="166">
        <v>0</v>
      </c>
      <c r="AV522" s="166">
        <v>0</v>
      </c>
      <c r="AW522" s="166">
        <v>0</v>
      </c>
      <c r="AX522" s="166">
        <v>0</v>
      </c>
      <c r="AY522" s="166">
        <v>0</v>
      </c>
      <c r="AZ522" s="166">
        <v>0</v>
      </c>
      <c r="BA522" s="166">
        <v>0</v>
      </c>
      <c r="BB522" s="166">
        <v>0</v>
      </c>
      <c r="BC522" s="166">
        <v>0</v>
      </c>
      <c r="BD522" s="166">
        <v>0</v>
      </c>
      <c r="BE522" s="166">
        <v>0</v>
      </c>
      <c r="BF522" s="166">
        <v>0</v>
      </c>
      <c r="BG522" s="166">
        <v>0</v>
      </c>
      <c r="BH522" s="166">
        <v>0</v>
      </c>
      <c r="BI522" s="166">
        <v>0</v>
      </c>
      <c r="BJ522" s="166">
        <v>0</v>
      </c>
      <c r="BK522" s="166">
        <v>0</v>
      </c>
      <c r="BL522" s="166">
        <v>0</v>
      </c>
      <c r="BM522" s="166">
        <v>0</v>
      </c>
      <c r="BN522" s="166">
        <v>0</v>
      </c>
      <c r="BO522" s="166">
        <v>0</v>
      </c>
      <c r="BP522" s="166">
        <v>0</v>
      </c>
      <c r="BQ522" s="166">
        <v>0</v>
      </c>
      <c r="BR522" s="166">
        <v>14731940.243171999</v>
      </c>
      <c r="BS522" s="166">
        <v>14731940.243171999</v>
      </c>
      <c r="BT522" s="168">
        <v>0</v>
      </c>
      <c r="BU522" s="166">
        <v>1784624.4860644201</v>
      </c>
      <c r="BV522" s="166">
        <v>13865888.861792799</v>
      </c>
      <c r="BW522" s="166">
        <v>0</v>
      </c>
      <c r="BX522" s="166">
        <v>0</v>
      </c>
      <c r="BY522" s="166">
        <v>0</v>
      </c>
      <c r="BZ522" s="166">
        <v>0</v>
      </c>
      <c r="CA522" s="166">
        <v>0</v>
      </c>
      <c r="CB522" s="166">
        <v>0</v>
      </c>
      <c r="CC522" s="166">
        <v>0</v>
      </c>
      <c r="CD522" s="166">
        <v>0</v>
      </c>
      <c r="CE522" s="166">
        <v>0</v>
      </c>
      <c r="CF522" s="166">
        <v>0</v>
      </c>
      <c r="CG522" s="166">
        <v>0</v>
      </c>
      <c r="CH522" s="166">
        <v>0</v>
      </c>
      <c r="CI522" s="166">
        <v>0</v>
      </c>
      <c r="CJ522" s="166">
        <v>0</v>
      </c>
      <c r="CK522" s="166">
        <v>0</v>
      </c>
      <c r="CL522" s="166">
        <v>0</v>
      </c>
      <c r="CM522" s="166">
        <v>0</v>
      </c>
      <c r="CN522" s="166">
        <v>0</v>
      </c>
      <c r="CO522" s="166">
        <v>0</v>
      </c>
      <c r="CP522" s="166">
        <v>0</v>
      </c>
      <c r="CQ522" s="166">
        <v>0</v>
      </c>
      <c r="CR522" s="166">
        <v>0</v>
      </c>
      <c r="CS522" s="166">
        <v>0</v>
      </c>
      <c r="CT522" s="166">
        <v>0</v>
      </c>
      <c r="CU522" s="166">
        <v>0</v>
      </c>
      <c r="CV522" s="166">
        <v>0</v>
      </c>
      <c r="CW522" s="166">
        <v>0</v>
      </c>
      <c r="CX522" s="166">
        <v>0</v>
      </c>
      <c r="CY522" s="166">
        <v>13865888.861792799</v>
      </c>
      <c r="CZ522" s="166">
        <v>13865888.861792799</v>
      </c>
    </row>
    <row r="523" spans="1:104" x14ac:dyDescent="0.2">
      <c r="A523" s="167" t="s">
        <v>612</v>
      </c>
      <c r="B523" s="166">
        <v>13334918.3562124</v>
      </c>
      <c r="C523" s="166">
        <v>13334918.3562124</v>
      </c>
      <c r="D523" s="166">
        <v>0</v>
      </c>
      <c r="E523" s="166">
        <v>0</v>
      </c>
      <c r="F523" s="166">
        <v>0</v>
      </c>
      <c r="G523" s="166">
        <v>0</v>
      </c>
      <c r="H523" s="166">
        <v>0</v>
      </c>
      <c r="I523" s="166">
        <v>0</v>
      </c>
      <c r="J523" s="166">
        <v>0</v>
      </c>
      <c r="K523" s="166">
        <v>0</v>
      </c>
      <c r="L523" s="166">
        <v>0</v>
      </c>
      <c r="M523" s="166">
        <v>0</v>
      </c>
      <c r="N523" s="166">
        <v>0</v>
      </c>
      <c r="O523" s="166">
        <v>0</v>
      </c>
      <c r="P523" s="166">
        <v>0</v>
      </c>
      <c r="Q523" s="166">
        <v>0</v>
      </c>
      <c r="R523" s="166">
        <v>0</v>
      </c>
      <c r="S523" s="166">
        <v>0</v>
      </c>
      <c r="T523" s="166">
        <v>0</v>
      </c>
      <c r="U523" s="166">
        <v>0</v>
      </c>
      <c r="V523" s="166">
        <v>0</v>
      </c>
      <c r="W523" s="166">
        <v>0</v>
      </c>
      <c r="X523" s="166">
        <v>0</v>
      </c>
      <c r="Y523" s="166">
        <v>0</v>
      </c>
      <c r="Z523" s="166">
        <v>0</v>
      </c>
      <c r="AA523" s="166">
        <v>0</v>
      </c>
      <c r="AB523" s="166">
        <v>0</v>
      </c>
      <c r="AC523" s="166">
        <v>0</v>
      </c>
      <c r="AD523" s="166">
        <v>0</v>
      </c>
      <c r="AE523" s="166">
        <v>0</v>
      </c>
      <c r="AF523" s="166">
        <v>0</v>
      </c>
      <c r="AG523" s="166">
        <v>0</v>
      </c>
      <c r="AH523" s="166">
        <v>0</v>
      </c>
      <c r="AI523" s="166">
        <v>0</v>
      </c>
      <c r="AJ523" s="166">
        <v>0</v>
      </c>
      <c r="AK523" s="166">
        <v>0</v>
      </c>
      <c r="AL523" s="166">
        <v>0</v>
      </c>
      <c r="AM523" s="166">
        <v>0</v>
      </c>
      <c r="AN523" s="166">
        <v>0</v>
      </c>
      <c r="AO523" s="166">
        <v>0</v>
      </c>
      <c r="AP523" s="166">
        <v>0</v>
      </c>
      <c r="AQ523" s="166">
        <v>0</v>
      </c>
      <c r="AR523" s="166">
        <v>0</v>
      </c>
      <c r="AS523" s="166">
        <v>0</v>
      </c>
      <c r="AT523" s="166">
        <v>0</v>
      </c>
      <c r="AU523" s="166">
        <v>0</v>
      </c>
      <c r="AV523" s="166">
        <v>0</v>
      </c>
      <c r="AW523" s="166">
        <v>0</v>
      </c>
      <c r="AX523" s="166">
        <v>0</v>
      </c>
      <c r="AY523" s="166">
        <v>0</v>
      </c>
      <c r="AZ523" s="166">
        <v>0</v>
      </c>
      <c r="BA523" s="166">
        <v>0</v>
      </c>
      <c r="BB523" s="166">
        <v>0</v>
      </c>
      <c r="BC523" s="166">
        <v>0</v>
      </c>
      <c r="BD523" s="166">
        <v>0</v>
      </c>
      <c r="BE523" s="166">
        <v>0</v>
      </c>
      <c r="BF523" s="166">
        <v>0</v>
      </c>
      <c r="BG523" s="166">
        <v>0</v>
      </c>
      <c r="BH523" s="166">
        <v>0</v>
      </c>
      <c r="BI523" s="166">
        <v>0</v>
      </c>
      <c r="BJ523" s="166">
        <v>0</v>
      </c>
      <c r="BK523" s="166">
        <v>0</v>
      </c>
      <c r="BL523" s="166">
        <v>0</v>
      </c>
      <c r="BM523" s="166">
        <v>0</v>
      </c>
      <c r="BN523" s="166">
        <v>0</v>
      </c>
      <c r="BO523" s="166">
        <v>0</v>
      </c>
      <c r="BP523" s="166">
        <v>0</v>
      </c>
      <c r="BQ523" s="166">
        <v>0</v>
      </c>
      <c r="BR523" s="166">
        <v>13334918.3562124</v>
      </c>
      <c r="BS523" s="166">
        <v>13334918.3562124</v>
      </c>
      <c r="BT523" s="168">
        <v>0</v>
      </c>
      <c r="BU523" s="166">
        <v>1164798.5483731299</v>
      </c>
      <c r="BV523" s="166">
        <v>13051701.891917899</v>
      </c>
      <c r="BW523" s="166">
        <v>0</v>
      </c>
      <c r="BX523" s="166">
        <v>0</v>
      </c>
      <c r="BY523" s="166">
        <v>0</v>
      </c>
      <c r="BZ523" s="166">
        <v>0</v>
      </c>
      <c r="CA523" s="166">
        <v>0</v>
      </c>
      <c r="CB523" s="166">
        <v>0</v>
      </c>
      <c r="CC523" s="166">
        <v>0</v>
      </c>
      <c r="CD523" s="166">
        <v>0</v>
      </c>
      <c r="CE523" s="166">
        <v>0</v>
      </c>
      <c r="CF523" s="166">
        <v>0</v>
      </c>
      <c r="CG523" s="166">
        <v>0</v>
      </c>
      <c r="CH523" s="166">
        <v>0</v>
      </c>
      <c r="CI523" s="166">
        <v>0</v>
      </c>
      <c r="CJ523" s="166">
        <v>0</v>
      </c>
      <c r="CK523" s="166">
        <v>0</v>
      </c>
      <c r="CL523" s="166">
        <v>0</v>
      </c>
      <c r="CM523" s="166">
        <v>0</v>
      </c>
      <c r="CN523" s="166">
        <v>0</v>
      </c>
      <c r="CO523" s="166">
        <v>0</v>
      </c>
      <c r="CP523" s="166">
        <v>0</v>
      </c>
      <c r="CQ523" s="166">
        <v>0</v>
      </c>
      <c r="CR523" s="166">
        <v>0</v>
      </c>
      <c r="CS523" s="166">
        <v>0</v>
      </c>
      <c r="CT523" s="166">
        <v>0</v>
      </c>
      <c r="CU523" s="166">
        <v>0</v>
      </c>
      <c r="CV523" s="166">
        <v>0</v>
      </c>
      <c r="CW523" s="166">
        <v>0</v>
      </c>
      <c r="CX523" s="166">
        <v>0</v>
      </c>
      <c r="CY523" s="166">
        <v>13051701.891917899</v>
      </c>
      <c r="CZ523" s="166">
        <v>13051701.891917899</v>
      </c>
    </row>
    <row r="524" spans="1:104" x14ac:dyDescent="0.2">
      <c r="A524" s="167" t="s">
        <v>613</v>
      </c>
      <c r="B524" s="166">
        <v>157028873.54484999</v>
      </c>
      <c r="C524" s="166">
        <v>157028873.54484999</v>
      </c>
      <c r="D524" s="166">
        <v>0</v>
      </c>
      <c r="E524" s="166">
        <v>0</v>
      </c>
      <c r="F524" s="166">
        <v>0</v>
      </c>
      <c r="G524" s="166">
        <v>0</v>
      </c>
      <c r="H524" s="166">
        <v>0</v>
      </c>
      <c r="I524" s="166">
        <v>0</v>
      </c>
      <c r="J524" s="166">
        <v>0</v>
      </c>
      <c r="K524" s="166">
        <v>0</v>
      </c>
      <c r="L524" s="166">
        <v>0</v>
      </c>
      <c r="M524" s="166">
        <v>0</v>
      </c>
      <c r="N524" s="166">
        <v>0</v>
      </c>
      <c r="O524" s="166">
        <v>0</v>
      </c>
      <c r="P524" s="166">
        <v>0</v>
      </c>
      <c r="Q524" s="166">
        <v>0</v>
      </c>
      <c r="R524" s="166">
        <v>0</v>
      </c>
      <c r="S524" s="166">
        <v>0</v>
      </c>
      <c r="T524" s="166">
        <v>0</v>
      </c>
      <c r="U524" s="166">
        <v>0</v>
      </c>
      <c r="V524" s="166">
        <v>0</v>
      </c>
      <c r="W524" s="166">
        <v>0</v>
      </c>
      <c r="X524" s="166">
        <v>0</v>
      </c>
      <c r="Y524" s="166">
        <v>0</v>
      </c>
      <c r="Z524" s="166">
        <v>0</v>
      </c>
      <c r="AA524" s="166">
        <v>0</v>
      </c>
      <c r="AB524" s="166">
        <v>0</v>
      </c>
      <c r="AC524" s="166">
        <v>0</v>
      </c>
      <c r="AD524" s="166">
        <v>0</v>
      </c>
      <c r="AE524" s="166">
        <v>0</v>
      </c>
      <c r="AF524" s="166">
        <v>0</v>
      </c>
      <c r="AG524" s="166">
        <v>0</v>
      </c>
      <c r="AH524" s="166">
        <v>0</v>
      </c>
      <c r="AI524" s="166">
        <v>0</v>
      </c>
      <c r="AJ524" s="166">
        <v>0</v>
      </c>
      <c r="AK524" s="166">
        <v>0</v>
      </c>
      <c r="AL524" s="166">
        <v>0</v>
      </c>
      <c r="AM524" s="166">
        <v>0</v>
      </c>
      <c r="AN524" s="166">
        <v>0</v>
      </c>
      <c r="AO524" s="166">
        <v>0</v>
      </c>
      <c r="AP524" s="166">
        <v>0</v>
      </c>
      <c r="AQ524" s="166">
        <v>0</v>
      </c>
      <c r="AR524" s="166">
        <v>0</v>
      </c>
      <c r="AS524" s="166">
        <v>0</v>
      </c>
      <c r="AT524" s="166">
        <v>0</v>
      </c>
      <c r="AU524" s="166">
        <v>0</v>
      </c>
      <c r="AV524" s="166">
        <v>0</v>
      </c>
      <c r="AW524" s="166">
        <v>0</v>
      </c>
      <c r="AX524" s="166">
        <v>0</v>
      </c>
      <c r="AY524" s="166">
        <v>0</v>
      </c>
      <c r="AZ524" s="166">
        <v>0</v>
      </c>
      <c r="BA524" s="166">
        <v>0</v>
      </c>
      <c r="BB524" s="166">
        <v>0</v>
      </c>
      <c r="BC524" s="166">
        <v>0</v>
      </c>
      <c r="BD524" s="166">
        <v>0</v>
      </c>
      <c r="BE524" s="166">
        <v>0</v>
      </c>
      <c r="BF524" s="166">
        <v>0</v>
      </c>
      <c r="BG524" s="166">
        <v>0</v>
      </c>
      <c r="BH524" s="166">
        <v>0</v>
      </c>
      <c r="BI524" s="166">
        <v>0</v>
      </c>
      <c r="BJ524" s="166">
        <v>0</v>
      </c>
      <c r="BK524" s="166">
        <v>0</v>
      </c>
      <c r="BL524" s="166">
        <v>0</v>
      </c>
      <c r="BM524" s="166">
        <v>0</v>
      </c>
      <c r="BN524" s="166">
        <v>0</v>
      </c>
      <c r="BO524" s="166">
        <v>0</v>
      </c>
      <c r="BP524" s="166">
        <v>0</v>
      </c>
      <c r="BQ524" s="166">
        <v>0</v>
      </c>
      <c r="BR524" s="166">
        <v>157028873.54484999</v>
      </c>
      <c r="BS524" s="166">
        <v>157028873.54484999</v>
      </c>
      <c r="BT524" s="168">
        <v>0</v>
      </c>
      <c r="BU524" s="166">
        <v>17936806.149779301</v>
      </c>
      <c r="BV524" s="166">
        <v>153291599.588752</v>
      </c>
      <c r="BW524" s="166">
        <v>0</v>
      </c>
      <c r="BX524" s="166">
        <v>0</v>
      </c>
      <c r="BY524" s="166">
        <v>0</v>
      </c>
      <c r="BZ524" s="166">
        <v>0</v>
      </c>
      <c r="CA524" s="166">
        <v>0</v>
      </c>
      <c r="CB524" s="166">
        <v>0</v>
      </c>
      <c r="CC524" s="166">
        <v>0</v>
      </c>
      <c r="CD524" s="166">
        <v>0</v>
      </c>
      <c r="CE524" s="166">
        <v>0</v>
      </c>
      <c r="CF524" s="166">
        <v>0</v>
      </c>
      <c r="CG524" s="166">
        <v>0</v>
      </c>
      <c r="CH524" s="166">
        <v>0</v>
      </c>
      <c r="CI524" s="166">
        <v>0</v>
      </c>
      <c r="CJ524" s="166">
        <v>0</v>
      </c>
      <c r="CK524" s="166">
        <v>0</v>
      </c>
      <c r="CL524" s="166">
        <v>0</v>
      </c>
      <c r="CM524" s="166">
        <v>0</v>
      </c>
      <c r="CN524" s="166">
        <v>0</v>
      </c>
      <c r="CO524" s="166">
        <v>0</v>
      </c>
      <c r="CP524" s="166">
        <v>0</v>
      </c>
      <c r="CQ524" s="166">
        <v>0</v>
      </c>
      <c r="CR524" s="166">
        <v>0</v>
      </c>
      <c r="CS524" s="166">
        <v>0</v>
      </c>
      <c r="CT524" s="166">
        <v>0</v>
      </c>
      <c r="CU524" s="166">
        <v>0</v>
      </c>
      <c r="CV524" s="166">
        <v>0</v>
      </c>
      <c r="CW524" s="166">
        <v>0</v>
      </c>
      <c r="CX524" s="166">
        <v>0</v>
      </c>
      <c r="CY524" s="166">
        <v>153291599.588752</v>
      </c>
      <c r="CZ524" s="166">
        <v>153291599.588752</v>
      </c>
    </row>
    <row r="525" spans="1:104" x14ac:dyDescent="0.2">
      <c r="A525" s="167" t="s">
        <v>614</v>
      </c>
      <c r="B525" s="166">
        <v>0</v>
      </c>
      <c r="C525" s="166">
        <v>0</v>
      </c>
      <c r="D525" s="166">
        <v>0</v>
      </c>
      <c r="E525" s="166">
        <v>0</v>
      </c>
      <c r="F525" s="166">
        <v>0</v>
      </c>
      <c r="G525" s="166">
        <v>0</v>
      </c>
      <c r="H525" s="166">
        <v>0</v>
      </c>
      <c r="I525" s="166">
        <v>0</v>
      </c>
      <c r="J525" s="166">
        <v>0</v>
      </c>
      <c r="K525" s="166">
        <v>0</v>
      </c>
      <c r="L525" s="166">
        <v>0</v>
      </c>
      <c r="M525" s="166">
        <v>0</v>
      </c>
      <c r="N525" s="166">
        <v>0</v>
      </c>
      <c r="O525" s="166">
        <v>0</v>
      </c>
      <c r="P525" s="166">
        <v>0</v>
      </c>
      <c r="Q525" s="166">
        <v>0</v>
      </c>
      <c r="R525" s="166">
        <v>0</v>
      </c>
      <c r="S525" s="166">
        <v>0</v>
      </c>
      <c r="T525" s="166">
        <v>0</v>
      </c>
      <c r="U525" s="166">
        <v>0</v>
      </c>
      <c r="V525" s="166">
        <v>0</v>
      </c>
      <c r="W525" s="166">
        <v>0</v>
      </c>
      <c r="X525" s="166">
        <v>0</v>
      </c>
      <c r="Y525" s="166">
        <v>0</v>
      </c>
      <c r="Z525" s="166">
        <v>0</v>
      </c>
      <c r="AA525" s="166">
        <v>0</v>
      </c>
      <c r="AB525" s="166">
        <v>0</v>
      </c>
      <c r="AC525" s="166">
        <v>0</v>
      </c>
      <c r="AD525" s="166">
        <v>0</v>
      </c>
      <c r="AE525" s="166">
        <v>0</v>
      </c>
      <c r="AF525" s="166">
        <v>0</v>
      </c>
      <c r="AG525" s="166">
        <v>0</v>
      </c>
      <c r="AH525" s="166">
        <v>0</v>
      </c>
      <c r="AI525" s="166">
        <v>0</v>
      </c>
      <c r="AJ525" s="166">
        <v>0</v>
      </c>
      <c r="AK525" s="166">
        <v>0</v>
      </c>
      <c r="AL525" s="166">
        <v>0</v>
      </c>
      <c r="AM525" s="166">
        <v>0</v>
      </c>
      <c r="AN525" s="166">
        <v>0</v>
      </c>
      <c r="AO525" s="166">
        <v>0</v>
      </c>
      <c r="AP525" s="166">
        <v>0</v>
      </c>
      <c r="AQ525" s="166">
        <v>0</v>
      </c>
      <c r="AR525" s="166">
        <v>0</v>
      </c>
      <c r="AS525" s="166">
        <v>0</v>
      </c>
      <c r="AT525" s="166">
        <v>0</v>
      </c>
      <c r="AU525" s="166">
        <v>0</v>
      </c>
      <c r="AV525" s="166">
        <v>0</v>
      </c>
      <c r="AW525" s="166">
        <v>0</v>
      </c>
      <c r="AX525" s="166">
        <v>0</v>
      </c>
      <c r="AY525" s="166">
        <v>0</v>
      </c>
      <c r="AZ525" s="166">
        <v>0</v>
      </c>
      <c r="BA525" s="166">
        <v>0</v>
      </c>
      <c r="BB525" s="166">
        <v>0</v>
      </c>
      <c r="BC525" s="166">
        <v>0</v>
      </c>
      <c r="BD525" s="166">
        <v>0</v>
      </c>
      <c r="BE525" s="166">
        <v>0</v>
      </c>
      <c r="BF525" s="166">
        <v>0</v>
      </c>
      <c r="BG525" s="166">
        <v>0</v>
      </c>
      <c r="BH525" s="166">
        <v>0</v>
      </c>
      <c r="BI525" s="166">
        <v>0</v>
      </c>
      <c r="BJ525" s="166">
        <v>0</v>
      </c>
      <c r="BK525" s="166">
        <v>0</v>
      </c>
      <c r="BL525" s="166">
        <v>0</v>
      </c>
      <c r="BM525" s="166">
        <v>0</v>
      </c>
      <c r="BN525" s="166">
        <v>0</v>
      </c>
      <c r="BO525" s="166">
        <v>0</v>
      </c>
      <c r="BP525" s="166">
        <v>0</v>
      </c>
      <c r="BQ525" s="166">
        <v>0</v>
      </c>
      <c r="BR525" s="166">
        <v>0</v>
      </c>
      <c r="BS525" s="166">
        <v>0</v>
      </c>
      <c r="BT525" s="168">
        <v>0</v>
      </c>
      <c r="BU525" s="166">
        <v>0</v>
      </c>
      <c r="BV525" s="166">
        <v>0</v>
      </c>
      <c r="BW525" s="166">
        <v>0</v>
      </c>
      <c r="BX525" s="166">
        <v>0</v>
      </c>
      <c r="BY525" s="166">
        <v>0</v>
      </c>
      <c r="BZ525" s="166">
        <v>0</v>
      </c>
      <c r="CA525" s="166">
        <v>0</v>
      </c>
      <c r="CB525" s="166">
        <v>0</v>
      </c>
      <c r="CC525" s="166">
        <v>0</v>
      </c>
      <c r="CD525" s="166">
        <v>0</v>
      </c>
      <c r="CE525" s="166">
        <v>0</v>
      </c>
      <c r="CF525" s="166">
        <v>0</v>
      </c>
      <c r="CG525" s="166">
        <v>0</v>
      </c>
      <c r="CH525" s="166">
        <v>0</v>
      </c>
      <c r="CI525" s="166">
        <v>0</v>
      </c>
      <c r="CJ525" s="166">
        <v>0</v>
      </c>
      <c r="CK525" s="166">
        <v>0</v>
      </c>
      <c r="CL525" s="166">
        <v>0</v>
      </c>
      <c r="CM525" s="166">
        <v>0</v>
      </c>
      <c r="CN525" s="166">
        <v>0</v>
      </c>
      <c r="CO525" s="166">
        <v>0</v>
      </c>
      <c r="CP525" s="166">
        <v>0</v>
      </c>
      <c r="CQ525" s="166">
        <v>0</v>
      </c>
      <c r="CR525" s="166">
        <v>0</v>
      </c>
      <c r="CS525" s="166">
        <v>0</v>
      </c>
      <c r="CT525" s="166">
        <v>0</v>
      </c>
      <c r="CU525" s="166">
        <v>0</v>
      </c>
      <c r="CV525" s="166">
        <v>0</v>
      </c>
      <c r="CW525" s="166">
        <v>0</v>
      </c>
      <c r="CX525" s="166">
        <v>0</v>
      </c>
      <c r="CY525" s="166">
        <v>0</v>
      </c>
      <c r="CZ525" s="166">
        <v>0</v>
      </c>
    </row>
    <row r="526" spans="1:104" x14ac:dyDescent="0.2">
      <c r="A526" s="167" t="s">
        <v>615</v>
      </c>
      <c r="B526" s="166">
        <v>163297.24089386099</v>
      </c>
      <c r="C526" s="166">
        <v>163297.24089386099</v>
      </c>
      <c r="D526" s="166">
        <v>0</v>
      </c>
      <c r="E526" s="166">
        <v>0</v>
      </c>
      <c r="F526" s="166">
        <v>0</v>
      </c>
      <c r="G526" s="166">
        <v>0</v>
      </c>
      <c r="H526" s="166">
        <v>0</v>
      </c>
      <c r="I526" s="166">
        <v>0</v>
      </c>
      <c r="J526" s="166">
        <v>0</v>
      </c>
      <c r="K526" s="166">
        <v>0</v>
      </c>
      <c r="L526" s="166">
        <v>0</v>
      </c>
      <c r="M526" s="166">
        <v>0</v>
      </c>
      <c r="N526" s="166">
        <v>0</v>
      </c>
      <c r="O526" s="166">
        <v>0</v>
      </c>
      <c r="P526" s="166">
        <v>0</v>
      </c>
      <c r="Q526" s="166">
        <v>0</v>
      </c>
      <c r="R526" s="166">
        <v>0</v>
      </c>
      <c r="S526" s="166">
        <v>0</v>
      </c>
      <c r="T526" s="166">
        <v>0</v>
      </c>
      <c r="U526" s="166">
        <v>0</v>
      </c>
      <c r="V526" s="166">
        <v>0</v>
      </c>
      <c r="W526" s="166">
        <v>0</v>
      </c>
      <c r="X526" s="166">
        <v>0</v>
      </c>
      <c r="Y526" s="166">
        <v>0</v>
      </c>
      <c r="Z526" s="166">
        <v>0</v>
      </c>
      <c r="AA526" s="166">
        <v>0</v>
      </c>
      <c r="AB526" s="166">
        <v>0</v>
      </c>
      <c r="AC526" s="166">
        <v>0</v>
      </c>
      <c r="AD526" s="166">
        <v>0</v>
      </c>
      <c r="AE526" s="166">
        <v>0</v>
      </c>
      <c r="AF526" s="166">
        <v>0</v>
      </c>
      <c r="AG526" s="166">
        <v>0</v>
      </c>
      <c r="AH526" s="166">
        <v>0</v>
      </c>
      <c r="AI526" s="166">
        <v>0</v>
      </c>
      <c r="AJ526" s="166">
        <v>0</v>
      </c>
      <c r="AK526" s="166">
        <v>0</v>
      </c>
      <c r="AL526" s="166">
        <v>0</v>
      </c>
      <c r="AM526" s="166">
        <v>0</v>
      </c>
      <c r="AN526" s="166">
        <v>0</v>
      </c>
      <c r="AO526" s="166">
        <v>0</v>
      </c>
      <c r="AP526" s="166">
        <v>0</v>
      </c>
      <c r="AQ526" s="166">
        <v>0</v>
      </c>
      <c r="AR526" s="166">
        <v>0</v>
      </c>
      <c r="AS526" s="166">
        <v>0</v>
      </c>
      <c r="AT526" s="166">
        <v>0</v>
      </c>
      <c r="AU526" s="166">
        <v>0</v>
      </c>
      <c r="AV526" s="166">
        <v>0</v>
      </c>
      <c r="AW526" s="166">
        <v>0</v>
      </c>
      <c r="AX526" s="166">
        <v>0</v>
      </c>
      <c r="AY526" s="166">
        <v>0</v>
      </c>
      <c r="AZ526" s="166">
        <v>0</v>
      </c>
      <c r="BA526" s="166">
        <v>0</v>
      </c>
      <c r="BB526" s="166">
        <v>0</v>
      </c>
      <c r="BC526" s="166">
        <v>0</v>
      </c>
      <c r="BD526" s="166">
        <v>0</v>
      </c>
      <c r="BE526" s="166">
        <v>0</v>
      </c>
      <c r="BF526" s="166">
        <v>0</v>
      </c>
      <c r="BG526" s="166">
        <v>0</v>
      </c>
      <c r="BH526" s="166">
        <v>0</v>
      </c>
      <c r="BI526" s="166">
        <v>0</v>
      </c>
      <c r="BJ526" s="166">
        <v>0</v>
      </c>
      <c r="BK526" s="166">
        <v>0</v>
      </c>
      <c r="BL526" s="166">
        <v>0</v>
      </c>
      <c r="BM526" s="166">
        <v>0</v>
      </c>
      <c r="BN526" s="166">
        <v>0</v>
      </c>
      <c r="BO526" s="166">
        <v>0</v>
      </c>
      <c r="BP526" s="166">
        <v>0</v>
      </c>
      <c r="BQ526" s="166">
        <v>0</v>
      </c>
      <c r="BR526" s="166">
        <v>163297.24089386099</v>
      </c>
      <c r="BS526" s="166">
        <v>163297.24089386099</v>
      </c>
      <c r="BT526" s="168">
        <v>0</v>
      </c>
      <c r="BU526" s="166">
        <v>7870.3027854479697</v>
      </c>
      <c r="BV526" s="166">
        <v>159056.411547847</v>
      </c>
      <c r="BW526" s="166">
        <v>0</v>
      </c>
      <c r="BX526" s="166">
        <v>0</v>
      </c>
      <c r="BY526" s="166">
        <v>0</v>
      </c>
      <c r="BZ526" s="166">
        <v>0</v>
      </c>
      <c r="CA526" s="166">
        <v>0</v>
      </c>
      <c r="CB526" s="166">
        <v>0</v>
      </c>
      <c r="CC526" s="166">
        <v>0</v>
      </c>
      <c r="CD526" s="166">
        <v>0</v>
      </c>
      <c r="CE526" s="166">
        <v>0</v>
      </c>
      <c r="CF526" s="166">
        <v>0</v>
      </c>
      <c r="CG526" s="166">
        <v>0</v>
      </c>
      <c r="CH526" s="166">
        <v>0</v>
      </c>
      <c r="CI526" s="166">
        <v>0</v>
      </c>
      <c r="CJ526" s="166">
        <v>0</v>
      </c>
      <c r="CK526" s="166">
        <v>0</v>
      </c>
      <c r="CL526" s="166">
        <v>0</v>
      </c>
      <c r="CM526" s="166">
        <v>0</v>
      </c>
      <c r="CN526" s="166">
        <v>0</v>
      </c>
      <c r="CO526" s="166">
        <v>0</v>
      </c>
      <c r="CP526" s="166">
        <v>0</v>
      </c>
      <c r="CQ526" s="166">
        <v>0</v>
      </c>
      <c r="CR526" s="166">
        <v>0</v>
      </c>
      <c r="CS526" s="166">
        <v>0</v>
      </c>
      <c r="CT526" s="166">
        <v>0</v>
      </c>
      <c r="CU526" s="166">
        <v>0</v>
      </c>
      <c r="CV526" s="166">
        <v>0</v>
      </c>
      <c r="CW526" s="166">
        <v>0</v>
      </c>
      <c r="CX526" s="166">
        <v>0</v>
      </c>
      <c r="CY526" s="166">
        <v>159056.411547847</v>
      </c>
      <c r="CZ526" s="166">
        <v>159056.411547847</v>
      </c>
    </row>
    <row r="527" spans="1:104" x14ac:dyDescent="0.2">
      <c r="A527" s="167" t="s">
        <v>616</v>
      </c>
      <c r="B527" s="166">
        <v>5162.7092700453604</v>
      </c>
      <c r="C527" s="166">
        <v>5162.7092700453604</v>
      </c>
      <c r="D527" s="166">
        <v>0</v>
      </c>
      <c r="E527" s="166">
        <v>0</v>
      </c>
      <c r="F527" s="166">
        <v>0</v>
      </c>
      <c r="G527" s="166">
        <v>0</v>
      </c>
      <c r="H527" s="166">
        <v>0</v>
      </c>
      <c r="I527" s="166">
        <v>0</v>
      </c>
      <c r="J527" s="166">
        <v>0</v>
      </c>
      <c r="K527" s="166">
        <v>0</v>
      </c>
      <c r="L527" s="166">
        <v>0</v>
      </c>
      <c r="M527" s="166">
        <v>0</v>
      </c>
      <c r="N527" s="166">
        <v>0</v>
      </c>
      <c r="O527" s="166">
        <v>0</v>
      </c>
      <c r="P527" s="166">
        <v>0</v>
      </c>
      <c r="Q527" s="166">
        <v>0</v>
      </c>
      <c r="R527" s="166">
        <v>0</v>
      </c>
      <c r="S527" s="166">
        <v>0</v>
      </c>
      <c r="T527" s="166">
        <v>0</v>
      </c>
      <c r="U527" s="166">
        <v>0</v>
      </c>
      <c r="V527" s="166">
        <v>0</v>
      </c>
      <c r="W527" s="166">
        <v>0</v>
      </c>
      <c r="X527" s="166">
        <v>0</v>
      </c>
      <c r="Y527" s="166">
        <v>0</v>
      </c>
      <c r="Z527" s="166">
        <v>0</v>
      </c>
      <c r="AA527" s="166">
        <v>0</v>
      </c>
      <c r="AB527" s="166">
        <v>0</v>
      </c>
      <c r="AC527" s="166">
        <v>0</v>
      </c>
      <c r="AD527" s="166">
        <v>0</v>
      </c>
      <c r="AE527" s="166">
        <v>0</v>
      </c>
      <c r="AF527" s="166">
        <v>0</v>
      </c>
      <c r="AG527" s="166">
        <v>0</v>
      </c>
      <c r="AH527" s="166">
        <v>0</v>
      </c>
      <c r="AI527" s="166">
        <v>0</v>
      </c>
      <c r="AJ527" s="166">
        <v>0</v>
      </c>
      <c r="AK527" s="166">
        <v>0</v>
      </c>
      <c r="AL527" s="166">
        <v>0</v>
      </c>
      <c r="AM527" s="166">
        <v>0</v>
      </c>
      <c r="AN527" s="166">
        <v>0</v>
      </c>
      <c r="AO527" s="166">
        <v>0</v>
      </c>
      <c r="AP527" s="166">
        <v>0</v>
      </c>
      <c r="AQ527" s="166">
        <v>0</v>
      </c>
      <c r="AR527" s="166">
        <v>0</v>
      </c>
      <c r="AS527" s="166">
        <v>0</v>
      </c>
      <c r="AT527" s="166">
        <v>0</v>
      </c>
      <c r="AU527" s="166">
        <v>0</v>
      </c>
      <c r="AV527" s="166">
        <v>0</v>
      </c>
      <c r="AW527" s="166">
        <v>0</v>
      </c>
      <c r="AX527" s="166">
        <v>0</v>
      </c>
      <c r="AY527" s="166">
        <v>0</v>
      </c>
      <c r="AZ527" s="166">
        <v>0</v>
      </c>
      <c r="BA527" s="166">
        <v>0</v>
      </c>
      <c r="BB527" s="166">
        <v>0</v>
      </c>
      <c r="BC527" s="166">
        <v>0</v>
      </c>
      <c r="BD527" s="166">
        <v>0</v>
      </c>
      <c r="BE527" s="166">
        <v>0</v>
      </c>
      <c r="BF527" s="166">
        <v>0</v>
      </c>
      <c r="BG527" s="166">
        <v>0</v>
      </c>
      <c r="BH527" s="166">
        <v>0</v>
      </c>
      <c r="BI527" s="166">
        <v>0</v>
      </c>
      <c r="BJ527" s="166">
        <v>0</v>
      </c>
      <c r="BK527" s="166">
        <v>0</v>
      </c>
      <c r="BL527" s="166">
        <v>0</v>
      </c>
      <c r="BM527" s="166">
        <v>0</v>
      </c>
      <c r="BN527" s="166">
        <v>0</v>
      </c>
      <c r="BO527" s="166">
        <v>0</v>
      </c>
      <c r="BP527" s="166">
        <v>0</v>
      </c>
      <c r="BQ527" s="166">
        <v>0</v>
      </c>
      <c r="BR527" s="166">
        <v>5162.7092700453604</v>
      </c>
      <c r="BS527" s="166">
        <v>5162.7092700453604</v>
      </c>
      <c r="BT527" s="168">
        <v>0</v>
      </c>
      <c r="BU527" s="166">
        <v>236.65683384267999</v>
      </c>
      <c r="BV527" s="166">
        <v>4782.59090415433</v>
      </c>
      <c r="BW527" s="166">
        <v>0</v>
      </c>
      <c r="BX527" s="166">
        <v>0</v>
      </c>
      <c r="BY527" s="166">
        <v>0</v>
      </c>
      <c r="BZ527" s="166">
        <v>0</v>
      </c>
      <c r="CA527" s="166">
        <v>0</v>
      </c>
      <c r="CB527" s="166">
        <v>0</v>
      </c>
      <c r="CC527" s="166">
        <v>0</v>
      </c>
      <c r="CD527" s="166">
        <v>0</v>
      </c>
      <c r="CE527" s="166">
        <v>0</v>
      </c>
      <c r="CF527" s="166">
        <v>0</v>
      </c>
      <c r="CG527" s="166">
        <v>0</v>
      </c>
      <c r="CH527" s="166">
        <v>0</v>
      </c>
      <c r="CI527" s="166">
        <v>0</v>
      </c>
      <c r="CJ527" s="166">
        <v>0</v>
      </c>
      <c r="CK527" s="166">
        <v>0</v>
      </c>
      <c r="CL527" s="166">
        <v>0</v>
      </c>
      <c r="CM527" s="166">
        <v>0</v>
      </c>
      <c r="CN527" s="166">
        <v>0</v>
      </c>
      <c r="CO527" s="166">
        <v>0</v>
      </c>
      <c r="CP527" s="166">
        <v>0</v>
      </c>
      <c r="CQ527" s="166">
        <v>0</v>
      </c>
      <c r="CR527" s="166">
        <v>0</v>
      </c>
      <c r="CS527" s="166">
        <v>0</v>
      </c>
      <c r="CT527" s="166">
        <v>0</v>
      </c>
      <c r="CU527" s="166">
        <v>0</v>
      </c>
      <c r="CV527" s="166">
        <v>0</v>
      </c>
      <c r="CW527" s="166">
        <v>0</v>
      </c>
      <c r="CX527" s="166">
        <v>0</v>
      </c>
      <c r="CY527" s="166">
        <v>4782.59090415433</v>
      </c>
      <c r="CZ527" s="166">
        <v>4782.59090415433</v>
      </c>
    </row>
    <row r="528" spans="1:104" x14ac:dyDescent="0.2">
      <c r="A528" s="167" t="s">
        <v>617</v>
      </c>
      <c r="B528" s="166">
        <v>37242.893782170897</v>
      </c>
      <c r="C528" s="166">
        <v>37242.893782170897</v>
      </c>
      <c r="D528" s="166">
        <v>0</v>
      </c>
      <c r="E528" s="166">
        <v>0</v>
      </c>
      <c r="F528" s="166">
        <v>0</v>
      </c>
      <c r="G528" s="166">
        <v>0</v>
      </c>
      <c r="H528" s="166">
        <v>0</v>
      </c>
      <c r="I528" s="166">
        <v>0</v>
      </c>
      <c r="J528" s="166">
        <v>0</v>
      </c>
      <c r="K528" s="166">
        <v>0</v>
      </c>
      <c r="L528" s="166">
        <v>0</v>
      </c>
      <c r="M528" s="166">
        <v>0</v>
      </c>
      <c r="N528" s="166">
        <v>0</v>
      </c>
      <c r="O528" s="166">
        <v>0</v>
      </c>
      <c r="P528" s="166">
        <v>0</v>
      </c>
      <c r="Q528" s="166">
        <v>0</v>
      </c>
      <c r="R528" s="166">
        <v>0</v>
      </c>
      <c r="S528" s="166">
        <v>0</v>
      </c>
      <c r="T528" s="166">
        <v>0</v>
      </c>
      <c r="U528" s="166">
        <v>0</v>
      </c>
      <c r="V528" s="166">
        <v>0</v>
      </c>
      <c r="W528" s="166">
        <v>0</v>
      </c>
      <c r="X528" s="166">
        <v>0</v>
      </c>
      <c r="Y528" s="166">
        <v>0</v>
      </c>
      <c r="Z528" s="166">
        <v>0</v>
      </c>
      <c r="AA528" s="166">
        <v>0</v>
      </c>
      <c r="AB528" s="166">
        <v>0</v>
      </c>
      <c r="AC528" s="166">
        <v>0</v>
      </c>
      <c r="AD528" s="166">
        <v>0</v>
      </c>
      <c r="AE528" s="166">
        <v>0</v>
      </c>
      <c r="AF528" s="166">
        <v>0</v>
      </c>
      <c r="AG528" s="166">
        <v>0</v>
      </c>
      <c r="AH528" s="166">
        <v>0</v>
      </c>
      <c r="AI528" s="166">
        <v>0</v>
      </c>
      <c r="AJ528" s="166">
        <v>0</v>
      </c>
      <c r="AK528" s="166">
        <v>0</v>
      </c>
      <c r="AL528" s="166">
        <v>0</v>
      </c>
      <c r="AM528" s="166">
        <v>0</v>
      </c>
      <c r="AN528" s="166">
        <v>0</v>
      </c>
      <c r="AO528" s="166">
        <v>0</v>
      </c>
      <c r="AP528" s="166">
        <v>0</v>
      </c>
      <c r="AQ528" s="166">
        <v>0</v>
      </c>
      <c r="AR528" s="166">
        <v>0</v>
      </c>
      <c r="AS528" s="166">
        <v>0</v>
      </c>
      <c r="AT528" s="166">
        <v>0</v>
      </c>
      <c r="AU528" s="166">
        <v>0</v>
      </c>
      <c r="AV528" s="166">
        <v>0</v>
      </c>
      <c r="AW528" s="166">
        <v>0</v>
      </c>
      <c r="AX528" s="166">
        <v>0</v>
      </c>
      <c r="AY528" s="166">
        <v>0</v>
      </c>
      <c r="AZ528" s="166">
        <v>0</v>
      </c>
      <c r="BA528" s="166">
        <v>0</v>
      </c>
      <c r="BB528" s="166">
        <v>0</v>
      </c>
      <c r="BC528" s="166">
        <v>0</v>
      </c>
      <c r="BD528" s="166">
        <v>0</v>
      </c>
      <c r="BE528" s="166">
        <v>0</v>
      </c>
      <c r="BF528" s="166">
        <v>0</v>
      </c>
      <c r="BG528" s="166">
        <v>0</v>
      </c>
      <c r="BH528" s="166">
        <v>0</v>
      </c>
      <c r="BI528" s="166">
        <v>0</v>
      </c>
      <c r="BJ528" s="166">
        <v>0</v>
      </c>
      <c r="BK528" s="166">
        <v>0</v>
      </c>
      <c r="BL528" s="166">
        <v>0</v>
      </c>
      <c r="BM528" s="166">
        <v>0</v>
      </c>
      <c r="BN528" s="166">
        <v>0</v>
      </c>
      <c r="BO528" s="166">
        <v>0</v>
      </c>
      <c r="BP528" s="166">
        <v>0</v>
      </c>
      <c r="BQ528" s="166">
        <v>0</v>
      </c>
      <c r="BR528" s="166">
        <v>37242.893782170897</v>
      </c>
      <c r="BS528" s="166">
        <v>37242.893782170897</v>
      </c>
      <c r="BT528" s="168">
        <v>0</v>
      </c>
      <c r="BU528" s="166">
        <v>1752.7707519773101</v>
      </c>
      <c r="BV528" s="166">
        <v>35421.691904516301</v>
      </c>
      <c r="BW528" s="166">
        <v>0</v>
      </c>
      <c r="BX528" s="166">
        <v>0</v>
      </c>
      <c r="BY528" s="166">
        <v>0</v>
      </c>
      <c r="BZ528" s="166">
        <v>0</v>
      </c>
      <c r="CA528" s="166">
        <v>0</v>
      </c>
      <c r="CB528" s="166">
        <v>0</v>
      </c>
      <c r="CC528" s="166">
        <v>0</v>
      </c>
      <c r="CD528" s="166">
        <v>0</v>
      </c>
      <c r="CE528" s="166">
        <v>0</v>
      </c>
      <c r="CF528" s="166">
        <v>0</v>
      </c>
      <c r="CG528" s="166">
        <v>0</v>
      </c>
      <c r="CH528" s="166">
        <v>0</v>
      </c>
      <c r="CI528" s="166">
        <v>0</v>
      </c>
      <c r="CJ528" s="166">
        <v>0</v>
      </c>
      <c r="CK528" s="166">
        <v>0</v>
      </c>
      <c r="CL528" s="166">
        <v>0</v>
      </c>
      <c r="CM528" s="166">
        <v>0</v>
      </c>
      <c r="CN528" s="166">
        <v>0</v>
      </c>
      <c r="CO528" s="166">
        <v>0</v>
      </c>
      <c r="CP528" s="166">
        <v>0</v>
      </c>
      <c r="CQ528" s="166">
        <v>0</v>
      </c>
      <c r="CR528" s="166">
        <v>0</v>
      </c>
      <c r="CS528" s="166">
        <v>0</v>
      </c>
      <c r="CT528" s="166">
        <v>0</v>
      </c>
      <c r="CU528" s="166">
        <v>0</v>
      </c>
      <c r="CV528" s="166">
        <v>0</v>
      </c>
      <c r="CW528" s="166">
        <v>0</v>
      </c>
      <c r="CX528" s="166">
        <v>0</v>
      </c>
      <c r="CY528" s="166">
        <v>35421.691904516301</v>
      </c>
      <c r="CZ528" s="166">
        <v>35421.691904516301</v>
      </c>
    </row>
    <row r="529" spans="1:104" x14ac:dyDescent="0.2">
      <c r="A529" s="167" t="s">
        <v>618</v>
      </c>
      <c r="B529" s="166">
        <v>29202896.400877301</v>
      </c>
      <c r="C529" s="166">
        <v>29202896.400877301</v>
      </c>
      <c r="D529" s="166">
        <v>0</v>
      </c>
      <c r="E529" s="166">
        <v>0</v>
      </c>
      <c r="F529" s="166">
        <v>0</v>
      </c>
      <c r="G529" s="166">
        <v>0</v>
      </c>
      <c r="H529" s="166">
        <v>0</v>
      </c>
      <c r="I529" s="166">
        <v>0</v>
      </c>
      <c r="J529" s="166">
        <v>0</v>
      </c>
      <c r="K529" s="166">
        <v>0</v>
      </c>
      <c r="L529" s="166">
        <v>0</v>
      </c>
      <c r="M529" s="166">
        <v>0</v>
      </c>
      <c r="N529" s="166">
        <v>0</v>
      </c>
      <c r="O529" s="166">
        <v>0</v>
      </c>
      <c r="P529" s="166">
        <v>0</v>
      </c>
      <c r="Q529" s="166">
        <v>0</v>
      </c>
      <c r="R529" s="166">
        <v>0</v>
      </c>
      <c r="S529" s="166">
        <v>0</v>
      </c>
      <c r="T529" s="166">
        <v>0</v>
      </c>
      <c r="U529" s="166">
        <v>0</v>
      </c>
      <c r="V529" s="166">
        <v>0</v>
      </c>
      <c r="W529" s="166">
        <v>0</v>
      </c>
      <c r="X529" s="166">
        <v>0</v>
      </c>
      <c r="Y529" s="166">
        <v>0</v>
      </c>
      <c r="Z529" s="166">
        <v>0</v>
      </c>
      <c r="AA529" s="166">
        <v>0</v>
      </c>
      <c r="AB529" s="166">
        <v>0</v>
      </c>
      <c r="AC529" s="166">
        <v>0</v>
      </c>
      <c r="AD529" s="166">
        <v>0</v>
      </c>
      <c r="AE529" s="166">
        <v>0</v>
      </c>
      <c r="AF529" s="166">
        <v>0</v>
      </c>
      <c r="AG529" s="166">
        <v>0</v>
      </c>
      <c r="AH529" s="166">
        <v>0</v>
      </c>
      <c r="AI529" s="166">
        <v>0</v>
      </c>
      <c r="AJ529" s="166">
        <v>0</v>
      </c>
      <c r="AK529" s="166">
        <v>0</v>
      </c>
      <c r="AL529" s="166">
        <v>0</v>
      </c>
      <c r="AM529" s="166">
        <v>0</v>
      </c>
      <c r="AN529" s="166">
        <v>0</v>
      </c>
      <c r="AO529" s="166">
        <v>0</v>
      </c>
      <c r="AP529" s="166">
        <v>0</v>
      </c>
      <c r="AQ529" s="166">
        <v>0</v>
      </c>
      <c r="AR529" s="166">
        <v>0</v>
      </c>
      <c r="AS529" s="166">
        <v>0</v>
      </c>
      <c r="AT529" s="166">
        <v>0</v>
      </c>
      <c r="AU529" s="166">
        <v>0</v>
      </c>
      <c r="AV529" s="166">
        <v>0</v>
      </c>
      <c r="AW529" s="166">
        <v>0</v>
      </c>
      <c r="AX529" s="166">
        <v>0</v>
      </c>
      <c r="AY529" s="166">
        <v>0</v>
      </c>
      <c r="AZ529" s="166">
        <v>0</v>
      </c>
      <c r="BA529" s="166">
        <v>0</v>
      </c>
      <c r="BB529" s="166">
        <v>0</v>
      </c>
      <c r="BC529" s="166">
        <v>0</v>
      </c>
      <c r="BD529" s="166">
        <v>0</v>
      </c>
      <c r="BE529" s="166">
        <v>0</v>
      </c>
      <c r="BF529" s="166">
        <v>0</v>
      </c>
      <c r="BG529" s="166">
        <v>0</v>
      </c>
      <c r="BH529" s="166">
        <v>0</v>
      </c>
      <c r="BI529" s="166">
        <v>0</v>
      </c>
      <c r="BJ529" s="166">
        <v>0</v>
      </c>
      <c r="BK529" s="166">
        <v>0</v>
      </c>
      <c r="BL529" s="166">
        <v>0</v>
      </c>
      <c r="BM529" s="166">
        <v>0</v>
      </c>
      <c r="BN529" s="166">
        <v>0</v>
      </c>
      <c r="BO529" s="166">
        <v>0</v>
      </c>
      <c r="BP529" s="166">
        <v>0</v>
      </c>
      <c r="BQ529" s="166">
        <v>0</v>
      </c>
      <c r="BR529" s="166">
        <v>29202896.400877301</v>
      </c>
      <c r="BS529" s="166">
        <v>29202896.4008772</v>
      </c>
      <c r="BT529" s="168">
        <v>0</v>
      </c>
      <c r="BU529" s="166">
        <v>-1263514.9727616899</v>
      </c>
      <c r="BV529" s="166">
        <v>22827594.400798801</v>
      </c>
      <c r="BW529" s="166">
        <v>0</v>
      </c>
      <c r="BX529" s="166">
        <v>0</v>
      </c>
      <c r="BY529" s="166">
        <v>0</v>
      </c>
      <c r="BZ529" s="166">
        <v>0</v>
      </c>
      <c r="CA529" s="166">
        <v>0</v>
      </c>
      <c r="CB529" s="166">
        <v>0</v>
      </c>
      <c r="CC529" s="166">
        <v>0</v>
      </c>
      <c r="CD529" s="166">
        <v>0</v>
      </c>
      <c r="CE529" s="166">
        <v>0</v>
      </c>
      <c r="CF529" s="166">
        <v>0</v>
      </c>
      <c r="CG529" s="166">
        <v>0</v>
      </c>
      <c r="CH529" s="166">
        <v>0</v>
      </c>
      <c r="CI529" s="166">
        <v>0</v>
      </c>
      <c r="CJ529" s="166">
        <v>0</v>
      </c>
      <c r="CK529" s="166">
        <v>0</v>
      </c>
      <c r="CL529" s="166">
        <v>0</v>
      </c>
      <c r="CM529" s="166">
        <v>0</v>
      </c>
      <c r="CN529" s="166">
        <v>0</v>
      </c>
      <c r="CO529" s="166">
        <v>0</v>
      </c>
      <c r="CP529" s="166">
        <v>0</v>
      </c>
      <c r="CQ529" s="166">
        <v>0</v>
      </c>
      <c r="CR529" s="166">
        <v>0</v>
      </c>
      <c r="CS529" s="166">
        <v>0</v>
      </c>
      <c r="CT529" s="166">
        <v>0</v>
      </c>
      <c r="CU529" s="166">
        <v>0</v>
      </c>
      <c r="CV529" s="166">
        <v>0</v>
      </c>
      <c r="CW529" s="166">
        <v>0</v>
      </c>
      <c r="CX529" s="166">
        <v>0</v>
      </c>
      <c r="CY529" s="166">
        <v>22827594.400798801</v>
      </c>
      <c r="CZ529" s="166">
        <v>22827594.400798801</v>
      </c>
    </row>
    <row r="530" spans="1:104" x14ac:dyDescent="0.2">
      <c r="A530" s="167" t="s">
        <v>619</v>
      </c>
      <c r="B530" s="166">
        <v>29408599.244823299</v>
      </c>
      <c r="C530" s="166">
        <v>29408599.244823299</v>
      </c>
      <c r="D530" s="166">
        <v>0</v>
      </c>
      <c r="E530" s="166">
        <v>0</v>
      </c>
      <c r="F530" s="166">
        <v>0</v>
      </c>
      <c r="G530" s="166">
        <v>0</v>
      </c>
      <c r="H530" s="166">
        <v>0</v>
      </c>
      <c r="I530" s="166">
        <v>0</v>
      </c>
      <c r="J530" s="166">
        <v>0</v>
      </c>
      <c r="K530" s="166">
        <v>0</v>
      </c>
      <c r="L530" s="166">
        <v>0</v>
      </c>
      <c r="M530" s="166">
        <v>0</v>
      </c>
      <c r="N530" s="166">
        <v>0</v>
      </c>
      <c r="O530" s="166">
        <v>0</v>
      </c>
      <c r="P530" s="166">
        <v>0</v>
      </c>
      <c r="Q530" s="166">
        <v>0</v>
      </c>
      <c r="R530" s="166">
        <v>0</v>
      </c>
      <c r="S530" s="166">
        <v>0</v>
      </c>
      <c r="T530" s="166">
        <v>0</v>
      </c>
      <c r="U530" s="166">
        <v>0</v>
      </c>
      <c r="V530" s="166">
        <v>0</v>
      </c>
      <c r="W530" s="166">
        <v>0</v>
      </c>
      <c r="X530" s="166">
        <v>0</v>
      </c>
      <c r="Y530" s="166">
        <v>0</v>
      </c>
      <c r="Z530" s="166">
        <v>0</v>
      </c>
      <c r="AA530" s="166">
        <v>0</v>
      </c>
      <c r="AB530" s="166">
        <v>0</v>
      </c>
      <c r="AC530" s="166">
        <v>0</v>
      </c>
      <c r="AD530" s="166">
        <v>0</v>
      </c>
      <c r="AE530" s="166">
        <v>0</v>
      </c>
      <c r="AF530" s="166">
        <v>0</v>
      </c>
      <c r="AG530" s="166">
        <v>0</v>
      </c>
      <c r="AH530" s="166">
        <v>0</v>
      </c>
      <c r="AI530" s="166">
        <v>0</v>
      </c>
      <c r="AJ530" s="166">
        <v>0</v>
      </c>
      <c r="AK530" s="166">
        <v>0</v>
      </c>
      <c r="AL530" s="166">
        <v>0</v>
      </c>
      <c r="AM530" s="166">
        <v>0</v>
      </c>
      <c r="AN530" s="166">
        <v>0</v>
      </c>
      <c r="AO530" s="166">
        <v>0</v>
      </c>
      <c r="AP530" s="166">
        <v>0</v>
      </c>
      <c r="AQ530" s="166">
        <v>0</v>
      </c>
      <c r="AR530" s="166">
        <v>0</v>
      </c>
      <c r="AS530" s="166">
        <v>0</v>
      </c>
      <c r="AT530" s="166">
        <v>0</v>
      </c>
      <c r="AU530" s="166">
        <v>0</v>
      </c>
      <c r="AV530" s="166">
        <v>0</v>
      </c>
      <c r="AW530" s="166">
        <v>0</v>
      </c>
      <c r="AX530" s="166">
        <v>0</v>
      </c>
      <c r="AY530" s="166">
        <v>0</v>
      </c>
      <c r="AZ530" s="166">
        <v>0</v>
      </c>
      <c r="BA530" s="166">
        <v>0</v>
      </c>
      <c r="BB530" s="166">
        <v>0</v>
      </c>
      <c r="BC530" s="166">
        <v>0</v>
      </c>
      <c r="BD530" s="166">
        <v>0</v>
      </c>
      <c r="BE530" s="166">
        <v>0</v>
      </c>
      <c r="BF530" s="166">
        <v>0</v>
      </c>
      <c r="BG530" s="166">
        <v>0</v>
      </c>
      <c r="BH530" s="166">
        <v>0</v>
      </c>
      <c r="BI530" s="166">
        <v>0</v>
      </c>
      <c r="BJ530" s="166">
        <v>0</v>
      </c>
      <c r="BK530" s="166">
        <v>0</v>
      </c>
      <c r="BL530" s="166">
        <v>0</v>
      </c>
      <c r="BM530" s="166">
        <v>0</v>
      </c>
      <c r="BN530" s="166">
        <v>0</v>
      </c>
      <c r="BO530" s="166">
        <v>0</v>
      </c>
      <c r="BP530" s="166">
        <v>0</v>
      </c>
      <c r="BQ530" s="166">
        <v>0</v>
      </c>
      <c r="BR530" s="166">
        <v>29408599.244823299</v>
      </c>
      <c r="BS530" s="166">
        <v>29408599.244823299</v>
      </c>
      <c r="BT530" s="168">
        <v>0</v>
      </c>
      <c r="BU530" s="166">
        <v>-1253655.2423904201</v>
      </c>
      <c r="BV530" s="166">
        <v>23026855.095155299</v>
      </c>
      <c r="BW530" s="166">
        <v>0</v>
      </c>
      <c r="BX530" s="166">
        <v>0</v>
      </c>
      <c r="BY530" s="166">
        <v>0</v>
      </c>
      <c r="BZ530" s="166">
        <v>0</v>
      </c>
      <c r="CA530" s="166">
        <v>0</v>
      </c>
      <c r="CB530" s="166">
        <v>0</v>
      </c>
      <c r="CC530" s="166">
        <v>0</v>
      </c>
      <c r="CD530" s="166">
        <v>0</v>
      </c>
      <c r="CE530" s="166">
        <v>0</v>
      </c>
      <c r="CF530" s="166">
        <v>0</v>
      </c>
      <c r="CG530" s="166">
        <v>0</v>
      </c>
      <c r="CH530" s="166">
        <v>0</v>
      </c>
      <c r="CI530" s="166">
        <v>0</v>
      </c>
      <c r="CJ530" s="166">
        <v>0</v>
      </c>
      <c r="CK530" s="166">
        <v>0</v>
      </c>
      <c r="CL530" s="166">
        <v>0</v>
      </c>
      <c r="CM530" s="166">
        <v>0</v>
      </c>
      <c r="CN530" s="166">
        <v>0</v>
      </c>
      <c r="CO530" s="166">
        <v>0</v>
      </c>
      <c r="CP530" s="166">
        <v>0</v>
      </c>
      <c r="CQ530" s="166">
        <v>0</v>
      </c>
      <c r="CR530" s="166">
        <v>0</v>
      </c>
      <c r="CS530" s="166">
        <v>0</v>
      </c>
      <c r="CT530" s="166">
        <v>0</v>
      </c>
      <c r="CU530" s="166">
        <v>0</v>
      </c>
      <c r="CV530" s="166">
        <v>0</v>
      </c>
      <c r="CW530" s="166">
        <v>0</v>
      </c>
      <c r="CX530" s="166">
        <v>0</v>
      </c>
      <c r="CY530" s="166">
        <v>23026855.095155299</v>
      </c>
      <c r="CZ530" s="166">
        <v>23026855.095155299</v>
      </c>
    </row>
    <row r="531" spans="1:104" x14ac:dyDescent="0.2">
      <c r="A531" s="167" t="s">
        <v>620</v>
      </c>
      <c r="B531" s="166">
        <v>0</v>
      </c>
      <c r="C531" s="166">
        <v>0</v>
      </c>
      <c r="D531" s="166">
        <v>0</v>
      </c>
      <c r="E531" s="166">
        <v>0</v>
      </c>
      <c r="F531" s="166">
        <v>0</v>
      </c>
      <c r="G531" s="166">
        <v>0</v>
      </c>
      <c r="H531" s="166">
        <v>0</v>
      </c>
      <c r="I531" s="166">
        <v>0</v>
      </c>
      <c r="J531" s="166">
        <v>0</v>
      </c>
      <c r="K531" s="166">
        <v>0</v>
      </c>
      <c r="L531" s="166">
        <v>0</v>
      </c>
      <c r="M531" s="166">
        <v>0</v>
      </c>
      <c r="N531" s="166">
        <v>0</v>
      </c>
      <c r="O531" s="166">
        <v>0</v>
      </c>
      <c r="P531" s="166">
        <v>0</v>
      </c>
      <c r="Q531" s="166">
        <v>0</v>
      </c>
      <c r="R531" s="166">
        <v>0</v>
      </c>
      <c r="S531" s="166">
        <v>0</v>
      </c>
      <c r="T531" s="166">
        <v>0</v>
      </c>
      <c r="U531" s="166">
        <v>0</v>
      </c>
      <c r="V531" s="166">
        <v>0</v>
      </c>
      <c r="W531" s="166">
        <v>0</v>
      </c>
      <c r="X531" s="166">
        <v>0</v>
      </c>
      <c r="Y531" s="166">
        <v>0</v>
      </c>
      <c r="Z531" s="166">
        <v>0</v>
      </c>
      <c r="AA531" s="166">
        <v>0</v>
      </c>
      <c r="AB531" s="166">
        <v>0</v>
      </c>
      <c r="AC531" s="166">
        <v>0</v>
      </c>
      <c r="AD531" s="166">
        <v>0</v>
      </c>
      <c r="AE531" s="166">
        <v>0</v>
      </c>
      <c r="AF531" s="166">
        <v>0</v>
      </c>
      <c r="AG531" s="166">
        <v>0</v>
      </c>
      <c r="AH531" s="166">
        <v>0</v>
      </c>
      <c r="AI531" s="166">
        <v>0</v>
      </c>
      <c r="AJ531" s="166">
        <v>0</v>
      </c>
      <c r="AK531" s="166">
        <v>0</v>
      </c>
      <c r="AL531" s="166">
        <v>0</v>
      </c>
      <c r="AM531" s="166">
        <v>0</v>
      </c>
      <c r="AN531" s="166">
        <v>0</v>
      </c>
      <c r="AO531" s="166">
        <v>0</v>
      </c>
      <c r="AP531" s="166">
        <v>0</v>
      </c>
      <c r="AQ531" s="166">
        <v>0</v>
      </c>
      <c r="AR531" s="166">
        <v>0</v>
      </c>
      <c r="AS531" s="166">
        <v>0</v>
      </c>
      <c r="AT531" s="166">
        <v>0</v>
      </c>
      <c r="AU531" s="166">
        <v>0</v>
      </c>
      <c r="AV531" s="166">
        <v>0</v>
      </c>
      <c r="AW531" s="166">
        <v>0</v>
      </c>
      <c r="AX531" s="166">
        <v>0</v>
      </c>
      <c r="AY531" s="166">
        <v>0</v>
      </c>
      <c r="AZ531" s="166">
        <v>0</v>
      </c>
      <c r="BA531" s="166">
        <v>0</v>
      </c>
      <c r="BB531" s="166">
        <v>0</v>
      </c>
      <c r="BC531" s="166">
        <v>0</v>
      </c>
      <c r="BD531" s="166">
        <v>0</v>
      </c>
      <c r="BE531" s="166">
        <v>0</v>
      </c>
      <c r="BF531" s="166">
        <v>0</v>
      </c>
      <c r="BG531" s="166">
        <v>0</v>
      </c>
      <c r="BH531" s="166">
        <v>0</v>
      </c>
      <c r="BI531" s="166">
        <v>0</v>
      </c>
      <c r="BJ531" s="166">
        <v>0</v>
      </c>
      <c r="BK531" s="166">
        <v>0</v>
      </c>
      <c r="BL531" s="166">
        <v>0</v>
      </c>
      <c r="BM531" s="166">
        <v>0</v>
      </c>
      <c r="BN531" s="166">
        <v>0</v>
      </c>
      <c r="BO531" s="166">
        <v>0</v>
      </c>
      <c r="BP531" s="166">
        <v>0</v>
      </c>
      <c r="BQ531" s="166">
        <v>0</v>
      </c>
      <c r="BR531" s="166">
        <v>0</v>
      </c>
      <c r="BS531" s="166">
        <v>0</v>
      </c>
      <c r="BT531" s="168">
        <v>0</v>
      </c>
      <c r="BU531" s="166">
        <v>0</v>
      </c>
      <c r="BV531" s="166">
        <v>0</v>
      </c>
      <c r="BW531" s="166">
        <v>0</v>
      </c>
      <c r="BX531" s="166">
        <v>0</v>
      </c>
      <c r="BY531" s="166">
        <v>0</v>
      </c>
      <c r="BZ531" s="166">
        <v>0</v>
      </c>
      <c r="CA531" s="166">
        <v>0</v>
      </c>
      <c r="CB531" s="166">
        <v>0</v>
      </c>
      <c r="CC531" s="166">
        <v>0</v>
      </c>
      <c r="CD531" s="166">
        <v>0</v>
      </c>
      <c r="CE531" s="166">
        <v>0</v>
      </c>
      <c r="CF531" s="166">
        <v>0</v>
      </c>
      <c r="CG531" s="166">
        <v>0</v>
      </c>
      <c r="CH531" s="166">
        <v>0</v>
      </c>
      <c r="CI531" s="166">
        <v>0</v>
      </c>
      <c r="CJ531" s="166">
        <v>0</v>
      </c>
      <c r="CK531" s="166">
        <v>0</v>
      </c>
      <c r="CL531" s="166">
        <v>0</v>
      </c>
      <c r="CM531" s="166">
        <v>0</v>
      </c>
      <c r="CN531" s="166">
        <v>0</v>
      </c>
      <c r="CO531" s="166">
        <v>0</v>
      </c>
      <c r="CP531" s="166">
        <v>0</v>
      </c>
      <c r="CQ531" s="166">
        <v>0</v>
      </c>
      <c r="CR531" s="166">
        <v>0</v>
      </c>
      <c r="CS531" s="166">
        <v>0</v>
      </c>
      <c r="CT531" s="166">
        <v>0</v>
      </c>
      <c r="CU531" s="166">
        <v>0</v>
      </c>
      <c r="CV531" s="166">
        <v>0</v>
      </c>
      <c r="CW531" s="166">
        <v>0</v>
      </c>
      <c r="CX531" s="166">
        <v>0</v>
      </c>
      <c r="CY531" s="166">
        <v>0</v>
      </c>
      <c r="CZ531" s="166">
        <v>0</v>
      </c>
    </row>
    <row r="532" spans="1:104" x14ac:dyDescent="0.2">
      <c r="A532" s="167" t="s">
        <v>621</v>
      </c>
      <c r="B532" s="166">
        <v>36923284.432595901</v>
      </c>
      <c r="C532" s="166">
        <v>36923284.432595901</v>
      </c>
      <c r="D532" s="166">
        <v>0</v>
      </c>
      <c r="E532" s="166">
        <v>0</v>
      </c>
      <c r="F532" s="166">
        <v>0</v>
      </c>
      <c r="G532" s="166">
        <v>0</v>
      </c>
      <c r="H532" s="166">
        <v>0</v>
      </c>
      <c r="I532" s="166">
        <v>0</v>
      </c>
      <c r="J532" s="166">
        <v>0</v>
      </c>
      <c r="K532" s="166">
        <v>0</v>
      </c>
      <c r="L532" s="166">
        <v>0</v>
      </c>
      <c r="M532" s="166">
        <v>0</v>
      </c>
      <c r="N532" s="166">
        <v>0</v>
      </c>
      <c r="O532" s="166">
        <v>0</v>
      </c>
      <c r="P532" s="166">
        <v>0</v>
      </c>
      <c r="Q532" s="166">
        <v>0</v>
      </c>
      <c r="R532" s="166">
        <v>0</v>
      </c>
      <c r="S532" s="166">
        <v>0</v>
      </c>
      <c r="T532" s="166">
        <v>0</v>
      </c>
      <c r="U532" s="166">
        <v>0</v>
      </c>
      <c r="V532" s="166">
        <v>0</v>
      </c>
      <c r="W532" s="166">
        <v>0</v>
      </c>
      <c r="X532" s="166">
        <v>0</v>
      </c>
      <c r="Y532" s="166">
        <v>0</v>
      </c>
      <c r="Z532" s="166">
        <v>0</v>
      </c>
      <c r="AA532" s="166">
        <v>0</v>
      </c>
      <c r="AB532" s="166">
        <v>0</v>
      </c>
      <c r="AC532" s="166">
        <v>0</v>
      </c>
      <c r="AD532" s="166">
        <v>0</v>
      </c>
      <c r="AE532" s="166">
        <v>0</v>
      </c>
      <c r="AF532" s="166">
        <v>0</v>
      </c>
      <c r="AG532" s="166">
        <v>0</v>
      </c>
      <c r="AH532" s="166">
        <v>0</v>
      </c>
      <c r="AI532" s="166">
        <v>0</v>
      </c>
      <c r="AJ532" s="166">
        <v>0</v>
      </c>
      <c r="AK532" s="166">
        <v>0</v>
      </c>
      <c r="AL532" s="166">
        <v>0</v>
      </c>
      <c r="AM532" s="166">
        <v>0</v>
      </c>
      <c r="AN532" s="166">
        <v>0</v>
      </c>
      <c r="AO532" s="166">
        <v>0</v>
      </c>
      <c r="AP532" s="166">
        <v>0</v>
      </c>
      <c r="AQ532" s="166">
        <v>0</v>
      </c>
      <c r="AR532" s="166">
        <v>0</v>
      </c>
      <c r="AS532" s="166">
        <v>0</v>
      </c>
      <c r="AT532" s="166">
        <v>0</v>
      </c>
      <c r="AU532" s="166">
        <v>0</v>
      </c>
      <c r="AV532" s="166">
        <v>0</v>
      </c>
      <c r="AW532" s="166">
        <v>0</v>
      </c>
      <c r="AX532" s="166">
        <v>0</v>
      </c>
      <c r="AY532" s="166">
        <v>0</v>
      </c>
      <c r="AZ532" s="166">
        <v>0</v>
      </c>
      <c r="BA532" s="166">
        <v>0</v>
      </c>
      <c r="BB532" s="166">
        <v>0</v>
      </c>
      <c r="BC532" s="166">
        <v>0</v>
      </c>
      <c r="BD532" s="166">
        <v>0</v>
      </c>
      <c r="BE532" s="166">
        <v>0</v>
      </c>
      <c r="BF532" s="166">
        <v>0</v>
      </c>
      <c r="BG532" s="166">
        <v>0</v>
      </c>
      <c r="BH532" s="166">
        <v>0</v>
      </c>
      <c r="BI532" s="166">
        <v>0</v>
      </c>
      <c r="BJ532" s="166">
        <v>0</v>
      </c>
      <c r="BK532" s="166">
        <v>0</v>
      </c>
      <c r="BL532" s="166">
        <v>0</v>
      </c>
      <c r="BM532" s="166">
        <v>0</v>
      </c>
      <c r="BN532" s="166">
        <v>0</v>
      </c>
      <c r="BO532" s="166">
        <v>0</v>
      </c>
      <c r="BP532" s="166">
        <v>0</v>
      </c>
      <c r="BQ532" s="166">
        <v>0</v>
      </c>
      <c r="BR532" s="166">
        <v>36923284.432595901</v>
      </c>
      <c r="BS532" s="166">
        <v>36923284.432595901</v>
      </c>
      <c r="BT532" s="168">
        <v>0</v>
      </c>
      <c r="BU532" s="166">
        <v>1250222.2039969901</v>
      </c>
      <c r="BV532" s="166">
        <v>36923284.432595901</v>
      </c>
      <c r="BW532" s="166">
        <v>0</v>
      </c>
      <c r="BX532" s="166">
        <v>0</v>
      </c>
      <c r="BY532" s="166">
        <v>0</v>
      </c>
      <c r="BZ532" s="166">
        <v>0</v>
      </c>
      <c r="CA532" s="166">
        <v>0</v>
      </c>
      <c r="CB532" s="166">
        <v>0</v>
      </c>
      <c r="CC532" s="166">
        <v>0</v>
      </c>
      <c r="CD532" s="166">
        <v>0</v>
      </c>
      <c r="CE532" s="166">
        <v>0</v>
      </c>
      <c r="CF532" s="166">
        <v>0</v>
      </c>
      <c r="CG532" s="166">
        <v>0</v>
      </c>
      <c r="CH532" s="166">
        <v>0</v>
      </c>
      <c r="CI532" s="166">
        <v>0</v>
      </c>
      <c r="CJ532" s="166">
        <v>0</v>
      </c>
      <c r="CK532" s="166">
        <v>0</v>
      </c>
      <c r="CL532" s="166">
        <v>0</v>
      </c>
      <c r="CM532" s="166">
        <v>0</v>
      </c>
      <c r="CN532" s="166">
        <v>0</v>
      </c>
      <c r="CO532" s="166">
        <v>0</v>
      </c>
      <c r="CP532" s="166">
        <v>0</v>
      </c>
      <c r="CQ532" s="166">
        <v>0</v>
      </c>
      <c r="CR532" s="166">
        <v>0</v>
      </c>
      <c r="CS532" s="166">
        <v>0</v>
      </c>
      <c r="CT532" s="166">
        <v>0</v>
      </c>
      <c r="CU532" s="166">
        <v>0</v>
      </c>
      <c r="CV532" s="166">
        <v>0</v>
      </c>
      <c r="CW532" s="166">
        <v>0</v>
      </c>
      <c r="CX532" s="166">
        <v>0</v>
      </c>
      <c r="CY532" s="166">
        <v>36923284.432595901</v>
      </c>
      <c r="CZ532" s="166">
        <v>36923284.432595901</v>
      </c>
    </row>
    <row r="533" spans="1:104" x14ac:dyDescent="0.2">
      <c r="A533" s="167" t="s">
        <v>622</v>
      </c>
      <c r="B533" s="166">
        <v>16110869.2646759</v>
      </c>
      <c r="C533" s="166">
        <v>16110869.2646759</v>
      </c>
      <c r="D533" s="166">
        <v>0</v>
      </c>
      <c r="E533" s="166">
        <v>0</v>
      </c>
      <c r="F533" s="166">
        <v>0</v>
      </c>
      <c r="G533" s="166">
        <v>0</v>
      </c>
      <c r="H533" s="166">
        <v>0</v>
      </c>
      <c r="I533" s="166">
        <v>0</v>
      </c>
      <c r="J533" s="166">
        <v>0</v>
      </c>
      <c r="K533" s="166">
        <v>0</v>
      </c>
      <c r="L533" s="166">
        <v>0</v>
      </c>
      <c r="M533" s="166">
        <v>0</v>
      </c>
      <c r="N533" s="166">
        <v>0</v>
      </c>
      <c r="O533" s="166">
        <v>0</v>
      </c>
      <c r="P533" s="166">
        <v>0</v>
      </c>
      <c r="Q533" s="166">
        <v>0</v>
      </c>
      <c r="R533" s="166">
        <v>0</v>
      </c>
      <c r="S533" s="166">
        <v>0</v>
      </c>
      <c r="T533" s="166">
        <v>0</v>
      </c>
      <c r="U533" s="166">
        <v>0</v>
      </c>
      <c r="V533" s="166">
        <v>0</v>
      </c>
      <c r="W533" s="166">
        <v>0</v>
      </c>
      <c r="X533" s="166">
        <v>0</v>
      </c>
      <c r="Y533" s="166">
        <v>0</v>
      </c>
      <c r="Z533" s="166">
        <v>0</v>
      </c>
      <c r="AA533" s="166">
        <v>0</v>
      </c>
      <c r="AB533" s="166">
        <v>0</v>
      </c>
      <c r="AC533" s="166">
        <v>0</v>
      </c>
      <c r="AD533" s="166">
        <v>0</v>
      </c>
      <c r="AE533" s="166">
        <v>0</v>
      </c>
      <c r="AF533" s="166">
        <v>0</v>
      </c>
      <c r="AG533" s="166">
        <v>0</v>
      </c>
      <c r="AH533" s="166">
        <v>0</v>
      </c>
      <c r="AI533" s="166">
        <v>0</v>
      </c>
      <c r="AJ533" s="166">
        <v>0</v>
      </c>
      <c r="AK533" s="166">
        <v>0</v>
      </c>
      <c r="AL533" s="166">
        <v>0</v>
      </c>
      <c r="AM533" s="166">
        <v>0</v>
      </c>
      <c r="AN533" s="166">
        <v>0</v>
      </c>
      <c r="AO533" s="166">
        <v>0</v>
      </c>
      <c r="AP533" s="166">
        <v>0</v>
      </c>
      <c r="AQ533" s="166">
        <v>0</v>
      </c>
      <c r="AR533" s="166">
        <v>0</v>
      </c>
      <c r="AS533" s="166">
        <v>0</v>
      </c>
      <c r="AT533" s="166">
        <v>0</v>
      </c>
      <c r="AU533" s="166">
        <v>0</v>
      </c>
      <c r="AV533" s="166">
        <v>0</v>
      </c>
      <c r="AW533" s="166">
        <v>0</v>
      </c>
      <c r="AX533" s="166">
        <v>0</v>
      </c>
      <c r="AY533" s="166">
        <v>0</v>
      </c>
      <c r="AZ533" s="166">
        <v>0</v>
      </c>
      <c r="BA533" s="166">
        <v>0</v>
      </c>
      <c r="BB533" s="166">
        <v>0</v>
      </c>
      <c r="BC533" s="166">
        <v>0</v>
      </c>
      <c r="BD533" s="166">
        <v>0</v>
      </c>
      <c r="BE533" s="166">
        <v>0</v>
      </c>
      <c r="BF533" s="166">
        <v>0</v>
      </c>
      <c r="BG533" s="166">
        <v>0</v>
      </c>
      <c r="BH533" s="166">
        <v>0</v>
      </c>
      <c r="BI533" s="166">
        <v>0</v>
      </c>
      <c r="BJ533" s="166">
        <v>0</v>
      </c>
      <c r="BK533" s="166">
        <v>0</v>
      </c>
      <c r="BL533" s="166">
        <v>0</v>
      </c>
      <c r="BM533" s="166">
        <v>0</v>
      </c>
      <c r="BN533" s="166">
        <v>0</v>
      </c>
      <c r="BO533" s="166">
        <v>0</v>
      </c>
      <c r="BP533" s="166">
        <v>0</v>
      </c>
      <c r="BQ533" s="166">
        <v>0</v>
      </c>
      <c r="BR533" s="166">
        <v>16110869.2646759</v>
      </c>
      <c r="BS533" s="166">
        <v>16110869.2646759</v>
      </c>
      <c r="BT533" s="168">
        <v>0</v>
      </c>
      <c r="BU533" s="166">
        <v>500649.39109499898</v>
      </c>
      <c r="BV533" s="166">
        <v>16110869.2646759</v>
      </c>
      <c r="BW533" s="166">
        <v>0</v>
      </c>
      <c r="BX533" s="166">
        <v>0</v>
      </c>
      <c r="BY533" s="166">
        <v>0</v>
      </c>
      <c r="BZ533" s="166">
        <v>0</v>
      </c>
      <c r="CA533" s="166">
        <v>0</v>
      </c>
      <c r="CB533" s="166">
        <v>0</v>
      </c>
      <c r="CC533" s="166">
        <v>0</v>
      </c>
      <c r="CD533" s="166">
        <v>0</v>
      </c>
      <c r="CE533" s="166">
        <v>0</v>
      </c>
      <c r="CF533" s="166">
        <v>0</v>
      </c>
      <c r="CG533" s="166">
        <v>0</v>
      </c>
      <c r="CH533" s="166">
        <v>0</v>
      </c>
      <c r="CI533" s="166">
        <v>0</v>
      </c>
      <c r="CJ533" s="166">
        <v>0</v>
      </c>
      <c r="CK533" s="166">
        <v>0</v>
      </c>
      <c r="CL533" s="166">
        <v>0</v>
      </c>
      <c r="CM533" s="166">
        <v>0</v>
      </c>
      <c r="CN533" s="166">
        <v>0</v>
      </c>
      <c r="CO533" s="166">
        <v>0</v>
      </c>
      <c r="CP533" s="166">
        <v>0</v>
      </c>
      <c r="CQ533" s="166">
        <v>0</v>
      </c>
      <c r="CR533" s="166">
        <v>0</v>
      </c>
      <c r="CS533" s="166">
        <v>0</v>
      </c>
      <c r="CT533" s="166">
        <v>0</v>
      </c>
      <c r="CU533" s="166">
        <v>0</v>
      </c>
      <c r="CV533" s="166">
        <v>0</v>
      </c>
      <c r="CW533" s="166">
        <v>0</v>
      </c>
      <c r="CX533" s="166">
        <v>0</v>
      </c>
      <c r="CY533" s="166">
        <v>16110869.2646759</v>
      </c>
      <c r="CZ533" s="166">
        <v>16110869.2646759</v>
      </c>
    </row>
    <row r="534" spans="1:104" x14ac:dyDescent="0.2">
      <c r="A534" s="167" t="s">
        <v>623</v>
      </c>
      <c r="B534" s="166">
        <v>22001771.8397769</v>
      </c>
      <c r="C534" s="166">
        <v>22001771.8397769</v>
      </c>
      <c r="D534" s="166">
        <v>0</v>
      </c>
      <c r="E534" s="166">
        <v>0</v>
      </c>
      <c r="F534" s="166">
        <v>0</v>
      </c>
      <c r="G534" s="166">
        <v>0</v>
      </c>
      <c r="H534" s="166">
        <v>0</v>
      </c>
      <c r="I534" s="166">
        <v>0</v>
      </c>
      <c r="J534" s="166">
        <v>0</v>
      </c>
      <c r="K534" s="166">
        <v>0</v>
      </c>
      <c r="L534" s="166">
        <v>0</v>
      </c>
      <c r="M534" s="166">
        <v>0</v>
      </c>
      <c r="N534" s="166">
        <v>0</v>
      </c>
      <c r="O534" s="166">
        <v>0</v>
      </c>
      <c r="P534" s="166">
        <v>0</v>
      </c>
      <c r="Q534" s="166">
        <v>0</v>
      </c>
      <c r="R534" s="166">
        <v>0</v>
      </c>
      <c r="S534" s="166">
        <v>0</v>
      </c>
      <c r="T534" s="166">
        <v>0</v>
      </c>
      <c r="U534" s="166">
        <v>0</v>
      </c>
      <c r="V534" s="166">
        <v>0</v>
      </c>
      <c r="W534" s="166">
        <v>0</v>
      </c>
      <c r="X534" s="166">
        <v>0</v>
      </c>
      <c r="Y534" s="166">
        <v>0</v>
      </c>
      <c r="Z534" s="166">
        <v>0</v>
      </c>
      <c r="AA534" s="166">
        <v>0</v>
      </c>
      <c r="AB534" s="166">
        <v>0</v>
      </c>
      <c r="AC534" s="166">
        <v>0</v>
      </c>
      <c r="AD534" s="166">
        <v>0</v>
      </c>
      <c r="AE534" s="166">
        <v>0</v>
      </c>
      <c r="AF534" s="166">
        <v>0</v>
      </c>
      <c r="AG534" s="166">
        <v>0</v>
      </c>
      <c r="AH534" s="166">
        <v>0</v>
      </c>
      <c r="AI534" s="166">
        <v>0</v>
      </c>
      <c r="AJ534" s="166">
        <v>0</v>
      </c>
      <c r="AK534" s="166">
        <v>0</v>
      </c>
      <c r="AL534" s="166">
        <v>0</v>
      </c>
      <c r="AM534" s="166">
        <v>0</v>
      </c>
      <c r="AN534" s="166">
        <v>0</v>
      </c>
      <c r="AO534" s="166">
        <v>0</v>
      </c>
      <c r="AP534" s="166">
        <v>0</v>
      </c>
      <c r="AQ534" s="166">
        <v>0</v>
      </c>
      <c r="AR534" s="166">
        <v>0</v>
      </c>
      <c r="AS534" s="166">
        <v>0</v>
      </c>
      <c r="AT534" s="166">
        <v>0</v>
      </c>
      <c r="AU534" s="166">
        <v>0</v>
      </c>
      <c r="AV534" s="166">
        <v>0</v>
      </c>
      <c r="AW534" s="166">
        <v>0</v>
      </c>
      <c r="AX534" s="166">
        <v>0</v>
      </c>
      <c r="AY534" s="166">
        <v>0</v>
      </c>
      <c r="AZ534" s="166">
        <v>0</v>
      </c>
      <c r="BA534" s="166">
        <v>0</v>
      </c>
      <c r="BB534" s="166">
        <v>0</v>
      </c>
      <c r="BC534" s="166">
        <v>0</v>
      </c>
      <c r="BD534" s="166">
        <v>0</v>
      </c>
      <c r="BE534" s="166">
        <v>0</v>
      </c>
      <c r="BF534" s="166">
        <v>0</v>
      </c>
      <c r="BG534" s="166">
        <v>0</v>
      </c>
      <c r="BH534" s="166">
        <v>0</v>
      </c>
      <c r="BI534" s="166">
        <v>0</v>
      </c>
      <c r="BJ534" s="166">
        <v>0</v>
      </c>
      <c r="BK534" s="166">
        <v>0</v>
      </c>
      <c r="BL534" s="166">
        <v>0</v>
      </c>
      <c r="BM534" s="166">
        <v>0</v>
      </c>
      <c r="BN534" s="166">
        <v>0</v>
      </c>
      <c r="BO534" s="166">
        <v>0</v>
      </c>
      <c r="BP534" s="166">
        <v>0</v>
      </c>
      <c r="BQ534" s="166">
        <v>0</v>
      </c>
      <c r="BR534" s="166">
        <v>22001771.8397769</v>
      </c>
      <c r="BS534" s="166">
        <v>22001771.8397769</v>
      </c>
      <c r="BT534" s="168">
        <v>0</v>
      </c>
      <c r="BU534" s="166">
        <v>1331435.8013919899</v>
      </c>
      <c r="BV534" s="166">
        <v>21927510.5895309</v>
      </c>
      <c r="BW534" s="166">
        <v>0</v>
      </c>
      <c r="BX534" s="166">
        <v>0</v>
      </c>
      <c r="BY534" s="166">
        <v>0</v>
      </c>
      <c r="BZ534" s="166">
        <v>0</v>
      </c>
      <c r="CA534" s="166">
        <v>0</v>
      </c>
      <c r="CB534" s="166">
        <v>0</v>
      </c>
      <c r="CC534" s="166">
        <v>0</v>
      </c>
      <c r="CD534" s="166">
        <v>0</v>
      </c>
      <c r="CE534" s="166">
        <v>0</v>
      </c>
      <c r="CF534" s="166">
        <v>0</v>
      </c>
      <c r="CG534" s="166">
        <v>0</v>
      </c>
      <c r="CH534" s="166">
        <v>0</v>
      </c>
      <c r="CI534" s="166">
        <v>0</v>
      </c>
      <c r="CJ534" s="166">
        <v>0</v>
      </c>
      <c r="CK534" s="166">
        <v>0</v>
      </c>
      <c r="CL534" s="166">
        <v>0</v>
      </c>
      <c r="CM534" s="166">
        <v>0</v>
      </c>
      <c r="CN534" s="166">
        <v>0</v>
      </c>
      <c r="CO534" s="166">
        <v>0</v>
      </c>
      <c r="CP534" s="166">
        <v>0</v>
      </c>
      <c r="CQ534" s="166">
        <v>0</v>
      </c>
      <c r="CR534" s="166">
        <v>0</v>
      </c>
      <c r="CS534" s="166">
        <v>0</v>
      </c>
      <c r="CT534" s="166">
        <v>0</v>
      </c>
      <c r="CU534" s="166">
        <v>0</v>
      </c>
      <c r="CV534" s="166">
        <v>0</v>
      </c>
      <c r="CW534" s="166">
        <v>0</v>
      </c>
      <c r="CX534" s="166">
        <v>0</v>
      </c>
      <c r="CY534" s="166">
        <v>21927510.5895309</v>
      </c>
      <c r="CZ534" s="166">
        <v>21927510.5895309</v>
      </c>
    </row>
    <row r="535" spans="1:104" x14ac:dyDescent="0.2">
      <c r="A535" s="167" t="s">
        <v>624</v>
      </c>
      <c r="B535" s="166">
        <v>3215576.0793499998</v>
      </c>
      <c r="C535" s="166">
        <v>3215576.0793499998</v>
      </c>
      <c r="D535" s="166">
        <v>0</v>
      </c>
      <c r="E535" s="166">
        <v>0</v>
      </c>
      <c r="F535" s="166">
        <v>0</v>
      </c>
      <c r="G535" s="166">
        <v>0</v>
      </c>
      <c r="H535" s="166">
        <v>0</v>
      </c>
      <c r="I535" s="166">
        <v>0</v>
      </c>
      <c r="J535" s="166">
        <v>0</v>
      </c>
      <c r="K535" s="166">
        <v>0</v>
      </c>
      <c r="L535" s="166">
        <v>0</v>
      </c>
      <c r="M535" s="166">
        <v>0</v>
      </c>
      <c r="N535" s="166">
        <v>0</v>
      </c>
      <c r="O535" s="166">
        <v>0</v>
      </c>
      <c r="P535" s="166">
        <v>0</v>
      </c>
      <c r="Q535" s="166">
        <v>0</v>
      </c>
      <c r="R535" s="166">
        <v>0</v>
      </c>
      <c r="S535" s="166">
        <v>0</v>
      </c>
      <c r="T535" s="166">
        <v>0</v>
      </c>
      <c r="U535" s="166">
        <v>0</v>
      </c>
      <c r="V535" s="166">
        <v>0</v>
      </c>
      <c r="W535" s="166">
        <v>0</v>
      </c>
      <c r="X535" s="166">
        <v>0</v>
      </c>
      <c r="Y535" s="166">
        <v>0</v>
      </c>
      <c r="Z535" s="166">
        <v>0</v>
      </c>
      <c r="AA535" s="166">
        <v>0</v>
      </c>
      <c r="AB535" s="166">
        <v>0</v>
      </c>
      <c r="AC535" s="166">
        <v>0</v>
      </c>
      <c r="AD535" s="166">
        <v>0</v>
      </c>
      <c r="AE535" s="166">
        <v>0</v>
      </c>
      <c r="AF535" s="166">
        <v>0</v>
      </c>
      <c r="AG535" s="166">
        <v>0</v>
      </c>
      <c r="AH535" s="166">
        <v>0</v>
      </c>
      <c r="AI535" s="166">
        <v>0</v>
      </c>
      <c r="AJ535" s="166">
        <v>0</v>
      </c>
      <c r="AK535" s="166">
        <v>0</v>
      </c>
      <c r="AL535" s="166">
        <v>0</v>
      </c>
      <c r="AM535" s="166">
        <v>0</v>
      </c>
      <c r="AN535" s="166">
        <v>0</v>
      </c>
      <c r="AO535" s="166">
        <v>0</v>
      </c>
      <c r="AP535" s="166">
        <v>0</v>
      </c>
      <c r="AQ535" s="166">
        <v>0</v>
      </c>
      <c r="AR535" s="166">
        <v>0</v>
      </c>
      <c r="AS535" s="166">
        <v>0</v>
      </c>
      <c r="AT535" s="166">
        <v>0</v>
      </c>
      <c r="AU535" s="166">
        <v>0</v>
      </c>
      <c r="AV535" s="166">
        <v>0</v>
      </c>
      <c r="AW535" s="166">
        <v>0</v>
      </c>
      <c r="AX535" s="166">
        <v>0</v>
      </c>
      <c r="AY535" s="166">
        <v>0</v>
      </c>
      <c r="AZ535" s="166">
        <v>0</v>
      </c>
      <c r="BA535" s="166">
        <v>0</v>
      </c>
      <c r="BB535" s="166">
        <v>0</v>
      </c>
      <c r="BC535" s="166">
        <v>0</v>
      </c>
      <c r="BD535" s="166">
        <v>0</v>
      </c>
      <c r="BE535" s="166">
        <v>0</v>
      </c>
      <c r="BF535" s="166">
        <v>0</v>
      </c>
      <c r="BG535" s="166">
        <v>0</v>
      </c>
      <c r="BH535" s="166">
        <v>0</v>
      </c>
      <c r="BI535" s="166">
        <v>0</v>
      </c>
      <c r="BJ535" s="166">
        <v>0</v>
      </c>
      <c r="BK535" s="166">
        <v>0</v>
      </c>
      <c r="BL535" s="166">
        <v>0</v>
      </c>
      <c r="BM535" s="166">
        <v>0</v>
      </c>
      <c r="BN535" s="166">
        <v>0</v>
      </c>
      <c r="BO535" s="166">
        <v>0</v>
      </c>
      <c r="BP535" s="166">
        <v>0</v>
      </c>
      <c r="BQ535" s="166">
        <v>0</v>
      </c>
      <c r="BR535" s="166">
        <v>3215576.0793499998</v>
      </c>
      <c r="BS535" s="166">
        <v>3215576.0793499998</v>
      </c>
      <c r="BT535" s="168">
        <v>0</v>
      </c>
      <c r="BU535" s="166">
        <v>254679.71256281901</v>
      </c>
      <c r="BV535" s="166">
        <v>3176024.4935739902</v>
      </c>
      <c r="BW535" s="166">
        <v>0</v>
      </c>
      <c r="BX535" s="166">
        <v>0</v>
      </c>
      <c r="BY535" s="166">
        <v>0</v>
      </c>
      <c r="BZ535" s="166">
        <v>0</v>
      </c>
      <c r="CA535" s="166">
        <v>0</v>
      </c>
      <c r="CB535" s="166">
        <v>0</v>
      </c>
      <c r="CC535" s="166">
        <v>0</v>
      </c>
      <c r="CD535" s="166">
        <v>0</v>
      </c>
      <c r="CE535" s="166">
        <v>0</v>
      </c>
      <c r="CF535" s="166">
        <v>0</v>
      </c>
      <c r="CG535" s="166">
        <v>0</v>
      </c>
      <c r="CH535" s="166">
        <v>0</v>
      </c>
      <c r="CI535" s="166">
        <v>0</v>
      </c>
      <c r="CJ535" s="166">
        <v>0</v>
      </c>
      <c r="CK535" s="166">
        <v>0</v>
      </c>
      <c r="CL535" s="166">
        <v>0</v>
      </c>
      <c r="CM535" s="166">
        <v>0</v>
      </c>
      <c r="CN535" s="166">
        <v>0</v>
      </c>
      <c r="CO535" s="166">
        <v>0</v>
      </c>
      <c r="CP535" s="166">
        <v>0</v>
      </c>
      <c r="CQ535" s="166">
        <v>0</v>
      </c>
      <c r="CR535" s="166">
        <v>0</v>
      </c>
      <c r="CS535" s="166">
        <v>0</v>
      </c>
      <c r="CT535" s="166">
        <v>0</v>
      </c>
      <c r="CU535" s="166">
        <v>0</v>
      </c>
      <c r="CV535" s="166">
        <v>0</v>
      </c>
      <c r="CW535" s="166">
        <v>0</v>
      </c>
      <c r="CX535" s="166">
        <v>0</v>
      </c>
      <c r="CY535" s="166">
        <v>3176024.4935739902</v>
      </c>
      <c r="CZ535" s="166">
        <v>3176024.4935739902</v>
      </c>
    </row>
    <row r="536" spans="1:104" x14ac:dyDescent="0.2">
      <c r="A536" s="167" t="s">
        <v>625</v>
      </c>
      <c r="B536" s="166">
        <v>7292521.4451809898</v>
      </c>
      <c r="C536" s="166">
        <v>7292521.4451809898</v>
      </c>
      <c r="D536" s="166">
        <v>0</v>
      </c>
      <c r="E536" s="166">
        <v>0</v>
      </c>
      <c r="F536" s="166">
        <v>0</v>
      </c>
      <c r="G536" s="166">
        <v>0</v>
      </c>
      <c r="H536" s="166">
        <v>0</v>
      </c>
      <c r="I536" s="166">
        <v>0</v>
      </c>
      <c r="J536" s="166">
        <v>0</v>
      </c>
      <c r="K536" s="166">
        <v>0</v>
      </c>
      <c r="L536" s="166">
        <v>0</v>
      </c>
      <c r="M536" s="166">
        <v>0</v>
      </c>
      <c r="N536" s="166">
        <v>0</v>
      </c>
      <c r="O536" s="166">
        <v>0</v>
      </c>
      <c r="P536" s="166">
        <v>0</v>
      </c>
      <c r="Q536" s="166">
        <v>0</v>
      </c>
      <c r="R536" s="166">
        <v>0</v>
      </c>
      <c r="S536" s="166">
        <v>0</v>
      </c>
      <c r="T536" s="166">
        <v>0</v>
      </c>
      <c r="U536" s="166">
        <v>0</v>
      </c>
      <c r="V536" s="166">
        <v>0</v>
      </c>
      <c r="W536" s="166">
        <v>0</v>
      </c>
      <c r="X536" s="166">
        <v>0</v>
      </c>
      <c r="Y536" s="166">
        <v>0</v>
      </c>
      <c r="Z536" s="166">
        <v>0</v>
      </c>
      <c r="AA536" s="166">
        <v>0</v>
      </c>
      <c r="AB536" s="166">
        <v>0</v>
      </c>
      <c r="AC536" s="166">
        <v>0</v>
      </c>
      <c r="AD536" s="166">
        <v>0</v>
      </c>
      <c r="AE536" s="166">
        <v>0</v>
      </c>
      <c r="AF536" s="166">
        <v>0</v>
      </c>
      <c r="AG536" s="166">
        <v>0</v>
      </c>
      <c r="AH536" s="166">
        <v>0</v>
      </c>
      <c r="AI536" s="166">
        <v>0</v>
      </c>
      <c r="AJ536" s="166">
        <v>0</v>
      </c>
      <c r="AK536" s="166">
        <v>0</v>
      </c>
      <c r="AL536" s="166">
        <v>0</v>
      </c>
      <c r="AM536" s="166">
        <v>0</v>
      </c>
      <c r="AN536" s="166">
        <v>0</v>
      </c>
      <c r="AO536" s="166">
        <v>0</v>
      </c>
      <c r="AP536" s="166">
        <v>0</v>
      </c>
      <c r="AQ536" s="166">
        <v>0</v>
      </c>
      <c r="AR536" s="166">
        <v>0</v>
      </c>
      <c r="AS536" s="166">
        <v>0</v>
      </c>
      <c r="AT536" s="166">
        <v>0</v>
      </c>
      <c r="AU536" s="166">
        <v>0</v>
      </c>
      <c r="AV536" s="166">
        <v>0</v>
      </c>
      <c r="AW536" s="166">
        <v>0</v>
      </c>
      <c r="AX536" s="166">
        <v>0</v>
      </c>
      <c r="AY536" s="166">
        <v>0</v>
      </c>
      <c r="AZ536" s="166">
        <v>0</v>
      </c>
      <c r="BA536" s="166">
        <v>0</v>
      </c>
      <c r="BB536" s="166">
        <v>0</v>
      </c>
      <c r="BC536" s="166">
        <v>0</v>
      </c>
      <c r="BD536" s="166">
        <v>0</v>
      </c>
      <c r="BE536" s="166">
        <v>0</v>
      </c>
      <c r="BF536" s="166">
        <v>0</v>
      </c>
      <c r="BG536" s="166">
        <v>0</v>
      </c>
      <c r="BH536" s="166">
        <v>0</v>
      </c>
      <c r="BI536" s="166">
        <v>0</v>
      </c>
      <c r="BJ536" s="166">
        <v>0</v>
      </c>
      <c r="BK536" s="166">
        <v>0</v>
      </c>
      <c r="BL536" s="166">
        <v>0</v>
      </c>
      <c r="BM536" s="166">
        <v>0</v>
      </c>
      <c r="BN536" s="166">
        <v>0</v>
      </c>
      <c r="BO536" s="166">
        <v>0</v>
      </c>
      <c r="BP536" s="166">
        <v>0</v>
      </c>
      <c r="BQ536" s="166">
        <v>0</v>
      </c>
      <c r="BR536" s="166">
        <v>7292521.4451809898</v>
      </c>
      <c r="BS536" s="166">
        <v>7292521.4451809898</v>
      </c>
      <c r="BT536" s="168">
        <v>0</v>
      </c>
      <c r="BU536" s="166">
        <v>408086.21247600002</v>
      </c>
      <c r="BV536" s="166">
        <v>7292521.4451809898</v>
      </c>
      <c r="BW536" s="166">
        <v>0</v>
      </c>
      <c r="BX536" s="166">
        <v>0</v>
      </c>
      <c r="BY536" s="166">
        <v>0</v>
      </c>
      <c r="BZ536" s="166">
        <v>0</v>
      </c>
      <c r="CA536" s="166">
        <v>0</v>
      </c>
      <c r="CB536" s="166">
        <v>0</v>
      </c>
      <c r="CC536" s="166">
        <v>0</v>
      </c>
      <c r="CD536" s="166">
        <v>0</v>
      </c>
      <c r="CE536" s="166">
        <v>0</v>
      </c>
      <c r="CF536" s="166">
        <v>0</v>
      </c>
      <c r="CG536" s="166">
        <v>0</v>
      </c>
      <c r="CH536" s="166">
        <v>0</v>
      </c>
      <c r="CI536" s="166">
        <v>0</v>
      </c>
      <c r="CJ536" s="166">
        <v>0</v>
      </c>
      <c r="CK536" s="166">
        <v>0</v>
      </c>
      <c r="CL536" s="166">
        <v>0</v>
      </c>
      <c r="CM536" s="166">
        <v>0</v>
      </c>
      <c r="CN536" s="166">
        <v>0</v>
      </c>
      <c r="CO536" s="166">
        <v>0</v>
      </c>
      <c r="CP536" s="166">
        <v>0</v>
      </c>
      <c r="CQ536" s="166">
        <v>0</v>
      </c>
      <c r="CR536" s="166">
        <v>0</v>
      </c>
      <c r="CS536" s="166">
        <v>0</v>
      </c>
      <c r="CT536" s="166">
        <v>0</v>
      </c>
      <c r="CU536" s="166">
        <v>0</v>
      </c>
      <c r="CV536" s="166">
        <v>0</v>
      </c>
      <c r="CW536" s="166">
        <v>0</v>
      </c>
      <c r="CX536" s="166">
        <v>0</v>
      </c>
      <c r="CY536" s="166">
        <v>7292521.4451809898</v>
      </c>
      <c r="CZ536" s="166">
        <v>7292521.4451809898</v>
      </c>
    </row>
    <row r="537" spans="1:104" x14ac:dyDescent="0.2">
      <c r="A537" s="167" t="s">
        <v>626</v>
      </c>
      <c r="B537" s="166">
        <v>32802.408419999898</v>
      </c>
      <c r="C537" s="166">
        <v>32802.408419999898</v>
      </c>
      <c r="D537" s="166">
        <v>0</v>
      </c>
      <c r="E537" s="166">
        <v>0</v>
      </c>
      <c r="F537" s="166">
        <v>0</v>
      </c>
      <c r="G537" s="166">
        <v>0</v>
      </c>
      <c r="H537" s="166">
        <v>0</v>
      </c>
      <c r="I537" s="166">
        <v>0</v>
      </c>
      <c r="J537" s="166">
        <v>0</v>
      </c>
      <c r="K537" s="166">
        <v>0</v>
      </c>
      <c r="L537" s="166">
        <v>0</v>
      </c>
      <c r="M537" s="166">
        <v>0</v>
      </c>
      <c r="N537" s="166">
        <v>0</v>
      </c>
      <c r="O537" s="166">
        <v>0</v>
      </c>
      <c r="P537" s="166">
        <v>0</v>
      </c>
      <c r="Q537" s="166">
        <v>0</v>
      </c>
      <c r="R537" s="166">
        <v>0</v>
      </c>
      <c r="S537" s="166">
        <v>0</v>
      </c>
      <c r="T537" s="166">
        <v>0</v>
      </c>
      <c r="U537" s="166">
        <v>0</v>
      </c>
      <c r="V537" s="166">
        <v>0</v>
      </c>
      <c r="W537" s="166">
        <v>0</v>
      </c>
      <c r="X537" s="166">
        <v>0</v>
      </c>
      <c r="Y537" s="166">
        <v>0</v>
      </c>
      <c r="Z537" s="166">
        <v>0</v>
      </c>
      <c r="AA537" s="166">
        <v>0</v>
      </c>
      <c r="AB537" s="166">
        <v>0</v>
      </c>
      <c r="AC537" s="166">
        <v>0</v>
      </c>
      <c r="AD537" s="166">
        <v>0</v>
      </c>
      <c r="AE537" s="166">
        <v>0</v>
      </c>
      <c r="AF537" s="166">
        <v>0</v>
      </c>
      <c r="AG537" s="166">
        <v>0</v>
      </c>
      <c r="AH537" s="166">
        <v>0</v>
      </c>
      <c r="AI537" s="166">
        <v>0</v>
      </c>
      <c r="AJ537" s="166">
        <v>0</v>
      </c>
      <c r="AK537" s="166">
        <v>0</v>
      </c>
      <c r="AL537" s="166">
        <v>0</v>
      </c>
      <c r="AM537" s="166">
        <v>0</v>
      </c>
      <c r="AN537" s="166">
        <v>0</v>
      </c>
      <c r="AO537" s="166">
        <v>0</v>
      </c>
      <c r="AP537" s="166">
        <v>0</v>
      </c>
      <c r="AQ537" s="166">
        <v>0</v>
      </c>
      <c r="AR537" s="166">
        <v>0</v>
      </c>
      <c r="AS537" s="166">
        <v>0</v>
      </c>
      <c r="AT537" s="166">
        <v>0</v>
      </c>
      <c r="AU537" s="166">
        <v>0</v>
      </c>
      <c r="AV537" s="166">
        <v>0</v>
      </c>
      <c r="AW537" s="166">
        <v>0</v>
      </c>
      <c r="AX537" s="166">
        <v>0</v>
      </c>
      <c r="AY537" s="166">
        <v>0</v>
      </c>
      <c r="AZ537" s="166">
        <v>0</v>
      </c>
      <c r="BA537" s="166">
        <v>0</v>
      </c>
      <c r="BB537" s="166">
        <v>0</v>
      </c>
      <c r="BC537" s="166">
        <v>0</v>
      </c>
      <c r="BD537" s="166">
        <v>0</v>
      </c>
      <c r="BE537" s="166">
        <v>0</v>
      </c>
      <c r="BF537" s="166">
        <v>0</v>
      </c>
      <c r="BG537" s="166">
        <v>0</v>
      </c>
      <c r="BH537" s="166">
        <v>0</v>
      </c>
      <c r="BI537" s="166">
        <v>0</v>
      </c>
      <c r="BJ537" s="166">
        <v>0</v>
      </c>
      <c r="BK537" s="166">
        <v>0</v>
      </c>
      <c r="BL537" s="166">
        <v>0</v>
      </c>
      <c r="BM537" s="166">
        <v>0</v>
      </c>
      <c r="BN537" s="166">
        <v>0</v>
      </c>
      <c r="BO537" s="166">
        <v>0</v>
      </c>
      <c r="BP537" s="166">
        <v>0</v>
      </c>
      <c r="BQ537" s="166">
        <v>0</v>
      </c>
      <c r="BR537" s="166">
        <v>32802.408419999898</v>
      </c>
      <c r="BS537" s="166">
        <v>32802.408419999898</v>
      </c>
      <c r="BT537" s="168">
        <v>0</v>
      </c>
      <c r="BU537" s="166">
        <v>551.97849599999904</v>
      </c>
      <c r="BV537" s="166">
        <v>32802.408419999898</v>
      </c>
      <c r="BW537" s="166">
        <v>0</v>
      </c>
      <c r="BX537" s="166">
        <v>0</v>
      </c>
      <c r="BY537" s="166">
        <v>0</v>
      </c>
      <c r="BZ537" s="166">
        <v>0</v>
      </c>
      <c r="CA537" s="166">
        <v>0</v>
      </c>
      <c r="CB537" s="166">
        <v>0</v>
      </c>
      <c r="CC537" s="166">
        <v>0</v>
      </c>
      <c r="CD537" s="166">
        <v>0</v>
      </c>
      <c r="CE537" s="166">
        <v>0</v>
      </c>
      <c r="CF537" s="166">
        <v>0</v>
      </c>
      <c r="CG537" s="166">
        <v>0</v>
      </c>
      <c r="CH537" s="166">
        <v>0</v>
      </c>
      <c r="CI537" s="166">
        <v>0</v>
      </c>
      <c r="CJ537" s="166">
        <v>0</v>
      </c>
      <c r="CK537" s="166">
        <v>0</v>
      </c>
      <c r="CL537" s="166">
        <v>0</v>
      </c>
      <c r="CM537" s="166">
        <v>0</v>
      </c>
      <c r="CN537" s="166">
        <v>0</v>
      </c>
      <c r="CO537" s="166">
        <v>0</v>
      </c>
      <c r="CP537" s="166">
        <v>0</v>
      </c>
      <c r="CQ537" s="166">
        <v>0</v>
      </c>
      <c r="CR537" s="166">
        <v>0</v>
      </c>
      <c r="CS537" s="166">
        <v>0</v>
      </c>
      <c r="CT537" s="166">
        <v>0</v>
      </c>
      <c r="CU537" s="166">
        <v>0</v>
      </c>
      <c r="CV537" s="166">
        <v>0</v>
      </c>
      <c r="CW537" s="166">
        <v>0</v>
      </c>
      <c r="CX537" s="166">
        <v>0</v>
      </c>
      <c r="CY537" s="166">
        <v>32802.408419999898</v>
      </c>
      <c r="CZ537" s="166">
        <v>32802.408419999898</v>
      </c>
    </row>
    <row r="538" spans="1:104" x14ac:dyDescent="0.2">
      <c r="A538" s="167" t="s">
        <v>627</v>
      </c>
      <c r="B538" s="166">
        <v>85576825.469999894</v>
      </c>
      <c r="C538" s="166">
        <v>85576825.469999894</v>
      </c>
      <c r="D538" s="166">
        <v>0</v>
      </c>
      <c r="E538" s="166">
        <v>0</v>
      </c>
      <c r="F538" s="166">
        <v>0</v>
      </c>
      <c r="G538" s="166">
        <v>0</v>
      </c>
      <c r="H538" s="166">
        <v>0</v>
      </c>
      <c r="I538" s="166">
        <v>0</v>
      </c>
      <c r="J538" s="166">
        <v>0</v>
      </c>
      <c r="K538" s="166">
        <v>0</v>
      </c>
      <c r="L538" s="166">
        <v>0</v>
      </c>
      <c r="M538" s="166">
        <v>0</v>
      </c>
      <c r="N538" s="166">
        <v>0</v>
      </c>
      <c r="O538" s="166">
        <v>0</v>
      </c>
      <c r="P538" s="166">
        <v>0</v>
      </c>
      <c r="Q538" s="166">
        <v>0</v>
      </c>
      <c r="R538" s="166">
        <v>0</v>
      </c>
      <c r="S538" s="166">
        <v>0</v>
      </c>
      <c r="T538" s="166">
        <v>0</v>
      </c>
      <c r="U538" s="166">
        <v>0</v>
      </c>
      <c r="V538" s="166">
        <v>0</v>
      </c>
      <c r="W538" s="166">
        <v>0</v>
      </c>
      <c r="X538" s="166">
        <v>0</v>
      </c>
      <c r="Y538" s="166">
        <v>0</v>
      </c>
      <c r="Z538" s="166">
        <v>0</v>
      </c>
      <c r="AA538" s="166">
        <v>0</v>
      </c>
      <c r="AB538" s="166">
        <v>0</v>
      </c>
      <c r="AC538" s="166">
        <v>0</v>
      </c>
      <c r="AD538" s="166">
        <v>0</v>
      </c>
      <c r="AE538" s="166">
        <v>0</v>
      </c>
      <c r="AF538" s="166">
        <v>0</v>
      </c>
      <c r="AG538" s="166">
        <v>0</v>
      </c>
      <c r="AH538" s="166">
        <v>0</v>
      </c>
      <c r="AI538" s="166">
        <v>0</v>
      </c>
      <c r="AJ538" s="166">
        <v>0</v>
      </c>
      <c r="AK538" s="166">
        <v>0</v>
      </c>
      <c r="AL538" s="166">
        <v>0</v>
      </c>
      <c r="AM538" s="166">
        <v>0</v>
      </c>
      <c r="AN538" s="166">
        <v>0</v>
      </c>
      <c r="AO538" s="166">
        <v>0</v>
      </c>
      <c r="AP538" s="166">
        <v>0</v>
      </c>
      <c r="AQ538" s="166">
        <v>0</v>
      </c>
      <c r="AR538" s="166">
        <v>0</v>
      </c>
      <c r="AS538" s="166">
        <v>0</v>
      </c>
      <c r="AT538" s="166">
        <v>0</v>
      </c>
      <c r="AU538" s="166">
        <v>0</v>
      </c>
      <c r="AV538" s="166">
        <v>0</v>
      </c>
      <c r="AW538" s="166">
        <v>0</v>
      </c>
      <c r="AX538" s="166">
        <v>0</v>
      </c>
      <c r="AY538" s="166">
        <v>0</v>
      </c>
      <c r="AZ538" s="166">
        <v>0</v>
      </c>
      <c r="BA538" s="166">
        <v>0</v>
      </c>
      <c r="BB538" s="166">
        <v>0</v>
      </c>
      <c r="BC538" s="166">
        <v>0</v>
      </c>
      <c r="BD538" s="166">
        <v>0</v>
      </c>
      <c r="BE538" s="166">
        <v>0</v>
      </c>
      <c r="BF538" s="166">
        <v>0</v>
      </c>
      <c r="BG538" s="166">
        <v>0</v>
      </c>
      <c r="BH538" s="166">
        <v>0</v>
      </c>
      <c r="BI538" s="166">
        <v>0</v>
      </c>
      <c r="BJ538" s="166">
        <v>0</v>
      </c>
      <c r="BK538" s="166">
        <v>0</v>
      </c>
      <c r="BL538" s="166">
        <v>0</v>
      </c>
      <c r="BM538" s="166">
        <v>0</v>
      </c>
      <c r="BN538" s="166">
        <v>0</v>
      </c>
      <c r="BO538" s="166">
        <v>0</v>
      </c>
      <c r="BP538" s="166">
        <v>0</v>
      </c>
      <c r="BQ538" s="166">
        <v>0</v>
      </c>
      <c r="BR538" s="166">
        <v>85576825.469999894</v>
      </c>
      <c r="BS538" s="166">
        <v>85576825.469999894</v>
      </c>
      <c r="BT538" s="168">
        <v>0</v>
      </c>
      <c r="BU538" s="166">
        <v>3745625.3000188102</v>
      </c>
      <c r="BV538" s="166">
        <v>85463012.633977905</v>
      </c>
      <c r="BW538" s="166">
        <v>0</v>
      </c>
      <c r="BX538" s="166">
        <v>0</v>
      </c>
      <c r="BY538" s="166">
        <v>0</v>
      </c>
      <c r="BZ538" s="166">
        <v>0</v>
      </c>
      <c r="CA538" s="166">
        <v>0</v>
      </c>
      <c r="CB538" s="166">
        <v>0</v>
      </c>
      <c r="CC538" s="166">
        <v>0</v>
      </c>
      <c r="CD538" s="166">
        <v>0</v>
      </c>
      <c r="CE538" s="166">
        <v>0</v>
      </c>
      <c r="CF538" s="166">
        <v>0</v>
      </c>
      <c r="CG538" s="166">
        <v>0</v>
      </c>
      <c r="CH538" s="166">
        <v>0</v>
      </c>
      <c r="CI538" s="166">
        <v>0</v>
      </c>
      <c r="CJ538" s="166">
        <v>0</v>
      </c>
      <c r="CK538" s="166">
        <v>0</v>
      </c>
      <c r="CL538" s="166">
        <v>0</v>
      </c>
      <c r="CM538" s="166">
        <v>0</v>
      </c>
      <c r="CN538" s="166">
        <v>0</v>
      </c>
      <c r="CO538" s="166">
        <v>0</v>
      </c>
      <c r="CP538" s="166">
        <v>0</v>
      </c>
      <c r="CQ538" s="166">
        <v>0</v>
      </c>
      <c r="CR538" s="166">
        <v>0</v>
      </c>
      <c r="CS538" s="166">
        <v>0</v>
      </c>
      <c r="CT538" s="166">
        <v>0</v>
      </c>
      <c r="CU538" s="166">
        <v>0</v>
      </c>
      <c r="CV538" s="166">
        <v>0</v>
      </c>
      <c r="CW538" s="166">
        <v>0</v>
      </c>
      <c r="CX538" s="166">
        <v>0</v>
      </c>
      <c r="CY538" s="166">
        <v>85463012.633977905</v>
      </c>
      <c r="CZ538" s="166">
        <v>85463012.633977905</v>
      </c>
    </row>
    <row r="539" spans="1:104" x14ac:dyDescent="0.2">
      <c r="A539" s="167" t="s">
        <v>628</v>
      </c>
      <c r="B539" s="166">
        <v>0</v>
      </c>
      <c r="C539" s="166">
        <v>0</v>
      </c>
      <c r="D539" s="166">
        <v>0</v>
      </c>
      <c r="E539" s="166">
        <v>0</v>
      </c>
      <c r="F539" s="166">
        <v>0</v>
      </c>
      <c r="G539" s="166">
        <v>0</v>
      </c>
      <c r="H539" s="166">
        <v>0</v>
      </c>
      <c r="I539" s="166">
        <v>0</v>
      </c>
      <c r="J539" s="166">
        <v>0</v>
      </c>
      <c r="K539" s="166">
        <v>0</v>
      </c>
      <c r="L539" s="166">
        <v>0</v>
      </c>
      <c r="M539" s="166">
        <v>0</v>
      </c>
      <c r="N539" s="166">
        <v>0</v>
      </c>
      <c r="O539" s="166">
        <v>0</v>
      </c>
      <c r="P539" s="166">
        <v>0</v>
      </c>
      <c r="Q539" s="166">
        <v>0</v>
      </c>
      <c r="R539" s="166">
        <v>0</v>
      </c>
      <c r="S539" s="166">
        <v>0</v>
      </c>
      <c r="T539" s="166">
        <v>0</v>
      </c>
      <c r="U539" s="166">
        <v>0</v>
      </c>
      <c r="V539" s="166">
        <v>0</v>
      </c>
      <c r="W539" s="166">
        <v>0</v>
      </c>
      <c r="X539" s="166">
        <v>0</v>
      </c>
      <c r="Y539" s="166">
        <v>0</v>
      </c>
      <c r="Z539" s="166">
        <v>0</v>
      </c>
      <c r="AA539" s="166">
        <v>0</v>
      </c>
      <c r="AB539" s="166">
        <v>0</v>
      </c>
      <c r="AC539" s="166">
        <v>0</v>
      </c>
      <c r="AD539" s="166">
        <v>0</v>
      </c>
      <c r="AE539" s="166">
        <v>0</v>
      </c>
      <c r="AF539" s="166">
        <v>0</v>
      </c>
      <c r="AG539" s="166">
        <v>0</v>
      </c>
      <c r="AH539" s="166">
        <v>0</v>
      </c>
      <c r="AI539" s="166">
        <v>0</v>
      </c>
      <c r="AJ539" s="166">
        <v>0</v>
      </c>
      <c r="AK539" s="166">
        <v>0</v>
      </c>
      <c r="AL539" s="166">
        <v>0</v>
      </c>
      <c r="AM539" s="166">
        <v>0</v>
      </c>
      <c r="AN539" s="166">
        <v>0</v>
      </c>
      <c r="AO539" s="166">
        <v>0</v>
      </c>
      <c r="AP539" s="166">
        <v>0</v>
      </c>
      <c r="AQ539" s="166">
        <v>0</v>
      </c>
      <c r="AR539" s="166">
        <v>0</v>
      </c>
      <c r="AS539" s="166">
        <v>0</v>
      </c>
      <c r="AT539" s="166">
        <v>0</v>
      </c>
      <c r="AU539" s="166">
        <v>0</v>
      </c>
      <c r="AV539" s="166">
        <v>0</v>
      </c>
      <c r="AW539" s="166">
        <v>0</v>
      </c>
      <c r="AX539" s="166">
        <v>0</v>
      </c>
      <c r="AY539" s="166">
        <v>0</v>
      </c>
      <c r="AZ539" s="166">
        <v>0</v>
      </c>
      <c r="BA539" s="166">
        <v>0</v>
      </c>
      <c r="BB539" s="166">
        <v>0</v>
      </c>
      <c r="BC539" s="166">
        <v>0</v>
      </c>
      <c r="BD539" s="166">
        <v>0</v>
      </c>
      <c r="BE539" s="166">
        <v>0</v>
      </c>
      <c r="BF539" s="166">
        <v>0</v>
      </c>
      <c r="BG539" s="166">
        <v>0</v>
      </c>
      <c r="BH539" s="166">
        <v>0</v>
      </c>
      <c r="BI539" s="166">
        <v>0</v>
      </c>
      <c r="BJ539" s="166">
        <v>0</v>
      </c>
      <c r="BK539" s="166">
        <v>0</v>
      </c>
      <c r="BL539" s="166">
        <v>0</v>
      </c>
      <c r="BM539" s="166">
        <v>0</v>
      </c>
      <c r="BN539" s="166">
        <v>0</v>
      </c>
      <c r="BO539" s="166">
        <v>0</v>
      </c>
      <c r="BP539" s="166">
        <v>0</v>
      </c>
      <c r="BQ539" s="166">
        <v>0</v>
      </c>
      <c r="BR539" s="166">
        <v>0</v>
      </c>
      <c r="BS539" s="166">
        <v>0</v>
      </c>
      <c r="BT539" s="168">
        <v>0</v>
      </c>
      <c r="BU539" s="166">
        <v>0</v>
      </c>
      <c r="BV539" s="166">
        <v>0</v>
      </c>
      <c r="BW539" s="166">
        <v>0</v>
      </c>
      <c r="BX539" s="166">
        <v>0</v>
      </c>
      <c r="BY539" s="166">
        <v>0</v>
      </c>
      <c r="BZ539" s="166">
        <v>0</v>
      </c>
      <c r="CA539" s="166">
        <v>0</v>
      </c>
      <c r="CB539" s="166">
        <v>0</v>
      </c>
      <c r="CC539" s="166">
        <v>0</v>
      </c>
      <c r="CD539" s="166">
        <v>0</v>
      </c>
      <c r="CE539" s="166">
        <v>0</v>
      </c>
      <c r="CF539" s="166">
        <v>0</v>
      </c>
      <c r="CG539" s="166">
        <v>0</v>
      </c>
      <c r="CH539" s="166">
        <v>0</v>
      </c>
      <c r="CI539" s="166">
        <v>0</v>
      </c>
      <c r="CJ539" s="166">
        <v>0</v>
      </c>
      <c r="CK539" s="166">
        <v>0</v>
      </c>
      <c r="CL539" s="166">
        <v>0</v>
      </c>
      <c r="CM539" s="166">
        <v>0</v>
      </c>
      <c r="CN539" s="166">
        <v>0</v>
      </c>
      <c r="CO539" s="166">
        <v>0</v>
      </c>
      <c r="CP539" s="166">
        <v>0</v>
      </c>
      <c r="CQ539" s="166">
        <v>0</v>
      </c>
      <c r="CR539" s="166">
        <v>0</v>
      </c>
      <c r="CS539" s="166">
        <v>0</v>
      </c>
      <c r="CT539" s="166">
        <v>0</v>
      </c>
      <c r="CU539" s="166">
        <v>0</v>
      </c>
      <c r="CV539" s="166">
        <v>0</v>
      </c>
      <c r="CW539" s="166">
        <v>0</v>
      </c>
      <c r="CX539" s="166">
        <v>0</v>
      </c>
      <c r="CY539" s="166">
        <v>0</v>
      </c>
      <c r="CZ539" s="166">
        <v>0</v>
      </c>
    </row>
    <row r="540" spans="1:104" x14ac:dyDescent="0.2">
      <c r="A540" s="167" t="s">
        <v>629</v>
      </c>
      <c r="B540" s="166">
        <v>693416755.49000001</v>
      </c>
      <c r="C540" s="166">
        <v>693416755.49000001</v>
      </c>
      <c r="D540" s="166">
        <v>0</v>
      </c>
      <c r="E540" s="166">
        <v>0</v>
      </c>
      <c r="F540" s="166">
        <v>0</v>
      </c>
      <c r="G540" s="166">
        <v>0</v>
      </c>
      <c r="H540" s="166">
        <v>0</v>
      </c>
      <c r="I540" s="166">
        <v>0</v>
      </c>
      <c r="J540" s="166">
        <v>0</v>
      </c>
      <c r="K540" s="166">
        <v>0</v>
      </c>
      <c r="L540" s="166">
        <v>0</v>
      </c>
      <c r="M540" s="166">
        <v>0</v>
      </c>
      <c r="N540" s="166">
        <v>0</v>
      </c>
      <c r="O540" s="166">
        <v>0</v>
      </c>
      <c r="P540" s="166">
        <v>0</v>
      </c>
      <c r="Q540" s="166">
        <v>0</v>
      </c>
      <c r="R540" s="166">
        <v>0</v>
      </c>
      <c r="S540" s="166">
        <v>0</v>
      </c>
      <c r="T540" s="166">
        <v>0</v>
      </c>
      <c r="U540" s="166">
        <v>0</v>
      </c>
      <c r="V540" s="166">
        <v>0</v>
      </c>
      <c r="W540" s="166">
        <v>0</v>
      </c>
      <c r="X540" s="166">
        <v>0</v>
      </c>
      <c r="Y540" s="166">
        <v>0</v>
      </c>
      <c r="Z540" s="166">
        <v>0</v>
      </c>
      <c r="AA540" s="166">
        <v>0</v>
      </c>
      <c r="AB540" s="166">
        <v>0</v>
      </c>
      <c r="AC540" s="166">
        <v>0</v>
      </c>
      <c r="AD540" s="166">
        <v>0</v>
      </c>
      <c r="AE540" s="166">
        <v>0</v>
      </c>
      <c r="AF540" s="166">
        <v>0</v>
      </c>
      <c r="AG540" s="166">
        <v>0</v>
      </c>
      <c r="AH540" s="166">
        <v>0</v>
      </c>
      <c r="AI540" s="166">
        <v>0</v>
      </c>
      <c r="AJ540" s="166">
        <v>0</v>
      </c>
      <c r="AK540" s="166">
        <v>0</v>
      </c>
      <c r="AL540" s="166">
        <v>0</v>
      </c>
      <c r="AM540" s="166">
        <v>0</v>
      </c>
      <c r="AN540" s="166">
        <v>0</v>
      </c>
      <c r="AO540" s="166">
        <v>0</v>
      </c>
      <c r="AP540" s="166">
        <v>0</v>
      </c>
      <c r="AQ540" s="166">
        <v>0</v>
      </c>
      <c r="AR540" s="166">
        <v>0</v>
      </c>
      <c r="AS540" s="166">
        <v>0</v>
      </c>
      <c r="AT540" s="166">
        <v>0</v>
      </c>
      <c r="AU540" s="166">
        <v>0</v>
      </c>
      <c r="AV540" s="166">
        <v>0</v>
      </c>
      <c r="AW540" s="166">
        <v>0</v>
      </c>
      <c r="AX540" s="166">
        <v>-4665344.2699999996</v>
      </c>
      <c r="AY540" s="166">
        <v>0</v>
      </c>
      <c r="AZ540" s="166">
        <v>-362600788.53999901</v>
      </c>
      <c r="BA540" s="166">
        <v>0</v>
      </c>
      <c r="BB540" s="166">
        <v>0</v>
      </c>
      <c r="BC540" s="166">
        <v>0</v>
      </c>
      <c r="BD540" s="166">
        <v>0</v>
      </c>
      <c r="BE540" s="166">
        <v>0</v>
      </c>
      <c r="BF540" s="166">
        <v>0</v>
      </c>
      <c r="BG540" s="166">
        <v>0</v>
      </c>
      <c r="BH540" s="166">
        <v>0</v>
      </c>
      <c r="BI540" s="166">
        <v>0</v>
      </c>
      <c r="BJ540" s="166">
        <v>0</v>
      </c>
      <c r="BK540" s="166">
        <v>0</v>
      </c>
      <c r="BL540" s="166">
        <v>0</v>
      </c>
      <c r="BM540" s="166">
        <v>0</v>
      </c>
      <c r="BN540" s="166">
        <v>0</v>
      </c>
      <c r="BO540" s="166">
        <v>-4665344.2699999996</v>
      </c>
      <c r="BP540" s="166">
        <v>0</v>
      </c>
      <c r="BQ540" s="166">
        <v>-362600788.53999901</v>
      </c>
      <c r="BR540" s="166">
        <v>693416755.49000001</v>
      </c>
      <c r="BS540" s="166">
        <v>326150622.67999899</v>
      </c>
      <c r="BT540" s="168">
        <v>0</v>
      </c>
      <c r="BU540" s="166">
        <v>82858255.893019602</v>
      </c>
      <c r="BV540" s="166">
        <v>682685994.91961503</v>
      </c>
      <c r="BW540" s="166">
        <v>0</v>
      </c>
      <c r="BX540" s="166">
        <v>0</v>
      </c>
      <c r="BY540" s="166">
        <v>0</v>
      </c>
      <c r="BZ540" s="166">
        <v>0</v>
      </c>
      <c r="CA540" s="166">
        <v>0</v>
      </c>
      <c r="CB540" s="166">
        <v>0</v>
      </c>
      <c r="CC540" s="166">
        <v>0</v>
      </c>
      <c r="CD540" s="166">
        <v>0</v>
      </c>
      <c r="CE540" s="166">
        <v>0</v>
      </c>
      <c r="CF540" s="166">
        <v>0</v>
      </c>
      <c r="CG540" s="166">
        <v>0</v>
      </c>
      <c r="CH540" s="166">
        <v>-4665344.2699999996</v>
      </c>
      <c r="CI540" s="166">
        <v>0</v>
      </c>
      <c r="CJ540" s="166">
        <v>-362600788.53999901</v>
      </c>
      <c r="CK540" s="166">
        <v>0</v>
      </c>
      <c r="CL540" s="166">
        <v>0</v>
      </c>
      <c r="CM540" s="166">
        <v>0</v>
      </c>
      <c r="CN540" s="166">
        <v>0</v>
      </c>
      <c r="CO540" s="166">
        <v>0</v>
      </c>
      <c r="CP540" s="166">
        <v>0</v>
      </c>
      <c r="CQ540" s="166">
        <v>0</v>
      </c>
      <c r="CR540" s="166">
        <v>0</v>
      </c>
      <c r="CS540" s="166">
        <v>0</v>
      </c>
      <c r="CT540" s="166">
        <v>0</v>
      </c>
      <c r="CU540" s="166">
        <v>0</v>
      </c>
      <c r="CV540" s="166">
        <v>-4665344.2699999996</v>
      </c>
      <c r="CW540" s="166">
        <v>0</v>
      </c>
      <c r="CX540" s="166">
        <v>-362600788.53999901</v>
      </c>
      <c r="CY540" s="166">
        <v>315419862.10961503</v>
      </c>
      <c r="CZ540" s="166">
        <v>315419862.10961503</v>
      </c>
    </row>
    <row r="541" spans="1:104" x14ac:dyDescent="0.2">
      <c r="A541" s="167" t="s">
        <v>630</v>
      </c>
      <c r="B541" s="166">
        <v>0</v>
      </c>
      <c r="C541" s="166">
        <v>0</v>
      </c>
      <c r="D541" s="166">
        <v>0</v>
      </c>
      <c r="E541" s="166">
        <v>0</v>
      </c>
      <c r="F541" s="166">
        <v>0</v>
      </c>
      <c r="G541" s="166">
        <v>0</v>
      </c>
      <c r="H541" s="166">
        <v>0</v>
      </c>
      <c r="I541" s="166">
        <v>0</v>
      </c>
      <c r="J541" s="166">
        <v>0</v>
      </c>
      <c r="K541" s="166">
        <v>0</v>
      </c>
      <c r="L541" s="166">
        <v>0</v>
      </c>
      <c r="M541" s="166">
        <v>0</v>
      </c>
      <c r="N541" s="166">
        <v>0</v>
      </c>
      <c r="O541" s="166">
        <v>0</v>
      </c>
      <c r="P541" s="166">
        <v>0</v>
      </c>
      <c r="Q541" s="166">
        <v>0</v>
      </c>
      <c r="R541" s="166">
        <v>0</v>
      </c>
      <c r="S541" s="166">
        <v>0</v>
      </c>
      <c r="T541" s="166">
        <v>0</v>
      </c>
      <c r="U541" s="166">
        <v>0</v>
      </c>
      <c r="V541" s="166">
        <v>0</v>
      </c>
      <c r="W541" s="166">
        <v>0</v>
      </c>
      <c r="X541" s="166">
        <v>0</v>
      </c>
      <c r="Y541" s="166">
        <v>0</v>
      </c>
      <c r="Z541" s="166">
        <v>0</v>
      </c>
      <c r="AA541" s="166">
        <v>0</v>
      </c>
      <c r="AB541" s="166">
        <v>0</v>
      </c>
      <c r="AC541" s="166">
        <v>0</v>
      </c>
      <c r="AD541" s="166">
        <v>0</v>
      </c>
      <c r="AE541" s="166">
        <v>0</v>
      </c>
      <c r="AF541" s="166">
        <v>0</v>
      </c>
      <c r="AG541" s="166">
        <v>0</v>
      </c>
      <c r="AH541" s="166">
        <v>0</v>
      </c>
      <c r="AI541" s="166">
        <v>0</v>
      </c>
      <c r="AJ541" s="166">
        <v>0</v>
      </c>
      <c r="AK541" s="166">
        <v>0</v>
      </c>
      <c r="AL541" s="166">
        <v>0</v>
      </c>
      <c r="AM541" s="166">
        <v>0</v>
      </c>
      <c r="AN541" s="166">
        <v>0</v>
      </c>
      <c r="AO541" s="166">
        <v>0</v>
      </c>
      <c r="AP541" s="166">
        <v>0</v>
      </c>
      <c r="AQ541" s="166">
        <v>0</v>
      </c>
      <c r="AR541" s="166">
        <v>0</v>
      </c>
      <c r="AS541" s="166">
        <v>0</v>
      </c>
      <c r="AT541" s="166">
        <v>0</v>
      </c>
      <c r="AU541" s="166">
        <v>0</v>
      </c>
      <c r="AV541" s="166">
        <v>0</v>
      </c>
      <c r="AW541" s="166">
        <v>0</v>
      </c>
      <c r="AX541" s="166">
        <v>0</v>
      </c>
      <c r="AY541" s="166">
        <v>0</v>
      </c>
      <c r="AZ541" s="166">
        <v>0</v>
      </c>
      <c r="BA541" s="166">
        <v>0</v>
      </c>
      <c r="BB541" s="166">
        <v>0</v>
      </c>
      <c r="BC541" s="166">
        <v>0</v>
      </c>
      <c r="BD541" s="166">
        <v>0</v>
      </c>
      <c r="BE541" s="166">
        <v>0</v>
      </c>
      <c r="BF541" s="166">
        <v>0</v>
      </c>
      <c r="BG541" s="166">
        <v>0</v>
      </c>
      <c r="BH541" s="166">
        <v>0</v>
      </c>
      <c r="BI541" s="166">
        <v>0</v>
      </c>
      <c r="BJ541" s="166">
        <v>0</v>
      </c>
      <c r="BK541" s="166">
        <v>0</v>
      </c>
      <c r="BL541" s="166">
        <v>0</v>
      </c>
      <c r="BM541" s="166">
        <v>0</v>
      </c>
      <c r="BN541" s="166">
        <v>0</v>
      </c>
      <c r="BO541" s="166">
        <v>0</v>
      </c>
      <c r="BP541" s="166">
        <v>0</v>
      </c>
      <c r="BQ541" s="166">
        <v>0</v>
      </c>
      <c r="BR541" s="166">
        <v>0</v>
      </c>
      <c r="BS541" s="166">
        <v>0</v>
      </c>
      <c r="BT541" s="168">
        <v>0</v>
      </c>
      <c r="BU541" s="166">
        <v>0</v>
      </c>
      <c r="BV541" s="166">
        <v>0</v>
      </c>
      <c r="BW541" s="166">
        <v>0</v>
      </c>
      <c r="BX541" s="166">
        <v>0</v>
      </c>
      <c r="BY541" s="166">
        <v>0</v>
      </c>
      <c r="BZ541" s="166">
        <v>0</v>
      </c>
      <c r="CA541" s="166">
        <v>0</v>
      </c>
      <c r="CB541" s="166">
        <v>0</v>
      </c>
      <c r="CC541" s="166">
        <v>0</v>
      </c>
      <c r="CD541" s="166">
        <v>0</v>
      </c>
      <c r="CE541" s="166">
        <v>0</v>
      </c>
      <c r="CF541" s="166">
        <v>0</v>
      </c>
      <c r="CG541" s="166">
        <v>0</v>
      </c>
      <c r="CH541" s="166">
        <v>0</v>
      </c>
      <c r="CI541" s="166">
        <v>0</v>
      </c>
      <c r="CJ541" s="166">
        <v>0</v>
      </c>
      <c r="CK541" s="166">
        <v>0</v>
      </c>
      <c r="CL541" s="166">
        <v>0</v>
      </c>
      <c r="CM541" s="166">
        <v>0</v>
      </c>
      <c r="CN541" s="166">
        <v>0</v>
      </c>
      <c r="CO541" s="166">
        <v>0</v>
      </c>
      <c r="CP541" s="166">
        <v>0</v>
      </c>
      <c r="CQ541" s="166">
        <v>0</v>
      </c>
      <c r="CR541" s="166">
        <v>0</v>
      </c>
      <c r="CS541" s="166">
        <v>0</v>
      </c>
      <c r="CT541" s="166">
        <v>0</v>
      </c>
      <c r="CU541" s="166">
        <v>0</v>
      </c>
      <c r="CV541" s="166">
        <v>0</v>
      </c>
      <c r="CW541" s="166">
        <v>0</v>
      </c>
      <c r="CX541" s="166">
        <v>0</v>
      </c>
      <c r="CY541" s="166">
        <v>0</v>
      </c>
      <c r="CZ541" s="166">
        <v>0</v>
      </c>
    </row>
    <row r="542" spans="1:104" x14ac:dyDescent="0.2">
      <c r="A542" s="167" t="s">
        <v>631</v>
      </c>
      <c r="B542" s="166">
        <v>965431053.74967396</v>
      </c>
      <c r="C542" s="166">
        <v>965431053.74967396</v>
      </c>
      <c r="D542" s="166">
        <v>0</v>
      </c>
      <c r="E542" s="166">
        <v>0</v>
      </c>
      <c r="F542" s="166">
        <v>0</v>
      </c>
      <c r="G542" s="166">
        <v>0</v>
      </c>
      <c r="H542" s="166">
        <v>0</v>
      </c>
      <c r="I542" s="166">
        <v>0</v>
      </c>
      <c r="J542" s="166">
        <v>0</v>
      </c>
      <c r="K542" s="166">
        <v>0</v>
      </c>
      <c r="L542" s="166">
        <v>0</v>
      </c>
      <c r="M542" s="166">
        <v>0</v>
      </c>
      <c r="N542" s="166">
        <v>0</v>
      </c>
      <c r="O542" s="166">
        <v>0</v>
      </c>
      <c r="P542" s="166">
        <v>0</v>
      </c>
      <c r="Q542" s="166">
        <v>0</v>
      </c>
      <c r="R542" s="166">
        <v>0</v>
      </c>
      <c r="S542" s="166">
        <v>0</v>
      </c>
      <c r="T542" s="166">
        <v>0</v>
      </c>
      <c r="U542" s="166">
        <v>0</v>
      </c>
      <c r="V542" s="166">
        <v>0</v>
      </c>
      <c r="W542" s="166">
        <v>0</v>
      </c>
      <c r="X542" s="166">
        <v>0</v>
      </c>
      <c r="Y542" s="166">
        <v>0</v>
      </c>
      <c r="Z542" s="166">
        <v>0</v>
      </c>
      <c r="AA542" s="166">
        <v>0</v>
      </c>
      <c r="AB542" s="166">
        <v>0</v>
      </c>
      <c r="AC542" s="166">
        <v>0</v>
      </c>
      <c r="AD542" s="166">
        <v>0</v>
      </c>
      <c r="AE542" s="166">
        <v>0</v>
      </c>
      <c r="AF542" s="166">
        <v>0</v>
      </c>
      <c r="AG542" s="166">
        <v>0</v>
      </c>
      <c r="AH542" s="166">
        <v>0</v>
      </c>
      <c r="AI542" s="166">
        <v>0</v>
      </c>
      <c r="AJ542" s="166">
        <v>0</v>
      </c>
      <c r="AK542" s="166">
        <v>0</v>
      </c>
      <c r="AL542" s="166">
        <v>0</v>
      </c>
      <c r="AM542" s="166">
        <v>0</v>
      </c>
      <c r="AN542" s="166">
        <v>0</v>
      </c>
      <c r="AO542" s="166">
        <v>0</v>
      </c>
      <c r="AP542" s="166">
        <v>0</v>
      </c>
      <c r="AQ542" s="166">
        <v>0</v>
      </c>
      <c r="AR542" s="166">
        <v>0</v>
      </c>
      <c r="AS542" s="166">
        <v>0</v>
      </c>
      <c r="AT542" s="166">
        <v>0</v>
      </c>
      <c r="AU542" s="166">
        <v>0</v>
      </c>
      <c r="AV542" s="166">
        <v>0</v>
      </c>
      <c r="AW542" s="166">
        <v>0</v>
      </c>
      <c r="AX542" s="166">
        <v>-4665344.2699999996</v>
      </c>
      <c r="AY542" s="166">
        <v>0</v>
      </c>
      <c r="AZ542" s="166">
        <v>-362600788.53999901</v>
      </c>
      <c r="BA542" s="166">
        <v>0</v>
      </c>
      <c r="BB542" s="166">
        <v>0</v>
      </c>
      <c r="BC542" s="166">
        <v>0</v>
      </c>
      <c r="BD542" s="166">
        <v>0</v>
      </c>
      <c r="BE542" s="166">
        <v>0</v>
      </c>
      <c r="BF542" s="166">
        <v>0</v>
      </c>
      <c r="BG542" s="166">
        <v>0</v>
      </c>
      <c r="BH542" s="166">
        <v>0</v>
      </c>
      <c r="BI542" s="166">
        <v>0</v>
      </c>
      <c r="BJ542" s="166">
        <v>0</v>
      </c>
      <c r="BK542" s="166">
        <v>0</v>
      </c>
      <c r="BL542" s="166">
        <v>0</v>
      </c>
      <c r="BM542" s="166">
        <v>0</v>
      </c>
      <c r="BN542" s="166">
        <v>0</v>
      </c>
      <c r="BO542" s="166">
        <v>-4665344.2699999996</v>
      </c>
      <c r="BP542" s="166">
        <v>0</v>
      </c>
      <c r="BQ542" s="166">
        <v>-362600788.53999901</v>
      </c>
      <c r="BR542" s="166">
        <v>965431053.74967396</v>
      </c>
      <c r="BS542" s="166">
        <v>598164920.93967402</v>
      </c>
      <c r="BT542" s="168">
        <v>0</v>
      </c>
      <c r="BU542" s="166">
        <v>103287032.100427</v>
      </c>
      <c r="BV542" s="166">
        <v>944467462.23750103</v>
      </c>
      <c r="BW542" s="166">
        <v>0</v>
      </c>
      <c r="BX542" s="166">
        <v>0</v>
      </c>
      <c r="BY542" s="166">
        <v>0</v>
      </c>
      <c r="BZ542" s="166">
        <v>0</v>
      </c>
      <c r="CA542" s="166">
        <v>0</v>
      </c>
      <c r="CB542" s="166">
        <v>0</v>
      </c>
      <c r="CC542" s="166">
        <v>0</v>
      </c>
      <c r="CD542" s="166">
        <v>0</v>
      </c>
      <c r="CE542" s="166">
        <v>0</v>
      </c>
      <c r="CF542" s="166">
        <v>0</v>
      </c>
      <c r="CG542" s="166">
        <v>0</v>
      </c>
      <c r="CH542" s="166">
        <v>-4665344.2699999996</v>
      </c>
      <c r="CI542" s="166">
        <v>0</v>
      </c>
      <c r="CJ542" s="166">
        <v>-362600788.53999901</v>
      </c>
      <c r="CK542" s="166">
        <v>0</v>
      </c>
      <c r="CL542" s="166">
        <v>0</v>
      </c>
      <c r="CM542" s="166">
        <v>0</v>
      </c>
      <c r="CN542" s="166">
        <v>0</v>
      </c>
      <c r="CO542" s="166">
        <v>0</v>
      </c>
      <c r="CP542" s="166">
        <v>0</v>
      </c>
      <c r="CQ542" s="166">
        <v>0</v>
      </c>
      <c r="CR542" s="166">
        <v>0</v>
      </c>
      <c r="CS542" s="166">
        <v>0</v>
      </c>
      <c r="CT542" s="166">
        <v>0</v>
      </c>
      <c r="CU542" s="166">
        <v>0</v>
      </c>
      <c r="CV542" s="166">
        <v>-4665344.2699999996</v>
      </c>
      <c r="CW542" s="166">
        <v>0</v>
      </c>
      <c r="CX542" s="166">
        <v>-362600788.53999901</v>
      </c>
      <c r="CY542" s="166">
        <v>577201329.42750096</v>
      </c>
      <c r="CZ542" s="166">
        <v>577201329.42750096</v>
      </c>
    </row>
    <row r="543" spans="1:104" x14ac:dyDescent="0.2">
      <c r="A543" s="167" t="s">
        <v>632</v>
      </c>
      <c r="B543" s="166">
        <v>965956096.94366097</v>
      </c>
      <c r="C543" s="166">
        <v>965956096.94366097</v>
      </c>
      <c r="D543" s="166">
        <v>0</v>
      </c>
      <c r="E543" s="166">
        <v>0</v>
      </c>
      <c r="F543" s="166">
        <v>0</v>
      </c>
      <c r="G543" s="166">
        <v>0</v>
      </c>
      <c r="H543" s="166">
        <v>0</v>
      </c>
      <c r="I543" s="166">
        <v>0</v>
      </c>
      <c r="J543" s="166">
        <v>0</v>
      </c>
      <c r="K543" s="166">
        <v>0</v>
      </c>
      <c r="L543" s="166">
        <v>0</v>
      </c>
      <c r="M543" s="166">
        <v>0</v>
      </c>
      <c r="N543" s="166">
        <v>0</v>
      </c>
      <c r="O543" s="166">
        <v>0</v>
      </c>
      <c r="P543" s="166">
        <v>0</v>
      </c>
      <c r="Q543" s="166">
        <v>0</v>
      </c>
      <c r="R543" s="166">
        <v>0</v>
      </c>
      <c r="S543" s="166">
        <v>0</v>
      </c>
      <c r="T543" s="166">
        <v>0</v>
      </c>
      <c r="U543" s="166">
        <v>0</v>
      </c>
      <c r="V543" s="166">
        <v>0</v>
      </c>
      <c r="W543" s="166">
        <v>0</v>
      </c>
      <c r="X543" s="166">
        <v>0</v>
      </c>
      <c r="Y543" s="166">
        <v>0</v>
      </c>
      <c r="Z543" s="166">
        <v>0</v>
      </c>
      <c r="AA543" s="166">
        <v>0</v>
      </c>
      <c r="AB543" s="166">
        <v>0</v>
      </c>
      <c r="AC543" s="166">
        <v>0</v>
      </c>
      <c r="AD543" s="166">
        <v>0</v>
      </c>
      <c r="AE543" s="166">
        <v>0</v>
      </c>
      <c r="AF543" s="166">
        <v>0</v>
      </c>
      <c r="AG543" s="166">
        <v>0</v>
      </c>
      <c r="AH543" s="166">
        <v>0</v>
      </c>
      <c r="AI543" s="166">
        <v>0</v>
      </c>
      <c r="AJ543" s="166">
        <v>0</v>
      </c>
      <c r="AK543" s="166">
        <v>0</v>
      </c>
      <c r="AL543" s="166">
        <v>0</v>
      </c>
      <c r="AM543" s="166">
        <v>0</v>
      </c>
      <c r="AN543" s="166">
        <v>0</v>
      </c>
      <c r="AO543" s="166">
        <v>0</v>
      </c>
      <c r="AP543" s="166">
        <v>0</v>
      </c>
      <c r="AQ543" s="166">
        <v>0</v>
      </c>
      <c r="AR543" s="166">
        <v>0</v>
      </c>
      <c r="AS543" s="166">
        <v>0</v>
      </c>
      <c r="AT543" s="166">
        <v>0</v>
      </c>
      <c r="AU543" s="166">
        <v>0</v>
      </c>
      <c r="AV543" s="166">
        <v>0</v>
      </c>
      <c r="AW543" s="166">
        <v>0</v>
      </c>
      <c r="AX543" s="166">
        <v>-4665344.2699999996</v>
      </c>
      <c r="AY543" s="166">
        <v>0</v>
      </c>
      <c r="AZ543" s="166">
        <v>-362600788.53999901</v>
      </c>
      <c r="BA543" s="166">
        <v>0</v>
      </c>
      <c r="BB543" s="166">
        <v>0</v>
      </c>
      <c r="BC543" s="166">
        <v>0</v>
      </c>
      <c r="BD543" s="166">
        <v>0</v>
      </c>
      <c r="BE543" s="166">
        <v>0</v>
      </c>
      <c r="BF543" s="166">
        <v>0</v>
      </c>
      <c r="BG543" s="166">
        <v>0</v>
      </c>
      <c r="BH543" s="166">
        <v>0</v>
      </c>
      <c r="BI543" s="166">
        <v>0</v>
      </c>
      <c r="BJ543" s="166">
        <v>0</v>
      </c>
      <c r="BK543" s="166">
        <v>0</v>
      </c>
      <c r="BL543" s="166">
        <v>0</v>
      </c>
      <c r="BM543" s="166">
        <v>0</v>
      </c>
      <c r="BN543" s="166">
        <v>0</v>
      </c>
      <c r="BO543" s="166">
        <v>-4665344.2699999996</v>
      </c>
      <c r="BP543" s="166">
        <v>0</v>
      </c>
      <c r="BQ543" s="166">
        <v>-362600788.53999901</v>
      </c>
      <c r="BR543" s="166">
        <v>965956096.94366097</v>
      </c>
      <c r="BS543" s="166">
        <v>598689964.13366103</v>
      </c>
      <c r="BT543" s="168">
        <v>0</v>
      </c>
      <c r="BU543" s="166">
        <v>103323993.963007</v>
      </c>
      <c r="BV543" s="166">
        <v>944981520.86251295</v>
      </c>
      <c r="BW543" s="166">
        <v>0</v>
      </c>
      <c r="BX543" s="166">
        <v>0</v>
      </c>
      <c r="BY543" s="166">
        <v>0</v>
      </c>
      <c r="BZ543" s="166">
        <v>0</v>
      </c>
      <c r="CA543" s="166">
        <v>0</v>
      </c>
      <c r="CB543" s="166">
        <v>0</v>
      </c>
      <c r="CC543" s="166">
        <v>0</v>
      </c>
      <c r="CD543" s="166">
        <v>0</v>
      </c>
      <c r="CE543" s="166">
        <v>0</v>
      </c>
      <c r="CF543" s="166">
        <v>0</v>
      </c>
      <c r="CG543" s="166">
        <v>0</v>
      </c>
      <c r="CH543" s="166">
        <v>-4665344.2699999996</v>
      </c>
      <c r="CI543" s="166">
        <v>0</v>
      </c>
      <c r="CJ543" s="166">
        <v>-362600788.53999901</v>
      </c>
      <c r="CK543" s="166">
        <v>0</v>
      </c>
      <c r="CL543" s="166">
        <v>0</v>
      </c>
      <c r="CM543" s="166">
        <v>0</v>
      </c>
      <c r="CN543" s="166">
        <v>0</v>
      </c>
      <c r="CO543" s="166">
        <v>0</v>
      </c>
      <c r="CP543" s="166">
        <v>0</v>
      </c>
      <c r="CQ543" s="166">
        <v>0</v>
      </c>
      <c r="CR543" s="166">
        <v>0</v>
      </c>
      <c r="CS543" s="166">
        <v>0</v>
      </c>
      <c r="CT543" s="166">
        <v>0</v>
      </c>
      <c r="CU543" s="166">
        <v>0</v>
      </c>
      <c r="CV543" s="166">
        <v>-4665344.2699999996</v>
      </c>
      <c r="CW543" s="166">
        <v>0</v>
      </c>
      <c r="CX543" s="166">
        <v>-362600788.53999901</v>
      </c>
      <c r="CY543" s="166">
        <v>577715388.052513</v>
      </c>
      <c r="CZ543" s="166">
        <v>577715388.052513</v>
      </c>
    </row>
    <row r="544" spans="1:104" x14ac:dyDescent="0.2">
      <c r="A544" s="167" t="s">
        <v>633</v>
      </c>
      <c r="B544" s="166">
        <v>-525043.19398703205</v>
      </c>
      <c r="C544" s="166">
        <v>-525043.19398703205</v>
      </c>
      <c r="D544" s="166">
        <v>0</v>
      </c>
      <c r="E544" s="166">
        <v>0</v>
      </c>
      <c r="F544" s="166">
        <v>0</v>
      </c>
      <c r="G544" s="166">
        <v>0</v>
      </c>
      <c r="H544" s="166">
        <v>0</v>
      </c>
      <c r="I544" s="166">
        <v>0</v>
      </c>
      <c r="J544" s="166">
        <v>0</v>
      </c>
      <c r="K544" s="166">
        <v>0</v>
      </c>
      <c r="L544" s="166">
        <v>0</v>
      </c>
      <c r="M544" s="166">
        <v>0</v>
      </c>
      <c r="N544" s="166">
        <v>0</v>
      </c>
      <c r="O544" s="166">
        <v>0</v>
      </c>
      <c r="P544" s="166">
        <v>0</v>
      </c>
      <c r="Q544" s="166">
        <v>0</v>
      </c>
      <c r="R544" s="166">
        <v>0</v>
      </c>
      <c r="S544" s="166">
        <v>0</v>
      </c>
      <c r="T544" s="166">
        <v>0</v>
      </c>
      <c r="U544" s="166">
        <v>0</v>
      </c>
      <c r="V544" s="166">
        <v>0</v>
      </c>
      <c r="W544" s="166">
        <v>0</v>
      </c>
      <c r="X544" s="166">
        <v>0</v>
      </c>
      <c r="Y544" s="166">
        <v>0</v>
      </c>
      <c r="Z544" s="166">
        <v>0</v>
      </c>
      <c r="AA544" s="166">
        <v>0</v>
      </c>
      <c r="AB544" s="166">
        <v>0</v>
      </c>
      <c r="AC544" s="166">
        <v>0</v>
      </c>
      <c r="AD544" s="166">
        <v>0</v>
      </c>
      <c r="AE544" s="166">
        <v>0</v>
      </c>
      <c r="AF544" s="166">
        <v>0</v>
      </c>
      <c r="AG544" s="166">
        <v>0</v>
      </c>
      <c r="AH544" s="166">
        <v>0</v>
      </c>
      <c r="AI544" s="166">
        <v>0</v>
      </c>
      <c r="AJ544" s="166">
        <v>0</v>
      </c>
      <c r="AK544" s="166">
        <v>0</v>
      </c>
      <c r="AL544" s="166">
        <v>0</v>
      </c>
      <c r="AM544" s="166">
        <v>0</v>
      </c>
      <c r="AN544" s="166">
        <v>0</v>
      </c>
      <c r="AO544" s="166">
        <v>0</v>
      </c>
      <c r="AP544" s="166">
        <v>0</v>
      </c>
      <c r="AQ544" s="166">
        <v>0</v>
      </c>
      <c r="AR544" s="166">
        <v>0</v>
      </c>
      <c r="AS544" s="166">
        <v>0</v>
      </c>
      <c r="AT544" s="166">
        <v>0</v>
      </c>
      <c r="AU544" s="166">
        <v>0</v>
      </c>
      <c r="AV544" s="166">
        <v>0</v>
      </c>
      <c r="AW544" s="166">
        <v>0</v>
      </c>
      <c r="AX544" s="166">
        <v>0</v>
      </c>
      <c r="AY544" s="166">
        <v>0</v>
      </c>
      <c r="AZ544" s="166">
        <v>0</v>
      </c>
      <c r="BA544" s="166">
        <v>0</v>
      </c>
      <c r="BB544" s="166">
        <v>0</v>
      </c>
      <c r="BC544" s="166">
        <v>0</v>
      </c>
      <c r="BD544" s="166">
        <v>0</v>
      </c>
      <c r="BE544" s="166">
        <v>0</v>
      </c>
      <c r="BF544" s="166">
        <v>0</v>
      </c>
      <c r="BG544" s="166">
        <v>0</v>
      </c>
      <c r="BH544" s="166">
        <v>0</v>
      </c>
      <c r="BI544" s="166">
        <v>0</v>
      </c>
      <c r="BJ544" s="166">
        <v>0</v>
      </c>
      <c r="BK544" s="166">
        <v>0</v>
      </c>
      <c r="BL544" s="166">
        <v>0</v>
      </c>
      <c r="BM544" s="166">
        <v>0</v>
      </c>
      <c r="BN544" s="166">
        <v>0</v>
      </c>
      <c r="BO544" s="166">
        <v>0</v>
      </c>
      <c r="BP544" s="166">
        <v>0</v>
      </c>
      <c r="BQ544" s="166">
        <v>0</v>
      </c>
      <c r="BR544" s="166">
        <v>-525043.19398703205</v>
      </c>
      <c r="BS544" s="166">
        <v>-525043.19398698804</v>
      </c>
      <c r="BT544" s="168">
        <v>0</v>
      </c>
      <c r="BU544" s="166">
        <v>-36961.862580588699</v>
      </c>
      <c r="BV544" s="166">
        <v>-514058.62501182099</v>
      </c>
      <c r="BW544" s="166">
        <v>0</v>
      </c>
      <c r="BX544" s="166">
        <v>0</v>
      </c>
      <c r="BY544" s="166">
        <v>0</v>
      </c>
      <c r="BZ544" s="166">
        <v>0</v>
      </c>
      <c r="CA544" s="166">
        <v>0</v>
      </c>
      <c r="CB544" s="166">
        <v>0</v>
      </c>
      <c r="CC544" s="166">
        <v>0</v>
      </c>
      <c r="CD544" s="166">
        <v>0</v>
      </c>
      <c r="CE544" s="166">
        <v>0</v>
      </c>
      <c r="CF544" s="166">
        <v>0</v>
      </c>
      <c r="CG544" s="166">
        <v>0</v>
      </c>
      <c r="CH544" s="166">
        <v>0</v>
      </c>
      <c r="CI544" s="166">
        <v>0</v>
      </c>
      <c r="CJ544" s="166">
        <v>0</v>
      </c>
      <c r="CK544" s="166">
        <v>0</v>
      </c>
      <c r="CL544" s="166">
        <v>0</v>
      </c>
      <c r="CM544" s="166">
        <v>0</v>
      </c>
      <c r="CN544" s="166">
        <v>0</v>
      </c>
      <c r="CO544" s="166">
        <v>0</v>
      </c>
      <c r="CP544" s="166">
        <v>0</v>
      </c>
      <c r="CQ544" s="166">
        <v>0</v>
      </c>
      <c r="CR544" s="166">
        <v>0</v>
      </c>
      <c r="CS544" s="166">
        <v>0</v>
      </c>
      <c r="CT544" s="166">
        <v>0</v>
      </c>
      <c r="CU544" s="166">
        <v>0</v>
      </c>
      <c r="CV544" s="166">
        <v>0</v>
      </c>
      <c r="CW544" s="166">
        <v>0</v>
      </c>
      <c r="CX544" s="166">
        <v>0</v>
      </c>
      <c r="CY544" s="166">
        <v>-514058.62501198798</v>
      </c>
      <c r="CZ544" s="166">
        <v>-514058.62501193699</v>
      </c>
    </row>
    <row r="545" spans="1:104" x14ac:dyDescent="0.2">
      <c r="A545" s="167" t="s">
        <v>634</v>
      </c>
      <c r="B545" s="166">
        <v>0</v>
      </c>
      <c r="C545" s="166">
        <v>0</v>
      </c>
      <c r="D545" s="166">
        <v>0</v>
      </c>
      <c r="E545" s="166">
        <v>0</v>
      </c>
      <c r="F545" s="166">
        <v>0</v>
      </c>
      <c r="G545" s="166">
        <v>0</v>
      </c>
      <c r="H545" s="166">
        <v>0</v>
      </c>
      <c r="I545" s="166">
        <v>0</v>
      </c>
      <c r="J545" s="166">
        <v>0</v>
      </c>
      <c r="K545" s="166">
        <v>0</v>
      </c>
      <c r="L545" s="166">
        <v>0</v>
      </c>
      <c r="M545" s="166">
        <v>0</v>
      </c>
      <c r="N545" s="166">
        <v>0</v>
      </c>
      <c r="O545" s="166">
        <v>0</v>
      </c>
      <c r="P545" s="166">
        <v>0</v>
      </c>
      <c r="Q545" s="166">
        <v>0</v>
      </c>
      <c r="R545" s="166">
        <v>0</v>
      </c>
      <c r="S545" s="166">
        <v>0</v>
      </c>
      <c r="T545" s="166">
        <v>0</v>
      </c>
      <c r="U545" s="166">
        <v>0</v>
      </c>
      <c r="V545" s="166">
        <v>0</v>
      </c>
      <c r="W545" s="166">
        <v>0</v>
      </c>
      <c r="X545" s="166">
        <v>0</v>
      </c>
      <c r="Y545" s="166">
        <v>0</v>
      </c>
      <c r="Z545" s="166">
        <v>0</v>
      </c>
      <c r="AA545" s="166">
        <v>0</v>
      </c>
      <c r="AB545" s="166">
        <v>0</v>
      </c>
      <c r="AC545" s="166">
        <v>0</v>
      </c>
      <c r="AD545" s="166">
        <v>0</v>
      </c>
      <c r="AE545" s="166">
        <v>0</v>
      </c>
      <c r="AF545" s="166">
        <v>0</v>
      </c>
      <c r="AG545" s="166">
        <v>0</v>
      </c>
      <c r="AH545" s="166">
        <v>0</v>
      </c>
      <c r="AI545" s="166">
        <v>0</v>
      </c>
      <c r="AJ545" s="166">
        <v>0</v>
      </c>
      <c r="AK545" s="166">
        <v>0</v>
      </c>
      <c r="AL545" s="166">
        <v>0</v>
      </c>
      <c r="AM545" s="166">
        <v>0</v>
      </c>
      <c r="AN545" s="166">
        <v>0</v>
      </c>
      <c r="AO545" s="166">
        <v>0</v>
      </c>
      <c r="AP545" s="166">
        <v>0</v>
      </c>
      <c r="AQ545" s="166">
        <v>0</v>
      </c>
      <c r="AR545" s="166">
        <v>0</v>
      </c>
      <c r="AS545" s="166">
        <v>0</v>
      </c>
      <c r="AT545" s="166">
        <v>0</v>
      </c>
      <c r="AU545" s="166">
        <v>0</v>
      </c>
      <c r="AV545" s="166">
        <v>0</v>
      </c>
      <c r="AW545" s="166">
        <v>0</v>
      </c>
      <c r="AX545" s="166">
        <v>0</v>
      </c>
      <c r="AY545" s="166">
        <v>0</v>
      </c>
      <c r="AZ545" s="166">
        <v>0</v>
      </c>
      <c r="BA545" s="166">
        <v>0</v>
      </c>
      <c r="BB545" s="166">
        <v>0</v>
      </c>
      <c r="BC545" s="166">
        <v>0</v>
      </c>
      <c r="BD545" s="166">
        <v>0</v>
      </c>
      <c r="BE545" s="166">
        <v>0</v>
      </c>
      <c r="BF545" s="166">
        <v>0</v>
      </c>
      <c r="BG545" s="166">
        <v>0</v>
      </c>
      <c r="BH545" s="166">
        <v>0</v>
      </c>
      <c r="BI545" s="166">
        <v>0</v>
      </c>
      <c r="BJ545" s="166">
        <v>0</v>
      </c>
      <c r="BK545" s="166">
        <v>0</v>
      </c>
      <c r="BL545" s="166">
        <v>0</v>
      </c>
      <c r="BM545" s="166">
        <v>0</v>
      </c>
      <c r="BN545" s="166">
        <v>0</v>
      </c>
      <c r="BO545" s="166">
        <v>0</v>
      </c>
      <c r="BP545" s="166">
        <v>0</v>
      </c>
      <c r="BQ545" s="166">
        <v>0</v>
      </c>
      <c r="BR545" s="166">
        <v>0</v>
      </c>
      <c r="BS545" s="166">
        <v>0</v>
      </c>
      <c r="BT545" s="168">
        <v>0</v>
      </c>
      <c r="BU545" s="166">
        <v>0</v>
      </c>
      <c r="BV545" s="166">
        <v>0</v>
      </c>
      <c r="BW545" s="166">
        <v>0</v>
      </c>
      <c r="BX545" s="166">
        <v>0</v>
      </c>
      <c r="BY545" s="166">
        <v>0</v>
      </c>
      <c r="BZ545" s="166">
        <v>0</v>
      </c>
      <c r="CA545" s="166">
        <v>0</v>
      </c>
      <c r="CB545" s="166">
        <v>0</v>
      </c>
      <c r="CC545" s="166">
        <v>0</v>
      </c>
      <c r="CD545" s="166">
        <v>0</v>
      </c>
      <c r="CE545" s="166">
        <v>0</v>
      </c>
      <c r="CF545" s="166">
        <v>0</v>
      </c>
      <c r="CG545" s="166">
        <v>0</v>
      </c>
      <c r="CH545" s="166">
        <v>0</v>
      </c>
      <c r="CI545" s="166">
        <v>0</v>
      </c>
      <c r="CJ545" s="166">
        <v>0</v>
      </c>
      <c r="CK545" s="166">
        <v>0</v>
      </c>
      <c r="CL545" s="166">
        <v>0</v>
      </c>
      <c r="CM545" s="166">
        <v>0</v>
      </c>
      <c r="CN545" s="166">
        <v>0</v>
      </c>
      <c r="CO545" s="166">
        <v>0</v>
      </c>
      <c r="CP545" s="166">
        <v>0</v>
      </c>
      <c r="CQ545" s="166">
        <v>0</v>
      </c>
      <c r="CR545" s="166">
        <v>0</v>
      </c>
      <c r="CS545" s="166">
        <v>0</v>
      </c>
      <c r="CT545" s="166">
        <v>0</v>
      </c>
      <c r="CU545" s="166">
        <v>0</v>
      </c>
      <c r="CV545" s="166">
        <v>0</v>
      </c>
      <c r="CW545" s="166">
        <v>0</v>
      </c>
      <c r="CX545" s="166">
        <v>0</v>
      </c>
      <c r="CY545" s="166">
        <v>0</v>
      </c>
      <c r="CZ545" s="166">
        <v>0</v>
      </c>
    </row>
    <row r="546" spans="1:104" x14ac:dyDescent="0.2">
      <c r="A546" s="167" t="s">
        <v>635</v>
      </c>
      <c r="B546" s="166">
        <v>0</v>
      </c>
      <c r="C546" s="166">
        <v>0</v>
      </c>
      <c r="D546" s="166">
        <v>0</v>
      </c>
      <c r="E546" s="166">
        <v>0</v>
      </c>
      <c r="F546" s="166">
        <v>0</v>
      </c>
      <c r="G546" s="166">
        <v>0</v>
      </c>
      <c r="H546" s="166">
        <v>0</v>
      </c>
      <c r="I546" s="166">
        <v>0</v>
      </c>
      <c r="J546" s="166">
        <v>0</v>
      </c>
      <c r="K546" s="166">
        <v>0</v>
      </c>
      <c r="L546" s="166">
        <v>0</v>
      </c>
      <c r="M546" s="166">
        <v>0</v>
      </c>
      <c r="N546" s="166">
        <v>0</v>
      </c>
      <c r="O546" s="166">
        <v>0</v>
      </c>
      <c r="P546" s="166">
        <v>0</v>
      </c>
      <c r="Q546" s="166">
        <v>0</v>
      </c>
      <c r="R546" s="166">
        <v>0</v>
      </c>
      <c r="S546" s="166">
        <v>0</v>
      </c>
      <c r="T546" s="166">
        <v>0</v>
      </c>
      <c r="U546" s="166">
        <v>0</v>
      </c>
      <c r="V546" s="166">
        <v>0</v>
      </c>
      <c r="W546" s="166">
        <v>0</v>
      </c>
      <c r="X546" s="166">
        <v>0</v>
      </c>
      <c r="Y546" s="166">
        <v>0</v>
      </c>
      <c r="Z546" s="166">
        <v>0</v>
      </c>
      <c r="AA546" s="166">
        <v>0</v>
      </c>
      <c r="AB546" s="166">
        <v>0</v>
      </c>
      <c r="AC546" s="166">
        <v>0</v>
      </c>
      <c r="AD546" s="166">
        <v>0</v>
      </c>
      <c r="AE546" s="166">
        <v>0</v>
      </c>
      <c r="AF546" s="166">
        <v>0</v>
      </c>
      <c r="AG546" s="166">
        <v>0</v>
      </c>
      <c r="AH546" s="166">
        <v>0</v>
      </c>
      <c r="AI546" s="166">
        <v>0</v>
      </c>
      <c r="AJ546" s="166">
        <v>0</v>
      </c>
      <c r="AK546" s="166">
        <v>0</v>
      </c>
      <c r="AL546" s="166">
        <v>0</v>
      </c>
      <c r="AM546" s="166">
        <v>0</v>
      </c>
      <c r="AN546" s="166">
        <v>0</v>
      </c>
      <c r="AO546" s="166">
        <v>0</v>
      </c>
      <c r="AP546" s="166">
        <v>0</v>
      </c>
      <c r="AQ546" s="166">
        <v>0</v>
      </c>
      <c r="AR546" s="166">
        <v>0</v>
      </c>
      <c r="AS546" s="166">
        <v>0</v>
      </c>
      <c r="AT546" s="166">
        <v>0</v>
      </c>
      <c r="AU546" s="166">
        <v>0</v>
      </c>
      <c r="AV546" s="166">
        <v>0</v>
      </c>
      <c r="AW546" s="166">
        <v>0</v>
      </c>
      <c r="AX546" s="166">
        <v>0</v>
      </c>
      <c r="AY546" s="166">
        <v>0</v>
      </c>
      <c r="AZ546" s="166">
        <v>0</v>
      </c>
      <c r="BA546" s="166">
        <v>0</v>
      </c>
      <c r="BB546" s="166">
        <v>0</v>
      </c>
      <c r="BC546" s="166">
        <v>0</v>
      </c>
      <c r="BD546" s="166">
        <v>0</v>
      </c>
      <c r="BE546" s="166">
        <v>0</v>
      </c>
      <c r="BF546" s="166">
        <v>0</v>
      </c>
      <c r="BG546" s="166">
        <v>0</v>
      </c>
      <c r="BH546" s="166">
        <v>0</v>
      </c>
      <c r="BI546" s="166">
        <v>0</v>
      </c>
      <c r="BJ546" s="166">
        <v>0</v>
      </c>
      <c r="BK546" s="166">
        <v>0</v>
      </c>
      <c r="BL546" s="166">
        <v>0</v>
      </c>
      <c r="BM546" s="166">
        <v>0</v>
      </c>
      <c r="BN546" s="166">
        <v>0</v>
      </c>
      <c r="BO546" s="166">
        <v>0</v>
      </c>
      <c r="BP546" s="166">
        <v>0</v>
      </c>
      <c r="BQ546" s="166">
        <v>0</v>
      </c>
      <c r="BR546" s="166">
        <v>0</v>
      </c>
      <c r="BS546" s="166">
        <v>0</v>
      </c>
      <c r="BT546" s="168">
        <v>0</v>
      </c>
      <c r="BU546" s="166">
        <v>0</v>
      </c>
      <c r="BV546" s="166">
        <v>0</v>
      </c>
      <c r="BW546" s="166">
        <v>0</v>
      </c>
      <c r="BX546" s="166">
        <v>0</v>
      </c>
      <c r="BY546" s="166">
        <v>0</v>
      </c>
      <c r="BZ546" s="166">
        <v>0</v>
      </c>
      <c r="CA546" s="166">
        <v>0</v>
      </c>
      <c r="CB546" s="166">
        <v>0</v>
      </c>
      <c r="CC546" s="166">
        <v>0</v>
      </c>
      <c r="CD546" s="166">
        <v>0</v>
      </c>
      <c r="CE546" s="166">
        <v>0</v>
      </c>
      <c r="CF546" s="166">
        <v>0</v>
      </c>
      <c r="CG546" s="166">
        <v>0</v>
      </c>
      <c r="CH546" s="166">
        <v>0</v>
      </c>
      <c r="CI546" s="166">
        <v>0</v>
      </c>
      <c r="CJ546" s="166">
        <v>0</v>
      </c>
      <c r="CK546" s="166">
        <v>0</v>
      </c>
      <c r="CL546" s="166">
        <v>0</v>
      </c>
      <c r="CM546" s="166">
        <v>0</v>
      </c>
      <c r="CN546" s="166">
        <v>0</v>
      </c>
      <c r="CO546" s="166">
        <v>0</v>
      </c>
      <c r="CP546" s="166">
        <v>0</v>
      </c>
      <c r="CQ546" s="166">
        <v>0</v>
      </c>
      <c r="CR546" s="166">
        <v>0</v>
      </c>
      <c r="CS546" s="166">
        <v>0</v>
      </c>
      <c r="CT546" s="166">
        <v>0</v>
      </c>
      <c r="CU546" s="166">
        <v>0</v>
      </c>
      <c r="CV546" s="166">
        <v>0</v>
      </c>
      <c r="CW546" s="166">
        <v>0</v>
      </c>
      <c r="CX546" s="166">
        <v>0</v>
      </c>
      <c r="CY546" s="166">
        <v>0</v>
      </c>
      <c r="CZ546" s="166">
        <v>0</v>
      </c>
    </row>
    <row r="547" spans="1:104" x14ac:dyDescent="0.2">
      <c r="A547" s="167" t="s">
        <v>636</v>
      </c>
      <c r="B547" s="166">
        <v>480166.61</v>
      </c>
      <c r="C547" s="166">
        <v>480166.61</v>
      </c>
      <c r="D547" s="166">
        <v>0</v>
      </c>
      <c r="E547" s="166">
        <v>0</v>
      </c>
      <c r="F547" s="166">
        <v>0</v>
      </c>
      <c r="G547" s="166">
        <v>0</v>
      </c>
      <c r="H547" s="166">
        <v>0</v>
      </c>
      <c r="I547" s="166">
        <v>0</v>
      </c>
      <c r="J547" s="166">
        <v>0</v>
      </c>
      <c r="K547" s="166">
        <v>0</v>
      </c>
      <c r="L547" s="166">
        <v>0</v>
      </c>
      <c r="M547" s="166">
        <v>0</v>
      </c>
      <c r="N547" s="166">
        <v>0</v>
      </c>
      <c r="O547" s="166">
        <v>0</v>
      </c>
      <c r="P547" s="166">
        <v>0</v>
      </c>
      <c r="Q547" s="166">
        <v>0</v>
      </c>
      <c r="R547" s="166">
        <v>0</v>
      </c>
      <c r="S547" s="166">
        <v>0</v>
      </c>
      <c r="T547" s="166">
        <v>0</v>
      </c>
      <c r="U547" s="166">
        <v>-480166.61</v>
      </c>
      <c r="V547" s="166">
        <v>0</v>
      </c>
      <c r="W547" s="166">
        <v>0</v>
      </c>
      <c r="X547" s="166">
        <v>0</v>
      </c>
      <c r="Y547" s="166">
        <v>0</v>
      </c>
      <c r="Z547" s="166">
        <v>0</v>
      </c>
      <c r="AA547" s="166">
        <v>0</v>
      </c>
      <c r="AB547" s="166">
        <v>0</v>
      </c>
      <c r="AC547" s="166">
        <v>0</v>
      </c>
      <c r="AD547" s="166">
        <v>0</v>
      </c>
      <c r="AE547" s="166">
        <v>0</v>
      </c>
      <c r="AF547" s="166">
        <v>0</v>
      </c>
      <c r="AG547" s="166">
        <v>0</v>
      </c>
      <c r="AH547" s="166">
        <v>0</v>
      </c>
      <c r="AI547" s="166">
        <v>0</v>
      </c>
      <c r="AJ547" s="166">
        <v>0</v>
      </c>
      <c r="AK547" s="166">
        <v>0</v>
      </c>
      <c r="AL547" s="166">
        <v>0</v>
      </c>
      <c r="AM547" s="166">
        <v>0</v>
      </c>
      <c r="AN547" s="166">
        <v>0</v>
      </c>
      <c r="AO547" s="166">
        <v>0</v>
      </c>
      <c r="AP547" s="166">
        <v>0</v>
      </c>
      <c r="AQ547" s="166">
        <v>0</v>
      </c>
      <c r="AR547" s="166">
        <v>0</v>
      </c>
      <c r="AS547" s="166">
        <v>0</v>
      </c>
      <c r="AT547" s="166">
        <v>0</v>
      </c>
      <c r="AU547" s="166">
        <v>0</v>
      </c>
      <c r="AV547" s="166">
        <v>0</v>
      </c>
      <c r="AW547" s="166">
        <v>0</v>
      </c>
      <c r="AX547" s="166">
        <v>0</v>
      </c>
      <c r="AY547" s="166">
        <v>0</v>
      </c>
      <c r="AZ547" s="166">
        <v>0</v>
      </c>
      <c r="BA547" s="166">
        <v>0</v>
      </c>
      <c r="BB547" s="166">
        <v>0</v>
      </c>
      <c r="BC547" s="166">
        <v>0</v>
      </c>
      <c r="BD547" s="166">
        <v>0</v>
      </c>
      <c r="BE547" s="166">
        <v>0</v>
      </c>
      <c r="BF547" s="166">
        <v>0</v>
      </c>
      <c r="BG547" s="166">
        <v>0</v>
      </c>
      <c r="BH547" s="166">
        <v>0</v>
      </c>
      <c r="BI547" s="166">
        <v>-480166.61</v>
      </c>
      <c r="BJ547" s="166">
        <v>0</v>
      </c>
      <c r="BK547" s="166">
        <v>0</v>
      </c>
      <c r="BL547" s="166">
        <v>0</v>
      </c>
      <c r="BM547" s="166">
        <v>0</v>
      </c>
      <c r="BN547" s="166">
        <v>0</v>
      </c>
      <c r="BO547" s="166">
        <v>0</v>
      </c>
      <c r="BP547" s="166">
        <v>0</v>
      </c>
      <c r="BQ547" s="166">
        <v>0</v>
      </c>
      <c r="BR547" s="166">
        <v>480166.61</v>
      </c>
      <c r="BS547" s="166">
        <v>0</v>
      </c>
      <c r="BT547" s="168">
        <v>0</v>
      </c>
      <c r="BU547" s="166">
        <v>82109.345877400003</v>
      </c>
      <c r="BV547" s="166">
        <v>467696.68313830002</v>
      </c>
      <c r="BW547" s="166">
        <v>0</v>
      </c>
      <c r="BX547" s="166">
        <v>0</v>
      </c>
      <c r="BY547" s="166">
        <v>0</v>
      </c>
      <c r="BZ547" s="166">
        <v>0</v>
      </c>
      <c r="CA547" s="166">
        <v>0</v>
      </c>
      <c r="CB547" s="166">
        <v>-467696.68313830002</v>
      </c>
      <c r="CC547" s="166">
        <v>0</v>
      </c>
      <c r="CD547" s="166">
        <v>0</v>
      </c>
      <c r="CE547" s="166">
        <v>0</v>
      </c>
      <c r="CF547" s="166">
        <v>0</v>
      </c>
      <c r="CG547" s="166">
        <v>0</v>
      </c>
      <c r="CH547" s="166">
        <v>0</v>
      </c>
      <c r="CI547" s="166">
        <v>0</v>
      </c>
      <c r="CJ547" s="166">
        <v>0</v>
      </c>
      <c r="CK547" s="166">
        <v>0</v>
      </c>
      <c r="CL547" s="166">
        <v>0</v>
      </c>
      <c r="CM547" s="166">
        <v>0</v>
      </c>
      <c r="CN547" s="166">
        <v>0</v>
      </c>
      <c r="CO547" s="166">
        <v>0</v>
      </c>
      <c r="CP547" s="166">
        <v>-467696.68313830002</v>
      </c>
      <c r="CQ547" s="166">
        <v>0</v>
      </c>
      <c r="CR547" s="166">
        <v>0</v>
      </c>
      <c r="CS547" s="166">
        <v>0</v>
      </c>
      <c r="CT547" s="166">
        <v>0</v>
      </c>
      <c r="CU547" s="166">
        <v>0</v>
      </c>
      <c r="CV547" s="166">
        <v>0</v>
      </c>
      <c r="CW547" s="166">
        <v>0</v>
      </c>
      <c r="CX547" s="166">
        <v>0</v>
      </c>
      <c r="CY547" s="166">
        <v>0</v>
      </c>
      <c r="CZ547" s="166">
        <v>0</v>
      </c>
    </row>
    <row r="548" spans="1:104" x14ac:dyDescent="0.2">
      <c r="A548" s="167" t="s">
        <v>637</v>
      </c>
      <c r="B548" s="166">
        <v>6875419.54</v>
      </c>
      <c r="C548" s="166">
        <v>6875419.54</v>
      </c>
      <c r="D548" s="166">
        <v>0</v>
      </c>
      <c r="E548" s="166">
        <v>0</v>
      </c>
      <c r="F548" s="166">
        <v>0</v>
      </c>
      <c r="G548" s="166">
        <v>0</v>
      </c>
      <c r="H548" s="166">
        <v>0</v>
      </c>
      <c r="I548" s="166">
        <v>0</v>
      </c>
      <c r="J548" s="166">
        <v>0</v>
      </c>
      <c r="K548" s="166">
        <v>0</v>
      </c>
      <c r="L548" s="166">
        <v>0</v>
      </c>
      <c r="M548" s="166">
        <v>0</v>
      </c>
      <c r="N548" s="166">
        <v>0</v>
      </c>
      <c r="O548" s="166">
        <v>0</v>
      </c>
      <c r="P548" s="166">
        <v>0</v>
      </c>
      <c r="Q548" s="166">
        <v>0</v>
      </c>
      <c r="R548" s="166">
        <v>0</v>
      </c>
      <c r="S548" s="166">
        <v>0</v>
      </c>
      <c r="T548" s="166">
        <v>0</v>
      </c>
      <c r="U548" s="166">
        <v>-6875419.54</v>
      </c>
      <c r="V548" s="166">
        <v>0</v>
      </c>
      <c r="W548" s="166">
        <v>0</v>
      </c>
      <c r="X548" s="166">
        <v>0</v>
      </c>
      <c r="Y548" s="166">
        <v>0</v>
      </c>
      <c r="Z548" s="166">
        <v>0</v>
      </c>
      <c r="AA548" s="166">
        <v>0</v>
      </c>
      <c r="AB548" s="166">
        <v>0</v>
      </c>
      <c r="AC548" s="166">
        <v>0</v>
      </c>
      <c r="AD548" s="166">
        <v>0</v>
      </c>
      <c r="AE548" s="166">
        <v>0</v>
      </c>
      <c r="AF548" s="166">
        <v>0</v>
      </c>
      <c r="AG548" s="166">
        <v>0</v>
      </c>
      <c r="AH548" s="166">
        <v>0</v>
      </c>
      <c r="AI548" s="166">
        <v>0</v>
      </c>
      <c r="AJ548" s="166">
        <v>0</v>
      </c>
      <c r="AK548" s="166">
        <v>0</v>
      </c>
      <c r="AL548" s="166">
        <v>0</v>
      </c>
      <c r="AM548" s="166">
        <v>0</v>
      </c>
      <c r="AN548" s="166">
        <v>0</v>
      </c>
      <c r="AO548" s="166">
        <v>0</v>
      </c>
      <c r="AP548" s="166">
        <v>0</v>
      </c>
      <c r="AQ548" s="166">
        <v>0</v>
      </c>
      <c r="AR548" s="166">
        <v>0</v>
      </c>
      <c r="AS548" s="166">
        <v>0</v>
      </c>
      <c r="AT548" s="166">
        <v>0</v>
      </c>
      <c r="AU548" s="166">
        <v>0</v>
      </c>
      <c r="AV548" s="166">
        <v>0</v>
      </c>
      <c r="AW548" s="166">
        <v>0</v>
      </c>
      <c r="AX548" s="166">
        <v>0</v>
      </c>
      <c r="AY548" s="166">
        <v>0</v>
      </c>
      <c r="AZ548" s="166">
        <v>0</v>
      </c>
      <c r="BA548" s="166">
        <v>0</v>
      </c>
      <c r="BB548" s="166">
        <v>0</v>
      </c>
      <c r="BC548" s="166">
        <v>0</v>
      </c>
      <c r="BD548" s="166">
        <v>0</v>
      </c>
      <c r="BE548" s="166">
        <v>0</v>
      </c>
      <c r="BF548" s="166">
        <v>0</v>
      </c>
      <c r="BG548" s="166">
        <v>0</v>
      </c>
      <c r="BH548" s="166">
        <v>0</v>
      </c>
      <c r="BI548" s="166">
        <v>-6875419.54</v>
      </c>
      <c r="BJ548" s="166">
        <v>0</v>
      </c>
      <c r="BK548" s="166">
        <v>0</v>
      </c>
      <c r="BL548" s="166">
        <v>0</v>
      </c>
      <c r="BM548" s="166">
        <v>0</v>
      </c>
      <c r="BN548" s="166">
        <v>0</v>
      </c>
      <c r="BO548" s="166">
        <v>0</v>
      </c>
      <c r="BP548" s="166">
        <v>0</v>
      </c>
      <c r="BQ548" s="166">
        <v>0</v>
      </c>
      <c r="BR548" s="166">
        <v>6875419.54</v>
      </c>
      <c r="BS548" s="166">
        <v>0</v>
      </c>
      <c r="BT548" s="168">
        <v>0</v>
      </c>
      <c r="BU548" s="166">
        <v>273465.265105889</v>
      </c>
      <c r="BV548" s="166">
        <v>6801201.19221381</v>
      </c>
      <c r="BW548" s="166">
        <v>0</v>
      </c>
      <c r="BX548" s="166">
        <v>0</v>
      </c>
      <c r="BY548" s="166">
        <v>0</v>
      </c>
      <c r="BZ548" s="166">
        <v>0</v>
      </c>
      <c r="CA548" s="166">
        <v>0</v>
      </c>
      <c r="CB548" s="166">
        <v>-6801201.19221381</v>
      </c>
      <c r="CC548" s="166">
        <v>0</v>
      </c>
      <c r="CD548" s="166">
        <v>0</v>
      </c>
      <c r="CE548" s="166">
        <v>0</v>
      </c>
      <c r="CF548" s="166">
        <v>0</v>
      </c>
      <c r="CG548" s="166">
        <v>0</v>
      </c>
      <c r="CH548" s="166">
        <v>0</v>
      </c>
      <c r="CI548" s="166">
        <v>0</v>
      </c>
      <c r="CJ548" s="166">
        <v>0</v>
      </c>
      <c r="CK548" s="166">
        <v>0</v>
      </c>
      <c r="CL548" s="166">
        <v>0</v>
      </c>
      <c r="CM548" s="166">
        <v>0</v>
      </c>
      <c r="CN548" s="166">
        <v>0</v>
      </c>
      <c r="CO548" s="166">
        <v>0</v>
      </c>
      <c r="CP548" s="166">
        <v>-6801201.19221381</v>
      </c>
      <c r="CQ548" s="166">
        <v>0</v>
      </c>
      <c r="CR548" s="166">
        <v>0</v>
      </c>
      <c r="CS548" s="166">
        <v>0</v>
      </c>
      <c r="CT548" s="166">
        <v>0</v>
      </c>
      <c r="CU548" s="166">
        <v>0</v>
      </c>
      <c r="CV548" s="166">
        <v>0</v>
      </c>
      <c r="CW548" s="166">
        <v>0</v>
      </c>
      <c r="CX548" s="166">
        <v>0</v>
      </c>
      <c r="CY548" s="166">
        <v>0</v>
      </c>
      <c r="CZ548" s="166">
        <v>0</v>
      </c>
    </row>
    <row r="549" spans="1:104" x14ac:dyDescent="0.2">
      <c r="A549" s="167" t="s">
        <v>638</v>
      </c>
      <c r="B549" s="166">
        <v>0</v>
      </c>
      <c r="C549" s="166">
        <v>0</v>
      </c>
      <c r="D549" s="166">
        <v>0</v>
      </c>
      <c r="E549" s="166">
        <v>0</v>
      </c>
      <c r="F549" s="166">
        <v>0</v>
      </c>
      <c r="G549" s="166">
        <v>0</v>
      </c>
      <c r="H549" s="166">
        <v>0</v>
      </c>
      <c r="I549" s="166">
        <v>0</v>
      </c>
      <c r="J549" s="166">
        <v>0</v>
      </c>
      <c r="K549" s="166">
        <v>0</v>
      </c>
      <c r="L549" s="166">
        <v>0</v>
      </c>
      <c r="M549" s="166">
        <v>0</v>
      </c>
      <c r="N549" s="166">
        <v>0</v>
      </c>
      <c r="O549" s="166">
        <v>0</v>
      </c>
      <c r="P549" s="166">
        <v>0</v>
      </c>
      <c r="Q549" s="166">
        <v>0</v>
      </c>
      <c r="R549" s="166">
        <v>0</v>
      </c>
      <c r="S549" s="166">
        <v>0</v>
      </c>
      <c r="T549" s="166">
        <v>0</v>
      </c>
      <c r="U549" s="166">
        <v>0</v>
      </c>
      <c r="V549" s="166">
        <v>0</v>
      </c>
      <c r="W549" s="166">
        <v>0</v>
      </c>
      <c r="X549" s="166">
        <v>0</v>
      </c>
      <c r="Y549" s="166">
        <v>0</v>
      </c>
      <c r="Z549" s="166">
        <v>0</v>
      </c>
      <c r="AA549" s="166">
        <v>0</v>
      </c>
      <c r="AB549" s="166">
        <v>0</v>
      </c>
      <c r="AC549" s="166">
        <v>0</v>
      </c>
      <c r="AD549" s="166">
        <v>0</v>
      </c>
      <c r="AE549" s="166">
        <v>0</v>
      </c>
      <c r="AF549" s="166">
        <v>0</v>
      </c>
      <c r="AG549" s="166">
        <v>0</v>
      </c>
      <c r="AH549" s="166">
        <v>0</v>
      </c>
      <c r="AI549" s="166">
        <v>0</v>
      </c>
      <c r="AJ549" s="166">
        <v>0</v>
      </c>
      <c r="AK549" s="166">
        <v>0</v>
      </c>
      <c r="AL549" s="166">
        <v>0</v>
      </c>
      <c r="AM549" s="166">
        <v>0</v>
      </c>
      <c r="AN549" s="166">
        <v>0</v>
      </c>
      <c r="AO549" s="166">
        <v>0</v>
      </c>
      <c r="AP549" s="166">
        <v>0</v>
      </c>
      <c r="AQ549" s="166">
        <v>0</v>
      </c>
      <c r="AR549" s="166">
        <v>0</v>
      </c>
      <c r="AS549" s="166">
        <v>0</v>
      </c>
      <c r="AT549" s="166">
        <v>0</v>
      </c>
      <c r="AU549" s="166">
        <v>0</v>
      </c>
      <c r="AV549" s="166">
        <v>0</v>
      </c>
      <c r="AW549" s="166">
        <v>0</v>
      </c>
      <c r="AX549" s="166">
        <v>0</v>
      </c>
      <c r="AY549" s="166">
        <v>0</v>
      </c>
      <c r="AZ549" s="166">
        <v>0</v>
      </c>
      <c r="BA549" s="166">
        <v>0</v>
      </c>
      <c r="BB549" s="166">
        <v>0</v>
      </c>
      <c r="BC549" s="166">
        <v>0</v>
      </c>
      <c r="BD549" s="166">
        <v>0</v>
      </c>
      <c r="BE549" s="166">
        <v>0</v>
      </c>
      <c r="BF549" s="166">
        <v>0</v>
      </c>
      <c r="BG549" s="166">
        <v>0</v>
      </c>
      <c r="BH549" s="166">
        <v>0</v>
      </c>
      <c r="BI549" s="166">
        <v>0</v>
      </c>
      <c r="BJ549" s="166">
        <v>0</v>
      </c>
      <c r="BK549" s="166">
        <v>0</v>
      </c>
      <c r="BL549" s="166">
        <v>0</v>
      </c>
      <c r="BM549" s="166">
        <v>0</v>
      </c>
      <c r="BN549" s="166">
        <v>0</v>
      </c>
      <c r="BO549" s="166">
        <v>0</v>
      </c>
      <c r="BP549" s="166">
        <v>0</v>
      </c>
      <c r="BQ549" s="166">
        <v>0</v>
      </c>
      <c r="BR549" s="166">
        <v>0</v>
      </c>
      <c r="BS549" s="166">
        <v>0</v>
      </c>
      <c r="BT549" s="168">
        <v>0</v>
      </c>
      <c r="BU549" s="166">
        <v>0</v>
      </c>
      <c r="BV549" s="166">
        <v>0</v>
      </c>
      <c r="BW549" s="166">
        <v>0</v>
      </c>
      <c r="BX549" s="166">
        <v>0</v>
      </c>
      <c r="BY549" s="166">
        <v>0</v>
      </c>
      <c r="BZ549" s="166">
        <v>0</v>
      </c>
      <c r="CA549" s="166">
        <v>0</v>
      </c>
      <c r="CB549" s="166">
        <v>0</v>
      </c>
      <c r="CC549" s="166">
        <v>0</v>
      </c>
      <c r="CD549" s="166">
        <v>0</v>
      </c>
      <c r="CE549" s="166">
        <v>0</v>
      </c>
      <c r="CF549" s="166">
        <v>0</v>
      </c>
      <c r="CG549" s="166">
        <v>0</v>
      </c>
      <c r="CH549" s="166">
        <v>0</v>
      </c>
      <c r="CI549" s="166">
        <v>0</v>
      </c>
      <c r="CJ549" s="166">
        <v>0</v>
      </c>
      <c r="CK549" s="166">
        <v>0</v>
      </c>
      <c r="CL549" s="166">
        <v>0</v>
      </c>
      <c r="CM549" s="166">
        <v>0</v>
      </c>
      <c r="CN549" s="166">
        <v>0</v>
      </c>
      <c r="CO549" s="166">
        <v>0</v>
      </c>
      <c r="CP549" s="166">
        <v>0</v>
      </c>
      <c r="CQ549" s="166">
        <v>0</v>
      </c>
      <c r="CR549" s="166">
        <v>0</v>
      </c>
      <c r="CS549" s="166">
        <v>0</v>
      </c>
      <c r="CT549" s="166">
        <v>0</v>
      </c>
      <c r="CU549" s="166">
        <v>0</v>
      </c>
      <c r="CV549" s="166">
        <v>0</v>
      </c>
      <c r="CW549" s="166">
        <v>0</v>
      </c>
      <c r="CX549" s="166">
        <v>0</v>
      </c>
      <c r="CY549" s="166">
        <v>0</v>
      </c>
      <c r="CZ549" s="166">
        <v>0</v>
      </c>
    </row>
    <row r="550" spans="1:104" x14ac:dyDescent="0.2">
      <c r="A550" s="167" t="s">
        <v>639</v>
      </c>
      <c r="B550" s="166">
        <v>0</v>
      </c>
      <c r="C550" s="166">
        <v>0</v>
      </c>
      <c r="D550" s="166">
        <v>0</v>
      </c>
      <c r="E550" s="166">
        <v>0</v>
      </c>
      <c r="F550" s="166">
        <v>0</v>
      </c>
      <c r="G550" s="166">
        <v>0</v>
      </c>
      <c r="H550" s="166">
        <v>0</v>
      </c>
      <c r="I550" s="166">
        <v>0</v>
      </c>
      <c r="J550" s="166">
        <v>0</v>
      </c>
      <c r="K550" s="166">
        <v>0</v>
      </c>
      <c r="L550" s="166">
        <v>0</v>
      </c>
      <c r="M550" s="166">
        <v>0</v>
      </c>
      <c r="N550" s="166">
        <v>0</v>
      </c>
      <c r="O550" s="166">
        <v>0</v>
      </c>
      <c r="P550" s="166">
        <v>0</v>
      </c>
      <c r="Q550" s="166">
        <v>0</v>
      </c>
      <c r="R550" s="166">
        <v>0</v>
      </c>
      <c r="S550" s="166">
        <v>0</v>
      </c>
      <c r="T550" s="166">
        <v>0</v>
      </c>
      <c r="U550" s="166">
        <v>0</v>
      </c>
      <c r="V550" s="166">
        <v>0</v>
      </c>
      <c r="W550" s="166">
        <v>0</v>
      </c>
      <c r="X550" s="166">
        <v>0</v>
      </c>
      <c r="Y550" s="166">
        <v>0</v>
      </c>
      <c r="Z550" s="166">
        <v>0</v>
      </c>
      <c r="AA550" s="166">
        <v>0</v>
      </c>
      <c r="AB550" s="166">
        <v>0</v>
      </c>
      <c r="AC550" s="166">
        <v>0</v>
      </c>
      <c r="AD550" s="166">
        <v>0</v>
      </c>
      <c r="AE550" s="166">
        <v>0</v>
      </c>
      <c r="AF550" s="166">
        <v>0</v>
      </c>
      <c r="AG550" s="166">
        <v>0</v>
      </c>
      <c r="AH550" s="166">
        <v>0</v>
      </c>
      <c r="AI550" s="166">
        <v>0</v>
      </c>
      <c r="AJ550" s="166">
        <v>0</v>
      </c>
      <c r="AK550" s="166">
        <v>0</v>
      </c>
      <c r="AL550" s="166">
        <v>0</v>
      </c>
      <c r="AM550" s="166">
        <v>0</v>
      </c>
      <c r="AN550" s="166">
        <v>0</v>
      </c>
      <c r="AO550" s="166">
        <v>0</v>
      </c>
      <c r="AP550" s="166">
        <v>0</v>
      </c>
      <c r="AQ550" s="166">
        <v>0</v>
      </c>
      <c r="AR550" s="166">
        <v>0</v>
      </c>
      <c r="AS550" s="166">
        <v>0</v>
      </c>
      <c r="AT550" s="166">
        <v>0</v>
      </c>
      <c r="AU550" s="166">
        <v>0</v>
      </c>
      <c r="AV550" s="166">
        <v>0</v>
      </c>
      <c r="AW550" s="166">
        <v>0</v>
      </c>
      <c r="AX550" s="166">
        <v>0</v>
      </c>
      <c r="AY550" s="166">
        <v>0</v>
      </c>
      <c r="AZ550" s="166">
        <v>0</v>
      </c>
      <c r="BA550" s="166">
        <v>0</v>
      </c>
      <c r="BB550" s="166">
        <v>0</v>
      </c>
      <c r="BC550" s="166">
        <v>0</v>
      </c>
      <c r="BD550" s="166">
        <v>0</v>
      </c>
      <c r="BE550" s="166">
        <v>0</v>
      </c>
      <c r="BF550" s="166">
        <v>0</v>
      </c>
      <c r="BG550" s="166">
        <v>0</v>
      </c>
      <c r="BH550" s="166">
        <v>0</v>
      </c>
      <c r="BI550" s="166">
        <v>0</v>
      </c>
      <c r="BJ550" s="166">
        <v>0</v>
      </c>
      <c r="BK550" s="166">
        <v>0</v>
      </c>
      <c r="BL550" s="166">
        <v>0</v>
      </c>
      <c r="BM550" s="166">
        <v>0</v>
      </c>
      <c r="BN550" s="166">
        <v>0</v>
      </c>
      <c r="BO550" s="166">
        <v>0</v>
      </c>
      <c r="BP550" s="166">
        <v>0</v>
      </c>
      <c r="BQ550" s="166">
        <v>0</v>
      </c>
      <c r="BR550" s="166">
        <v>0</v>
      </c>
      <c r="BS550" s="166">
        <v>0</v>
      </c>
      <c r="BT550" s="168">
        <v>0</v>
      </c>
      <c r="BU550" s="166">
        <v>0</v>
      </c>
      <c r="BV550" s="166">
        <v>0</v>
      </c>
      <c r="BW550" s="166">
        <v>0</v>
      </c>
      <c r="BX550" s="166">
        <v>0</v>
      </c>
      <c r="BY550" s="166">
        <v>0</v>
      </c>
      <c r="BZ550" s="166">
        <v>0</v>
      </c>
      <c r="CA550" s="166">
        <v>0</v>
      </c>
      <c r="CB550" s="166">
        <v>0</v>
      </c>
      <c r="CC550" s="166">
        <v>0</v>
      </c>
      <c r="CD550" s="166">
        <v>0</v>
      </c>
      <c r="CE550" s="166">
        <v>0</v>
      </c>
      <c r="CF550" s="166">
        <v>0</v>
      </c>
      <c r="CG550" s="166">
        <v>0</v>
      </c>
      <c r="CH550" s="166">
        <v>0</v>
      </c>
      <c r="CI550" s="166">
        <v>0</v>
      </c>
      <c r="CJ550" s="166">
        <v>0</v>
      </c>
      <c r="CK550" s="166">
        <v>0</v>
      </c>
      <c r="CL550" s="166">
        <v>0</v>
      </c>
      <c r="CM550" s="166">
        <v>0</v>
      </c>
      <c r="CN550" s="166">
        <v>0</v>
      </c>
      <c r="CO550" s="166">
        <v>0</v>
      </c>
      <c r="CP550" s="166">
        <v>0</v>
      </c>
      <c r="CQ550" s="166">
        <v>0</v>
      </c>
      <c r="CR550" s="166">
        <v>0</v>
      </c>
      <c r="CS550" s="166">
        <v>0</v>
      </c>
      <c r="CT550" s="166">
        <v>0</v>
      </c>
      <c r="CU550" s="166">
        <v>0</v>
      </c>
      <c r="CV550" s="166">
        <v>0</v>
      </c>
      <c r="CW550" s="166">
        <v>0</v>
      </c>
      <c r="CX550" s="166">
        <v>0</v>
      </c>
      <c r="CY550" s="166">
        <v>0</v>
      </c>
      <c r="CZ550" s="166">
        <v>0</v>
      </c>
    </row>
    <row r="551" spans="1:104" x14ac:dyDescent="0.2">
      <c r="A551" s="167" t="s">
        <v>640</v>
      </c>
      <c r="B551" s="166">
        <v>447889404.72999901</v>
      </c>
      <c r="C551" s="166">
        <v>447889404.72999901</v>
      </c>
      <c r="D551" s="166">
        <v>0</v>
      </c>
      <c r="E551" s="166">
        <v>0</v>
      </c>
      <c r="F551" s="166">
        <v>0</v>
      </c>
      <c r="G551" s="166">
        <v>-447889404.72999901</v>
      </c>
      <c r="H551" s="166">
        <v>0</v>
      </c>
      <c r="I551" s="166">
        <v>0</v>
      </c>
      <c r="J551" s="166">
        <v>0</v>
      </c>
      <c r="K551" s="166">
        <v>0</v>
      </c>
      <c r="L551" s="166">
        <v>0</v>
      </c>
      <c r="M551" s="166">
        <v>0</v>
      </c>
      <c r="N551" s="166">
        <v>0</v>
      </c>
      <c r="O551" s="166">
        <v>0</v>
      </c>
      <c r="P551" s="166">
        <v>0</v>
      </c>
      <c r="Q551" s="166">
        <v>0</v>
      </c>
      <c r="R551" s="166">
        <v>0</v>
      </c>
      <c r="S551" s="166">
        <v>0</v>
      </c>
      <c r="T551" s="166">
        <v>0</v>
      </c>
      <c r="U551" s="166">
        <v>0</v>
      </c>
      <c r="V551" s="166">
        <v>0</v>
      </c>
      <c r="W551" s="166">
        <v>0</v>
      </c>
      <c r="X551" s="166">
        <v>0</v>
      </c>
      <c r="Y551" s="166">
        <v>0</v>
      </c>
      <c r="Z551" s="166">
        <v>0</v>
      </c>
      <c r="AA551" s="166">
        <v>0</v>
      </c>
      <c r="AB551" s="166">
        <v>0</v>
      </c>
      <c r="AC551" s="166">
        <v>0</v>
      </c>
      <c r="AD551" s="166">
        <v>0</v>
      </c>
      <c r="AE551" s="166">
        <v>0</v>
      </c>
      <c r="AF551" s="166">
        <v>0</v>
      </c>
      <c r="AG551" s="166">
        <v>0</v>
      </c>
      <c r="AH551" s="166">
        <v>0</v>
      </c>
      <c r="AI551" s="166">
        <v>0</v>
      </c>
      <c r="AJ551" s="166">
        <v>0</v>
      </c>
      <c r="AK551" s="166">
        <v>0</v>
      </c>
      <c r="AL551" s="166">
        <v>0</v>
      </c>
      <c r="AM551" s="166">
        <v>0</v>
      </c>
      <c r="AN551" s="166">
        <v>0</v>
      </c>
      <c r="AO551" s="166">
        <v>0</v>
      </c>
      <c r="AP551" s="166">
        <v>0</v>
      </c>
      <c r="AQ551" s="166">
        <v>0</v>
      </c>
      <c r="AR551" s="166">
        <v>0</v>
      </c>
      <c r="AS551" s="166">
        <v>0</v>
      </c>
      <c r="AT551" s="166">
        <v>0</v>
      </c>
      <c r="AU551" s="166">
        <v>0</v>
      </c>
      <c r="AV551" s="166">
        <v>0</v>
      </c>
      <c r="AW551" s="166">
        <v>0</v>
      </c>
      <c r="AX551" s="166">
        <v>0</v>
      </c>
      <c r="AY551" s="166">
        <v>0</v>
      </c>
      <c r="AZ551" s="166">
        <v>0</v>
      </c>
      <c r="BA551" s="166">
        <v>0</v>
      </c>
      <c r="BB551" s="166">
        <v>0</v>
      </c>
      <c r="BC551" s="166">
        <v>0</v>
      </c>
      <c r="BD551" s="166">
        <v>-447889404.72999901</v>
      </c>
      <c r="BE551" s="166">
        <v>0</v>
      </c>
      <c r="BF551" s="166">
        <v>0</v>
      </c>
      <c r="BG551" s="166">
        <v>0</v>
      </c>
      <c r="BH551" s="166">
        <v>0</v>
      </c>
      <c r="BI551" s="166">
        <v>0</v>
      </c>
      <c r="BJ551" s="166">
        <v>0</v>
      </c>
      <c r="BK551" s="166">
        <v>0</v>
      </c>
      <c r="BL551" s="166">
        <v>0</v>
      </c>
      <c r="BM551" s="166">
        <v>0</v>
      </c>
      <c r="BN551" s="166">
        <v>0</v>
      </c>
      <c r="BO551" s="166">
        <v>0</v>
      </c>
      <c r="BP551" s="166">
        <v>0</v>
      </c>
      <c r="BQ551" s="166">
        <v>0</v>
      </c>
      <c r="BR551" s="166">
        <v>447889404.72999901</v>
      </c>
      <c r="BS551" s="166">
        <v>0</v>
      </c>
      <c r="BT551" s="168">
        <v>0</v>
      </c>
      <c r="BU551" s="166">
        <v>35188146.917528898</v>
      </c>
      <c r="BV551" s="166">
        <v>427646026.010001</v>
      </c>
      <c r="BW551" s="166">
        <v>-427646026.010001</v>
      </c>
      <c r="BX551" s="166">
        <v>0</v>
      </c>
      <c r="BY551" s="166">
        <v>0</v>
      </c>
      <c r="BZ551" s="166">
        <v>0</v>
      </c>
      <c r="CA551" s="166">
        <v>0</v>
      </c>
      <c r="CB551" s="166">
        <v>0</v>
      </c>
      <c r="CC551" s="166">
        <v>0</v>
      </c>
      <c r="CD551" s="166">
        <v>0</v>
      </c>
      <c r="CE551" s="166">
        <v>0</v>
      </c>
      <c r="CF551" s="166">
        <v>0</v>
      </c>
      <c r="CG551" s="166">
        <v>0</v>
      </c>
      <c r="CH551" s="166">
        <v>0</v>
      </c>
      <c r="CI551" s="166">
        <v>0</v>
      </c>
      <c r="CJ551" s="166">
        <v>0</v>
      </c>
      <c r="CK551" s="166">
        <v>-427646026.010001</v>
      </c>
      <c r="CL551" s="166">
        <v>0</v>
      </c>
      <c r="CM551" s="166">
        <v>0</v>
      </c>
      <c r="CN551" s="166">
        <v>0</v>
      </c>
      <c r="CO551" s="166">
        <v>0</v>
      </c>
      <c r="CP551" s="166">
        <v>0</v>
      </c>
      <c r="CQ551" s="166">
        <v>0</v>
      </c>
      <c r="CR551" s="166">
        <v>0</v>
      </c>
      <c r="CS551" s="166">
        <v>0</v>
      </c>
      <c r="CT551" s="166">
        <v>0</v>
      </c>
      <c r="CU551" s="166">
        <v>0</v>
      </c>
      <c r="CV551" s="166">
        <v>0</v>
      </c>
      <c r="CW551" s="166">
        <v>0</v>
      </c>
      <c r="CX551" s="166">
        <v>0</v>
      </c>
      <c r="CY551" s="166">
        <v>0</v>
      </c>
      <c r="CZ551" s="166">
        <v>0</v>
      </c>
    </row>
    <row r="552" spans="1:104" x14ac:dyDescent="0.2">
      <c r="A552" s="167" t="s">
        <v>641</v>
      </c>
      <c r="B552" s="166">
        <v>2383514684.0700002</v>
      </c>
      <c r="C552" s="166">
        <v>2383514684.0700002</v>
      </c>
      <c r="D552" s="166">
        <v>0</v>
      </c>
      <c r="E552" s="166">
        <v>0</v>
      </c>
      <c r="F552" s="166">
        <v>0</v>
      </c>
      <c r="G552" s="166">
        <v>0</v>
      </c>
      <c r="H552" s="166">
        <v>0</v>
      </c>
      <c r="I552" s="166">
        <v>0</v>
      </c>
      <c r="J552" s="166">
        <v>0</v>
      </c>
      <c r="K552" s="166">
        <v>0</v>
      </c>
      <c r="L552" s="166">
        <v>0</v>
      </c>
      <c r="M552" s="166">
        <v>0</v>
      </c>
      <c r="N552" s="166">
        <v>0</v>
      </c>
      <c r="O552" s="166">
        <v>0</v>
      </c>
      <c r="P552" s="166">
        <v>0</v>
      </c>
      <c r="Q552" s="166">
        <v>0</v>
      </c>
      <c r="R552" s="166">
        <v>0</v>
      </c>
      <c r="S552" s="166">
        <v>0</v>
      </c>
      <c r="T552" s="166">
        <v>0</v>
      </c>
      <c r="U552" s="166">
        <v>0</v>
      </c>
      <c r="V552" s="166">
        <v>0</v>
      </c>
      <c r="W552" s="166">
        <v>0</v>
      </c>
      <c r="X552" s="166">
        <v>0</v>
      </c>
      <c r="Y552" s="166">
        <v>0</v>
      </c>
      <c r="Z552" s="166">
        <v>0</v>
      </c>
      <c r="AA552" s="166">
        <v>0</v>
      </c>
      <c r="AB552" s="166">
        <v>-2383514684.0700002</v>
      </c>
      <c r="AC552" s="166">
        <v>0</v>
      </c>
      <c r="AD552" s="166">
        <v>0</v>
      </c>
      <c r="AE552" s="166">
        <v>0</v>
      </c>
      <c r="AF552" s="166">
        <v>0</v>
      </c>
      <c r="AG552" s="166">
        <v>0</v>
      </c>
      <c r="AH552" s="166">
        <v>0</v>
      </c>
      <c r="AI552" s="166">
        <v>0</v>
      </c>
      <c r="AJ552" s="166">
        <v>0</v>
      </c>
      <c r="AK552" s="166">
        <v>0</v>
      </c>
      <c r="AL552" s="166">
        <v>0</v>
      </c>
      <c r="AM552" s="166">
        <v>0</v>
      </c>
      <c r="AN552" s="166">
        <v>0</v>
      </c>
      <c r="AO552" s="166">
        <v>0</v>
      </c>
      <c r="AP552" s="166">
        <v>0</v>
      </c>
      <c r="AQ552" s="166">
        <v>0</v>
      </c>
      <c r="AR552" s="166">
        <v>0</v>
      </c>
      <c r="AS552" s="166">
        <v>0</v>
      </c>
      <c r="AT552" s="166">
        <v>0</v>
      </c>
      <c r="AU552" s="166">
        <v>0</v>
      </c>
      <c r="AV552" s="166">
        <v>0</v>
      </c>
      <c r="AW552" s="166">
        <v>0</v>
      </c>
      <c r="AX552" s="166">
        <v>0</v>
      </c>
      <c r="AY552" s="166">
        <v>0</v>
      </c>
      <c r="AZ552" s="166">
        <v>0</v>
      </c>
      <c r="BA552" s="166">
        <v>0</v>
      </c>
      <c r="BB552" s="166">
        <v>0</v>
      </c>
      <c r="BC552" s="166">
        <v>0</v>
      </c>
      <c r="BD552" s="166">
        <v>0</v>
      </c>
      <c r="BE552" s="166">
        <v>0</v>
      </c>
      <c r="BF552" s="166">
        <v>0</v>
      </c>
      <c r="BG552" s="166">
        <v>0</v>
      </c>
      <c r="BH552" s="166">
        <v>0</v>
      </c>
      <c r="BI552" s="166">
        <v>0</v>
      </c>
      <c r="BJ552" s="166">
        <v>-2383514684.0700002</v>
      </c>
      <c r="BK552" s="166">
        <v>0</v>
      </c>
      <c r="BL552" s="166">
        <v>0</v>
      </c>
      <c r="BM552" s="166">
        <v>0</v>
      </c>
      <c r="BN552" s="166">
        <v>0</v>
      </c>
      <c r="BO552" s="166">
        <v>0</v>
      </c>
      <c r="BP552" s="166">
        <v>0</v>
      </c>
      <c r="BQ552" s="166">
        <v>0</v>
      </c>
      <c r="BR552" s="166">
        <v>2383514684.0700002</v>
      </c>
      <c r="BS552" s="166">
        <v>0</v>
      </c>
      <c r="BT552" s="168">
        <v>0</v>
      </c>
      <c r="BU552" s="166">
        <v>149885358.98907799</v>
      </c>
      <c r="BV552" s="166">
        <v>2323203245.56037</v>
      </c>
      <c r="BW552" s="166">
        <v>0</v>
      </c>
      <c r="BX552" s="166">
        <v>0</v>
      </c>
      <c r="BY552" s="166">
        <v>0</v>
      </c>
      <c r="BZ552" s="166">
        <v>0</v>
      </c>
      <c r="CA552" s="166">
        <v>0</v>
      </c>
      <c r="CB552" s="166">
        <v>0</v>
      </c>
      <c r="CC552" s="166">
        <v>-2323203245.56037</v>
      </c>
      <c r="CD552" s="166">
        <v>0</v>
      </c>
      <c r="CE552" s="166">
        <v>0</v>
      </c>
      <c r="CF552" s="166">
        <v>0</v>
      </c>
      <c r="CG552" s="166">
        <v>0</v>
      </c>
      <c r="CH552" s="166">
        <v>0</v>
      </c>
      <c r="CI552" s="166">
        <v>0</v>
      </c>
      <c r="CJ552" s="166">
        <v>0</v>
      </c>
      <c r="CK552" s="166">
        <v>0</v>
      </c>
      <c r="CL552" s="166">
        <v>0</v>
      </c>
      <c r="CM552" s="166">
        <v>0</v>
      </c>
      <c r="CN552" s="166">
        <v>0</v>
      </c>
      <c r="CO552" s="166">
        <v>0</v>
      </c>
      <c r="CP552" s="166">
        <v>0</v>
      </c>
      <c r="CQ552" s="166">
        <v>-2323203245.56037</v>
      </c>
      <c r="CR552" s="166">
        <v>0</v>
      </c>
      <c r="CS552" s="166">
        <v>0</v>
      </c>
      <c r="CT552" s="166">
        <v>0</v>
      </c>
      <c r="CU552" s="166">
        <v>0</v>
      </c>
      <c r="CV552" s="166">
        <v>0</v>
      </c>
      <c r="CW552" s="166">
        <v>0</v>
      </c>
      <c r="CX552" s="166">
        <v>0</v>
      </c>
      <c r="CY552" s="166">
        <v>0</v>
      </c>
      <c r="CZ552" s="166">
        <v>0</v>
      </c>
    </row>
    <row r="553" spans="1:104" x14ac:dyDescent="0.2">
      <c r="A553" s="167" t="s">
        <v>642</v>
      </c>
      <c r="B553" s="166">
        <v>2838759674.9499998</v>
      </c>
      <c r="C553" s="166">
        <v>2838759674.9499998</v>
      </c>
      <c r="D553" s="166">
        <v>0</v>
      </c>
      <c r="E553" s="166">
        <v>0</v>
      </c>
      <c r="F553" s="166">
        <v>0</v>
      </c>
      <c r="G553" s="166">
        <v>-447889404.72999901</v>
      </c>
      <c r="H553" s="166">
        <v>0</v>
      </c>
      <c r="I553" s="166">
        <v>0</v>
      </c>
      <c r="J553" s="166">
        <v>0</v>
      </c>
      <c r="K553" s="166">
        <v>0</v>
      </c>
      <c r="L553" s="166">
        <v>0</v>
      </c>
      <c r="M553" s="166">
        <v>0</v>
      </c>
      <c r="N553" s="166">
        <v>0</v>
      </c>
      <c r="O553" s="166">
        <v>0</v>
      </c>
      <c r="P553" s="166">
        <v>0</v>
      </c>
      <c r="Q553" s="166">
        <v>0</v>
      </c>
      <c r="R553" s="166">
        <v>0</v>
      </c>
      <c r="S553" s="166">
        <v>0</v>
      </c>
      <c r="T553" s="166">
        <v>0</v>
      </c>
      <c r="U553" s="166">
        <v>-7355586.1499999901</v>
      </c>
      <c r="V553" s="166">
        <v>0</v>
      </c>
      <c r="W553" s="166">
        <v>0</v>
      </c>
      <c r="X553" s="166">
        <v>0</v>
      </c>
      <c r="Y553" s="166">
        <v>0</v>
      </c>
      <c r="Z553" s="166">
        <v>0</v>
      </c>
      <c r="AA553" s="166">
        <v>0</v>
      </c>
      <c r="AB553" s="166">
        <v>-2383514684.0700002</v>
      </c>
      <c r="AC553" s="166">
        <v>0</v>
      </c>
      <c r="AD553" s="166">
        <v>0</v>
      </c>
      <c r="AE553" s="166">
        <v>0</v>
      </c>
      <c r="AF553" s="166">
        <v>0</v>
      </c>
      <c r="AG553" s="166">
        <v>0</v>
      </c>
      <c r="AH553" s="166">
        <v>0</v>
      </c>
      <c r="AI553" s="166">
        <v>0</v>
      </c>
      <c r="AJ553" s="166">
        <v>0</v>
      </c>
      <c r="AK553" s="166">
        <v>0</v>
      </c>
      <c r="AL553" s="166">
        <v>0</v>
      </c>
      <c r="AM553" s="166">
        <v>0</v>
      </c>
      <c r="AN553" s="166">
        <v>0</v>
      </c>
      <c r="AO553" s="166">
        <v>0</v>
      </c>
      <c r="AP553" s="166">
        <v>0</v>
      </c>
      <c r="AQ553" s="166">
        <v>0</v>
      </c>
      <c r="AR553" s="166">
        <v>0</v>
      </c>
      <c r="AS553" s="166">
        <v>0</v>
      </c>
      <c r="AT553" s="166">
        <v>0</v>
      </c>
      <c r="AU553" s="166">
        <v>0</v>
      </c>
      <c r="AV553" s="166">
        <v>0</v>
      </c>
      <c r="AW553" s="166">
        <v>0</v>
      </c>
      <c r="AX553" s="166">
        <v>0</v>
      </c>
      <c r="AY553" s="166">
        <v>0</v>
      </c>
      <c r="AZ553" s="166">
        <v>0</v>
      </c>
      <c r="BA553" s="166">
        <v>0</v>
      </c>
      <c r="BB553" s="166">
        <v>0</v>
      </c>
      <c r="BC553" s="166">
        <v>0</v>
      </c>
      <c r="BD553" s="166">
        <v>-447889404.72999901</v>
      </c>
      <c r="BE553" s="166">
        <v>0</v>
      </c>
      <c r="BF553" s="166">
        <v>0</v>
      </c>
      <c r="BG553" s="166">
        <v>0</v>
      </c>
      <c r="BH553" s="166">
        <v>0</v>
      </c>
      <c r="BI553" s="166">
        <v>-7355586.1500000004</v>
      </c>
      <c r="BJ553" s="166">
        <v>-2383514684.0700002</v>
      </c>
      <c r="BK553" s="166">
        <v>0</v>
      </c>
      <c r="BL553" s="166">
        <v>0</v>
      </c>
      <c r="BM553" s="166">
        <v>0</v>
      </c>
      <c r="BN553" s="166">
        <v>0</v>
      </c>
      <c r="BO553" s="166">
        <v>0</v>
      </c>
      <c r="BP553" s="166">
        <v>0</v>
      </c>
      <c r="BQ553" s="166">
        <v>0</v>
      </c>
      <c r="BR553" s="166">
        <v>2838759674.9499998</v>
      </c>
      <c r="BS553" s="166">
        <v>0</v>
      </c>
      <c r="BT553" s="168">
        <v>0</v>
      </c>
      <c r="BU553" s="166">
        <v>185429080.51758999</v>
      </c>
      <c r="BV553" s="166">
        <v>2758118169.4457202</v>
      </c>
      <c r="BW553" s="166">
        <v>-427646026.010001</v>
      </c>
      <c r="BX553" s="166">
        <v>0</v>
      </c>
      <c r="BY553" s="166">
        <v>0</v>
      </c>
      <c r="BZ553" s="166">
        <v>0</v>
      </c>
      <c r="CA553" s="166">
        <v>0</v>
      </c>
      <c r="CB553" s="166">
        <v>-7268897.8753521098</v>
      </c>
      <c r="CC553" s="166">
        <v>-2323203245.56037</v>
      </c>
      <c r="CD553" s="166">
        <v>0</v>
      </c>
      <c r="CE553" s="166">
        <v>0</v>
      </c>
      <c r="CF553" s="166">
        <v>0</v>
      </c>
      <c r="CG553" s="166">
        <v>0</v>
      </c>
      <c r="CH553" s="166">
        <v>0</v>
      </c>
      <c r="CI553" s="166">
        <v>0</v>
      </c>
      <c r="CJ553" s="166">
        <v>0</v>
      </c>
      <c r="CK553" s="166">
        <v>-427646026.010001</v>
      </c>
      <c r="CL553" s="166">
        <v>0</v>
      </c>
      <c r="CM553" s="166">
        <v>0</v>
      </c>
      <c r="CN553" s="166">
        <v>0</v>
      </c>
      <c r="CO553" s="166">
        <v>0</v>
      </c>
      <c r="CP553" s="166">
        <v>-7268897.8753521098</v>
      </c>
      <c r="CQ553" s="166">
        <v>-2323203245.56037</v>
      </c>
      <c r="CR553" s="166">
        <v>0</v>
      </c>
      <c r="CS553" s="166">
        <v>0</v>
      </c>
      <c r="CT553" s="166">
        <v>0</v>
      </c>
      <c r="CU553" s="166">
        <v>0</v>
      </c>
      <c r="CV553" s="166">
        <v>0</v>
      </c>
      <c r="CW553" s="166">
        <v>0</v>
      </c>
      <c r="CX553" s="166">
        <v>0</v>
      </c>
      <c r="CY553" s="166">
        <v>0</v>
      </c>
      <c r="CZ553" s="166">
        <v>0</v>
      </c>
    </row>
    <row r="554" spans="1:104" x14ac:dyDescent="0.2">
      <c r="A554" s="167" t="s">
        <v>643</v>
      </c>
      <c r="B554" s="166">
        <v>0</v>
      </c>
      <c r="C554" s="166">
        <v>0</v>
      </c>
      <c r="D554" s="166">
        <v>0</v>
      </c>
      <c r="E554" s="166">
        <v>0</v>
      </c>
      <c r="F554" s="166">
        <v>0</v>
      </c>
      <c r="G554" s="166">
        <v>0</v>
      </c>
      <c r="H554" s="166">
        <v>0</v>
      </c>
      <c r="I554" s="166">
        <v>0</v>
      </c>
      <c r="J554" s="166">
        <v>0</v>
      </c>
      <c r="K554" s="166">
        <v>0</v>
      </c>
      <c r="L554" s="166">
        <v>0</v>
      </c>
      <c r="M554" s="166">
        <v>0</v>
      </c>
      <c r="N554" s="166">
        <v>0</v>
      </c>
      <c r="O554" s="166">
        <v>0</v>
      </c>
      <c r="P554" s="166">
        <v>0</v>
      </c>
      <c r="Q554" s="166">
        <v>0</v>
      </c>
      <c r="R554" s="166">
        <v>0</v>
      </c>
      <c r="S554" s="166">
        <v>0</v>
      </c>
      <c r="T554" s="166">
        <v>0</v>
      </c>
      <c r="U554" s="166">
        <v>0</v>
      </c>
      <c r="V554" s="166">
        <v>0</v>
      </c>
      <c r="W554" s="166">
        <v>0</v>
      </c>
      <c r="X554" s="166">
        <v>0</v>
      </c>
      <c r="Y554" s="166">
        <v>0</v>
      </c>
      <c r="Z554" s="166">
        <v>0</v>
      </c>
      <c r="AA554" s="166">
        <v>0</v>
      </c>
      <c r="AB554" s="166">
        <v>0</v>
      </c>
      <c r="AC554" s="166">
        <v>0</v>
      </c>
      <c r="AD554" s="166">
        <v>0</v>
      </c>
      <c r="AE554" s="166">
        <v>0</v>
      </c>
      <c r="AF554" s="166">
        <v>0</v>
      </c>
      <c r="AG554" s="166">
        <v>0</v>
      </c>
      <c r="AH554" s="166">
        <v>0</v>
      </c>
      <c r="AI554" s="166">
        <v>0</v>
      </c>
      <c r="AJ554" s="166">
        <v>0</v>
      </c>
      <c r="AK554" s="166">
        <v>0</v>
      </c>
      <c r="AL554" s="166">
        <v>0</v>
      </c>
      <c r="AM554" s="166">
        <v>0</v>
      </c>
      <c r="AN554" s="166">
        <v>0</v>
      </c>
      <c r="AO554" s="166">
        <v>0</v>
      </c>
      <c r="AP554" s="166">
        <v>0</v>
      </c>
      <c r="AQ554" s="166">
        <v>0</v>
      </c>
      <c r="AR554" s="166">
        <v>0</v>
      </c>
      <c r="AS554" s="166">
        <v>0</v>
      </c>
      <c r="AT554" s="166">
        <v>0</v>
      </c>
      <c r="AU554" s="166">
        <v>0</v>
      </c>
      <c r="AV554" s="166">
        <v>0</v>
      </c>
      <c r="AW554" s="166">
        <v>0</v>
      </c>
      <c r="AX554" s="166">
        <v>0</v>
      </c>
      <c r="AY554" s="166">
        <v>0</v>
      </c>
      <c r="AZ554" s="166">
        <v>0</v>
      </c>
      <c r="BA554" s="166">
        <v>0</v>
      </c>
      <c r="BB554" s="166">
        <v>0</v>
      </c>
      <c r="BC554" s="166">
        <v>0</v>
      </c>
      <c r="BD554" s="166">
        <v>0</v>
      </c>
      <c r="BE554" s="166">
        <v>0</v>
      </c>
      <c r="BF554" s="166">
        <v>0</v>
      </c>
      <c r="BG554" s="166">
        <v>0</v>
      </c>
      <c r="BH554" s="166">
        <v>0</v>
      </c>
      <c r="BI554" s="166">
        <v>0</v>
      </c>
      <c r="BJ554" s="166">
        <v>0</v>
      </c>
      <c r="BK554" s="166">
        <v>0</v>
      </c>
      <c r="BL554" s="166">
        <v>0</v>
      </c>
      <c r="BM554" s="166">
        <v>0</v>
      </c>
      <c r="BN554" s="166">
        <v>0</v>
      </c>
      <c r="BO554" s="166">
        <v>0</v>
      </c>
      <c r="BP554" s="166">
        <v>0</v>
      </c>
      <c r="BQ554" s="166">
        <v>0</v>
      </c>
      <c r="BR554" s="166">
        <v>0</v>
      </c>
      <c r="BS554" s="166">
        <v>0</v>
      </c>
      <c r="BT554" s="166">
        <v>0</v>
      </c>
      <c r="BU554" s="166">
        <v>0</v>
      </c>
      <c r="BV554" s="166">
        <v>0</v>
      </c>
      <c r="BW554" s="166">
        <v>0</v>
      </c>
      <c r="BX554" s="166">
        <v>0</v>
      </c>
      <c r="BY554" s="166">
        <v>0</v>
      </c>
      <c r="BZ554" s="166">
        <v>0</v>
      </c>
      <c r="CA554" s="166">
        <v>0</v>
      </c>
      <c r="CB554" s="166">
        <v>0</v>
      </c>
      <c r="CC554" s="166">
        <v>0</v>
      </c>
      <c r="CD554" s="166">
        <v>0</v>
      </c>
      <c r="CE554" s="166">
        <v>0</v>
      </c>
      <c r="CF554" s="166">
        <v>0</v>
      </c>
      <c r="CG554" s="166">
        <v>0</v>
      </c>
      <c r="CH554" s="166">
        <v>0</v>
      </c>
      <c r="CI554" s="166">
        <v>0</v>
      </c>
      <c r="CJ554" s="166">
        <v>0</v>
      </c>
      <c r="CK554" s="166">
        <v>0</v>
      </c>
      <c r="CL554" s="166">
        <v>0</v>
      </c>
      <c r="CM554" s="166">
        <v>0</v>
      </c>
      <c r="CN554" s="166">
        <v>0</v>
      </c>
      <c r="CO554" s="166">
        <v>0</v>
      </c>
      <c r="CP554" s="166">
        <v>0</v>
      </c>
      <c r="CQ554" s="166">
        <v>0</v>
      </c>
      <c r="CR554" s="166">
        <v>0</v>
      </c>
      <c r="CS554" s="166">
        <v>0</v>
      </c>
      <c r="CT554" s="166">
        <v>0</v>
      </c>
      <c r="CU554" s="166">
        <v>0</v>
      </c>
      <c r="CV554" s="166">
        <v>0</v>
      </c>
      <c r="CW554" s="166">
        <v>0</v>
      </c>
      <c r="CX554" s="166">
        <v>0</v>
      </c>
      <c r="CY554" s="166">
        <v>0</v>
      </c>
      <c r="CZ554" s="166">
        <v>0</v>
      </c>
    </row>
    <row r="555" spans="1:104" x14ac:dyDescent="0.2">
      <c r="A555" s="167" t="s">
        <v>644</v>
      </c>
    </row>
    <row r="556" spans="1:104" ht="10.8" thickBot="1" x14ac:dyDescent="0.25">
      <c r="A556" s="178" t="s">
        <v>645</v>
      </c>
      <c r="B556" s="166">
        <v>0</v>
      </c>
      <c r="C556" s="166">
        <v>0</v>
      </c>
      <c r="D556" s="166">
        <v>0</v>
      </c>
      <c r="E556" s="166">
        <v>0</v>
      </c>
      <c r="F556" s="166">
        <v>0</v>
      </c>
      <c r="G556" s="166">
        <v>0</v>
      </c>
      <c r="H556" s="166">
        <v>0</v>
      </c>
      <c r="I556" s="166">
        <v>0</v>
      </c>
      <c r="J556" s="166">
        <v>0</v>
      </c>
      <c r="K556" s="166">
        <v>0</v>
      </c>
      <c r="L556" s="166">
        <v>0</v>
      </c>
      <c r="M556" s="166">
        <v>0</v>
      </c>
      <c r="N556" s="166">
        <v>0</v>
      </c>
      <c r="O556" s="166">
        <v>0</v>
      </c>
      <c r="P556" s="166">
        <v>0</v>
      </c>
      <c r="Q556" s="166">
        <v>0</v>
      </c>
      <c r="R556" s="166">
        <v>0</v>
      </c>
      <c r="S556" s="166">
        <v>0</v>
      </c>
      <c r="T556" s="166">
        <v>0</v>
      </c>
      <c r="U556" s="166">
        <v>0</v>
      </c>
      <c r="V556" s="166">
        <v>0</v>
      </c>
      <c r="W556" s="166">
        <v>0</v>
      </c>
      <c r="X556" s="166">
        <v>0</v>
      </c>
      <c r="Y556" s="166">
        <v>0</v>
      </c>
      <c r="Z556" s="166">
        <v>0</v>
      </c>
      <c r="AA556" s="166">
        <v>0</v>
      </c>
      <c r="AB556" s="166">
        <v>0</v>
      </c>
      <c r="AC556" s="166">
        <v>0</v>
      </c>
      <c r="AD556" s="166">
        <v>0</v>
      </c>
      <c r="AE556" s="166">
        <v>0</v>
      </c>
      <c r="AF556" s="166">
        <v>0</v>
      </c>
      <c r="AG556" s="166">
        <v>0</v>
      </c>
      <c r="AH556" s="166">
        <v>0</v>
      </c>
      <c r="AI556" s="166">
        <v>0</v>
      </c>
      <c r="AJ556" s="166">
        <v>0</v>
      </c>
      <c r="AK556" s="166">
        <v>0</v>
      </c>
      <c r="AL556" s="166">
        <v>0</v>
      </c>
      <c r="AM556" s="166">
        <v>0</v>
      </c>
      <c r="AN556" s="166">
        <v>0</v>
      </c>
      <c r="AO556" s="166">
        <v>0</v>
      </c>
      <c r="AP556" s="166">
        <v>0</v>
      </c>
      <c r="AQ556" s="166">
        <v>0</v>
      </c>
      <c r="AR556" s="166">
        <v>0</v>
      </c>
      <c r="AS556" s="166">
        <v>0</v>
      </c>
      <c r="AT556" s="166">
        <v>0</v>
      </c>
      <c r="AU556" s="166">
        <v>0</v>
      </c>
      <c r="AV556" s="166">
        <v>0</v>
      </c>
      <c r="AW556" s="166">
        <v>0</v>
      </c>
      <c r="AX556" s="166">
        <v>0</v>
      </c>
      <c r="AY556" s="166">
        <v>0</v>
      </c>
      <c r="AZ556" s="166">
        <v>0</v>
      </c>
      <c r="BA556" s="166">
        <v>0</v>
      </c>
      <c r="BB556" s="166">
        <v>0</v>
      </c>
      <c r="BC556" s="166">
        <v>0</v>
      </c>
      <c r="BD556" s="166">
        <v>0</v>
      </c>
      <c r="BE556" s="166">
        <v>0</v>
      </c>
      <c r="BF556" s="166">
        <v>0</v>
      </c>
      <c r="BG556" s="166">
        <v>0</v>
      </c>
      <c r="BH556" s="166">
        <v>0</v>
      </c>
      <c r="BI556" s="166">
        <v>0</v>
      </c>
      <c r="BJ556" s="166">
        <v>0</v>
      </c>
      <c r="BK556" s="166">
        <v>0</v>
      </c>
      <c r="BL556" s="166">
        <v>0</v>
      </c>
      <c r="BM556" s="166">
        <v>0</v>
      </c>
      <c r="BN556" s="166">
        <v>0</v>
      </c>
      <c r="BO556" s="166">
        <v>0</v>
      </c>
      <c r="BP556" s="166">
        <v>0</v>
      </c>
      <c r="BQ556" s="166">
        <v>0</v>
      </c>
      <c r="BR556" s="166">
        <v>0</v>
      </c>
      <c r="BS556" s="166">
        <v>0</v>
      </c>
      <c r="BT556" s="168">
        <v>0</v>
      </c>
      <c r="BU556" s="166">
        <v>0</v>
      </c>
      <c r="BV556" s="166">
        <v>0</v>
      </c>
      <c r="BW556" s="166">
        <v>0</v>
      </c>
      <c r="BX556" s="166">
        <v>0</v>
      </c>
      <c r="BY556" s="166">
        <v>0</v>
      </c>
      <c r="BZ556" s="166">
        <v>0</v>
      </c>
      <c r="CA556" s="166">
        <v>0</v>
      </c>
      <c r="CB556" s="166">
        <v>0</v>
      </c>
      <c r="CC556" s="166">
        <v>0</v>
      </c>
      <c r="CD556" s="166">
        <v>0</v>
      </c>
      <c r="CE556" s="166">
        <v>0</v>
      </c>
      <c r="CF556" s="166">
        <v>0</v>
      </c>
      <c r="CG556" s="166">
        <v>0</v>
      </c>
      <c r="CH556" s="166">
        <v>0</v>
      </c>
      <c r="CI556" s="166">
        <v>0</v>
      </c>
      <c r="CJ556" s="166">
        <v>0</v>
      </c>
      <c r="CK556" s="166">
        <v>0</v>
      </c>
      <c r="CL556" s="166">
        <v>0</v>
      </c>
      <c r="CM556" s="166">
        <v>0</v>
      </c>
      <c r="CN556" s="166">
        <v>0</v>
      </c>
      <c r="CO556" s="166">
        <v>0</v>
      </c>
      <c r="CP556" s="166">
        <v>0</v>
      </c>
      <c r="CQ556" s="166">
        <v>0</v>
      </c>
      <c r="CR556" s="166">
        <v>0</v>
      </c>
      <c r="CS556" s="166">
        <v>0</v>
      </c>
      <c r="CT556" s="166">
        <v>0</v>
      </c>
      <c r="CU556" s="166">
        <v>0</v>
      </c>
      <c r="CV556" s="166">
        <v>0</v>
      </c>
      <c r="CW556" s="166">
        <v>0</v>
      </c>
      <c r="CX556" s="166">
        <v>0</v>
      </c>
      <c r="CY556" s="166">
        <v>0</v>
      </c>
      <c r="CZ556" s="166">
        <v>0</v>
      </c>
    </row>
    <row r="557" spans="1:104" x14ac:dyDescent="0.2">
      <c r="A557" s="167" t="s">
        <v>646</v>
      </c>
      <c r="B557" s="166">
        <v>0</v>
      </c>
      <c r="C557" s="166">
        <v>0</v>
      </c>
      <c r="D557" s="166">
        <v>0</v>
      </c>
      <c r="E557" s="166">
        <v>0</v>
      </c>
      <c r="F557" s="166">
        <v>0</v>
      </c>
      <c r="G557" s="166">
        <v>0</v>
      </c>
      <c r="H557" s="166">
        <v>0</v>
      </c>
      <c r="I557" s="166">
        <v>0</v>
      </c>
      <c r="J557" s="166">
        <v>0</v>
      </c>
      <c r="K557" s="166">
        <v>0</v>
      </c>
      <c r="L557" s="166">
        <v>0</v>
      </c>
      <c r="M557" s="166">
        <v>0</v>
      </c>
      <c r="N557" s="166">
        <v>0</v>
      </c>
      <c r="O557" s="166">
        <v>0</v>
      </c>
      <c r="P557" s="166">
        <v>0</v>
      </c>
      <c r="Q557" s="166">
        <v>0</v>
      </c>
      <c r="R557" s="166">
        <v>0</v>
      </c>
      <c r="S557" s="166">
        <v>0</v>
      </c>
      <c r="T557" s="166">
        <v>0</v>
      </c>
      <c r="U557" s="166">
        <v>0</v>
      </c>
      <c r="V557" s="166">
        <v>0</v>
      </c>
      <c r="W557" s="166">
        <v>0</v>
      </c>
      <c r="X557" s="166">
        <v>0</v>
      </c>
      <c r="Y557" s="166">
        <v>0</v>
      </c>
      <c r="Z557" s="166">
        <v>0</v>
      </c>
      <c r="AA557" s="166">
        <v>0</v>
      </c>
      <c r="AB557" s="166">
        <v>0</v>
      </c>
      <c r="AC557" s="166">
        <v>0</v>
      </c>
      <c r="AD557" s="166">
        <v>0</v>
      </c>
      <c r="AE557" s="166">
        <v>0</v>
      </c>
      <c r="AF557" s="166">
        <v>0</v>
      </c>
      <c r="AG557" s="166">
        <v>0</v>
      </c>
      <c r="AH557" s="166">
        <v>0</v>
      </c>
      <c r="AI557" s="166">
        <v>0</v>
      </c>
      <c r="AJ557" s="166">
        <v>0</v>
      </c>
      <c r="AK557" s="166">
        <v>0</v>
      </c>
      <c r="AL557" s="166">
        <v>0</v>
      </c>
      <c r="AM557" s="166">
        <v>0</v>
      </c>
      <c r="AN557" s="166">
        <v>0</v>
      </c>
      <c r="AO557" s="166">
        <v>0</v>
      </c>
      <c r="AP557" s="166">
        <v>0</v>
      </c>
      <c r="AQ557" s="166">
        <v>0</v>
      </c>
      <c r="AR557" s="166">
        <v>0</v>
      </c>
      <c r="AS557" s="166">
        <v>0</v>
      </c>
      <c r="AT557" s="166">
        <v>0</v>
      </c>
      <c r="AU557" s="166">
        <v>0</v>
      </c>
      <c r="AV557" s="166">
        <v>0</v>
      </c>
      <c r="AW557" s="166">
        <v>0</v>
      </c>
      <c r="AX557" s="166">
        <v>0</v>
      </c>
      <c r="AY557" s="166">
        <v>0</v>
      </c>
      <c r="AZ557" s="166">
        <v>0</v>
      </c>
      <c r="BA557" s="166">
        <v>0</v>
      </c>
      <c r="BB557" s="166">
        <v>0</v>
      </c>
      <c r="BC557" s="166">
        <v>0</v>
      </c>
      <c r="BD557" s="166">
        <v>0</v>
      </c>
      <c r="BE557" s="166">
        <v>0</v>
      </c>
      <c r="BF557" s="166">
        <v>0</v>
      </c>
      <c r="BG557" s="166">
        <v>0</v>
      </c>
      <c r="BH557" s="166">
        <v>0</v>
      </c>
      <c r="BI557" s="166">
        <v>0</v>
      </c>
      <c r="BJ557" s="166">
        <v>0</v>
      </c>
      <c r="BK557" s="166">
        <v>0</v>
      </c>
      <c r="BL557" s="166">
        <v>0</v>
      </c>
      <c r="BM557" s="166">
        <v>0</v>
      </c>
      <c r="BN557" s="166">
        <v>0</v>
      </c>
      <c r="BO557" s="166">
        <v>0</v>
      </c>
      <c r="BP557" s="166">
        <v>0</v>
      </c>
      <c r="BQ557" s="166">
        <v>0</v>
      </c>
      <c r="BR557" s="166">
        <v>0</v>
      </c>
      <c r="BS557" s="166">
        <v>0</v>
      </c>
      <c r="BT557" s="168">
        <v>0</v>
      </c>
      <c r="BU557" s="166">
        <v>0</v>
      </c>
      <c r="BV557" s="166">
        <v>0</v>
      </c>
      <c r="BW557" s="166">
        <v>0</v>
      </c>
      <c r="BX557" s="166">
        <v>0</v>
      </c>
      <c r="BY557" s="166">
        <v>0</v>
      </c>
      <c r="BZ557" s="166">
        <v>0</v>
      </c>
      <c r="CA557" s="166">
        <v>0</v>
      </c>
      <c r="CB557" s="166">
        <v>0</v>
      </c>
      <c r="CC557" s="166">
        <v>0</v>
      </c>
      <c r="CD557" s="166">
        <v>0</v>
      </c>
      <c r="CE557" s="166">
        <v>0</v>
      </c>
      <c r="CF557" s="166">
        <v>0</v>
      </c>
      <c r="CG557" s="166">
        <v>0</v>
      </c>
      <c r="CH557" s="166">
        <v>0</v>
      </c>
      <c r="CI557" s="166">
        <v>0</v>
      </c>
      <c r="CJ557" s="166">
        <v>0</v>
      </c>
      <c r="CK557" s="166">
        <v>0</v>
      </c>
      <c r="CL557" s="166">
        <v>0</v>
      </c>
      <c r="CM557" s="166">
        <v>0</v>
      </c>
      <c r="CN557" s="166">
        <v>0</v>
      </c>
      <c r="CO557" s="166">
        <v>0</v>
      </c>
      <c r="CP557" s="166">
        <v>0</v>
      </c>
      <c r="CQ557" s="166">
        <v>0</v>
      </c>
      <c r="CR557" s="166">
        <v>0</v>
      </c>
      <c r="CS557" s="166">
        <v>0</v>
      </c>
      <c r="CT557" s="166">
        <v>0</v>
      </c>
      <c r="CU557" s="166">
        <v>0</v>
      </c>
      <c r="CV557" s="166">
        <v>0</v>
      </c>
      <c r="CW557" s="166">
        <v>0</v>
      </c>
      <c r="CX557" s="166">
        <v>0</v>
      </c>
      <c r="CY557" s="166">
        <v>0</v>
      </c>
      <c r="CZ557" s="166">
        <v>7355301493.6806097</v>
      </c>
    </row>
    <row r="558" spans="1:104" x14ac:dyDescent="0.2">
      <c r="A558" s="167" t="s">
        <v>647</v>
      </c>
      <c r="B558" s="166">
        <v>0</v>
      </c>
      <c r="C558" s="166">
        <v>0</v>
      </c>
      <c r="D558" s="166">
        <v>0</v>
      </c>
      <c r="E558" s="166">
        <v>0</v>
      </c>
      <c r="F558" s="166">
        <v>0</v>
      </c>
      <c r="G558" s="166">
        <v>0</v>
      </c>
      <c r="H558" s="166">
        <v>0</v>
      </c>
      <c r="I558" s="166">
        <v>0</v>
      </c>
      <c r="J558" s="166">
        <v>0</v>
      </c>
      <c r="K558" s="166">
        <v>0</v>
      </c>
      <c r="L558" s="166">
        <v>0</v>
      </c>
      <c r="M558" s="166">
        <v>0</v>
      </c>
      <c r="N558" s="166">
        <v>0</v>
      </c>
      <c r="O558" s="166">
        <v>0</v>
      </c>
      <c r="P558" s="166">
        <v>0</v>
      </c>
      <c r="Q558" s="166">
        <v>0</v>
      </c>
      <c r="R558" s="166">
        <v>0</v>
      </c>
      <c r="S558" s="166">
        <v>0</v>
      </c>
      <c r="T558" s="166">
        <v>0</v>
      </c>
      <c r="U558" s="166">
        <v>0</v>
      </c>
      <c r="V558" s="166">
        <v>0</v>
      </c>
      <c r="W558" s="166">
        <v>0</v>
      </c>
      <c r="X558" s="166">
        <v>0</v>
      </c>
      <c r="Y558" s="166">
        <v>0</v>
      </c>
      <c r="Z558" s="166">
        <v>0</v>
      </c>
      <c r="AA558" s="166">
        <v>0</v>
      </c>
      <c r="AB558" s="166">
        <v>0</v>
      </c>
      <c r="AC558" s="166">
        <v>0</v>
      </c>
      <c r="AD558" s="166">
        <v>0</v>
      </c>
      <c r="AE558" s="166">
        <v>0</v>
      </c>
      <c r="AF558" s="166">
        <v>0</v>
      </c>
      <c r="AG558" s="166">
        <v>0</v>
      </c>
      <c r="AH558" s="166">
        <v>0</v>
      </c>
      <c r="AI558" s="166">
        <v>0</v>
      </c>
      <c r="AJ558" s="166">
        <v>0</v>
      </c>
      <c r="AK558" s="166">
        <v>0</v>
      </c>
      <c r="AL558" s="166">
        <v>0</v>
      </c>
      <c r="AM558" s="166">
        <v>0</v>
      </c>
      <c r="AN558" s="166">
        <v>0</v>
      </c>
      <c r="AO558" s="166">
        <v>0</v>
      </c>
      <c r="AP558" s="166">
        <v>0</v>
      </c>
      <c r="AQ558" s="166">
        <v>0</v>
      </c>
      <c r="AR558" s="166">
        <v>0</v>
      </c>
      <c r="AS558" s="166">
        <v>0</v>
      </c>
      <c r="AT558" s="166">
        <v>0</v>
      </c>
      <c r="AU558" s="166">
        <v>0</v>
      </c>
      <c r="AV558" s="166">
        <v>0</v>
      </c>
      <c r="AW558" s="166">
        <v>0</v>
      </c>
      <c r="AX558" s="166">
        <v>0</v>
      </c>
      <c r="AY558" s="166">
        <v>0</v>
      </c>
      <c r="AZ558" s="166">
        <v>0</v>
      </c>
      <c r="BA558" s="166">
        <v>0</v>
      </c>
      <c r="BB558" s="166">
        <v>0</v>
      </c>
      <c r="BC558" s="166">
        <v>0</v>
      </c>
      <c r="BD558" s="166">
        <v>0</v>
      </c>
      <c r="BE558" s="166">
        <v>0</v>
      </c>
      <c r="BF558" s="166">
        <v>0</v>
      </c>
      <c r="BG558" s="166">
        <v>0</v>
      </c>
      <c r="BH558" s="166">
        <v>0</v>
      </c>
      <c r="BI558" s="166">
        <v>0</v>
      </c>
      <c r="BJ558" s="166">
        <v>0</v>
      </c>
      <c r="BK558" s="166">
        <v>0</v>
      </c>
      <c r="BL558" s="166">
        <v>0</v>
      </c>
      <c r="BM558" s="166">
        <v>0</v>
      </c>
      <c r="BN558" s="166">
        <v>0</v>
      </c>
      <c r="BO558" s="166">
        <v>0</v>
      </c>
      <c r="BP558" s="166">
        <v>0</v>
      </c>
      <c r="BQ558" s="166">
        <v>0</v>
      </c>
      <c r="BR558" s="166">
        <v>0</v>
      </c>
      <c r="BS558" s="166">
        <v>7722346793.4485903</v>
      </c>
      <c r="BT558" s="168">
        <v>0</v>
      </c>
      <c r="BU558" s="166">
        <v>0</v>
      </c>
      <c r="BV558" s="166">
        <v>0</v>
      </c>
      <c r="BW558" s="166">
        <v>0</v>
      </c>
      <c r="BX558" s="166">
        <v>0</v>
      </c>
      <c r="BY558" s="166">
        <v>0</v>
      </c>
      <c r="BZ558" s="166">
        <v>0</v>
      </c>
      <c r="CA558" s="166">
        <v>0</v>
      </c>
      <c r="CB558" s="166">
        <v>0</v>
      </c>
      <c r="CC558" s="166">
        <v>0</v>
      </c>
      <c r="CD558" s="166">
        <v>0</v>
      </c>
      <c r="CE558" s="166">
        <v>0</v>
      </c>
      <c r="CF558" s="166">
        <v>0</v>
      </c>
      <c r="CG558" s="166">
        <v>0</v>
      </c>
      <c r="CH558" s="166">
        <v>0</v>
      </c>
      <c r="CI558" s="166">
        <v>0</v>
      </c>
      <c r="CJ558" s="166">
        <v>0</v>
      </c>
      <c r="CK558" s="166">
        <v>0</v>
      </c>
      <c r="CL558" s="166">
        <v>0</v>
      </c>
      <c r="CM558" s="166">
        <v>0</v>
      </c>
      <c r="CN558" s="166">
        <v>0</v>
      </c>
      <c r="CO558" s="166">
        <v>0</v>
      </c>
      <c r="CP558" s="166">
        <v>0</v>
      </c>
      <c r="CQ558" s="166">
        <v>0</v>
      </c>
      <c r="CR558" s="166">
        <v>0</v>
      </c>
      <c r="CS558" s="166">
        <v>0</v>
      </c>
      <c r="CT558" s="166">
        <v>0</v>
      </c>
      <c r="CU558" s="166">
        <v>0</v>
      </c>
      <c r="CV558" s="166">
        <v>0</v>
      </c>
      <c r="CW558" s="166">
        <v>0</v>
      </c>
      <c r="CX558" s="166">
        <v>0</v>
      </c>
      <c r="CY558" s="166">
        <v>0</v>
      </c>
      <c r="CZ558" s="166">
        <v>7722346793.4485903</v>
      </c>
    </row>
    <row r="559" spans="1:104" x14ac:dyDescent="0.2">
      <c r="A559" s="167" t="s">
        <v>648</v>
      </c>
      <c r="B559" s="166">
        <v>0</v>
      </c>
      <c r="C559" s="166">
        <v>0</v>
      </c>
      <c r="D559" s="166">
        <v>0</v>
      </c>
      <c r="E559" s="166">
        <v>0</v>
      </c>
      <c r="F559" s="166">
        <v>0</v>
      </c>
      <c r="G559" s="166">
        <v>0</v>
      </c>
      <c r="H559" s="166">
        <v>0</v>
      </c>
      <c r="I559" s="166">
        <v>0</v>
      </c>
      <c r="J559" s="166">
        <v>0</v>
      </c>
      <c r="K559" s="166">
        <v>0</v>
      </c>
      <c r="L559" s="166">
        <v>0</v>
      </c>
      <c r="M559" s="166">
        <v>0</v>
      </c>
      <c r="N559" s="166">
        <v>0</v>
      </c>
      <c r="O559" s="166">
        <v>0</v>
      </c>
      <c r="P559" s="166">
        <v>0</v>
      </c>
      <c r="Q559" s="166">
        <v>0</v>
      </c>
      <c r="R559" s="166">
        <v>0</v>
      </c>
      <c r="S559" s="166">
        <v>0</v>
      </c>
      <c r="T559" s="166">
        <v>0</v>
      </c>
      <c r="U559" s="166">
        <v>0</v>
      </c>
      <c r="V559" s="166">
        <v>0</v>
      </c>
      <c r="W559" s="166">
        <v>0</v>
      </c>
      <c r="X559" s="166">
        <v>0</v>
      </c>
      <c r="Y559" s="166">
        <v>0</v>
      </c>
      <c r="Z559" s="166">
        <v>0</v>
      </c>
      <c r="AA559" s="166">
        <v>0</v>
      </c>
      <c r="AB559" s="166">
        <v>0</v>
      </c>
      <c r="AC559" s="166">
        <v>0</v>
      </c>
      <c r="AD559" s="166">
        <v>0</v>
      </c>
      <c r="AE559" s="166">
        <v>0</v>
      </c>
      <c r="AF559" s="166">
        <v>0</v>
      </c>
      <c r="AG559" s="166">
        <v>0</v>
      </c>
      <c r="AH559" s="166">
        <v>0</v>
      </c>
      <c r="AI559" s="166">
        <v>0</v>
      </c>
      <c r="AJ559" s="166">
        <v>0</v>
      </c>
      <c r="AK559" s="166">
        <v>0</v>
      </c>
      <c r="AL559" s="166">
        <v>0</v>
      </c>
      <c r="AM559" s="166">
        <v>0</v>
      </c>
      <c r="AN559" s="166">
        <v>0</v>
      </c>
      <c r="AO559" s="166">
        <v>0</v>
      </c>
      <c r="AP559" s="166">
        <v>0</v>
      </c>
      <c r="AQ559" s="166">
        <v>0</v>
      </c>
      <c r="AR559" s="166">
        <v>0</v>
      </c>
      <c r="AS559" s="166">
        <v>0</v>
      </c>
      <c r="AT559" s="166">
        <v>0</v>
      </c>
      <c r="AU559" s="166">
        <v>0</v>
      </c>
      <c r="AV559" s="166">
        <v>0</v>
      </c>
      <c r="AW559" s="166">
        <v>0</v>
      </c>
      <c r="AX559" s="166">
        <v>0</v>
      </c>
      <c r="AY559" s="166">
        <v>0</v>
      </c>
      <c r="AZ559" s="166">
        <v>0</v>
      </c>
      <c r="BA559" s="166">
        <v>0</v>
      </c>
      <c r="BB559" s="166">
        <v>0</v>
      </c>
      <c r="BC559" s="166">
        <v>0</v>
      </c>
      <c r="BD559" s="166">
        <v>0</v>
      </c>
      <c r="BE559" s="166">
        <v>0</v>
      </c>
      <c r="BF559" s="166">
        <v>0</v>
      </c>
      <c r="BG559" s="166">
        <v>0</v>
      </c>
      <c r="BH559" s="166">
        <v>0</v>
      </c>
      <c r="BI559" s="166">
        <v>0</v>
      </c>
      <c r="BJ559" s="166">
        <v>0</v>
      </c>
      <c r="BK559" s="166">
        <v>0</v>
      </c>
      <c r="BL559" s="166">
        <v>0</v>
      </c>
      <c r="BM559" s="166">
        <v>0</v>
      </c>
      <c r="BN559" s="166">
        <v>0</v>
      </c>
      <c r="BO559" s="166">
        <v>0</v>
      </c>
      <c r="BP559" s="166">
        <v>0</v>
      </c>
      <c r="BQ559" s="166">
        <v>0</v>
      </c>
      <c r="BR559" s="166">
        <v>0</v>
      </c>
      <c r="BS559" s="166">
        <v>0</v>
      </c>
      <c r="BT559" s="168">
        <v>0</v>
      </c>
      <c r="BU559" s="166">
        <v>0</v>
      </c>
      <c r="BV559" s="166">
        <v>0</v>
      </c>
      <c r="BW559" s="166">
        <v>0</v>
      </c>
      <c r="BX559" s="166">
        <v>0</v>
      </c>
      <c r="BY559" s="166">
        <v>0</v>
      </c>
      <c r="BZ559" s="166">
        <v>0</v>
      </c>
      <c r="CA559" s="166">
        <v>0</v>
      </c>
      <c r="CB559" s="166">
        <v>0</v>
      </c>
      <c r="CC559" s="166">
        <v>0</v>
      </c>
      <c r="CD559" s="166">
        <v>0</v>
      </c>
      <c r="CE559" s="166">
        <v>0</v>
      </c>
      <c r="CF559" s="166">
        <v>0</v>
      </c>
      <c r="CG559" s="166">
        <v>0</v>
      </c>
      <c r="CH559" s="166">
        <v>0</v>
      </c>
      <c r="CI559" s="166">
        <v>0</v>
      </c>
      <c r="CJ559" s="166">
        <v>0</v>
      </c>
      <c r="CK559" s="166">
        <v>0</v>
      </c>
      <c r="CL559" s="166">
        <v>0</v>
      </c>
      <c r="CM559" s="166">
        <v>0</v>
      </c>
      <c r="CN559" s="166">
        <v>0</v>
      </c>
      <c r="CO559" s="166">
        <v>0</v>
      </c>
      <c r="CP559" s="166">
        <v>0</v>
      </c>
      <c r="CQ559" s="166">
        <v>0</v>
      </c>
      <c r="CR559" s="166">
        <v>0</v>
      </c>
      <c r="CS559" s="166">
        <v>0</v>
      </c>
      <c r="CT559" s="166">
        <v>0</v>
      </c>
      <c r="CU559" s="166">
        <v>0</v>
      </c>
      <c r="CV559" s="166">
        <v>0</v>
      </c>
      <c r="CW559" s="166">
        <v>0</v>
      </c>
      <c r="CX559" s="166">
        <v>0</v>
      </c>
      <c r="CY559" s="166">
        <v>0</v>
      </c>
      <c r="CZ559" s="179">
        <v>11.434415839570701</v>
      </c>
    </row>
    <row r="560" spans="1:104" x14ac:dyDescent="0.2">
      <c r="A560" s="167" t="s">
        <v>649</v>
      </c>
      <c r="B560" s="166">
        <v>0</v>
      </c>
      <c r="C560" s="166">
        <v>0</v>
      </c>
      <c r="D560" s="166">
        <v>0</v>
      </c>
      <c r="E560" s="166">
        <v>0</v>
      </c>
      <c r="F560" s="166">
        <v>0</v>
      </c>
      <c r="G560" s="166">
        <v>0</v>
      </c>
      <c r="H560" s="166">
        <v>0</v>
      </c>
      <c r="I560" s="166">
        <v>0</v>
      </c>
      <c r="J560" s="166">
        <v>0</v>
      </c>
      <c r="K560" s="166">
        <v>0</v>
      </c>
      <c r="L560" s="166">
        <v>0</v>
      </c>
      <c r="M560" s="166">
        <v>0</v>
      </c>
      <c r="N560" s="166">
        <v>0</v>
      </c>
      <c r="O560" s="166">
        <v>0</v>
      </c>
      <c r="P560" s="166">
        <v>0</v>
      </c>
      <c r="Q560" s="166">
        <v>0</v>
      </c>
      <c r="R560" s="166">
        <v>0</v>
      </c>
      <c r="S560" s="166">
        <v>0</v>
      </c>
      <c r="T560" s="166">
        <v>0</v>
      </c>
      <c r="U560" s="166">
        <v>0</v>
      </c>
      <c r="V560" s="166">
        <v>0</v>
      </c>
      <c r="W560" s="166">
        <v>0</v>
      </c>
      <c r="X560" s="166">
        <v>0</v>
      </c>
      <c r="Y560" s="166">
        <v>0</v>
      </c>
      <c r="Z560" s="166">
        <v>0</v>
      </c>
      <c r="AA560" s="166">
        <v>0</v>
      </c>
      <c r="AB560" s="166">
        <v>0</v>
      </c>
      <c r="AC560" s="166">
        <v>0</v>
      </c>
      <c r="AD560" s="166">
        <v>0</v>
      </c>
      <c r="AE560" s="166">
        <v>0</v>
      </c>
      <c r="AF560" s="166">
        <v>0</v>
      </c>
      <c r="AG560" s="166">
        <v>0</v>
      </c>
      <c r="AH560" s="166">
        <v>0</v>
      </c>
      <c r="AI560" s="166">
        <v>0</v>
      </c>
      <c r="AJ560" s="166">
        <v>0</v>
      </c>
      <c r="AK560" s="166">
        <v>0</v>
      </c>
      <c r="AL560" s="166">
        <v>0</v>
      </c>
      <c r="AM560" s="166">
        <v>0</v>
      </c>
      <c r="AN560" s="166">
        <v>0</v>
      </c>
      <c r="AO560" s="166">
        <v>0</v>
      </c>
      <c r="AP560" s="166">
        <v>0</v>
      </c>
      <c r="AQ560" s="166">
        <v>0</v>
      </c>
      <c r="AR560" s="166">
        <v>0</v>
      </c>
      <c r="AS560" s="166">
        <v>0</v>
      </c>
      <c r="AT560" s="166">
        <v>0</v>
      </c>
      <c r="AU560" s="166">
        <v>0</v>
      </c>
      <c r="AV560" s="166">
        <v>0</v>
      </c>
      <c r="AW560" s="166">
        <v>0</v>
      </c>
      <c r="AX560" s="166">
        <v>0</v>
      </c>
      <c r="AY560" s="166">
        <v>0</v>
      </c>
      <c r="AZ560" s="166">
        <v>0</v>
      </c>
      <c r="BA560" s="166">
        <v>0</v>
      </c>
      <c r="BB560" s="166">
        <v>0</v>
      </c>
      <c r="BC560" s="166">
        <v>0</v>
      </c>
      <c r="BD560" s="166">
        <v>0</v>
      </c>
      <c r="BE560" s="166">
        <v>0</v>
      </c>
      <c r="BF560" s="166">
        <v>0</v>
      </c>
      <c r="BG560" s="166">
        <v>0</v>
      </c>
      <c r="BH560" s="166">
        <v>0</v>
      </c>
      <c r="BI560" s="166">
        <v>0</v>
      </c>
      <c r="BJ560" s="166">
        <v>0</v>
      </c>
      <c r="BK560" s="166">
        <v>0</v>
      </c>
      <c r="BL560" s="166">
        <v>0</v>
      </c>
      <c r="BM560" s="166">
        <v>0</v>
      </c>
      <c r="BN560" s="166">
        <v>0</v>
      </c>
      <c r="BO560" s="166">
        <v>0</v>
      </c>
      <c r="BP560" s="166">
        <v>0</v>
      </c>
      <c r="BQ560" s="166">
        <v>0</v>
      </c>
      <c r="BR560" s="166">
        <v>0</v>
      </c>
      <c r="BS560" s="166">
        <v>0</v>
      </c>
      <c r="BT560" s="168">
        <v>0</v>
      </c>
      <c r="BU560" s="166">
        <v>0</v>
      </c>
      <c r="BV560" s="166">
        <v>0</v>
      </c>
      <c r="BW560" s="166">
        <v>0</v>
      </c>
      <c r="BX560" s="166">
        <v>0</v>
      </c>
      <c r="BY560" s="166">
        <v>0</v>
      </c>
      <c r="BZ560" s="166">
        <v>0</v>
      </c>
      <c r="CA560" s="166">
        <v>0</v>
      </c>
      <c r="CB560" s="166">
        <v>0</v>
      </c>
      <c r="CC560" s="166">
        <v>0</v>
      </c>
      <c r="CD560" s="166">
        <v>0</v>
      </c>
      <c r="CE560" s="166">
        <v>0</v>
      </c>
      <c r="CF560" s="166">
        <v>0</v>
      </c>
      <c r="CG560" s="166">
        <v>0</v>
      </c>
      <c r="CH560" s="166">
        <v>0</v>
      </c>
      <c r="CI560" s="166">
        <v>0</v>
      </c>
      <c r="CJ560" s="166">
        <v>0</v>
      </c>
      <c r="CK560" s="166">
        <v>0</v>
      </c>
      <c r="CL560" s="166">
        <v>0</v>
      </c>
      <c r="CM560" s="166">
        <v>0</v>
      </c>
      <c r="CN560" s="166">
        <v>0</v>
      </c>
      <c r="CO560" s="166">
        <v>0</v>
      </c>
      <c r="CP560" s="166">
        <v>0</v>
      </c>
      <c r="CQ560" s="166">
        <v>0</v>
      </c>
      <c r="CR560" s="166">
        <v>0</v>
      </c>
      <c r="CS560" s="166">
        <v>0</v>
      </c>
      <c r="CT560" s="166">
        <v>0</v>
      </c>
      <c r="CU560" s="166">
        <v>0</v>
      </c>
      <c r="CV560" s="166">
        <v>0</v>
      </c>
      <c r="CW560" s="166">
        <v>0</v>
      </c>
      <c r="CX560" s="166">
        <v>0</v>
      </c>
      <c r="CY560" s="166">
        <v>0</v>
      </c>
      <c r="CZ560" s="166">
        <v>0</v>
      </c>
    </row>
    <row r="561" spans="1:104" x14ac:dyDescent="0.2">
      <c r="A561" s="167" t="s">
        <v>650</v>
      </c>
      <c r="B561" s="166">
        <v>0</v>
      </c>
      <c r="C561" s="166">
        <v>0</v>
      </c>
      <c r="D561" s="166">
        <v>0</v>
      </c>
      <c r="E561" s="166">
        <v>0</v>
      </c>
      <c r="F561" s="166">
        <v>0</v>
      </c>
      <c r="G561" s="166">
        <v>0</v>
      </c>
      <c r="H561" s="166">
        <v>0</v>
      </c>
      <c r="I561" s="166">
        <v>0</v>
      </c>
      <c r="J561" s="166">
        <v>0</v>
      </c>
      <c r="K561" s="166">
        <v>0</v>
      </c>
      <c r="L561" s="166">
        <v>0</v>
      </c>
      <c r="M561" s="166">
        <v>0</v>
      </c>
      <c r="N561" s="166">
        <v>0</v>
      </c>
      <c r="O561" s="166">
        <v>0</v>
      </c>
      <c r="P561" s="166">
        <v>0</v>
      </c>
      <c r="Q561" s="166">
        <v>0</v>
      </c>
      <c r="R561" s="166">
        <v>0</v>
      </c>
      <c r="S561" s="166">
        <v>0</v>
      </c>
      <c r="T561" s="166">
        <v>0</v>
      </c>
      <c r="U561" s="166">
        <v>0</v>
      </c>
      <c r="V561" s="166">
        <v>0</v>
      </c>
      <c r="W561" s="166">
        <v>0</v>
      </c>
      <c r="X561" s="166">
        <v>0</v>
      </c>
      <c r="Y561" s="166">
        <v>0</v>
      </c>
      <c r="Z561" s="166">
        <v>0</v>
      </c>
      <c r="AA561" s="166">
        <v>0</v>
      </c>
      <c r="AB561" s="166">
        <v>0</v>
      </c>
      <c r="AC561" s="166">
        <v>0</v>
      </c>
      <c r="AD561" s="166">
        <v>0</v>
      </c>
      <c r="AE561" s="166">
        <v>0</v>
      </c>
      <c r="AF561" s="166">
        <v>0</v>
      </c>
      <c r="AG561" s="166">
        <v>0</v>
      </c>
      <c r="AH561" s="166">
        <v>0</v>
      </c>
      <c r="AI561" s="166">
        <v>0</v>
      </c>
      <c r="AJ561" s="166">
        <v>0</v>
      </c>
      <c r="AK561" s="166">
        <v>0</v>
      </c>
      <c r="AL561" s="166">
        <v>0</v>
      </c>
      <c r="AM561" s="166">
        <v>0</v>
      </c>
      <c r="AN561" s="166">
        <v>0</v>
      </c>
      <c r="AO561" s="166">
        <v>0</v>
      </c>
      <c r="AP561" s="166">
        <v>0</v>
      </c>
      <c r="AQ561" s="166">
        <v>0</v>
      </c>
      <c r="AR561" s="166">
        <v>0</v>
      </c>
      <c r="AS561" s="166">
        <v>0</v>
      </c>
      <c r="AT561" s="166">
        <v>0</v>
      </c>
      <c r="AU561" s="166">
        <v>0</v>
      </c>
      <c r="AV561" s="166">
        <v>0</v>
      </c>
      <c r="AW561" s="166">
        <v>0</v>
      </c>
      <c r="AX561" s="166">
        <v>0</v>
      </c>
      <c r="AY561" s="166">
        <v>0</v>
      </c>
      <c r="AZ561" s="166">
        <v>0</v>
      </c>
      <c r="BA561" s="166">
        <v>0</v>
      </c>
      <c r="BB561" s="166">
        <v>0</v>
      </c>
      <c r="BC561" s="166">
        <v>0</v>
      </c>
      <c r="BD561" s="166">
        <v>0</v>
      </c>
      <c r="BE561" s="166">
        <v>0</v>
      </c>
      <c r="BF561" s="166">
        <v>0</v>
      </c>
      <c r="BG561" s="166">
        <v>0</v>
      </c>
      <c r="BH561" s="166">
        <v>0</v>
      </c>
      <c r="BI561" s="166">
        <v>0</v>
      </c>
      <c r="BJ561" s="166">
        <v>0</v>
      </c>
      <c r="BK561" s="166">
        <v>0</v>
      </c>
      <c r="BL561" s="166">
        <v>0</v>
      </c>
      <c r="BM561" s="166">
        <v>0</v>
      </c>
      <c r="BN561" s="166">
        <v>0</v>
      </c>
      <c r="BO561" s="166">
        <v>0</v>
      </c>
      <c r="BP561" s="166">
        <v>0</v>
      </c>
      <c r="BQ561" s="166">
        <v>0</v>
      </c>
      <c r="BR561" s="166">
        <v>0</v>
      </c>
      <c r="BS561" s="166">
        <v>0</v>
      </c>
      <c r="BT561" s="168">
        <v>0</v>
      </c>
      <c r="BU561" s="166">
        <v>0</v>
      </c>
      <c r="BV561" s="166">
        <v>0</v>
      </c>
      <c r="BW561" s="166">
        <v>0</v>
      </c>
      <c r="BX561" s="166">
        <v>0</v>
      </c>
      <c r="BY561" s="166">
        <v>0</v>
      </c>
      <c r="BZ561" s="166">
        <v>0</v>
      </c>
      <c r="CA561" s="166">
        <v>0</v>
      </c>
      <c r="CB561" s="166">
        <v>0</v>
      </c>
      <c r="CC561" s="166">
        <v>0</v>
      </c>
      <c r="CD561" s="166">
        <v>0</v>
      </c>
      <c r="CE561" s="166">
        <v>0</v>
      </c>
      <c r="CF561" s="166">
        <v>0</v>
      </c>
      <c r="CG561" s="166">
        <v>0</v>
      </c>
      <c r="CH561" s="166">
        <v>0</v>
      </c>
      <c r="CI561" s="166">
        <v>0</v>
      </c>
      <c r="CJ561" s="166">
        <v>0</v>
      </c>
      <c r="CK561" s="166">
        <v>0</v>
      </c>
      <c r="CL561" s="166">
        <v>0</v>
      </c>
      <c r="CM561" s="166">
        <v>0</v>
      </c>
      <c r="CN561" s="166">
        <v>0</v>
      </c>
      <c r="CO561" s="166">
        <v>0</v>
      </c>
      <c r="CP561" s="166">
        <v>0</v>
      </c>
      <c r="CQ561" s="166">
        <v>0</v>
      </c>
      <c r="CR561" s="166">
        <v>0</v>
      </c>
      <c r="CS561" s="166">
        <v>0</v>
      </c>
      <c r="CT561" s="166">
        <v>0</v>
      </c>
      <c r="CU561" s="166">
        <v>0</v>
      </c>
      <c r="CV561" s="166">
        <v>0</v>
      </c>
      <c r="CW561" s="166">
        <v>0</v>
      </c>
      <c r="CX561" s="166">
        <v>0</v>
      </c>
      <c r="CY561" s="166">
        <v>0</v>
      </c>
      <c r="CZ561" s="166">
        <v>0</v>
      </c>
    </row>
    <row r="562" spans="1:104" x14ac:dyDescent="0.2">
      <c r="A562" s="167" t="s">
        <v>651</v>
      </c>
    </row>
    <row r="563" spans="1:104" x14ac:dyDescent="0.2">
      <c r="A563" s="167" t="s">
        <v>652</v>
      </c>
    </row>
    <row r="564" spans="1:104" x14ac:dyDescent="0.2">
      <c r="A564" s="167" t="s">
        <v>653</v>
      </c>
    </row>
    <row r="565" spans="1:104" x14ac:dyDescent="0.2">
      <c r="A565" s="167" t="s">
        <v>1208</v>
      </c>
      <c r="B565" s="166">
        <v>0</v>
      </c>
      <c r="C565" s="166">
        <v>0</v>
      </c>
      <c r="D565" s="166">
        <v>0</v>
      </c>
      <c r="E565" s="166">
        <v>0</v>
      </c>
      <c r="F565" s="166">
        <v>0</v>
      </c>
      <c r="G565" s="166">
        <v>0</v>
      </c>
      <c r="H565" s="166">
        <v>0</v>
      </c>
      <c r="I565" s="166">
        <v>0</v>
      </c>
      <c r="J565" s="166">
        <v>0</v>
      </c>
      <c r="K565" s="166">
        <v>0</v>
      </c>
      <c r="L565" s="166">
        <v>0</v>
      </c>
      <c r="M565" s="166">
        <v>0</v>
      </c>
      <c r="N565" s="166">
        <v>0</v>
      </c>
      <c r="O565" s="166">
        <v>0</v>
      </c>
      <c r="P565" s="166">
        <v>0</v>
      </c>
      <c r="Q565" s="166">
        <v>0</v>
      </c>
      <c r="R565" s="166">
        <v>0</v>
      </c>
      <c r="S565" s="166">
        <v>0</v>
      </c>
      <c r="T565" s="166">
        <v>0</v>
      </c>
      <c r="U565" s="166">
        <v>0</v>
      </c>
      <c r="V565" s="166">
        <v>0</v>
      </c>
      <c r="W565" s="166">
        <v>0</v>
      </c>
      <c r="X565" s="166">
        <v>0</v>
      </c>
      <c r="Y565" s="166">
        <v>0</v>
      </c>
      <c r="Z565" s="166">
        <v>0</v>
      </c>
      <c r="AA565" s="166">
        <v>0</v>
      </c>
      <c r="AB565" s="166">
        <v>0</v>
      </c>
      <c r="AC565" s="166">
        <v>0</v>
      </c>
      <c r="AD565" s="166">
        <v>0</v>
      </c>
      <c r="AE565" s="166">
        <v>0</v>
      </c>
      <c r="AF565" s="166">
        <v>0</v>
      </c>
      <c r="AG565" s="166">
        <v>0</v>
      </c>
      <c r="AH565" s="166">
        <v>0</v>
      </c>
      <c r="AI565" s="166">
        <v>0</v>
      </c>
      <c r="AJ565" s="166">
        <v>0</v>
      </c>
      <c r="AK565" s="166">
        <v>0</v>
      </c>
      <c r="AL565" s="166">
        <v>0</v>
      </c>
      <c r="AM565" s="166">
        <v>0</v>
      </c>
      <c r="AN565" s="166">
        <v>0</v>
      </c>
      <c r="AO565" s="166">
        <v>0</v>
      </c>
      <c r="AP565" s="166">
        <v>0</v>
      </c>
      <c r="AQ565" s="166">
        <v>0</v>
      </c>
      <c r="AR565" s="166">
        <v>0</v>
      </c>
      <c r="AS565" s="166">
        <v>0</v>
      </c>
      <c r="AT565" s="166">
        <v>0</v>
      </c>
      <c r="AU565" s="166">
        <v>0</v>
      </c>
      <c r="AV565" s="166">
        <v>0</v>
      </c>
      <c r="AW565" s="166">
        <v>0</v>
      </c>
      <c r="AX565" s="166">
        <v>0</v>
      </c>
      <c r="AY565" s="166">
        <v>0</v>
      </c>
      <c r="AZ565" s="166">
        <v>0</v>
      </c>
      <c r="BA565" s="166">
        <v>0</v>
      </c>
      <c r="BB565" s="166">
        <v>0</v>
      </c>
      <c r="BC565" s="166">
        <v>0</v>
      </c>
      <c r="BD565" s="166">
        <v>0</v>
      </c>
      <c r="BE565" s="166">
        <v>0</v>
      </c>
      <c r="BF565" s="166">
        <v>0</v>
      </c>
      <c r="BG565" s="166">
        <v>0</v>
      </c>
      <c r="BH565" s="166">
        <v>0</v>
      </c>
      <c r="BI565" s="166">
        <v>0</v>
      </c>
      <c r="BJ565" s="166">
        <v>0</v>
      </c>
      <c r="BK565" s="166">
        <v>0</v>
      </c>
      <c r="BL565" s="166">
        <v>0</v>
      </c>
      <c r="BM565" s="166">
        <v>0</v>
      </c>
      <c r="BN565" s="166">
        <v>0</v>
      </c>
      <c r="BO565" s="166">
        <v>0</v>
      </c>
      <c r="BP565" s="166">
        <v>0</v>
      </c>
      <c r="BQ565" s="166">
        <v>0</v>
      </c>
      <c r="BR565" s="166">
        <v>0</v>
      </c>
      <c r="BS565" s="166">
        <v>0</v>
      </c>
      <c r="BT565" s="166">
        <v>0</v>
      </c>
      <c r="BU565" s="166">
        <v>0</v>
      </c>
      <c r="BV565" s="166">
        <v>0</v>
      </c>
      <c r="BW565" s="166">
        <v>0</v>
      </c>
      <c r="BX565" s="166">
        <v>0</v>
      </c>
      <c r="BY565" s="166">
        <v>0</v>
      </c>
      <c r="BZ565" s="166">
        <v>0</v>
      </c>
      <c r="CA565" s="166">
        <v>0</v>
      </c>
      <c r="CB565" s="166">
        <v>0</v>
      </c>
      <c r="CC565" s="166">
        <v>0</v>
      </c>
      <c r="CD565" s="166">
        <v>0</v>
      </c>
      <c r="CE565" s="166">
        <v>0</v>
      </c>
      <c r="CF565" s="166">
        <v>0</v>
      </c>
      <c r="CG565" s="166">
        <v>0</v>
      </c>
      <c r="CH565" s="166">
        <v>0</v>
      </c>
      <c r="CI565" s="166">
        <v>0</v>
      </c>
      <c r="CJ565" s="166">
        <v>0</v>
      </c>
      <c r="CK565" s="166">
        <v>0</v>
      </c>
      <c r="CL565" s="166">
        <v>0</v>
      </c>
      <c r="CM565" s="166">
        <v>0</v>
      </c>
      <c r="CN565" s="166">
        <v>0</v>
      </c>
      <c r="CO565" s="166">
        <v>0</v>
      </c>
      <c r="CP565" s="166">
        <v>0</v>
      </c>
      <c r="CQ565" s="166">
        <v>0</v>
      </c>
      <c r="CR565" s="166">
        <v>0</v>
      </c>
      <c r="CS565" s="166">
        <v>0</v>
      </c>
      <c r="CT565" s="166">
        <v>0</v>
      </c>
      <c r="CU565" s="166">
        <v>0</v>
      </c>
      <c r="CV565" s="166">
        <v>0</v>
      </c>
      <c r="CW565" s="166">
        <v>0</v>
      </c>
      <c r="CX565" s="166">
        <v>0</v>
      </c>
      <c r="CY565" s="166">
        <v>0</v>
      </c>
      <c r="CZ565" s="166">
        <v>0</v>
      </c>
    </row>
    <row r="566" spans="1:104" x14ac:dyDescent="0.2">
      <c r="A566" s="167" t="s">
        <v>97</v>
      </c>
      <c r="B566" s="166">
        <v>0</v>
      </c>
      <c r="C566" s="166">
        <v>0</v>
      </c>
      <c r="D566" s="166">
        <v>1000</v>
      </c>
      <c r="E566" s="166">
        <v>1000</v>
      </c>
      <c r="F566" s="166">
        <v>1000</v>
      </c>
      <c r="G566" s="166">
        <v>1000</v>
      </c>
      <c r="H566" s="166">
        <v>1000</v>
      </c>
      <c r="I566" s="166">
        <v>1000</v>
      </c>
      <c r="J566" s="166">
        <v>1000</v>
      </c>
      <c r="K566" s="166">
        <v>1000</v>
      </c>
      <c r="L566" s="166">
        <v>1000</v>
      </c>
      <c r="M566" s="166">
        <v>1000</v>
      </c>
      <c r="N566" s="166">
        <v>1000</v>
      </c>
      <c r="O566" s="166">
        <v>1000</v>
      </c>
      <c r="P566" s="166">
        <v>1000</v>
      </c>
      <c r="Q566" s="166">
        <v>1000</v>
      </c>
      <c r="R566" s="166">
        <v>1000</v>
      </c>
      <c r="S566" s="166">
        <v>1000</v>
      </c>
      <c r="T566" s="166">
        <v>1000</v>
      </c>
      <c r="U566" s="166">
        <v>1000</v>
      </c>
      <c r="V566" s="166">
        <v>1000</v>
      </c>
      <c r="W566" s="166">
        <v>1000</v>
      </c>
      <c r="X566" s="166">
        <v>1000</v>
      </c>
      <c r="Y566" s="166">
        <v>1000</v>
      </c>
      <c r="Z566" s="166">
        <v>1000</v>
      </c>
      <c r="AA566" s="166">
        <v>1000</v>
      </c>
      <c r="AB566" s="166">
        <v>1000</v>
      </c>
      <c r="AC566" s="166">
        <v>1000</v>
      </c>
      <c r="AD566" s="166">
        <v>1000</v>
      </c>
      <c r="AE566" s="166">
        <v>1000</v>
      </c>
      <c r="AF566" s="166">
        <v>1000</v>
      </c>
      <c r="AG566" s="166">
        <v>1000</v>
      </c>
      <c r="AH566" s="166">
        <v>1000</v>
      </c>
      <c r="AI566" s="166">
        <v>1000</v>
      </c>
      <c r="AJ566" s="166">
        <v>1000</v>
      </c>
      <c r="AK566" s="166">
        <v>1000</v>
      </c>
      <c r="AL566" s="166">
        <v>1000</v>
      </c>
      <c r="AM566" s="166">
        <v>1000</v>
      </c>
      <c r="AN566" s="166">
        <v>1000</v>
      </c>
      <c r="AO566" s="166">
        <v>1000</v>
      </c>
      <c r="AP566" s="166">
        <v>1000</v>
      </c>
      <c r="AQ566" s="166">
        <v>1000</v>
      </c>
      <c r="AR566" s="166">
        <v>1000</v>
      </c>
      <c r="AS566" s="166">
        <v>1000</v>
      </c>
      <c r="AT566" s="166">
        <v>1000</v>
      </c>
      <c r="AU566" s="166">
        <v>1000</v>
      </c>
      <c r="AV566" s="166">
        <v>1000</v>
      </c>
      <c r="AW566" s="166">
        <v>1000</v>
      </c>
      <c r="AX566" s="166">
        <v>1000</v>
      </c>
      <c r="AY566" s="166">
        <v>1000</v>
      </c>
      <c r="AZ566" s="166">
        <v>1000</v>
      </c>
      <c r="BA566" s="166">
        <v>1000</v>
      </c>
      <c r="BB566" s="166">
        <v>1000</v>
      </c>
      <c r="BC566" s="166">
        <v>1000</v>
      </c>
      <c r="BD566" s="166">
        <v>0</v>
      </c>
      <c r="BE566" s="166">
        <v>0</v>
      </c>
      <c r="BF566" s="166">
        <v>0</v>
      </c>
      <c r="BG566" s="166">
        <v>0</v>
      </c>
      <c r="BH566" s="166">
        <v>0</v>
      </c>
      <c r="BI566" s="166">
        <v>0</v>
      </c>
      <c r="BJ566" s="166">
        <v>0</v>
      </c>
      <c r="BK566" s="166">
        <v>0</v>
      </c>
      <c r="BL566" s="166">
        <v>0</v>
      </c>
      <c r="BM566" s="166">
        <v>0</v>
      </c>
      <c r="BN566" s="166">
        <v>0</v>
      </c>
      <c r="BO566" s="166">
        <v>0</v>
      </c>
      <c r="BP566" s="166">
        <v>0</v>
      </c>
      <c r="BQ566" s="166">
        <v>0</v>
      </c>
      <c r="BR566" s="166">
        <v>0</v>
      </c>
      <c r="BS566" s="166">
        <v>0</v>
      </c>
      <c r="BT566" s="166">
        <v>0</v>
      </c>
      <c r="BU566" s="166">
        <v>0</v>
      </c>
      <c r="BV566" s="166">
        <v>0</v>
      </c>
      <c r="BW566" s="166">
        <v>0</v>
      </c>
      <c r="BX566" s="166">
        <v>0</v>
      </c>
      <c r="BY566" s="166">
        <v>0</v>
      </c>
      <c r="BZ566" s="166">
        <v>0</v>
      </c>
      <c r="CA566" s="166">
        <v>0</v>
      </c>
      <c r="CB566" s="166">
        <v>0</v>
      </c>
      <c r="CC566" s="166">
        <v>0</v>
      </c>
      <c r="CD566" s="166">
        <v>0</v>
      </c>
      <c r="CE566" s="166">
        <v>0</v>
      </c>
      <c r="CF566" s="166">
        <v>0</v>
      </c>
      <c r="CG566" s="166">
        <v>0</v>
      </c>
      <c r="CH566" s="166">
        <v>0</v>
      </c>
      <c r="CI566" s="166">
        <v>0</v>
      </c>
      <c r="CJ566" s="166">
        <v>0</v>
      </c>
      <c r="CK566" s="166">
        <v>0</v>
      </c>
      <c r="CL566" s="166">
        <v>0</v>
      </c>
      <c r="CM566" s="166">
        <v>0</v>
      </c>
      <c r="CN566" s="166">
        <v>0</v>
      </c>
      <c r="CO566" s="166">
        <v>0</v>
      </c>
      <c r="CP566" s="166">
        <v>0</v>
      </c>
      <c r="CQ566" s="166">
        <v>0</v>
      </c>
      <c r="CR566" s="166">
        <v>0</v>
      </c>
      <c r="CS566" s="166">
        <v>0</v>
      </c>
      <c r="CT566" s="166">
        <v>0</v>
      </c>
      <c r="CU566" s="166">
        <v>0</v>
      </c>
      <c r="CV566" s="166">
        <v>0</v>
      </c>
      <c r="CW566" s="166">
        <v>0</v>
      </c>
      <c r="CX566" s="166">
        <v>0</v>
      </c>
      <c r="CY566" s="166">
        <v>0</v>
      </c>
      <c r="CZ566" s="166">
        <v>0</v>
      </c>
    </row>
    <row r="567" spans="1:104" x14ac:dyDescent="0.2">
      <c r="A567" s="167" t="s">
        <v>98</v>
      </c>
      <c r="B567" s="166">
        <v>0</v>
      </c>
      <c r="C567" s="166">
        <v>0</v>
      </c>
      <c r="D567" s="166">
        <v>1929022000</v>
      </c>
      <c r="E567" s="166">
        <v>5069008000</v>
      </c>
      <c r="F567" s="166">
        <v>1929029000</v>
      </c>
      <c r="G567" s="166">
        <v>1929027000</v>
      </c>
      <c r="H567" s="166">
        <v>5035213000</v>
      </c>
      <c r="I567" s="166">
        <v>3569408000</v>
      </c>
      <c r="J567" s="166">
        <v>2008017000</v>
      </c>
      <c r="K567" s="166">
        <v>2141607000</v>
      </c>
      <c r="L567" s="166">
        <v>4381640000</v>
      </c>
      <c r="M567" s="166">
        <v>1929028000</v>
      </c>
      <c r="N567" s="166">
        <v>4381636000</v>
      </c>
      <c r="O567" s="166">
        <v>2008008000</v>
      </c>
      <c r="P567" s="166">
        <v>2008027000</v>
      </c>
      <c r="Q567" s="166">
        <v>4381637000</v>
      </c>
      <c r="R567" s="166">
        <v>1929023000</v>
      </c>
      <c r="S567" s="166">
        <v>2008025000</v>
      </c>
      <c r="T567" s="166">
        <v>4381639000</v>
      </c>
      <c r="U567" s="166">
        <v>1929024000</v>
      </c>
      <c r="V567" s="166">
        <v>2115210000</v>
      </c>
      <c r="W567" s="166">
        <v>2115211000</v>
      </c>
      <c r="X567" s="166">
        <v>2115212000</v>
      </c>
      <c r="Y567" s="166">
        <v>4381635000</v>
      </c>
      <c r="Z567" s="166">
        <v>2008009000</v>
      </c>
      <c r="AA567" s="166">
        <v>2008018000</v>
      </c>
      <c r="AB567" s="166">
        <v>1929025000</v>
      </c>
      <c r="AC567" s="166">
        <v>2008020000</v>
      </c>
      <c r="AD567" s="166">
        <v>2008015000</v>
      </c>
      <c r="AE567" s="166">
        <v>4483608000</v>
      </c>
      <c r="AF567" s="166">
        <v>2008022000</v>
      </c>
      <c r="AG567" s="166">
        <v>2008028000</v>
      </c>
      <c r="AH567" s="166">
        <v>2008010000</v>
      </c>
      <c r="AI567" s="166">
        <v>2008011000</v>
      </c>
      <c r="AJ567" s="166">
        <v>4664408000</v>
      </c>
      <c r="AK567" s="166">
        <v>2008023000</v>
      </c>
      <c r="AL567" s="166">
        <v>5048229000</v>
      </c>
      <c r="AM567" s="166">
        <v>3161028000</v>
      </c>
      <c r="AN567" s="166">
        <v>2008012000</v>
      </c>
      <c r="AO567" s="166">
        <v>1929026000</v>
      </c>
      <c r="AP567" s="166">
        <v>2008024000</v>
      </c>
      <c r="AQ567" s="166">
        <v>2008026000</v>
      </c>
      <c r="AR567" s="166">
        <v>2008021000</v>
      </c>
      <c r="AS567" s="166">
        <v>4381633000</v>
      </c>
      <c r="AT567" s="166">
        <v>2008013000</v>
      </c>
      <c r="AU567" s="166">
        <v>4381634000</v>
      </c>
      <c r="AV567" s="166">
        <v>4381632000</v>
      </c>
      <c r="AW567" s="166">
        <v>2008014000</v>
      </c>
      <c r="AX567" s="166">
        <v>2008019000</v>
      </c>
      <c r="AY567" s="166">
        <v>4328307000</v>
      </c>
      <c r="AZ567" s="166">
        <v>2008016000</v>
      </c>
      <c r="BA567" s="166">
        <v>3674808000</v>
      </c>
      <c r="BB567" s="166">
        <v>4381638000</v>
      </c>
      <c r="BC567" s="166">
        <v>3079223000</v>
      </c>
      <c r="BD567" s="166">
        <v>0</v>
      </c>
      <c r="BE567" s="166">
        <v>0</v>
      </c>
      <c r="BF567" s="166">
        <v>0</v>
      </c>
      <c r="BG567" s="166">
        <v>0</v>
      </c>
      <c r="BH567" s="166">
        <v>0</v>
      </c>
      <c r="BI567" s="166">
        <v>0</v>
      </c>
      <c r="BJ567" s="166">
        <v>0</v>
      </c>
      <c r="BK567" s="166">
        <v>0</v>
      </c>
      <c r="BL567" s="166">
        <v>0</v>
      </c>
      <c r="BM567" s="166">
        <v>0</v>
      </c>
      <c r="BN567" s="166">
        <v>0</v>
      </c>
      <c r="BO567" s="166">
        <v>0</v>
      </c>
      <c r="BP567" s="166">
        <v>0</v>
      </c>
      <c r="BQ567" s="166">
        <v>0</v>
      </c>
      <c r="BR567" s="166">
        <v>0</v>
      </c>
      <c r="BS567" s="166">
        <v>0</v>
      </c>
      <c r="BT567" s="166">
        <v>0</v>
      </c>
      <c r="BU567" s="166">
        <v>0</v>
      </c>
      <c r="BV567" s="166">
        <v>0</v>
      </c>
      <c r="BW567" s="166">
        <v>0</v>
      </c>
      <c r="BX567" s="166">
        <v>0</v>
      </c>
      <c r="BY567" s="166">
        <v>0</v>
      </c>
      <c r="BZ567" s="166">
        <v>0</v>
      </c>
      <c r="CA567" s="166">
        <v>0</v>
      </c>
      <c r="CB567" s="166">
        <v>0</v>
      </c>
      <c r="CC567" s="166">
        <v>0</v>
      </c>
      <c r="CD567" s="166">
        <v>0</v>
      </c>
      <c r="CE567" s="166">
        <v>0</v>
      </c>
      <c r="CF567" s="166">
        <v>0</v>
      </c>
      <c r="CG567" s="166">
        <v>0</v>
      </c>
      <c r="CH567" s="166">
        <v>0</v>
      </c>
      <c r="CI567" s="166">
        <v>0</v>
      </c>
      <c r="CJ567" s="166">
        <v>0</v>
      </c>
      <c r="CK567" s="166">
        <v>0</v>
      </c>
      <c r="CL567" s="166">
        <v>0</v>
      </c>
      <c r="CM567" s="166">
        <v>0</v>
      </c>
      <c r="CN567" s="166">
        <v>0</v>
      </c>
      <c r="CO567" s="166">
        <v>0</v>
      </c>
      <c r="CP567" s="166">
        <v>0</v>
      </c>
      <c r="CQ567" s="166">
        <v>0</v>
      </c>
      <c r="CR567" s="166">
        <v>0</v>
      </c>
      <c r="CS567" s="166">
        <v>0</v>
      </c>
      <c r="CT567" s="166">
        <v>0</v>
      </c>
      <c r="CU567" s="166">
        <v>0</v>
      </c>
      <c r="CV567" s="166">
        <v>0</v>
      </c>
      <c r="CW567" s="166">
        <v>0</v>
      </c>
      <c r="CX567" s="166">
        <v>0</v>
      </c>
      <c r="CY567" s="166">
        <v>0</v>
      </c>
      <c r="CZ567" s="166">
        <v>0</v>
      </c>
    </row>
    <row r="568" spans="1:104" x14ac:dyDescent="0.2">
      <c r="A568" s="167" t="s">
        <v>99</v>
      </c>
      <c r="B568" s="166">
        <v>0</v>
      </c>
      <c r="C568" s="166">
        <v>0</v>
      </c>
      <c r="D568" s="166">
        <v>1929025000</v>
      </c>
      <c r="E568" s="166">
        <v>1929025000</v>
      </c>
      <c r="F568" s="166">
        <v>1929025000</v>
      </c>
      <c r="G568" s="166">
        <v>1929025000</v>
      </c>
      <c r="H568" s="166">
        <v>1929025000</v>
      </c>
      <c r="I568" s="166">
        <v>1929025000</v>
      </c>
      <c r="J568" s="166">
        <v>1929025000</v>
      </c>
      <c r="K568" s="166">
        <v>1929025000</v>
      </c>
      <c r="L568" s="166">
        <v>1929025000</v>
      </c>
      <c r="M568" s="166">
        <v>1929025000</v>
      </c>
      <c r="N568" s="166">
        <v>1929025000</v>
      </c>
      <c r="O568" s="166">
        <v>1929025000</v>
      </c>
      <c r="P568" s="166">
        <v>1929025000</v>
      </c>
      <c r="Q568" s="166">
        <v>1929025000</v>
      </c>
      <c r="R568" s="166">
        <v>1929025000</v>
      </c>
      <c r="S568" s="166">
        <v>1929025000</v>
      </c>
      <c r="T568" s="166">
        <v>1929025000</v>
      </c>
      <c r="U568" s="166">
        <v>1929025000</v>
      </c>
      <c r="V568" s="166">
        <v>1929025000</v>
      </c>
      <c r="W568" s="166">
        <v>1929025000</v>
      </c>
      <c r="X568" s="166">
        <v>1929025000</v>
      </c>
      <c r="Y568" s="166">
        <v>1929025000</v>
      </c>
      <c r="Z568" s="166">
        <v>1929025000</v>
      </c>
      <c r="AA568" s="166">
        <v>1929025000</v>
      </c>
      <c r="AB568" s="166">
        <v>1929025000</v>
      </c>
      <c r="AC568" s="166">
        <v>1929025000</v>
      </c>
      <c r="AD568" s="166">
        <v>1929025000</v>
      </c>
      <c r="AE568" s="166">
        <v>1929025000</v>
      </c>
      <c r="AF568" s="166">
        <v>1929025000</v>
      </c>
      <c r="AG568" s="166">
        <v>1929025000</v>
      </c>
      <c r="AH568" s="166">
        <v>1929025000</v>
      </c>
      <c r="AI568" s="166">
        <v>1929025000</v>
      </c>
      <c r="AJ568" s="166">
        <v>1929025000</v>
      </c>
      <c r="AK568" s="166">
        <v>1929025000</v>
      </c>
      <c r="AL568" s="166">
        <v>1929025000</v>
      </c>
      <c r="AM568" s="166">
        <v>1929025000</v>
      </c>
      <c r="AN568" s="166">
        <v>1929025000</v>
      </c>
      <c r="AO568" s="166">
        <v>1929025000</v>
      </c>
      <c r="AP568" s="166">
        <v>1929025000</v>
      </c>
      <c r="AQ568" s="166">
        <v>1929025000</v>
      </c>
      <c r="AR568" s="166">
        <v>1929025000</v>
      </c>
      <c r="AS568" s="166">
        <v>1929025000</v>
      </c>
      <c r="AT568" s="166">
        <v>1929025000</v>
      </c>
      <c r="AU568" s="166">
        <v>1929025000</v>
      </c>
      <c r="AV568" s="166">
        <v>1929025000</v>
      </c>
      <c r="AW568" s="166">
        <v>1929025000</v>
      </c>
      <c r="AX568" s="166">
        <v>1929025000</v>
      </c>
      <c r="AY568" s="166">
        <v>1929025000</v>
      </c>
      <c r="AZ568" s="166">
        <v>1929025000</v>
      </c>
      <c r="BA568" s="166">
        <v>1929025000</v>
      </c>
      <c r="BB568" s="166">
        <v>1929025000</v>
      </c>
      <c r="BC568" s="166">
        <v>1929025000</v>
      </c>
      <c r="BD568" s="166">
        <v>0</v>
      </c>
      <c r="BE568" s="166">
        <v>0</v>
      </c>
      <c r="BF568" s="166">
        <v>0</v>
      </c>
      <c r="BG568" s="166">
        <v>0</v>
      </c>
      <c r="BH568" s="166">
        <v>0</v>
      </c>
      <c r="BI568" s="166">
        <v>0</v>
      </c>
      <c r="BJ568" s="166">
        <v>0</v>
      </c>
      <c r="BK568" s="166">
        <v>0</v>
      </c>
      <c r="BL568" s="166">
        <v>0</v>
      </c>
      <c r="BM568" s="166">
        <v>0</v>
      </c>
      <c r="BN568" s="166">
        <v>0</v>
      </c>
      <c r="BO568" s="166">
        <v>0</v>
      </c>
      <c r="BP568" s="166">
        <v>0</v>
      </c>
      <c r="BQ568" s="166">
        <v>0</v>
      </c>
      <c r="BR568" s="166">
        <v>0</v>
      </c>
      <c r="BS568" s="166">
        <v>0</v>
      </c>
      <c r="BT568" s="166">
        <v>0</v>
      </c>
      <c r="BU568" s="166">
        <v>0</v>
      </c>
      <c r="BV568" s="166">
        <v>0</v>
      </c>
      <c r="BW568" s="166">
        <v>0</v>
      </c>
      <c r="BX568" s="166">
        <v>0</v>
      </c>
      <c r="BY568" s="166">
        <v>0</v>
      </c>
      <c r="BZ568" s="166">
        <v>0</v>
      </c>
      <c r="CA568" s="166">
        <v>0</v>
      </c>
      <c r="CB568" s="166">
        <v>0</v>
      </c>
      <c r="CC568" s="166">
        <v>0</v>
      </c>
      <c r="CD568" s="166">
        <v>0</v>
      </c>
      <c r="CE568" s="166">
        <v>0</v>
      </c>
      <c r="CF568" s="166">
        <v>0</v>
      </c>
      <c r="CG568" s="166">
        <v>0</v>
      </c>
      <c r="CH568" s="166">
        <v>0</v>
      </c>
      <c r="CI568" s="166">
        <v>0</v>
      </c>
      <c r="CJ568" s="166">
        <v>0</v>
      </c>
      <c r="CK568" s="166">
        <v>0</v>
      </c>
      <c r="CL568" s="166">
        <v>0</v>
      </c>
      <c r="CM568" s="166">
        <v>0</v>
      </c>
      <c r="CN568" s="166">
        <v>0</v>
      </c>
      <c r="CO568" s="166">
        <v>0</v>
      </c>
      <c r="CP568" s="166">
        <v>0</v>
      </c>
      <c r="CQ568" s="166">
        <v>0</v>
      </c>
      <c r="CR568" s="166">
        <v>0</v>
      </c>
      <c r="CS568" s="166">
        <v>0</v>
      </c>
      <c r="CT568" s="166">
        <v>0</v>
      </c>
      <c r="CU568" s="166">
        <v>0</v>
      </c>
      <c r="CV568" s="166">
        <v>0</v>
      </c>
      <c r="CW568" s="166">
        <v>0</v>
      </c>
      <c r="CX568" s="166">
        <v>0</v>
      </c>
      <c r="CY568" s="166">
        <v>0</v>
      </c>
      <c r="CZ568" s="166">
        <v>0</v>
      </c>
    </row>
    <row r="569" spans="1:104" x14ac:dyDescent="0.2">
      <c r="A569" s="167" t="s">
        <v>100</v>
      </c>
      <c r="B569" s="166">
        <v>0</v>
      </c>
      <c r="C569" s="166">
        <v>0</v>
      </c>
      <c r="D569" s="166">
        <v>1929027000</v>
      </c>
      <c r="E569" s="166">
        <v>1929027000</v>
      </c>
      <c r="F569" s="166">
        <v>1929027000</v>
      </c>
      <c r="G569" s="166">
        <v>1929027000</v>
      </c>
      <c r="H569" s="166">
        <v>1929027000</v>
      </c>
      <c r="I569" s="166">
        <v>1929027000</v>
      </c>
      <c r="J569" s="166">
        <v>1929027000</v>
      </c>
      <c r="K569" s="166">
        <v>1929027000</v>
      </c>
      <c r="L569" s="166">
        <v>1929027000</v>
      </c>
      <c r="M569" s="166">
        <v>1929027000</v>
      </c>
      <c r="N569" s="166">
        <v>1929027000</v>
      </c>
      <c r="O569" s="166">
        <v>1929027000</v>
      </c>
      <c r="P569" s="166">
        <v>1929027000</v>
      </c>
      <c r="Q569" s="166">
        <v>1929027000</v>
      </c>
      <c r="R569" s="166">
        <v>1929027000</v>
      </c>
      <c r="S569" s="166">
        <v>1929027000</v>
      </c>
      <c r="T569" s="166">
        <v>1929027000</v>
      </c>
      <c r="U569" s="166">
        <v>1929027000</v>
      </c>
      <c r="V569" s="166">
        <v>1929027000</v>
      </c>
      <c r="W569" s="166">
        <v>1929027000</v>
      </c>
      <c r="X569" s="166">
        <v>1929027000</v>
      </c>
      <c r="Y569" s="166">
        <v>1929027000</v>
      </c>
      <c r="Z569" s="166">
        <v>1929027000</v>
      </c>
      <c r="AA569" s="166">
        <v>1929027000</v>
      </c>
      <c r="AB569" s="166">
        <v>1929027000</v>
      </c>
      <c r="AC569" s="166">
        <v>1929027000</v>
      </c>
      <c r="AD569" s="166">
        <v>1929027000</v>
      </c>
      <c r="AE569" s="166">
        <v>1929027000</v>
      </c>
      <c r="AF569" s="166">
        <v>1929027000</v>
      </c>
      <c r="AG569" s="166">
        <v>1929027000</v>
      </c>
      <c r="AH569" s="166">
        <v>1929027000</v>
      </c>
      <c r="AI569" s="166">
        <v>1929027000</v>
      </c>
      <c r="AJ569" s="166">
        <v>1929027000</v>
      </c>
      <c r="AK569" s="166">
        <v>1929027000</v>
      </c>
      <c r="AL569" s="166">
        <v>1929027000</v>
      </c>
      <c r="AM569" s="166">
        <v>1929027000</v>
      </c>
      <c r="AN569" s="166">
        <v>1929027000</v>
      </c>
      <c r="AO569" s="166">
        <v>1929027000</v>
      </c>
      <c r="AP569" s="166">
        <v>1929027000</v>
      </c>
      <c r="AQ569" s="166">
        <v>1929027000</v>
      </c>
      <c r="AR569" s="166">
        <v>1929027000</v>
      </c>
      <c r="AS569" s="166">
        <v>1929027000</v>
      </c>
      <c r="AT569" s="166">
        <v>1929027000</v>
      </c>
      <c r="AU569" s="166">
        <v>1929027000</v>
      </c>
      <c r="AV569" s="166">
        <v>1929027000</v>
      </c>
      <c r="AW569" s="166">
        <v>1929027000</v>
      </c>
      <c r="AX569" s="166">
        <v>1929027000</v>
      </c>
      <c r="AY569" s="166">
        <v>1929027000</v>
      </c>
      <c r="AZ569" s="166">
        <v>1929027000</v>
      </c>
      <c r="BA569" s="166">
        <v>1929027000</v>
      </c>
      <c r="BB569" s="166">
        <v>1929027000</v>
      </c>
      <c r="BC569" s="166">
        <v>1929027000</v>
      </c>
      <c r="BD569" s="166">
        <v>0</v>
      </c>
      <c r="BE569" s="166">
        <v>0</v>
      </c>
      <c r="BF569" s="166">
        <v>0</v>
      </c>
      <c r="BG569" s="166">
        <v>0</v>
      </c>
      <c r="BH569" s="166">
        <v>0</v>
      </c>
      <c r="BI569" s="166">
        <v>0</v>
      </c>
      <c r="BJ569" s="166">
        <v>0</v>
      </c>
      <c r="BK569" s="166">
        <v>0</v>
      </c>
      <c r="BL569" s="166">
        <v>0</v>
      </c>
      <c r="BM569" s="166">
        <v>0</v>
      </c>
      <c r="BN569" s="166">
        <v>0</v>
      </c>
      <c r="BO569" s="166">
        <v>0</v>
      </c>
      <c r="BP569" s="166">
        <v>0</v>
      </c>
      <c r="BQ569" s="166">
        <v>0</v>
      </c>
      <c r="BR569" s="166">
        <v>0</v>
      </c>
      <c r="BS569" s="166">
        <v>0</v>
      </c>
      <c r="BT569" s="166">
        <v>0</v>
      </c>
      <c r="BU569" s="166">
        <v>0</v>
      </c>
      <c r="BV569" s="166">
        <v>0</v>
      </c>
      <c r="BW569" s="166">
        <v>0</v>
      </c>
      <c r="BX569" s="166">
        <v>0</v>
      </c>
      <c r="BY569" s="166">
        <v>0</v>
      </c>
      <c r="BZ569" s="166">
        <v>0</v>
      </c>
      <c r="CA569" s="166">
        <v>0</v>
      </c>
      <c r="CB569" s="166">
        <v>0</v>
      </c>
      <c r="CC569" s="166">
        <v>0</v>
      </c>
      <c r="CD569" s="166">
        <v>0</v>
      </c>
      <c r="CE569" s="166">
        <v>0</v>
      </c>
      <c r="CF569" s="166">
        <v>0</v>
      </c>
      <c r="CG569" s="166">
        <v>0</v>
      </c>
      <c r="CH569" s="166">
        <v>0</v>
      </c>
      <c r="CI569" s="166">
        <v>0</v>
      </c>
      <c r="CJ569" s="166">
        <v>0</v>
      </c>
      <c r="CK569" s="166">
        <v>0</v>
      </c>
      <c r="CL569" s="166">
        <v>0</v>
      </c>
      <c r="CM569" s="166">
        <v>0</v>
      </c>
      <c r="CN569" s="166">
        <v>0</v>
      </c>
      <c r="CO569" s="166">
        <v>0</v>
      </c>
      <c r="CP569" s="166">
        <v>0</v>
      </c>
      <c r="CQ569" s="166">
        <v>0</v>
      </c>
      <c r="CR569" s="166">
        <v>0</v>
      </c>
      <c r="CS569" s="166">
        <v>0</v>
      </c>
      <c r="CT569" s="166">
        <v>0</v>
      </c>
      <c r="CU569" s="166">
        <v>0</v>
      </c>
      <c r="CV569" s="166">
        <v>0</v>
      </c>
      <c r="CW569" s="166">
        <v>0</v>
      </c>
      <c r="CX569" s="166">
        <v>0</v>
      </c>
      <c r="CY569" s="166">
        <v>0</v>
      </c>
      <c r="CZ569" s="166">
        <v>0</v>
      </c>
    </row>
    <row r="570" spans="1:104" x14ac:dyDescent="0.2">
      <c r="A570" s="167" t="s">
        <v>101</v>
      </c>
      <c r="B570" s="166">
        <v>0</v>
      </c>
      <c r="C570" s="166">
        <v>0</v>
      </c>
      <c r="D570" s="166">
        <v>1929023000</v>
      </c>
      <c r="E570" s="166">
        <v>1929023000</v>
      </c>
      <c r="F570" s="166">
        <v>1929023000</v>
      </c>
      <c r="G570" s="166">
        <v>1929023000</v>
      </c>
      <c r="H570" s="166">
        <v>1929023000</v>
      </c>
      <c r="I570" s="166">
        <v>1929023000</v>
      </c>
      <c r="J570" s="166">
        <v>1929023000</v>
      </c>
      <c r="K570" s="166">
        <v>1929023000</v>
      </c>
      <c r="L570" s="166">
        <v>1929023000</v>
      </c>
      <c r="M570" s="166">
        <v>1929023000</v>
      </c>
      <c r="N570" s="166">
        <v>1929023000</v>
      </c>
      <c r="O570" s="166">
        <v>1929023000</v>
      </c>
      <c r="P570" s="166">
        <v>1929023000</v>
      </c>
      <c r="Q570" s="166">
        <v>1929023000</v>
      </c>
      <c r="R570" s="166">
        <v>1929023000</v>
      </c>
      <c r="S570" s="166">
        <v>1929023000</v>
      </c>
      <c r="T570" s="166">
        <v>1929023000</v>
      </c>
      <c r="U570" s="166">
        <v>1929023000</v>
      </c>
      <c r="V570" s="166">
        <v>1929023000</v>
      </c>
      <c r="W570" s="166">
        <v>1929023000</v>
      </c>
      <c r="X570" s="166">
        <v>1929023000</v>
      </c>
      <c r="Y570" s="166">
        <v>1929023000</v>
      </c>
      <c r="Z570" s="166">
        <v>1929023000</v>
      </c>
      <c r="AA570" s="166">
        <v>1929023000</v>
      </c>
      <c r="AB570" s="166">
        <v>1929023000</v>
      </c>
      <c r="AC570" s="166">
        <v>1929023000</v>
      </c>
      <c r="AD570" s="166">
        <v>1929023000</v>
      </c>
      <c r="AE570" s="166">
        <v>1929023000</v>
      </c>
      <c r="AF570" s="166">
        <v>1929023000</v>
      </c>
      <c r="AG570" s="166">
        <v>1929023000</v>
      </c>
      <c r="AH570" s="166">
        <v>1929023000</v>
      </c>
      <c r="AI570" s="166">
        <v>1929023000</v>
      </c>
      <c r="AJ570" s="166">
        <v>1929023000</v>
      </c>
      <c r="AK570" s="166">
        <v>1929023000</v>
      </c>
      <c r="AL570" s="166">
        <v>1929023000</v>
      </c>
      <c r="AM570" s="166">
        <v>1929023000</v>
      </c>
      <c r="AN570" s="166">
        <v>1929023000</v>
      </c>
      <c r="AO570" s="166">
        <v>1929023000</v>
      </c>
      <c r="AP570" s="166">
        <v>1929023000</v>
      </c>
      <c r="AQ570" s="166">
        <v>1929023000</v>
      </c>
      <c r="AR570" s="166">
        <v>1929023000</v>
      </c>
      <c r="AS570" s="166">
        <v>1929023000</v>
      </c>
      <c r="AT570" s="166">
        <v>1929023000</v>
      </c>
      <c r="AU570" s="166">
        <v>1929023000</v>
      </c>
      <c r="AV570" s="166">
        <v>1929023000</v>
      </c>
      <c r="AW570" s="166">
        <v>1929023000</v>
      </c>
      <c r="AX570" s="166">
        <v>1929023000</v>
      </c>
      <c r="AY570" s="166">
        <v>1929023000</v>
      </c>
      <c r="AZ570" s="166">
        <v>1929023000</v>
      </c>
      <c r="BA570" s="166">
        <v>1929023000</v>
      </c>
      <c r="BB570" s="166">
        <v>1929023000</v>
      </c>
      <c r="BC570" s="166">
        <v>1929023000</v>
      </c>
      <c r="BD570" s="166">
        <v>0</v>
      </c>
      <c r="BE570" s="166">
        <v>0</v>
      </c>
      <c r="BF570" s="166">
        <v>0</v>
      </c>
      <c r="BG570" s="166">
        <v>0</v>
      </c>
      <c r="BH570" s="166">
        <v>0</v>
      </c>
      <c r="BI570" s="166">
        <v>0</v>
      </c>
      <c r="BJ570" s="166">
        <v>0</v>
      </c>
      <c r="BK570" s="166">
        <v>0</v>
      </c>
      <c r="BL570" s="166">
        <v>0</v>
      </c>
      <c r="BM570" s="166">
        <v>0</v>
      </c>
      <c r="BN570" s="166">
        <v>0</v>
      </c>
      <c r="BO570" s="166">
        <v>0</v>
      </c>
      <c r="BP570" s="166">
        <v>0</v>
      </c>
      <c r="BQ570" s="166">
        <v>0</v>
      </c>
      <c r="BR570" s="166">
        <v>0</v>
      </c>
      <c r="BS570" s="166">
        <v>0</v>
      </c>
      <c r="BT570" s="166">
        <v>0</v>
      </c>
      <c r="BU570" s="166">
        <v>0</v>
      </c>
      <c r="BV570" s="166">
        <v>0</v>
      </c>
      <c r="BW570" s="166">
        <v>0</v>
      </c>
      <c r="BX570" s="166">
        <v>0</v>
      </c>
      <c r="BY570" s="166">
        <v>0</v>
      </c>
      <c r="BZ570" s="166">
        <v>0</v>
      </c>
      <c r="CA570" s="166">
        <v>0</v>
      </c>
      <c r="CB570" s="166">
        <v>0</v>
      </c>
      <c r="CC570" s="166">
        <v>0</v>
      </c>
      <c r="CD570" s="166">
        <v>0</v>
      </c>
      <c r="CE570" s="166">
        <v>0</v>
      </c>
      <c r="CF570" s="166">
        <v>0</v>
      </c>
      <c r="CG570" s="166">
        <v>0</v>
      </c>
      <c r="CH570" s="166">
        <v>0</v>
      </c>
      <c r="CI570" s="166">
        <v>0</v>
      </c>
      <c r="CJ570" s="166">
        <v>0</v>
      </c>
      <c r="CK570" s="166">
        <v>0</v>
      </c>
      <c r="CL570" s="166">
        <v>0</v>
      </c>
      <c r="CM570" s="166">
        <v>0</v>
      </c>
      <c r="CN570" s="166">
        <v>0</v>
      </c>
      <c r="CO570" s="166">
        <v>0</v>
      </c>
      <c r="CP570" s="166">
        <v>0</v>
      </c>
      <c r="CQ570" s="166">
        <v>0</v>
      </c>
      <c r="CR570" s="166">
        <v>0</v>
      </c>
      <c r="CS570" s="166">
        <v>0</v>
      </c>
      <c r="CT570" s="166">
        <v>0</v>
      </c>
      <c r="CU570" s="166">
        <v>0</v>
      </c>
      <c r="CV570" s="166">
        <v>0</v>
      </c>
      <c r="CW570" s="166">
        <v>0</v>
      </c>
      <c r="CX570" s="166">
        <v>0</v>
      </c>
      <c r="CY570" s="166">
        <v>0</v>
      </c>
      <c r="CZ570" s="166">
        <v>0</v>
      </c>
    </row>
    <row r="571" spans="1:104" x14ac:dyDescent="0.2">
      <c r="A571" s="167" t="s">
        <v>102</v>
      </c>
      <c r="B571" s="166">
        <v>0</v>
      </c>
      <c r="C571" s="166">
        <v>0</v>
      </c>
      <c r="D571" s="166">
        <v>1929024000</v>
      </c>
      <c r="E571" s="166">
        <v>1929024000</v>
      </c>
      <c r="F571" s="166">
        <v>1929024000</v>
      </c>
      <c r="G571" s="166">
        <v>1929024000</v>
      </c>
      <c r="H571" s="166">
        <v>1929024000</v>
      </c>
      <c r="I571" s="166">
        <v>1929024000</v>
      </c>
      <c r="J571" s="166">
        <v>1929024000</v>
      </c>
      <c r="K571" s="166">
        <v>1929024000</v>
      </c>
      <c r="L571" s="166">
        <v>1929024000</v>
      </c>
      <c r="M571" s="166">
        <v>1929024000</v>
      </c>
      <c r="N571" s="166">
        <v>1929024000</v>
      </c>
      <c r="O571" s="166">
        <v>1929024000</v>
      </c>
      <c r="P571" s="166">
        <v>1929024000</v>
      </c>
      <c r="Q571" s="166">
        <v>1929024000</v>
      </c>
      <c r="R571" s="166">
        <v>1929024000</v>
      </c>
      <c r="S571" s="166">
        <v>1929024000</v>
      </c>
      <c r="T571" s="166">
        <v>1929024000</v>
      </c>
      <c r="U571" s="166">
        <v>1929024000</v>
      </c>
      <c r="V571" s="166">
        <v>1929024000</v>
      </c>
      <c r="W571" s="166">
        <v>1929024000</v>
      </c>
      <c r="X571" s="166">
        <v>1929024000</v>
      </c>
      <c r="Y571" s="166">
        <v>1929024000</v>
      </c>
      <c r="Z571" s="166">
        <v>1929024000</v>
      </c>
      <c r="AA571" s="166">
        <v>1929024000</v>
      </c>
      <c r="AB571" s="166">
        <v>1929024000</v>
      </c>
      <c r="AC571" s="166">
        <v>1929024000</v>
      </c>
      <c r="AD571" s="166">
        <v>1929024000</v>
      </c>
      <c r="AE571" s="166">
        <v>1929024000</v>
      </c>
      <c r="AF571" s="166">
        <v>1929024000</v>
      </c>
      <c r="AG571" s="166">
        <v>1929024000</v>
      </c>
      <c r="AH571" s="166">
        <v>1929024000</v>
      </c>
      <c r="AI571" s="166">
        <v>1929024000</v>
      </c>
      <c r="AJ571" s="166">
        <v>1929024000</v>
      </c>
      <c r="AK571" s="166">
        <v>1929024000</v>
      </c>
      <c r="AL571" s="166">
        <v>1929024000</v>
      </c>
      <c r="AM571" s="166">
        <v>1929024000</v>
      </c>
      <c r="AN571" s="166">
        <v>1929024000</v>
      </c>
      <c r="AO571" s="166">
        <v>1929024000</v>
      </c>
      <c r="AP571" s="166">
        <v>1929024000</v>
      </c>
      <c r="AQ571" s="166">
        <v>1929024000</v>
      </c>
      <c r="AR571" s="166">
        <v>1929024000</v>
      </c>
      <c r="AS571" s="166">
        <v>1929024000</v>
      </c>
      <c r="AT571" s="166">
        <v>1929024000</v>
      </c>
      <c r="AU571" s="166">
        <v>1929024000</v>
      </c>
      <c r="AV571" s="166">
        <v>1929024000</v>
      </c>
      <c r="AW571" s="166">
        <v>1929024000</v>
      </c>
      <c r="AX571" s="166">
        <v>1929024000</v>
      </c>
      <c r="AY571" s="166">
        <v>1929024000</v>
      </c>
      <c r="AZ571" s="166">
        <v>1929024000</v>
      </c>
      <c r="BA571" s="166">
        <v>1929024000</v>
      </c>
      <c r="BB571" s="166">
        <v>1929024000</v>
      </c>
      <c r="BC571" s="166">
        <v>1929024000</v>
      </c>
      <c r="BD571" s="166">
        <v>0</v>
      </c>
      <c r="BE571" s="166">
        <v>0</v>
      </c>
      <c r="BF571" s="166">
        <v>0</v>
      </c>
      <c r="BG571" s="166">
        <v>0</v>
      </c>
      <c r="BH571" s="166">
        <v>0</v>
      </c>
      <c r="BI571" s="166">
        <v>0</v>
      </c>
      <c r="BJ571" s="166">
        <v>0</v>
      </c>
      <c r="BK571" s="166">
        <v>0</v>
      </c>
      <c r="BL571" s="166">
        <v>0</v>
      </c>
      <c r="BM571" s="166">
        <v>0</v>
      </c>
      <c r="BN571" s="166">
        <v>0</v>
      </c>
      <c r="BO571" s="166">
        <v>0</v>
      </c>
      <c r="BP571" s="166">
        <v>0</v>
      </c>
      <c r="BQ571" s="166">
        <v>0</v>
      </c>
      <c r="BR571" s="166">
        <v>0</v>
      </c>
      <c r="BS571" s="166">
        <v>0</v>
      </c>
      <c r="BT571" s="166">
        <v>0</v>
      </c>
      <c r="BU571" s="166">
        <v>0</v>
      </c>
      <c r="BV571" s="166">
        <v>0</v>
      </c>
      <c r="BW571" s="166">
        <v>0</v>
      </c>
      <c r="BX571" s="166">
        <v>0</v>
      </c>
      <c r="BY571" s="166">
        <v>0</v>
      </c>
      <c r="BZ571" s="166">
        <v>0</v>
      </c>
      <c r="CA571" s="166">
        <v>0</v>
      </c>
      <c r="CB571" s="166">
        <v>0</v>
      </c>
      <c r="CC571" s="166">
        <v>0</v>
      </c>
      <c r="CD571" s="166">
        <v>0</v>
      </c>
      <c r="CE571" s="166">
        <v>0</v>
      </c>
      <c r="CF571" s="166">
        <v>0</v>
      </c>
      <c r="CG571" s="166">
        <v>0</v>
      </c>
      <c r="CH571" s="166">
        <v>0</v>
      </c>
      <c r="CI571" s="166">
        <v>0</v>
      </c>
      <c r="CJ571" s="166">
        <v>0</v>
      </c>
      <c r="CK571" s="166">
        <v>0</v>
      </c>
      <c r="CL571" s="166">
        <v>0</v>
      </c>
      <c r="CM571" s="166">
        <v>0</v>
      </c>
      <c r="CN571" s="166">
        <v>0</v>
      </c>
      <c r="CO571" s="166">
        <v>0</v>
      </c>
      <c r="CP571" s="166">
        <v>0</v>
      </c>
      <c r="CQ571" s="166">
        <v>0</v>
      </c>
      <c r="CR571" s="166">
        <v>0</v>
      </c>
      <c r="CS571" s="166">
        <v>0</v>
      </c>
      <c r="CT571" s="166">
        <v>0</v>
      </c>
      <c r="CU571" s="166">
        <v>0</v>
      </c>
      <c r="CV571" s="166">
        <v>0</v>
      </c>
      <c r="CW571" s="166">
        <v>0</v>
      </c>
      <c r="CX571" s="166">
        <v>0</v>
      </c>
      <c r="CY571" s="166">
        <v>0</v>
      </c>
      <c r="CZ571" s="166">
        <v>0</v>
      </c>
    </row>
    <row r="572" spans="1:104" x14ac:dyDescent="0.2">
      <c r="A572" s="167" t="s">
        <v>103</v>
      </c>
      <c r="B572" s="166">
        <v>0</v>
      </c>
      <c r="C572" s="166">
        <v>0</v>
      </c>
      <c r="D572" s="166">
        <v>4328307000</v>
      </c>
      <c r="E572" s="166">
        <v>4328307000</v>
      </c>
      <c r="F572" s="166">
        <v>4328307000</v>
      </c>
      <c r="G572" s="166">
        <v>4328307000</v>
      </c>
      <c r="H572" s="166">
        <v>4328307000</v>
      </c>
      <c r="I572" s="166">
        <v>4328307000</v>
      </c>
      <c r="J572" s="166">
        <v>4328307000</v>
      </c>
      <c r="K572" s="166">
        <v>4328307000</v>
      </c>
      <c r="L572" s="166">
        <v>4328307000</v>
      </c>
      <c r="M572" s="166">
        <v>4328307000</v>
      </c>
      <c r="N572" s="166">
        <v>4328307000</v>
      </c>
      <c r="O572" s="166">
        <v>4328307000</v>
      </c>
      <c r="P572" s="166">
        <v>4328307000</v>
      </c>
      <c r="Q572" s="166">
        <v>4328307000</v>
      </c>
      <c r="R572" s="166">
        <v>4328307000</v>
      </c>
      <c r="S572" s="166">
        <v>4328307000</v>
      </c>
      <c r="T572" s="166">
        <v>4328307000</v>
      </c>
      <c r="U572" s="166">
        <v>4328307000</v>
      </c>
      <c r="V572" s="166">
        <v>4328307000</v>
      </c>
      <c r="W572" s="166">
        <v>4328307000</v>
      </c>
      <c r="X572" s="166">
        <v>4328307000</v>
      </c>
      <c r="Y572" s="166">
        <v>4328307000</v>
      </c>
      <c r="Z572" s="166">
        <v>4328307000</v>
      </c>
      <c r="AA572" s="166">
        <v>4328307000</v>
      </c>
      <c r="AB572" s="166">
        <v>4328307000</v>
      </c>
      <c r="AC572" s="166">
        <v>4328307000</v>
      </c>
      <c r="AD572" s="166">
        <v>4328307000</v>
      </c>
      <c r="AE572" s="166">
        <v>4328307000</v>
      </c>
      <c r="AF572" s="166">
        <v>4328307000</v>
      </c>
      <c r="AG572" s="166">
        <v>4328307000</v>
      </c>
      <c r="AH572" s="166">
        <v>4328307000</v>
      </c>
      <c r="AI572" s="166">
        <v>4328307000</v>
      </c>
      <c r="AJ572" s="166">
        <v>4328307000</v>
      </c>
      <c r="AK572" s="166">
        <v>4328307000</v>
      </c>
      <c r="AL572" s="166">
        <v>4328307000</v>
      </c>
      <c r="AM572" s="166">
        <v>4328307000</v>
      </c>
      <c r="AN572" s="166">
        <v>4328307000</v>
      </c>
      <c r="AO572" s="166">
        <v>4328307000</v>
      </c>
      <c r="AP572" s="166">
        <v>4328307000</v>
      </c>
      <c r="AQ572" s="166">
        <v>4328307000</v>
      </c>
      <c r="AR572" s="166">
        <v>4328307000</v>
      </c>
      <c r="AS572" s="166">
        <v>4328307000</v>
      </c>
      <c r="AT572" s="166">
        <v>4328307000</v>
      </c>
      <c r="AU572" s="166">
        <v>4328307000</v>
      </c>
      <c r="AV572" s="166">
        <v>4328307000</v>
      </c>
      <c r="AW572" s="166">
        <v>4328307000</v>
      </c>
      <c r="AX572" s="166">
        <v>4328307000</v>
      </c>
      <c r="AY572" s="166">
        <v>4328307000</v>
      </c>
      <c r="AZ572" s="166">
        <v>4328307000</v>
      </c>
      <c r="BA572" s="166">
        <v>4328307000</v>
      </c>
      <c r="BB572" s="166">
        <v>4328307000</v>
      </c>
      <c r="BC572" s="166">
        <v>4328307000</v>
      </c>
      <c r="BD572" s="166">
        <v>0</v>
      </c>
      <c r="BE572" s="166">
        <v>0</v>
      </c>
      <c r="BF572" s="166">
        <v>0</v>
      </c>
      <c r="BG572" s="166">
        <v>0</v>
      </c>
      <c r="BH572" s="166">
        <v>0</v>
      </c>
      <c r="BI572" s="166">
        <v>0</v>
      </c>
      <c r="BJ572" s="166">
        <v>0</v>
      </c>
      <c r="BK572" s="166">
        <v>0</v>
      </c>
      <c r="BL572" s="166">
        <v>0</v>
      </c>
      <c r="BM572" s="166">
        <v>0</v>
      </c>
      <c r="BN572" s="166">
        <v>0</v>
      </c>
      <c r="BO572" s="166">
        <v>0</v>
      </c>
      <c r="BP572" s="166">
        <v>0</v>
      </c>
      <c r="BQ572" s="166">
        <v>0</v>
      </c>
      <c r="BR572" s="166">
        <v>0</v>
      </c>
      <c r="BS572" s="166">
        <v>0</v>
      </c>
      <c r="BT572" s="166">
        <v>0</v>
      </c>
      <c r="BU572" s="166">
        <v>0</v>
      </c>
      <c r="BV572" s="166">
        <v>0</v>
      </c>
      <c r="BW572" s="166">
        <v>0</v>
      </c>
      <c r="BX572" s="166">
        <v>0</v>
      </c>
      <c r="BY572" s="166">
        <v>0</v>
      </c>
      <c r="BZ572" s="166">
        <v>0</v>
      </c>
      <c r="CA572" s="166">
        <v>0</v>
      </c>
      <c r="CB572" s="166">
        <v>0</v>
      </c>
      <c r="CC572" s="166">
        <v>0</v>
      </c>
      <c r="CD572" s="166">
        <v>0</v>
      </c>
      <c r="CE572" s="166">
        <v>0</v>
      </c>
      <c r="CF572" s="166">
        <v>0</v>
      </c>
      <c r="CG572" s="166">
        <v>0</v>
      </c>
      <c r="CH572" s="166">
        <v>0</v>
      </c>
      <c r="CI572" s="166">
        <v>0</v>
      </c>
      <c r="CJ572" s="166">
        <v>0</v>
      </c>
      <c r="CK572" s="166">
        <v>0</v>
      </c>
      <c r="CL572" s="166">
        <v>0</v>
      </c>
      <c r="CM572" s="166">
        <v>0</v>
      </c>
      <c r="CN572" s="166">
        <v>0</v>
      </c>
      <c r="CO572" s="166">
        <v>0</v>
      </c>
      <c r="CP572" s="166">
        <v>0</v>
      </c>
      <c r="CQ572" s="166">
        <v>0</v>
      </c>
      <c r="CR572" s="166">
        <v>0</v>
      </c>
      <c r="CS572" s="166">
        <v>0</v>
      </c>
      <c r="CT572" s="166">
        <v>0</v>
      </c>
      <c r="CU572" s="166">
        <v>0</v>
      </c>
      <c r="CV572" s="166">
        <v>0</v>
      </c>
      <c r="CW572" s="166">
        <v>0</v>
      </c>
      <c r="CX572" s="166">
        <v>0</v>
      </c>
      <c r="CY572" s="166">
        <v>0</v>
      </c>
      <c r="CZ572" s="166">
        <v>0</v>
      </c>
    </row>
    <row r="573" spans="1:104" x14ac:dyDescent="0.2">
      <c r="A573" s="167" t="s">
        <v>104</v>
      </c>
      <c r="B573" s="166">
        <v>0</v>
      </c>
      <c r="C573" s="166">
        <v>0</v>
      </c>
      <c r="D573" s="166">
        <v>0</v>
      </c>
      <c r="E573" s="166">
        <v>0</v>
      </c>
      <c r="F573" s="166">
        <v>0</v>
      </c>
      <c r="G573" s="166">
        <v>0</v>
      </c>
      <c r="H573" s="166">
        <v>0</v>
      </c>
      <c r="I573" s="166">
        <v>0</v>
      </c>
      <c r="J573" s="166">
        <v>0</v>
      </c>
      <c r="K573" s="166">
        <v>0</v>
      </c>
      <c r="L573" s="166">
        <v>0</v>
      </c>
      <c r="M573" s="166">
        <v>0</v>
      </c>
      <c r="N573" s="166">
        <v>0</v>
      </c>
      <c r="O573" s="166">
        <v>0</v>
      </c>
      <c r="P573" s="166">
        <v>0</v>
      </c>
      <c r="Q573" s="166">
        <v>0</v>
      </c>
      <c r="R573" s="166">
        <v>0</v>
      </c>
      <c r="S573" s="166">
        <v>0</v>
      </c>
      <c r="T573" s="166">
        <v>0</v>
      </c>
      <c r="U573" s="166">
        <v>0</v>
      </c>
      <c r="V573" s="166">
        <v>0</v>
      </c>
      <c r="W573" s="166">
        <v>0</v>
      </c>
      <c r="X573" s="166">
        <v>0</v>
      </c>
      <c r="Y573" s="166">
        <v>0</v>
      </c>
      <c r="Z573" s="166">
        <v>0</v>
      </c>
      <c r="AA573" s="166">
        <v>0</v>
      </c>
      <c r="AB573" s="166">
        <v>1000</v>
      </c>
      <c r="AC573" s="166">
        <v>0</v>
      </c>
      <c r="AD573" s="166">
        <v>0</v>
      </c>
      <c r="AE573" s="166">
        <v>0</v>
      </c>
      <c r="AF573" s="166">
        <v>0</v>
      </c>
      <c r="AG573" s="166">
        <v>0</v>
      </c>
      <c r="AH573" s="166">
        <v>0</v>
      </c>
      <c r="AI573" s="166">
        <v>0</v>
      </c>
      <c r="AJ573" s="166">
        <v>0</v>
      </c>
      <c r="AK573" s="166">
        <v>0</v>
      </c>
      <c r="AL573" s="166">
        <v>0</v>
      </c>
      <c r="AM573" s="166">
        <v>0</v>
      </c>
      <c r="AN573" s="166">
        <v>0</v>
      </c>
      <c r="AO573" s="166">
        <v>0</v>
      </c>
      <c r="AP573" s="166">
        <v>0</v>
      </c>
      <c r="AQ573" s="166">
        <v>0</v>
      </c>
      <c r="AR573" s="166">
        <v>0</v>
      </c>
      <c r="AS573" s="166">
        <v>0</v>
      </c>
      <c r="AT573" s="166">
        <v>0</v>
      </c>
      <c r="AU573" s="166">
        <v>0</v>
      </c>
      <c r="AV573" s="166">
        <v>0</v>
      </c>
      <c r="AW573" s="166">
        <v>0</v>
      </c>
      <c r="AX573" s="166">
        <v>0</v>
      </c>
      <c r="AY573" s="166">
        <v>0</v>
      </c>
      <c r="AZ573" s="166">
        <v>0</v>
      </c>
      <c r="BA573" s="166">
        <v>0</v>
      </c>
      <c r="BB573" s="166">
        <v>0</v>
      </c>
      <c r="BC573" s="166">
        <v>0</v>
      </c>
      <c r="BD573" s="166">
        <v>0</v>
      </c>
      <c r="BE573" s="166">
        <v>0</v>
      </c>
      <c r="BF573" s="166">
        <v>0</v>
      </c>
      <c r="BG573" s="166">
        <v>0</v>
      </c>
      <c r="BH573" s="166">
        <v>0</v>
      </c>
      <c r="BI573" s="166">
        <v>0</v>
      </c>
      <c r="BJ573" s="166">
        <v>0</v>
      </c>
      <c r="BK573" s="166">
        <v>0</v>
      </c>
      <c r="BL573" s="166">
        <v>0</v>
      </c>
      <c r="BM573" s="166">
        <v>0</v>
      </c>
      <c r="BN573" s="166">
        <v>0</v>
      </c>
      <c r="BO573" s="166">
        <v>0</v>
      </c>
      <c r="BP573" s="166">
        <v>0</v>
      </c>
      <c r="BQ573" s="166">
        <v>0</v>
      </c>
      <c r="BR573" s="166">
        <v>0</v>
      </c>
      <c r="BS573" s="166">
        <v>0</v>
      </c>
      <c r="BT573" s="166">
        <v>0</v>
      </c>
      <c r="BU573" s="166">
        <v>0</v>
      </c>
      <c r="BV573" s="166">
        <v>0</v>
      </c>
      <c r="BW573" s="166">
        <v>0</v>
      </c>
      <c r="BX573" s="166">
        <v>0</v>
      </c>
      <c r="BY573" s="166">
        <v>0</v>
      </c>
      <c r="BZ573" s="166">
        <v>0</v>
      </c>
      <c r="CA573" s="166">
        <v>0</v>
      </c>
      <c r="CB573" s="166">
        <v>0</v>
      </c>
      <c r="CC573" s="166">
        <v>0</v>
      </c>
      <c r="CD573" s="166">
        <v>0</v>
      </c>
      <c r="CE573" s="166">
        <v>0</v>
      </c>
      <c r="CF573" s="166">
        <v>0</v>
      </c>
      <c r="CG573" s="166">
        <v>0</v>
      </c>
      <c r="CH573" s="166">
        <v>0</v>
      </c>
      <c r="CI573" s="166">
        <v>0</v>
      </c>
      <c r="CJ573" s="166">
        <v>0</v>
      </c>
      <c r="CK573" s="166">
        <v>0</v>
      </c>
      <c r="CL573" s="166">
        <v>0</v>
      </c>
      <c r="CM573" s="166">
        <v>0</v>
      </c>
      <c r="CN573" s="166">
        <v>0</v>
      </c>
      <c r="CO573" s="166">
        <v>0</v>
      </c>
      <c r="CP573" s="166">
        <v>0</v>
      </c>
      <c r="CQ573" s="166">
        <v>0</v>
      </c>
      <c r="CR573" s="166">
        <v>0</v>
      </c>
      <c r="CS573" s="166">
        <v>0</v>
      </c>
      <c r="CT573" s="166">
        <v>0</v>
      </c>
      <c r="CU573" s="166">
        <v>0</v>
      </c>
      <c r="CV573" s="166">
        <v>0</v>
      </c>
      <c r="CW573" s="166">
        <v>0</v>
      </c>
      <c r="CX573" s="166">
        <v>0</v>
      </c>
      <c r="CY573" s="166">
        <v>0</v>
      </c>
      <c r="CZ573" s="166">
        <v>0</v>
      </c>
    </row>
    <row r="574" spans="1:104" x14ac:dyDescent="0.2">
      <c r="A574" s="167" t="s">
        <v>105</v>
      </c>
      <c r="B574" s="166">
        <v>0</v>
      </c>
      <c r="C574" s="166">
        <v>0</v>
      </c>
      <c r="D574" s="166">
        <v>0</v>
      </c>
      <c r="E574" s="166">
        <v>0</v>
      </c>
      <c r="F574" s="166">
        <v>0</v>
      </c>
      <c r="G574" s="166">
        <v>1000</v>
      </c>
      <c r="H574" s="166">
        <v>0</v>
      </c>
      <c r="I574" s="166">
        <v>0</v>
      </c>
      <c r="J574" s="166">
        <v>0</v>
      </c>
      <c r="K574" s="166">
        <v>0</v>
      </c>
      <c r="L574" s="166">
        <v>0</v>
      </c>
      <c r="M574" s="166">
        <v>0</v>
      </c>
      <c r="N574" s="166">
        <v>0</v>
      </c>
      <c r="O574" s="166">
        <v>0</v>
      </c>
      <c r="P574" s="166">
        <v>0</v>
      </c>
      <c r="Q574" s="166">
        <v>0</v>
      </c>
      <c r="R574" s="166">
        <v>0</v>
      </c>
      <c r="S574" s="166">
        <v>0</v>
      </c>
      <c r="T574" s="166">
        <v>0</v>
      </c>
      <c r="U574" s="166">
        <v>0</v>
      </c>
      <c r="V574" s="166">
        <v>0</v>
      </c>
      <c r="W574" s="166">
        <v>0</v>
      </c>
      <c r="X574" s="166">
        <v>0</v>
      </c>
      <c r="Y574" s="166">
        <v>0</v>
      </c>
      <c r="Z574" s="166">
        <v>0</v>
      </c>
      <c r="AA574" s="166">
        <v>0</v>
      </c>
      <c r="AB574" s="166">
        <v>0</v>
      </c>
      <c r="AC574" s="166">
        <v>0</v>
      </c>
      <c r="AD574" s="166">
        <v>0</v>
      </c>
      <c r="AE574" s="166">
        <v>0</v>
      </c>
      <c r="AF574" s="166">
        <v>0</v>
      </c>
      <c r="AG574" s="166">
        <v>0</v>
      </c>
      <c r="AH574" s="166">
        <v>0</v>
      </c>
      <c r="AI574" s="166">
        <v>0</v>
      </c>
      <c r="AJ574" s="166">
        <v>0</v>
      </c>
      <c r="AK574" s="166">
        <v>0</v>
      </c>
      <c r="AL574" s="166">
        <v>0</v>
      </c>
      <c r="AM574" s="166">
        <v>0</v>
      </c>
      <c r="AN574" s="166">
        <v>0</v>
      </c>
      <c r="AO574" s="166">
        <v>0</v>
      </c>
      <c r="AP574" s="166">
        <v>0</v>
      </c>
      <c r="AQ574" s="166">
        <v>0</v>
      </c>
      <c r="AR574" s="166">
        <v>0</v>
      </c>
      <c r="AS574" s="166">
        <v>0</v>
      </c>
      <c r="AT574" s="166">
        <v>0</v>
      </c>
      <c r="AU574" s="166">
        <v>0</v>
      </c>
      <c r="AV574" s="166">
        <v>0</v>
      </c>
      <c r="AW574" s="166">
        <v>0</v>
      </c>
      <c r="AX574" s="166">
        <v>0</v>
      </c>
      <c r="AY574" s="166">
        <v>0</v>
      </c>
      <c r="AZ574" s="166">
        <v>0</v>
      </c>
      <c r="BA574" s="166">
        <v>0</v>
      </c>
      <c r="BB574" s="166">
        <v>0</v>
      </c>
      <c r="BC574" s="166">
        <v>0</v>
      </c>
      <c r="BD574" s="166">
        <v>0</v>
      </c>
      <c r="BE574" s="166">
        <v>0</v>
      </c>
      <c r="BF574" s="166">
        <v>0</v>
      </c>
      <c r="BG574" s="166">
        <v>0</v>
      </c>
      <c r="BH574" s="166">
        <v>0</v>
      </c>
      <c r="BI574" s="166">
        <v>0</v>
      </c>
      <c r="BJ574" s="166">
        <v>0</v>
      </c>
      <c r="BK574" s="166">
        <v>0</v>
      </c>
      <c r="BL574" s="166">
        <v>0</v>
      </c>
      <c r="BM574" s="166">
        <v>0</v>
      </c>
      <c r="BN574" s="166">
        <v>0</v>
      </c>
      <c r="BO574" s="166">
        <v>0</v>
      </c>
      <c r="BP574" s="166">
        <v>0</v>
      </c>
      <c r="BQ574" s="166">
        <v>0</v>
      </c>
      <c r="BR574" s="166">
        <v>0</v>
      </c>
      <c r="BS574" s="166">
        <v>0</v>
      </c>
      <c r="BT574" s="166">
        <v>0</v>
      </c>
      <c r="BU574" s="166">
        <v>0</v>
      </c>
      <c r="BV574" s="166">
        <v>0</v>
      </c>
      <c r="BW574" s="166">
        <v>0</v>
      </c>
      <c r="BX574" s="166">
        <v>0</v>
      </c>
      <c r="BY574" s="166">
        <v>0</v>
      </c>
      <c r="BZ574" s="166">
        <v>0</v>
      </c>
      <c r="CA574" s="166">
        <v>0</v>
      </c>
      <c r="CB574" s="166">
        <v>0</v>
      </c>
      <c r="CC574" s="166">
        <v>0</v>
      </c>
      <c r="CD574" s="166">
        <v>0</v>
      </c>
      <c r="CE574" s="166">
        <v>0</v>
      </c>
      <c r="CF574" s="166">
        <v>0</v>
      </c>
      <c r="CG574" s="166">
        <v>0</v>
      </c>
      <c r="CH574" s="166">
        <v>0</v>
      </c>
      <c r="CI574" s="166">
        <v>0</v>
      </c>
      <c r="CJ574" s="166">
        <v>0</v>
      </c>
      <c r="CK574" s="166">
        <v>0</v>
      </c>
      <c r="CL574" s="166">
        <v>0</v>
      </c>
      <c r="CM574" s="166">
        <v>0</v>
      </c>
      <c r="CN574" s="166">
        <v>0</v>
      </c>
      <c r="CO574" s="166">
        <v>0</v>
      </c>
      <c r="CP574" s="166">
        <v>0</v>
      </c>
      <c r="CQ574" s="166">
        <v>0</v>
      </c>
      <c r="CR574" s="166">
        <v>0</v>
      </c>
      <c r="CS574" s="166">
        <v>0</v>
      </c>
      <c r="CT574" s="166">
        <v>0</v>
      </c>
      <c r="CU574" s="166">
        <v>0</v>
      </c>
      <c r="CV574" s="166">
        <v>0</v>
      </c>
      <c r="CW574" s="166">
        <v>0</v>
      </c>
      <c r="CX574" s="166">
        <v>0</v>
      </c>
      <c r="CY574" s="166">
        <v>0</v>
      </c>
      <c r="CZ574" s="166">
        <v>0</v>
      </c>
    </row>
    <row r="575" spans="1:104" x14ac:dyDescent="0.2">
      <c r="A575" s="167" t="s">
        <v>106</v>
      </c>
      <c r="B575" s="166">
        <v>0</v>
      </c>
      <c r="C575" s="166">
        <v>0</v>
      </c>
      <c r="D575" s="166">
        <v>0</v>
      </c>
      <c r="E575" s="166">
        <v>0</v>
      </c>
      <c r="F575" s="166">
        <v>0</v>
      </c>
      <c r="G575" s="166">
        <v>0</v>
      </c>
      <c r="H575" s="166">
        <v>0</v>
      </c>
      <c r="I575" s="166">
        <v>0</v>
      </c>
      <c r="J575" s="166">
        <v>0</v>
      </c>
      <c r="K575" s="166">
        <v>0</v>
      </c>
      <c r="L575" s="166">
        <v>0</v>
      </c>
      <c r="M575" s="166">
        <v>0</v>
      </c>
      <c r="N575" s="166">
        <v>0</v>
      </c>
      <c r="O575" s="166">
        <v>0</v>
      </c>
      <c r="P575" s="166">
        <v>0</v>
      </c>
      <c r="Q575" s="166">
        <v>0</v>
      </c>
      <c r="R575" s="166">
        <v>1000</v>
      </c>
      <c r="S575" s="166">
        <v>0</v>
      </c>
      <c r="T575" s="166">
        <v>0</v>
      </c>
      <c r="U575" s="166">
        <v>0</v>
      </c>
      <c r="V575" s="166">
        <v>0</v>
      </c>
      <c r="W575" s="166">
        <v>0</v>
      </c>
      <c r="X575" s="166">
        <v>0</v>
      </c>
      <c r="Y575" s="166">
        <v>0</v>
      </c>
      <c r="Z575" s="166">
        <v>0</v>
      </c>
      <c r="AA575" s="166">
        <v>0</v>
      </c>
      <c r="AB575" s="166">
        <v>0</v>
      </c>
      <c r="AC575" s="166">
        <v>0</v>
      </c>
      <c r="AD575" s="166">
        <v>0</v>
      </c>
      <c r="AE575" s="166">
        <v>0</v>
      </c>
      <c r="AF575" s="166">
        <v>0</v>
      </c>
      <c r="AG575" s="166">
        <v>0</v>
      </c>
      <c r="AH575" s="166">
        <v>0</v>
      </c>
      <c r="AI575" s="166">
        <v>0</v>
      </c>
      <c r="AJ575" s="166">
        <v>0</v>
      </c>
      <c r="AK575" s="166">
        <v>0</v>
      </c>
      <c r="AL575" s="166">
        <v>0</v>
      </c>
      <c r="AM575" s="166">
        <v>0</v>
      </c>
      <c r="AN575" s="166">
        <v>0</v>
      </c>
      <c r="AO575" s="166">
        <v>0</v>
      </c>
      <c r="AP575" s="166">
        <v>0</v>
      </c>
      <c r="AQ575" s="166">
        <v>0</v>
      </c>
      <c r="AR575" s="166">
        <v>0</v>
      </c>
      <c r="AS575" s="166">
        <v>0</v>
      </c>
      <c r="AT575" s="166">
        <v>0</v>
      </c>
      <c r="AU575" s="166">
        <v>0</v>
      </c>
      <c r="AV575" s="166">
        <v>0</v>
      </c>
      <c r="AW575" s="166">
        <v>0</v>
      </c>
      <c r="AX575" s="166">
        <v>0</v>
      </c>
      <c r="AY575" s="166">
        <v>0</v>
      </c>
      <c r="AZ575" s="166">
        <v>0</v>
      </c>
      <c r="BA575" s="166">
        <v>0</v>
      </c>
      <c r="BB575" s="166">
        <v>0</v>
      </c>
      <c r="BC575" s="166">
        <v>0</v>
      </c>
      <c r="BD575" s="166">
        <v>0</v>
      </c>
      <c r="BE575" s="166">
        <v>0</v>
      </c>
      <c r="BF575" s="166">
        <v>0</v>
      </c>
      <c r="BG575" s="166">
        <v>0</v>
      </c>
      <c r="BH575" s="166">
        <v>0</v>
      </c>
      <c r="BI575" s="166">
        <v>0</v>
      </c>
      <c r="BJ575" s="166">
        <v>0</v>
      </c>
      <c r="BK575" s="166">
        <v>0</v>
      </c>
      <c r="BL575" s="166">
        <v>0</v>
      </c>
      <c r="BM575" s="166">
        <v>0</v>
      </c>
      <c r="BN575" s="166">
        <v>0</v>
      </c>
      <c r="BO575" s="166">
        <v>0</v>
      </c>
      <c r="BP575" s="166">
        <v>0</v>
      </c>
      <c r="BQ575" s="166">
        <v>0</v>
      </c>
      <c r="BR575" s="166">
        <v>0</v>
      </c>
      <c r="BS575" s="166">
        <v>0</v>
      </c>
      <c r="BT575" s="166">
        <v>0</v>
      </c>
      <c r="BU575" s="166">
        <v>0</v>
      </c>
      <c r="BV575" s="166">
        <v>0</v>
      </c>
      <c r="BW575" s="166">
        <v>0</v>
      </c>
      <c r="BX575" s="166">
        <v>0</v>
      </c>
      <c r="BY575" s="166">
        <v>0</v>
      </c>
      <c r="BZ575" s="166">
        <v>0</v>
      </c>
      <c r="CA575" s="166">
        <v>0</v>
      </c>
      <c r="CB575" s="166">
        <v>0</v>
      </c>
      <c r="CC575" s="166">
        <v>0</v>
      </c>
      <c r="CD575" s="166">
        <v>0</v>
      </c>
      <c r="CE575" s="166">
        <v>0</v>
      </c>
      <c r="CF575" s="166">
        <v>0</v>
      </c>
      <c r="CG575" s="166">
        <v>0</v>
      </c>
      <c r="CH575" s="166">
        <v>0</v>
      </c>
      <c r="CI575" s="166">
        <v>0</v>
      </c>
      <c r="CJ575" s="166">
        <v>0</v>
      </c>
      <c r="CK575" s="166">
        <v>0</v>
      </c>
      <c r="CL575" s="166">
        <v>0</v>
      </c>
      <c r="CM575" s="166">
        <v>0</v>
      </c>
      <c r="CN575" s="166">
        <v>0</v>
      </c>
      <c r="CO575" s="166">
        <v>0</v>
      </c>
      <c r="CP575" s="166">
        <v>0</v>
      </c>
      <c r="CQ575" s="166">
        <v>0</v>
      </c>
      <c r="CR575" s="166">
        <v>0</v>
      </c>
      <c r="CS575" s="166">
        <v>0</v>
      </c>
      <c r="CT575" s="166">
        <v>0</v>
      </c>
      <c r="CU575" s="166">
        <v>0</v>
      </c>
      <c r="CV575" s="166">
        <v>0</v>
      </c>
      <c r="CW575" s="166">
        <v>0</v>
      </c>
      <c r="CX575" s="166">
        <v>0</v>
      </c>
      <c r="CY575" s="166">
        <v>0</v>
      </c>
      <c r="CZ575" s="166">
        <v>0</v>
      </c>
    </row>
    <row r="576" spans="1:104" x14ac:dyDescent="0.2">
      <c r="A576" s="167" t="s">
        <v>107</v>
      </c>
      <c r="B576" s="166">
        <v>0</v>
      </c>
      <c r="C576" s="166">
        <v>0</v>
      </c>
      <c r="D576" s="166">
        <v>0</v>
      </c>
      <c r="E576" s="166">
        <v>0</v>
      </c>
      <c r="F576" s="166">
        <v>0</v>
      </c>
      <c r="G576" s="166">
        <v>0</v>
      </c>
      <c r="H576" s="166">
        <v>0</v>
      </c>
      <c r="I576" s="166">
        <v>0</v>
      </c>
      <c r="J576" s="166">
        <v>0</v>
      </c>
      <c r="K576" s="166">
        <v>0</v>
      </c>
      <c r="L576" s="166">
        <v>0</v>
      </c>
      <c r="M576" s="166">
        <v>0</v>
      </c>
      <c r="N576" s="166">
        <v>0</v>
      </c>
      <c r="O576" s="166">
        <v>0</v>
      </c>
      <c r="P576" s="166">
        <v>0</v>
      </c>
      <c r="Q576" s="166">
        <v>0</v>
      </c>
      <c r="R576" s="166">
        <v>0</v>
      </c>
      <c r="S576" s="166">
        <v>0</v>
      </c>
      <c r="T576" s="166">
        <v>0</v>
      </c>
      <c r="U576" s="166">
        <v>1000</v>
      </c>
      <c r="V576" s="166">
        <v>0</v>
      </c>
      <c r="W576" s="166">
        <v>0</v>
      </c>
      <c r="X576" s="166">
        <v>0</v>
      </c>
      <c r="Y576" s="166">
        <v>0</v>
      </c>
      <c r="Z576" s="166">
        <v>0</v>
      </c>
      <c r="AA576" s="166">
        <v>0</v>
      </c>
      <c r="AB576" s="166">
        <v>0</v>
      </c>
      <c r="AC576" s="166">
        <v>0</v>
      </c>
      <c r="AD576" s="166">
        <v>0</v>
      </c>
      <c r="AE576" s="166">
        <v>0</v>
      </c>
      <c r="AF576" s="166">
        <v>0</v>
      </c>
      <c r="AG576" s="166">
        <v>0</v>
      </c>
      <c r="AH576" s="166">
        <v>0</v>
      </c>
      <c r="AI576" s="166">
        <v>0</v>
      </c>
      <c r="AJ576" s="166">
        <v>0</v>
      </c>
      <c r="AK576" s="166">
        <v>0</v>
      </c>
      <c r="AL576" s="166">
        <v>0</v>
      </c>
      <c r="AM576" s="166">
        <v>0</v>
      </c>
      <c r="AN576" s="166">
        <v>0</v>
      </c>
      <c r="AO576" s="166">
        <v>0</v>
      </c>
      <c r="AP576" s="166">
        <v>0</v>
      </c>
      <c r="AQ576" s="166">
        <v>0</v>
      </c>
      <c r="AR576" s="166">
        <v>0</v>
      </c>
      <c r="AS576" s="166">
        <v>0</v>
      </c>
      <c r="AT576" s="166">
        <v>0</v>
      </c>
      <c r="AU576" s="166">
        <v>0</v>
      </c>
      <c r="AV576" s="166">
        <v>0</v>
      </c>
      <c r="AW576" s="166">
        <v>0</v>
      </c>
      <c r="AX576" s="166">
        <v>0</v>
      </c>
      <c r="AY576" s="166">
        <v>0</v>
      </c>
      <c r="AZ576" s="166">
        <v>0</v>
      </c>
      <c r="BA576" s="166">
        <v>0</v>
      </c>
      <c r="BB576" s="166">
        <v>0</v>
      </c>
      <c r="BC576" s="166">
        <v>0</v>
      </c>
      <c r="BD576" s="166">
        <v>0</v>
      </c>
      <c r="BE576" s="166">
        <v>0</v>
      </c>
      <c r="BF576" s="166">
        <v>0</v>
      </c>
      <c r="BG576" s="166">
        <v>0</v>
      </c>
      <c r="BH576" s="166">
        <v>0</v>
      </c>
      <c r="BI576" s="166">
        <v>0</v>
      </c>
      <c r="BJ576" s="166">
        <v>0</v>
      </c>
      <c r="BK576" s="166">
        <v>0</v>
      </c>
      <c r="BL576" s="166">
        <v>0</v>
      </c>
      <c r="BM576" s="166">
        <v>0</v>
      </c>
      <c r="BN576" s="166">
        <v>0</v>
      </c>
      <c r="BO576" s="166">
        <v>0</v>
      </c>
      <c r="BP576" s="166">
        <v>0</v>
      </c>
      <c r="BQ576" s="166">
        <v>0</v>
      </c>
      <c r="BR576" s="166">
        <v>0</v>
      </c>
      <c r="BS576" s="166">
        <v>0</v>
      </c>
      <c r="BT576" s="166">
        <v>0</v>
      </c>
      <c r="BU576" s="166">
        <v>0</v>
      </c>
      <c r="BV576" s="166">
        <v>0</v>
      </c>
      <c r="BW576" s="166">
        <v>0</v>
      </c>
      <c r="BX576" s="166">
        <v>0</v>
      </c>
      <c r="BY576" s="166">
        <v>0</v>
      </c>
      <c r="BZ576" s="166">
        <v>0</v>
      </c>
      <c r="CA576" s="166">
        <v>0</v>
      </c>
      <c r="CB576" s="166">
        <v>0</v>
      </c>
      <c r="CC576" s="166">
        <v>0</v>
      </c>
      <c r="CD576" s="166">
        <v>0</v>
      </c>
      <c r="CE576" s="166">
        <v>0</v>
      </c>
      <c r="CF576" s="166">
        <v>0</v>
      </c>
      <c r="CG576" s="166">
        <v>0</v>
      </c>
      <c r="CH576" s="166">
        <v>0</v>
      </c>
      <c r="CI576" s="166">
        <v>0</v>
      </c>
      <c r="CJ576" s="166">
        <v>0</v>
      </c>
      <c r="CK576" s="166">
        <v>0</v>
      </c>
      <c r="CL576" s="166">
        <v>0</v>
      </c>
      <c r="CM576" s="166">
        <v>0</v>
      </c>
      <c r="CN576" s="166">
        <v>0</v>
      </c>
      <c r="CO576" s="166">
        <v>0</v>
      </c>
      <c r="CP576" s="166">
        <v>0</v>
      </c>
      <c r="CQ576" s="166">
        <v>0</v>
      </c>
      <c r="CR576" s="166">
        <v>0</v>
      </c>
      <c r="CS576" s="166">
        <v>0</v>
      </c>
      <c r="CT576" s="166">
        <v>0</v>
      </c>
      <c r="CU576" s="166">
        <v>0</v>
      </c>
      <c r="CV576" s="166">
        <v>0</v>
      </c>
      <c r="CW576" s="166">
        <v>0</v>
      </c>
      <c r="CX576" s="166">
        <v>0</v>
      </c>
      <c r="CY576" s="166">
        <v>0</v>
      </c>
      <c r="CZ576" s="166">
        <v>0</v>
      </c>
    </row>
    <row r="577" spans="1:104" x14ac:dyDescent="0.2">
      <c r="A577" s="167" t="s">
        <v>108</v>
      </c>
      <c r="B577" s="166">
        <v>0</v>
      </c>
      <c r="C577" s="166">
        <v>0</v>
      </c>
      <c r="D577" s="166">
        <v>0</v>
      </c>
      <c r="E577" s="166">
        <v>0</v>
      </c>
      <c r="F577" s="166">
        <v>0</v>
      </c>
      <c r="G577" s="166">
        <v>0</v>
      </c>
      <c r="H577" s="166">
        <v>0</v>
      </c>
      <c r="I577" s="166">
        <v>0</v>
      </c>
      <c r="J577" s="166">
        <v>0</v>
      </c>
      <c r="K577" s="166">
        <v>0</v>
      </c>
      <c r="L577" s="166">
        <v>0</v>
      </c>
      <c r="M577" s="166">
        <v>0</v>
      </c>
      <c r="N577" s="166">
        <v>0</v>
      </c>
      <c r="O577" s="166">
        <v>0</v>
      </c>
      <c r="P577" s="166">
        <v>0</v>
      </c>
      <c r="Q577" s="166">
        <v>0</v>
      </c>
      <c r="R577" s="166">
        <v>0</v>
      </c>
      <c r="S577" s="166">
        <v>0</v>
      </c>
      <c r="T577" s="166">
        <v>0</v>
      </c>
      <c r="U577" s="166">
        <v>0</v>
      </c>
      <c r="V577" s="166">
        <v>0</v>
      </c>
      <c r="W577" s="166">
        <v>0</v>
      </c>
      <c r="X577" s="166">
        <v>0</v>
      </c>
      <c r="Y577" s="166">
        <v>0</v>
      </c>
      <c r="Z577" s="166">
        <v>0</v>
      </c>
      <c r="AA577" s="166">
        <v>0</v>
      </c>
      <c r="AB577" s="166">
        <v>0</v>
      </c>
      <c r="AC577" s="166">
        <v>0</v>
      </c>
      <c r="AD577" s="166">
        <v>0</v>
      </c>
      <c r="AE577" s="166">
        <v>0</v>
      </c>
      <c r="AF577" s="166">
        <v>0</v>
      </c>
      <c r="AG577" s="166">
        <v>0</v>
      </c>
      <c r="AH577" s="166">
        <v>0</v>
      </c>
      <c r="AI577" s="166">
        <v>0</v>
      </c>
      <c r="AJ577" s="166">
        <v>0</v>
      </c>
      <c r="AK577" s="166">
        <v>0</v>
      </c>
      <c r="AL577" s="166">
        <v>0</v>
      </c>
      <c r="AM577" s="166">
        <v>0</v>
      </c>
      <c r="AN577" s="166">
        <v>0</v>
      </c>
      <c r="AO577" s="166">
        <v>0</v>
      </c>
      <c r="AP577" s="166">
        <v>0</v>
      </c>
      <c r="AQ577" s="166">
        <v>0</v>
      </c>
      <c r="AR577" s="166">
        <v>0</v>
      </c>
      <c r="AS577" s="166">
        <v>0</v>
      </c>
      <c r="AT577" s="166">
        <v>0</v>
      </c>
      <c r="AU577" s="166">
        <v>0</v>
      </c>
      <c r="AV577" s="166">
        <v>0</v>
      </c>
      <c r="AW577" s="166">
        <v>0</v>
      </c>
      <c r="AX577" s="166">
        <v>0</v>
      </c>
      <c r="AY577" s="166">
        <v>1000</v>
      </c>
      <c r="AZ577" s="166">
        <v>0</v>
      </c>
      <c r="BA577" s="166">
        <v>0</v>
      </c>
      <c r="BB577" s="166">
        <v>0</v>
      </c>
      <c r="BC577" s="166">
        <v>0</v>
      </c>
      <c r="BD577" s="166">
        <v>0</v>
      </c>
      <c r="BE577" s="166">
        <v>0</v>
      </c>
      <c r="BF577" s="166">
        <v>0</v>
      </c>
      <c r="BG577" s="166">
        <v>0</v>
      </c>
      <c r="BH577" s="166">
        <v>0</v>
      </c>
      <c r="BI577" s="166">
        <v>0</v>
      </c>
      <c r="BJ577" s="166">
        <v>0</v>
      </c>
      <c r="BK577" s="166">
        <v>0</v>
      </c>
      <c r="BL577" s="166">
        <v>0</v>
      </c>
      <c r="BM577" s="166">
        <v>0</v>
      </c>
      <c r="BN577" s="166">
        <v>0</v>
      </c>
      <c r="BO577" s="166">
        <v>0</v>
      </c>
      <c r="BP577" s="166">
        <v>0</v>
      </c>
      <c r="BQ577" s="166">
        <v>0</v>
      </c>
      <c r="BR577" s="166">
        <v>0</v>
      </c>
      <c r="BS577" s="166">
        <v>0</v>
      </c>
      <c r="BT577" s="166">
        <v>0</v>
      </c>
      <c r="BU577" s="166">
        <v>0</v>
      </c>
      <c r="BV577" s="166">
        <v>0</v>
      </c>
      <c r="BW577" s="166">
        <v>0</v>
      </c>
      <c r="BX577" s="166">
        <v>0</v>
      </c>
      <c r="BY577" s="166">
        <v>0</v>
      </c>
      <c r="BZ577" s="166">
        <v>0</v>
      </c>
      <c r="CA577" s="166">
        <v>0</v>
      </c>
      <c r="CB577" s="166">
        <v>0</v>
      </c>
      <c r="CC577" s="166">
        <v>0</v>
      </c>
      <c r="CD577" s="166">
        <v>0</v>
      </c>
      <c r="CE577" s="166">
        <v>0</v>
      </c>
      <c r="CF577" s="166">
        <v>0</v>
      </c>
      <c r="CG577" s="166">
        <v>0</v>
      </c>
      <c r="CH577" s="166">
        <v>0</v>
      </c>
      <c r="CI577" s="166">
        <v>0</v>
      </c>
      <c r="CJ577" s="166">
        <v>0</v>
      </c>
      <c r="CK577" s="166">
        <v>0</v>
      </c>
      <c r="CL577" s="166">
        <v>0</v>
      </c>
      <c r="CM577" s="166">
        <v>0</v>
      </c>
      <c r="CN577" s="166">
        <v>0</v>
      </c>
      <c r="CO577" s="166">
        <v>0</v>
      </c>
      <c r="CP577" s="166">
        <v>0</v>
      </c>
      <c r="CQ577" s="166">
        <v>0</v>
      </c>
      <c r="CR577" s="166">
        <v>0</v>
      </c>
      <c r="CS577" s="166">
        <v>0</v>
      </c>
      <c r="CT577" s="166">
        <v>0</v>
      </c>
      <c r="CU577" s="166">
        <v>0</v>
      </c>
      <c r="CV577" s="166">
        <v>0</v>
      </c>
      <c r="CW577" s="166">
        <v>0</v>
      </c>
      <c r="CX577" s="166">
        <v>0</v>
      </c>
      <c r="CY577" s="166">
        <v>0</v>
      </c>
      <c r="CZ577" s="166">
        <v>0</v>
      </c>
    </row>
    <row r="578" spans="1:104" x14ac:dyDescent="0.2">
      <c r="A578" s="167" t="s">
        <v>109</v>
      </c>
      <c r="B578" s="166">
        <v>0</v>
      </c>
      <c r="C578" s="166">
        <v>0</v>
      </c>
      <c r="D578" s="166">
        <v>0</v>
      </c>
      <c r="E578" s="166">
        <v>0</v>
      </c>
      <c r="F578" s="166">
        <v>0</v>
      </c>
      <c r="G578" s="166">
        <v>1000</v>
      </c>
      <c r="H578" s="166">
        <v>0</v>
      </c>
      <c r="I578" s="166">
        <v>0</v>
      </c>
      <c r="J578" s="166">
        <v>0</v>
      </c>
      <c r="K578" s="166">
        <v>0</v>
      </c>
      <c r="L578" s="166">
        <v>0</v>
      </c>
      <c r="M578" s="166">
        <v>0</v>
      </c>
      <c r="N578" s="166">
        <v>0</v>
      </c>
      <c r="O578" s="166">
        <v>0</v>
      </c>
      <c r="P578" s="166">
        <v>0</v>
      </c>
      <c r="Q578" s="166">
        <v>0</v>
      </c>
      <c r="R578" s="166">
        <v>1000</v>
      </c>
      <c r="S578" s="166">
        <v>0</v>
      </c>
      <c r="T578" s="166">
        <v>0</v>
      </c>
      <c r="U578" s="166">
        <v>1000</v>
      </c>
      <c r="V578" s="166">
        <v>0</v>
      </c>
      <c r="W578" s="166">
        <v>0</v>
      </c>
      <c r="X578" s="166">
        <v>0</v>
      </c>
      <c r="Y578" s="166">
        <v>0</v>
      </c>
      <c r="Z578" s="166">
        <v>0</v>
      </c>
      <c r="AA578" s="166">
        <v>0</v>
      </c>
      <c r="AB578" s="166">
        <v>1000</v>
      </c>
      <c r="AC578" s="166">
        <v>0</v>
      </c>
      <c r="AD578" s="166">
        <v>0</v>
      </c>
      <c r="AE578" s="166">
        <v>0</v>
      </c>
      <c r="AF578" s="166">
        <v>0</v>
      </c>
      <c r="AG578" s="166">
        <v>0</v>
      </c>
      <c r="AH578" s="166">
        <v>0</v>
      </c>
      <c r="AI578" s="166">
        <v>0</v>
      </c>
      <c r="AJ578" s="166">
        <v>0</v>
      </c>
      <c r="AK578" s="166">
        <v>0</v>
      </c>
      <c r="AL578" s="166">
        <v>0</v>
      </c>
      <c r="AM578" s="166">
        <v>0</v>
      </c>
      <c r="AN578" s="166">
        <v>0</v>
      </c>
      <c r="AO578" s="166">
        <v>0</v>
      </c>
      <c r="AP578" s="166">
        <v>0</v>
      </c>
      <c r="AQ578" s="166">
        <v>0</v>
      </c>
      <c r="AR578" s="166">
        <v>0</v>
      </c>
      <c r="AS578" s="166">
        <v>0</v>
      </c>
      <c r="AT578" s="166">
        <v>0</v>
      </c>
      <c r="AU578" s="166">
        <v>0</v>
      </c>
      <c r="AV578" s="166">
        <v>0</v>
      </c>
      <c r="AW578" s="166">
        <v>0</v>
      </c>
      <c r="AX578" s="166">
        <v>0</v>
      </c>
      <c r="AY578" s="166">
        <v>1000</v>
      </c>
      <c r="AZ578" s="166">
        <v>0</v>
      </c>
      <c r="BA578" s="166">
        <v>0</v>
      </c>
      <c r="BB578" s="166">
        <v>0</v>
      </c>
      <c r="BC578" s="166">
        <v>0</v>
      </c>
      <c r="BD578" s="166">
        <v>0</v>
      </c>
      <c r="BE578" s="166">
        <v>0</v>
      </c>
      <c r="BF578" s="166">
        <v>0</v>
      </c>
      <c r="BG578" s="166">
        <v>0</v>
      </c>
      <c r="BH578" s="166">
        <v>0</v>
      </c>
      <c r="BI578" s="166">
        <v>0</v>
      </c>
      <c r="BJ578" s="166">
        <v>0</v>
      </c>
      <c r="BK578" s="166">
        <v>0</v>
      </c>
      <c r="BL578" s="166">
        <v>0</v>
      </c>
      <c r="BM578" s="166">
        <v>0</v>
      </c>
      <c r="BN578" s="166">
        <v>0</v>
      </c>
      <c r="BO578" s="166">
        <v>0</v>
      </c>
      <c r="BP578" s="166">
        <v>0</v>
      </c>
      <c r="BQ578" s="166">
        <v>0</v>
      </c>
      <c r="BR578" s="166">
        <v>0</v>
      </c>
      <c r="BS578" s="166">
        <v>0</v>
      </c>
      <c r="BT578" s="166">
        <v>0</v>
      </c>
      <c r="BU578" s="166">
        <v>0</v>
      </c>
      <c r="BV578" s="166">
        <v>0</v>
      </c>
      <c r="BW578" s="166">
        <v>0</v>
      </c>
      <c r="BX578" s="166">
        <v>0</v>
      </c>
      <c r="BY578" s="166">
        <v>0</v>
      </c>
      <c r="BZ578" s="166">
        <v>0</v>
      </c>
      <c r="CA578" s="166">
        <v>0</v>
      </c>
      <c r="CB578" s="166">
        <v>0</v>
      </c>
      <c r="CC578" s="166">
        <v>0</v>
      </c>
      <c r="CD578" s="166">
        <v>0</v>
      </c>
      <c r="CE578" s="166">
        <v>0</v>
      </c>
      <c r="CF578" s="166">
        <v>0</v>
      </c>
      <c r="CG578" s="166">
        <v>0</v>
      </c>
      <c r="CH578" s="166">
        <v>0</v>
      </c>
      <c r="CI578" s="166">
        <v>0</v>
      </c>
      <c r="CJ578" s="166">
        <v>0</v>
      </c>
      <c r="CK578" s="166">
        <v>0</v>
      </c>
      <c r="CL578" s="166">
        <v>0</v>
      </c>
      <c r="CM578" s="166">
        <v>0</v>
      </c>
      <c r="CN578" s="166">
        <v>0</v>
      </c>
      <c r="CO578" s="166">
        <v>0</v>
      </c>
      <c r="CP578" s="166">
        <v>0</v>
      </c>
      <c r="CQ578" s="166">
        <v>0</v>
      </c>
      <c r="CR578" s="166">
        <v>0</v>
      </c>
      <c r="CS578" s="166">
        <v>0</v>
      </c>
      <c r="CT578" s="166">
        <v>0</v>
      </c>
      <c r="CU578" s="166">
        <v>0</v>
      </c>
      <c r="CV578" s="166">
        <v>0</v>
      </c>
      <c r="CW578" s="166">
        <v>0</v>
      </c>
      <c r="CX578" s="166">
        <v>0</v>
      </c>
      <c r="CY578" s="166">
        <v>0</v>
      </c>
      <c r="CZ578" s="166">
        <v>0</v>
      </c>
    </row>
    <row r="579" spans="1:104" x14ac:dyDescent="0.2">
      <c r="A579" s="167" t="s">
        <v>110</v>
      </c>
    </row>
    <row r="580" spans="1:104" x14ac:dyDescent="0.2">
      <c r="A580" s="167" t="s">
        <v>111</v>
      </c>
    </row>
    <row r="581" spans="1:104" x14ac:dyDescent="0.2">
      <c r="A581" s="167" t="s">
        <v>112</v>
      </c>
    </row>
    <row r="582" spans="1:104" x14ac:dyDescent="0.2">
      <c r="A582" s="167" t="s">
        <v>113</v>
      </c>
    </row>
    <row r="583" spans="1:104" x14ac:dyDescent="0.2">
      <c r="A583" s="167" t="s">
        <v>114</v>
      </c>
      <c r="B583" s="166">
        <v>0</v>
      </c>
      <c r="C583" s="166">
        <v>0</v>
      </c>
      <c r="D583" s="166">
        <v>0</v>
      </c>
      <c r="E583" s="166">
        <v>0</v>
      </c>
      <c r="F583" s="166">
        <v>0</v>
      </c>
      <c r="G583" s="166">
        <v>0</v>
      </c>
      <c r="H583" s="166">
        <v>0</v>
      </c>
      <c r="I583" s="166">
        <v>0</v>
      </c>
      <c r="J583" s="166">
        <v>0</v>
      </c>
      <c r="K583" s="166">
        <v>0</v>
      </c>
      <c r="L583" s="166">
        <v>0</v>
      </c>
      <c r="M583" s="166">
        <v>0</v>
      </c>
      <c r="N583" s="166">
        <v>0</v>
      </c>
      <c r="O583" s="166">
        <v>0</v>
      </c>
      <c r="P583" s="166">
        <v>0</v>
      </c>
      <c r="Q583" s="166">
        <v>0</v>
      </c>
      <c r="R583" s="166">
        <v>0</v>
      </c>
      <c r="S583" s="166">
        <v>0</v>
      </c>
      <c r="T583" s="166">
        <v>0</v>
      </c>
      <c r="U583" s="166">
        <v>0</v>
      </c>
      <c r="V583" s="166">
        <v>0</v>
      </c>
      <c r="W583" s="166">
        <v>0</v>
      </c>
      <c r="X583" s="166">
        <v>0</v>
      </c>
      <c r="Y583" s="166">
        <v>0</v>
      </c>
      <c r="Z583" s="166">
        <v>0</v>
      </c>
      <c r="AA583" s="166">
        <v>0</v>
      </c>
      <c r="AB583" s="166">
        <v>0</v>
      </c>
      <c r="AC583" s="166">
        <v>0</v>
      </c>
      <c r="AD583" s="166">
        <v>0</v>
      </c>
      <c r="AE583" s="166">
        <v>0</v>
      </c>
      <c r="AF583" s="166">
        <v>0</v>
      </c>
      <c r="AG583" s="166">
        <v>0</v>
      </c>
      <c r="AH583" s="166">
        <v>0</v>
      </c>
      <c r="AI583" s="166">
        <v>0</v>
      </c>
      <c r="AJ583" s="166">
        <v>0</v>
      </c>
      <c r="AK583" s="166">
        <v>0</v>
      </c>
      <c r="AL583" s="166">
        <v>0</v>
      </c>
      <c r="AM583" s="166">
        <v>0</v>
      </c>
      <c r="AN583" s="166">
        <v>0</v>
      </c>
      <c r="AO583" s="166">
        <v>0</v>
      </c>
      <c r="AP583" s="166">
        <v>0</v>
      </c>
      <c r="AQ583" s="166">
        <v>0</v>
      </c>
      <c r="AR583" s="166">
        <v>0</v>
      </c>
      <c r="AS583" s="166">
        <v>0</v>
      </c>
      <c r="AT583" s="166">
        <v>0</v>
      </c>
      <c r="AU583" s="166">
        <v>0</v>
      </c>
      <c r="AV583" s="166">
        <v>0</v>
      </c>
      <c r="AW583" s="166">
        <v>0</v>
      </c>
      <c r="AX583" s="166">
        <v>0</v>
      </c>
      <c r="AY583" s="166">
        <v>0</v>
      </c>
      <c r="AZ583" s="166">
        <v>0</v>
      </c>
      <c r="BA583" s="166">
        <v>0</v>
      </c>
      <c r="BB583" s="166">
        <v>0</v>
      </c>
      <c r="BC583" s="166">
        <v>0</v>
      </c>
      <c r="BD583" s="166">
        <v>0</v>
      </c>
      <c r="BE583" s="166">
        <v>0</v>
      </c>
      <c r="BF583" s="166">
        <v>0</v>
      </c>
      <c r="BG583" s="166">
        <v>0</v>
      </c>
      <c r="BH583" s="166">
        <v>0</v>
      </c>
      <c r="BI583" s="166">
        <v>0</v>
      </c>
      <c r="BJ583" s="166">
        <v>0</v>
      </c>
      <c r="BK583" s="166">
        <v>0</v>
      </c>
      <c r="BL583" s="166">
        <v>0</v>
      </c>
      <c r="BM583" s="166">
        <v>0</v>
      </c>
      <c r="BN583" s="166">
        <v>0</v>
      </c>
      <c r="BO583" s="166">
        <v>0</v>
      </c>
      <c r="BP583" s="166">
        <v>0</v>
      </c>
      <c r="BQ583" s="166">
        <v>0</v>
      </c>
      <c r="BR583" s="166">
        <v>0</v>
      </c>
      <c r="BS583" s="166">
        <v>0</v>
      </c>
      <c r="BT583" s="166">
        <v>0</v>
      </c>
      <c r="BU583" s="166">
        <v>0</v>
      </c>
      <c r="BV583" s="166">
        <v>0</v>
      </c>
      <c r="BW583" s="166">
        <v>0</v>
      </c>
      <c r="BX583" s="166">
        <v>0</v>
      </c>
      <c r="BY583" s="166">
        <v>0</v>
      </c>
      <c r="BZ583" s="166">
        <v>0</v>
      </c>
      <c r="CA583" s="166">
        <v>0</v>
      </c>
      <c r="CB583" s="166">
        <v>0</v>
      </c>
      <c r="CC583" s="166">
        <v>0</v>
      </c>
      <c r="CD583" s="166">
        <v>0</v>
      </c>
      <c r="CE583" s="166">
        <v>0</v>
      </c>
      <c r="CF583" s="166">
        <v>0</v>
      </c>
      <c r="CG583" s="166">
        <v>0</v>
      </c>
      <c r="CH583" s="166">
        <v>0</v>
      </c>
      <c r="CI583" s="166">
        <v>0</v>
      </c>
      <c r="CJ583" s="166">
        <v>0</v>
      </c>
      <c r="CK583" s="166">
        <v>0</v>
      </c>
      <c r="CL583" s="166">
        <v>0</v>
      </c>
      <c r="CM583" s="166">
        <v>0</v>
      </c>
      <c r="CN583" s="166">
        <v>0</v>
      </c>
      <c r="CO583" s="166">
        <v>0</v>
      </c>
      <c r="CP583" s="166">
        <v>0</v>
      </c>
      <c r="CQ583" s="166">
        <v>0</v>
      </c>
      <c r="CR583" s="166">
        <v>0</v>
      </c>
      <c r="CS583" s="166">
        <v>0</v>
      </c>
      <c r="CT583" s="166">
        <v>0</v>
      </c>
      <c r="CU583" s="166">
        <v>0</v>
      </c>
      <c r="CV583" s="166">
        <v>0</v>
      </c>
      <c r="CW583" s="166">
        <v>0</v>
      </c>
      <c r="CX583" s="166">
        <v>0</v>
      </c>
      <c r="CY583" s="166">
        <v>0</v>
      </c>
      <c r="CZ583" s="166">
        <v>0</v>
      </c>
    </row>
    <row r="584" spans="1:104" x14ac:dyDescent="0.2">
      <c r="A584" s="167" t="s">
        <v>115</v>
      </c>
      <c r="B584" s="166">
        <v>0</v>
      </c>
      <c r="C584" s="166">
        <v>0</v>
      </c>
      <c r="D584" s="166">
        <v>0</v>
      </c>
      <c r="E584" s="166">
        <v>0</v>
      </c>
      <c r="F584" s="166">
        <v>0</v>
      </c>
      <c r="G584" s="166">
        <v>0</v>
      </c>
      <c r="H584" s="166">
        <v>0</v>
      </c>
      <c r="I584" s="166">
        <v>0</v>
      </c>
      <c r="J584" s="166">
        <v>0</v>
      </c>
      <c r="K584" s="166">
        <v>0</v>
      </c>
      <c r="L584" s="166">
        <v>0</v>
      </c>
      <c r="M584" s="166">
        <v>0</v>
      </c>
      <c r="N584" s="166">
        <v>0</v>
      </c>
      <c r="O584" s="166">
        <v>0</v>
      </c>
      <c r="P584" s="166">
        <v>0</v>
      </c>
      <c r="Q584" s="166">
        <v>0</v>
      </c>
      <c r="R584" s="166">
        <v>0</v>
      </c>
      <c r="S584" s="166">
        <v>0</v>
      </c>
      <c r="T584" s="166">
        <v>0</v>
      </c>
      <c r="U584" s="166">
        <v>0</v>
      </c>
      <c r="V584" s="166">
        <v>0</v>
      </c>
      <c r="W584" s="166">
        <v>0</v>
      </c>
      <c r="X584" s="166">
        <v>0</v>
      </c>
      <c r="Y584" s="166">
        <v>0</v>
      </c>
      <c r="Z584" s="166">
        <v>0</v>
      </c>
      <c r="AA584" s="166">
        <v>0</v>
      </c>
      <c r="AB584" s="166">
        <v>0</v>
      </c>
      <c r="AC584" s="166">
        <v>0</v>
      </c>
      <c r="AD584" s="166">
        <v>0</v>
      </c>
      <c r="AE584" s="166">
        <v>0</v>
      </c>
      <c r="AF584" s="166">
        <v>0</v>
      </c>
      <c r="AG584" s="166">
        <v>0</v>
      </c>
      <c r="AH584" s="166">
        <v>0</v>
      </c>
      <c r="AI584" s="166">
        <v>0</v>
      </c>
      <c r="AJ584" s="166">
        <v>0</v>
      </c>
      <c r="AK584" s="166">
        <v>0</v>
      </c>
      <c r="AL584" s="166">
        <v>0</v>
      </c>
      <c r="AM584" s="166">
        <v>0</v>
      </c>
      <c r="AN584" s="166">
        <v>0</v>
      </c>
      <c r="AO584" s="166">
        <v>0</v>
      </c>
      <c r="AP584" s="166">
        <v>0</v>
      </c>
      <c r="AQ584" s="166">
        <v>0</v>
      </c>
      <c r="AR584" s="166">
        <v>0</v>
      </c>
      <c r="AS584" s="166">
        <v>0</v>
      </c>
      <c r="AT584" s="166">
        <v>0</v>
      </c>
      <c r="AU584" s="166">
        <v>0</v>
      </c>
      <c r="AV584" s="166">
        <v>0</v>
      </c>
      <c r="AW584" s="166">
        <v>0</v>
      </c>
      <c r="AX584" s="166">
        <v>0</v>
      </c>
      <c r="AY584" s="166">
        <v>0</v>
      </c>
      <c r="AZ584" s="166">
        <v>0</v>
      </c>
      <c r="BA584" s="166">
        <v>0</v>
      </c>
      <c r="BB584" s="166">
        <v>0</v>
      </c>
      <c r="BC584" s="166">
        <v>0</v>
      </c>
      <c r="BD584" s="166">
        <v>0</v>
      </c>
      <c r="BE584" s="166">
        <v>0</v>
      </c>
      <c r="BF584" s="166">
        <v>0</v>
      </c>
      <c r="BG584" s="166">
        <v>0</v>
      </c>
      <c r="BH584" s="166">
        <v>0</v>
      </c>
      <c r="BI584" s="166">
        <v>0</v>
      </c>
      <c r="BJ584" s="166">
        <v>0</v>
      </c>
      <c r="BK584" s="166">
        <v>0</v>
      </c>
      <c r="BL584" s="166">
        <v>0</v>
      </c>
      <c r="BM584" s="166">
        <v>0</v>
      </c>
      <c r="BN584" s="166">
        <v>0</v>
      </c>
      <c r="BO584" s="166">
        <v>0</v>
      </c>
      <c r="BP584" s="166">
        <v>0</v>
      </c>
      <c r="BQ584" s="166">
        <v>0</v>
      </c>
      <c r="BR584" s="166">
        <v>0</v>
      </c>
      <c r="BS584" s="166">
        <v>0</v>
      </c>
      <c r="BT584" s="168">
        <v>0</v>
      </c>
      <c r="BU584" s="166">
        <v>0</v>
      </c>
      <c r="BV584" s="166">
        <v>0</v>
      </c>
      <c r="BW584" s="166">
        <v>0</v>
      </c>
      <c r="BX584" s="166">
        <v>0</v>
      </c>
      <c r="BY584" s="166">
        <v>0</v>
      </c>
      <c r="BZ584" s="166">
        <v>0</v>
      </c>
      <c r="CA584" s="166">
        <v>0</v>
      </c>
      <c r="CB584" s="166">
        <v>0</v>
      </c>
      <c r="CC584" s="166">
        <v>0</v>
      </c>
      <c r="CD584" s="166">
        <v>0</v>
      </c>
      <c r="CE584" s="166">
        <v>0</v>
      </c>
      <c r="CF584" s="166">
        <v>0</v>
      </c>
      <c r="CG584" s="166">
        <v>0</v>
      </c>
      <c r="CH584" s="166">
        <v>0</v>
      </c>
      <c r="CI584" s="166">
        <v>0</v>
      </c>
      <c r="CJ584" s="166">
        <v>0</v>
      </c>
      <c r="CK584" s="166">
        <v>0</v>
      </c>
      <c r="CL584" s="166">
        <v>0</v>
      </c>
      <c r="CM584" s="166">
        <v>0</v>
      </c>
      <c r="CN584" s="166">
        <v>0</v>
      </c>
      <c r="CO584" s="166">
        <v>0</v>
      </c>
      <c r="CP584" s="166">
        <v>0</v>
      </c>
      <c r="CQ584" s="166">
        <v>0</v>
      </c>
      <c r="CR584" s="166">
        <v>0</v>
      </c>
      <c r="CS584" s="166">
        <v>0</v>
      </c>
      <c r="CT584" s="166">
        <v>0</v>
      </c>
      <c r="CU584" s="166">
        <v>0</v>
      </c>
      <c r="CV584" s="166">
        <v>0</v>
      </c>
      <c r="CW584" s="166">
        <v>0</v>
      </c>
      <c r="CX584" s="166">
        <v>0</v>
      </c>
      <c r="CY584" s="166">
        <v>0</v>
      </c>
      <c r="CZ584" s="166">
        <v>0</v>
      </c>
    </row>
    <row r="585" spans="1:104" x14ac:dyDescent="0.2">
      <c r="A585" s="167" t="s">
        <v>116</v>
      </c>
      <c r="B585" s="166">
        <v>0</v>
      </c>
      <c r="C585" s="166">
        <v>0</v>
      </c>
      <c r="D585" s="166">
        <v>0</v>
      </c>
      <c r="E585" s="166">
        <v>0</v>
      </c>
      <c r="F585" s="166">
        <v>0</v>
      </c>
      <c r="G585" s="166">
        <v>0</v>
      </c>
      <c r="H585" s="166">
        <v>0</v>
      </c>
      <c r="I585" s="166">
        <v>0</v>
      </c>
      <c r="J585" s="166">
        <v>0</v>
      </c>
      <c r="K585" s="166">
        <v>0</v>
      </c>
      <c r="L585" s="166">
        <v>0</v>
      </c>
      <c r="M585" s="166">
        <v>0</v>
      </c>
      <c r="N585" s="166">
        <v>0</v>
      </c>
      <c r="O585" s="166">
        <v>0</v>
      </c>
      <c r="P585" s="166">
        <v>0</v>
      </c>
      <c r="Q585" s="166">
        <v>0</v>
      </c>
      <c r="R585" s="166">
        <v>0</v>
      </c>
      <c r="S585" s="166">
        <v>0</v>
      </c>
      <c r="T585" s="166">
        <v>0</v>
      </c>
      <c r="U585" s="166">
        <v>0</v>
      </c>
      <c r="V585" s="166">
        <v>0</v>
      </c>
      <c r="W585" s="166">
        <v>0</v>
      </c>
      <c r="X585" s="166">
        <v>0</v>
      </c>
      <c r="Y585" s="166">
        <v>0</v>
      </c>
      <c r="Z585" s="166">
        <v>0</v>
      </c>
      <c r="AA585" s="166">
        <v>0</v>
      </c>
      <c r="AB585" s="166">
        <v>0</v>
      </c>
      <c r="AC585" s="166">
        <v>0</v>
      </c>
      <c r="AD585" s="166">
        <v>0</v>
      </c>
      <c r="AE585" s="166">
        <v>0</v>
      </c>
      <c r="AF585" s="166">
        <v>0</v>
      </c>
      <c r="AG585" s="166">
        <v>0</v>
      </c>
      <c r="AH585" s="166">
        <v>0</v>
      </c>
      <c r="AI585" s="166">
        <v>0</v>
      </c>
      <c r="AJ585" s="166">
        <v>0</v>
      </c>
      <c r="AK585" s="166">
        <v>0</v>
      </c>
      <c r="AL585" s="166">
        <v>0</v>
      </c>
      <c r="AM585" s="166">
        <v>0</v>
      </c>
      <c r="AN585" s="166">
        <v>0</v>
      </c>
      <c r="AO585" s="166">
        <v>0</v>
      </c>
      <c r="AP585" s="166">
        <v>0</v>
      </c>
      <c r="AQ585" s="166">
        <v>0</v>
      </c>
      <c r="AR585" s="166">
        <v>0</v>
      </c>
      <c r="AS585" s="166">
        <v>0</v>
      </c>
      <c r="AT585" s="166">
        <v>0</v>
      </c>
      <c r="AU585" s="166">
        <v>0</v>
      </c>
      <c r="AV585" s="166">
        <v>0</v>
      </c>
      <c r="AW585" s="166">
        <v>0</v>
      </c>
      <c r="AX585" s="166">
        <v>0</v>
      </c>
      <c r="AY585" s="166">
        <v>0</v>
      </c>
      <c r="AZ585" s="166">
        <v>0</v>
      </c>
      <c r="BA585" s="166">
        <v>0</v>
      </c>
      <c r="BB585" s="166">
        <v>0</v>
      </c>
      <c r="BC585" s="166">
        <v>0</v>
      </c>
      <c r="BD585" s="166">
        <v>0</v>
      </c>
      <c r="BE585" s="166">
        <v>0</v>
      </c>
      <c r="BF585" s="166">
        <v>0</v>
      </c>
      <c r="BG585" s="166">
        <v>0</v>
      </c>
      <c r="BH585" s="166">
        <v>0</v>
      </c>
      <c r="BI585" s="166">
        <v>0</v>
      </c>
      <c r="BJ585" s="166">
        <v>0</v>
      </c>
      <c r="BK585" s="166">
        <v>0</v>
      </c>
      <c r="BL585" s="166">
        <v>0</v>
      </c>
      <c r="BM585" s="166">
        <v>0</v>
      </c>
      <c r="BN585" s="166">
        <v>0</v>
      </c>
      <c r="BO585" s="166">
        <v>0</v>
      </c>
      <c r="BP585" s="166">
        <v>0</v>
      </c>
      <c r="BQ585" s="166">
        <v>0</v>
      </c>
      <c r="BR585" s="166">
        <v>0</v>
      </c>
      <c r="BS585" s="166">
        <v>0</v>
      </c>
      <c r="BT585" s="168">
        <v>0</v>
      </c>
      <c r="BU585" s="166">
        <v>0</v>
      </c>
      <c r="BV585" s="166">
        <v>0</v>
      </c>
      <c r="BW585" s="166">
        <v>0</v>
      </c>
      <c r="BX585" s="166">
        <v>0</v>
      </c>
      <c r="BY585" s="166">
        <v>0</v>
      </c>
      <c r="BZ585" s="166">
        <v>0</v>
      </c>
      <c r="CA585" s="166">
        <v>0</v>
      </c>
      <c r="CB585" s="166">
        <v>0</v>
      </c>
      <c r="CC585" s="166">
        <v>0</v>
      </c>
      <c r="CD585" s="166">
        <v>0</v>
      </c>
      <c r="CE585" s="166">
        <v>0</v>
      </c>
      <c r="CF585" s="166">
        <v>0</v>
      </c>
      <c r="CG585" s="166">
        <v>0</v>
      </c>
      <c r="CH585" s="166">
        <v>0</v>
      </c>
      <c r="CI585" s="166">
        <v>0</v>
      </c>
      <c r="CJ585" s="166">
        <v>0</v>
      </c>
      <c r="CK585" s="166">
        <v>0</v>
      </c>
      <c r="CL585" s="166">
        <v>0</v>
      </c>
      <c r="CM585" s="166">
        <v>0</v>
      </c>
      <c r="CN585" s="166">
        <v>0</v>
      </c>
      <c r="CO585" s="166">
        <v>0</v>
      </c>
      <c r="CP585" s="166">
        <v>0</v>
      </c>
      <c r="CQ585" s="166">
        <v>0</v>
      </c>
      <c r="CR585" s="166">
        <v>0</v>
      </c>
      <c r="CS585" s="166">
        <v>0</v>
      </c>
      <c r="CT585" s="166">
        <v>0</v>
      </c>
      <c r="CU585" s="166">
        <v>0</v>
      </c>
      <c r="CV585" s="166">
        <v>0</v>
      </c>
      <c r="CW585" s="166">
        <v>0</v>
      </c>
      <c r="CX585" s="166">
        <v>0</v>
      </c>
      <c r="CY585" s="166">
        <v>0</v>
      </c>
      <c r="CZ585" s="166">
        <v>0</v>
      </c>
    </row>
    <row r="586" spans="1:104" x14ac:dyDescent="0.2">
      <c r="A586" s="167" t="s">
        <v>117</v>
      </c>
      <c r="B586" s="166">
        <v>0</v>
      </c>
      <c r="C586" s="166">
        <v>0</v>
      </c>
      <c r="D586" s="166">
        <v>0</v>
      </c>
      <c r="E586" s="166">
        <v>0</v>
      </c>
      <c r="F586" s="166">
        <v>0</v>
      </c>
      <c r="G586" s="166">
        <v>0</v>
      </c>
      <c r="H586" s="166">
        <v>0</v>
      </c>
      <c r="I586" s="166">
        <v>0</v>
      </c>
      <c r="J586" s="166">
        <v>0</v>
      </c>
      <c r="K586" s="166">
        <v>0</v>
      </c>
      <c r="L586" s="166">
        <v>0</v>
      </c>
      <c r="M586" s="166">
        <v>0</v>
      </c>
      <c r="N586" s="166">
        <v>0</v>
      </c>
      <c r="O586" s="166">
        <v>0</v>
      </c>
      <c r="P586" s="166">
        <v>0</v>
      </c>
      <c r="Q586" s="166">
        <v>0</v>
      </c>
      <c r="R586" s="166">
        <v>0</v>
      </c>
      <c r="S586" s="166">
        <v>0</v>
      </c>
      <c r="T586" s="166">
        <v>0</v>
      </c>
      <c r="U586" s="166">
        <v>0</v>
      </c>
      <c r="V586" s="166">
        <v>0</v>
      </c>
      <c r="W586" s="166">
        <v>0</v>
      </c>
      <c r="X586" s="166">
        <v>0</v>
      </c>
      <c r="Y586" s="166">
        <v>0</v>
      </c>
      <c r="Z586" s="166">
        <v>0</v>
      </c>
      <c r="AA586" s="166">
        <v>0</v>
      </c>
      <c r="AB586" s="166">
        <v>0</v>
      </c>
      <c r="AC586" s="166">
        <v>0</v>
      </c>
      <c r="AD586" s="166">
        <v>0</v>
      </c>
      <c r="AE586" s="166">
        <v>0</v>
      </c>
      <c r="AF586" s="166">
        <v>0</v>
      </c>
      <c r="AG586" s="166">
        <v>0</v>
      </c>
      <c r="AH586" s="166">
        <v>0</v>
      </c>
      <c r="AI586" s="166">
        <v>0</v>
      </c>
      <c r="AJ586" s="166">
        <v>0</v>
      </c>
      <c r="AK586" s="166">
        <v>0</v>
      </c>
      <c r="AL586" s="166">
        <v>0</v>
      </c>
      <c r="AM586" s="166">
        <v>0</v>
      </c>
      <c r="AN586" s="166">
        <v>0</v>
      </c>
      <c r="AO586" s="166">
        <v>0</v>
      </c>
      <c r="AP586" s="166">
        <v>0</v>
      </c>
      <c r="AQ586" s="166">
        <v>0</v>
      </c>
      <c r="AR586" s="166">
        <v>0</v>
      </c>
      <c r="AS586" s="166">
        <v>0</v>
      </c>
      <c r="AT586" s="166">
        <v>0</v>
      </c>
      <c r="AU586" s="166">
        <v>0</v>
      </c>
      <c r="AV586" s="166">
        <v>0</v>
      </c>
      <c r="AW586" s="166">
        <v>0</v>
      </c>
      <c r="AX586" s="166">
        <v>0</v>
      </c>
      <c r="AY586" s="166">
        <v>0</v>
      </c>
      <c r="AZ586" s="166">
        <v>0</v>
      </c>
      <c r="BA586" s="166">
        <v>0</v>
      </c>
      <c r="BB586" s="166">
        <v>0</v>
      </c>
      <c r="BC586" s="166">
        <v>0</v>
      </c>
      <c r="BD586" s="166">
        <v>0</v>
      </c>
      <c r="BE586" s="166">
        <v>0</v>
      </c>
      <c r="BF586" s="166">
        <v>0</v>
      </c>
      <c r="BG586" s="166">
        <v>0</v>
      </c>
      <c r="BH586" s="166">
        <v>0</v>
      </c>
      <c r="BI586" s="166">
        <v>0</v>
      </c>
      <c r="BJ586" s="166">
        <v>0</v>
      </c>
      <c r="BK586" s="166">
        <v>0</v>
      </c>
      <c r="BL586" s="166">
        <v>0</v>
      </c>
      <c r="BM586" s="166">
        <v>0</v>
      </c>
      <c r="BN586" s="166">
        <v>0</v>
      </c>
      <c r="BO586" s="166">
        <v>0</v>
      </c>
      <c r="BP586" s="166">
        <v>0</v>
      </c>
      <c r="BQ586" s="166">
        <v>0</v>
      </c>
      <c r="BR586" s="166">
        <v>0</v>
      </c>
      <c r="BS586" s="166">
        <v>0</v>
      </c>
      <c r="BT586" s="166">
        <v>0</v>
      </c>
      <c r="BU586" s="166">
        <v>0</v>
      </c>
      <c r="BV586" s="166">
        <v>0</v>
      </c>
      <c r="BW586" s="166">
        <v>0</v>
      </c>
      <c r="BX586" s="166">
        <v>0</v>
      </c>
      <c r="BY586" s="166">
        <v>0</v>
      </c>
      <c r="BZ586" s="166">
        <v>0</v>
      </c>
      <c r="CA586" s="166">
        <v>0</v>
      </c>
      <c r="CB586" s="166">
        <v>0</v>
      </c>
      <c r="CC586" s="166">
        <v>0</v>
      </c>
      <c r="CD586" s="166">
        <v>0</v>
      </c>
      <c r="CE586" s="166">
        <v>0</v>
      </c>
      <c r="CF586" s="166">
        <v>0</v>
      </c>
      <c r="CG586" s="166">
        <v>0</v>
      </c>
      <c r="CH586" s="166">
        <v>0</v>
      </c>
      <c r="CI586" s="166">
        <v>0</v>
      </c>
      <c r="CJ586" s="166">
        <v>0</v>
      </c>
      <c r="CK586" s="166">
        <v>0</v>
      </c>
      <c r="CL586" s="166">
        <v>0</v>
      </c>
      <c r="CM586" s="166">
        <v>0</v>
      </c>
      <c r="CN586" s="166">
        <v>0</v>
      </c>
      <c r="CO586" s="166">
        <v>0</v>
      </c>
      <c r="CP586" s="166">
        <v>0</v>
      </c>
      <c r="CQ586" s="166">
        <v>0</v>
      </c>
      <c r="CR586" s="166">
        <v>0</v>
      </c>
      <c r="CS586" s="166">
        <v>0</v>
      </c>
      <c r="CT586" s="166">
        <v>0</v>
      </c>
      <c r="CU586" s="166">
        <v>0</v>
      </c>
      <c r="CV586" s="166">
        <v>0</v>
      </c>
      <c r="CW586" s="166">
        <v>0</v>
      </c>
      <c r="CX586" s="166">
        <v>0</v>
      </c>
      <c r="CY586" s="166">
        <v>0</v>
      </c>
      <c r="CZ586" s="166">
        <v>0</v>
      </c>
    </row>
    <row r="587" spans="1:104" x14ac:dyDescent="0.2">
      <c r="A587" s="167" t="s">
        <v>118</v>
      </c>
      <c r="B587" s="166">
        <v>0</v>
      </c>
      <c r="C587" s="166">
        <v>0</v>
      </c>
      <c r="D587" s="166">
        <v>0</v>
      </c>
      <c r="E587" s="166">
        <v>0</v>
      </c>
      <c r="F587" s="166">
        <v>0</v>
      </c>
      <c r="G587" s="166">
        <v>0</v>
      </c>
      <c r="H587" s="166">
        <v>0</v>
      </c>
      <c r="I587" s="166">
        <v>0</v>
      </c>
      <c r="J587" s="166">
        <v>0</v>
      </c>
      <c r="K587" s="166">
        <v>0</v>
      </c>
      <c r="L587" s="166">
        <v>0</v>
      </c>
      <c r="M587" s="166">
        <v>0</v>
      </c>
      <c r="N587" s="166">
        <v>0</v>
      </c>
      <c r="O587" s="166">
        <v>0</v>
      </c>
      <c r="P587" s="166">
        <v>0</v>
      </c>
      <c r="Q587" s="166">
        <v>0</v>
      </c>
      <c r="R587" s="166">
        <v>0</v>
      </c>
      <c r="S587" s="166">
        <v>0</v>
      </c>
      <c r="T587" s="166">
        <v>0</v>
      </c>
      <c r="U587" s="166">
        <v>0</v>
      </c>
      <c r="V587" s="166">
        <v>0</v>
      </c>
      <c r="W587" s="166">
        <v>0</v>
      </c>
      <c r="X587" s="166">
        <v>0</v>
      </c>
      <c r="Y587" s="166">
        <v>0</v>
      </c>
      <c r="Z587" s="166">
        <v>0</v>
      </c>
      <c r="AA587" s="166">
        <v>0</v>
      </c>
      <c r="AB587" s="166">
        <v>0</v>
      </c>
      <c r="AC587" s="166">
        <v>0</v>
      </c>
      <c r="AD587" s="166">
        <v>0</v>
      </c>
      <c r="AE587" s="166">
        <v>0</v>
      </c>
      <c r="AF587" s="166">
        <v>0</v>
      </c>
      <c r="AG587" s="166">
        <v>0</v>
      </c>
      <c r="AH587" s="166">
        <v>0</v>
      </c>
      <c r="AI587" s="166">
        <v>0</v>
      </c>
      <c r="AJ587" s="166">
        <v>0</v>
      </c>
      <c r="AK587" s="166">
        <v>0</v>
      </c>
      <c r="AL587" s="166">
        <v>0</v>
      </c>
      <c r="AM587" s="166">
        <v>0</v>
      </c>
      <c r="AN587" s="166">
        <v>0</v>
      </c>
      <c r="AO587" s="166">
        <v>0</v>
      </c>
      <c r="AP587" s="166">
        <v>0</v>
      </c>
      <c r="AQ587" s="166">
        <v>0</v>
      </c>
      <c r="AR587" s="166">
        <v>0</v>
      </c>
      <c r="AS587" s="166">
        <v>0</v>
      </c>
      <c r="AT587" s="166">
        <v>0</v>
      </c>
      <c r="AU587" s="166">
        <v>0</v>
      </c>
      <c r="AV587" s="166">
        <v>0</v>
      </c>
      <c r="AW587" s="166">
        <v>0</v>
      </c>
      <c r="AX587" s="166">
        <v>0</v>
      </c>
      <c r="AY587" s="166">
        <v>0</v>
      </c>
      <c r="AZ587" s="166">
        <v>0</v>
      </c>
      <c r="BA587" s="166">
        <v>0</v>
      </c>
      <c r="BB587" s="166">
        <v>0</v>
      </c>
      <c r="BC587" s="166">
        <v>0</v>
      </c>
      <c r="BD587" s="166">
        <v>0</v>
      </c>
      <c r="BE587" s="166">
        <v>0</v>
      </c>
      <c r="BF587" s="166">
        <v>0</v>
      </c>
      <c r="BG587" s="166">
        <v>0</v>
      </c>
      <c r="BH587" s="166">
        <v>0</v>
      </c>
      <c r="BI587" s="166">
        <v>0</v>
      </c>
      <c r="BJ587" s="166">
        <v>0</v>
      </c>
      <c r="BK587" s="166">
        <v>0</v>
      </c>
      <c r="BL587" s="166">
        <v>0</v>
      </c>
      <c r="BM587" s="166">
        <v>0</v>
      </c>
      <c r="BN587" s="166">
        <v>0</v>
      </c>
      <c r="BO587" s="166">
        <v>0</v>
      </c>
      <c r="BP587" s="166">
        <v>0</v>
      </c>
      <c r="BQ587" s="166">
        <v>0</v>
      </c>
      <c r="BR587" s="166">
        <v>0</v>
      </c>
      <c r="BS587" s="166">
        <v>0</v>
      </c>
      <c r="BT587" s="168">
        <v>0</v>
      </c>
      <c r="BU587" s="166">
        <v>0</v>
      </c>
      <c r="BV587" s="166">
        <v>0</v>
      </c>
      <c r="BW587" s="166">
        <v>0</v>
      </c>
      <c r="BX587" s="166">
        <v>0</v>
      </c>
      <c r="BY587" s="166">
        <v>0</v>
      </c>
      <c r="BZ587" s="166">
        <v>0</v>
      </c>
      <c r="CA587" s="166">
        <v>0</v>
      </c>
      <c r="CB587" s="166">
        <v>0</v>
      </c>
      <c r="CC587" s="166">
        <v>0</v>
      </c>
      <c r="CD587" s="166">
        <v>0</v>
      </c>
      <c r="CE587" s="166">
        <v>0</v>
      </c>
      <c r="CF587" s="166">
        <v>0</v>
      </c>
      <c r="CG587" s="166">
        <v>0</v>
      </c>
      <c r="CH587" s="166">
        <v>0</v>
      </c>
      <c r="CI587" s="166">
        <v>0</v>
      </c>
      <c r="CJ587" s="166">
        <v>0</v>
      </c>
      <c r="CK587" s="166">
        <v>0</v>
      </c>
      <c r="CL587" s="166">
        <v>0</v>
      </c>
      <c r="CM587" s="166">
        <v>0</v>
      </c>
      <c r="CN587" s="166">
        <v>0</v>
      </c>
      <c r="CO587" s="166">
        <v>0</v>
      </c>
      <c r="CP587" s="166">
        <v>0</v>
      </c>
      <c r="CQ587" s="166">
        <v>0</v>
      </c>
      <c r="CR587" s="166">
        <v>0</v>
      </c>
      <c r="CS587" s="166">
        <v>0</v>
      </c>
      <c r="CT587" s="166">
        <v>0</v>
      </c>
      <c r="CU587" s="166">
        <v>0</v>
      </c>
      <c r="CV587" s="166">
        <v>0</v>
      </c>
      <c r="CW587" s="166">
        <v>0</v>
      </c>
      <c r="CX587" s="166">
        <v>0</v>
      </c>
      <c r="CY587" s="166">
        <v>0</v>
      </c>
      <c r="CZ587" s="166">
        <v>0</v>
      </c>
    </row>
    <row r="588" spans="1:104" x14ac:dyDescent="0.2">
      <c r="A588" s="167" t="s">
        <v>119</v>
      </c>
      <c r="B588" s="166">
        <v>0</v>
      </c>
      <c r="C588" s="166">
        <v>0</v>
      </c>
      <c r="D588" s="166">
        <v>0</v>
      </c>
      <c r="E588" s="166">
        <v>0</v>
      </c>
      <c r="F588" s="166">
        <v>0</v>
      </c>
      <c r="G588" s="166">
        <v>0</v>
      </c>
      <c r="H588" s="166">
        <v>0</v>
      </c>
      <c r="I588" s="166">
        <v>0</v>
      </c>
      <c r="J588" s="166">
        <v>0</v>
      </c>
      <c r="K588" s="166">
        <v>0</v>
      </c>
      <c r="L588" s="166">
        <v>0</v>
      </c>
      <c r="M588" s="166">
        <v>0</v>
      </c>
      <c r="N588" s="166">
        <v>0</v>
      </c>
      <c r="O588" s="166">
        <v>0</v>
      </c>
      <c r="P588" s="166">
        <v>0</v>
      </c>
      <c r="Q588" s="166">
        <v>0</v>
      </c>
      <c r="R588" s="166">
        <v>0</v>
      </c>
      <c r="S588" s="166">
        <v>0</v>
      </c>
      <c r="T588" s="166">
        <v>0</v>
      </c>
      <c r="U588" s="166">
        <v>0</v>
      </c>
      <c r="V588" s="166">
        <v>0</v>
      </c>
      <c r="W588" s="166">
        <v>0</v>
      </c>
      <c r="X588" s="166">
        <v>0</v>
      </c>
      <c r="Y588" s="166">
        <v>0</v>
      </c>
      <c r="Z588" s="166">
        <v>0</v>
      </c>
      <c r="AA588" s="166">
        <v>0</v>
      </c>
      <c r="AB588" s="166">
        <v>0</v>
      </c>
      <c r="AC588" s="166">
        <v>0</v>
      </c>
      <c r="AD588" s="166">
        <v>0</v>
      </c>
      <c r="AE588" s="166">
        <v>0</v>
      </c>
      <c r="AF588" s="166">
        <v>0</v>
      </c>
      <c r="AG588" s="166">
        <v>0</v>
      </c>
      <c r="AH588" s="166">
        <v>0</v>
      </c>
      <c r="AI588" s="166">
        <v>0</v>
      </c>
      <c r="AJ588" s="166">
        <v>0</v>
      </c>
      <c r="AK588" s="166">
        <v>0</v>
      </c>
      <c r="AL588" s="166">
        <v>0</v>
      </c>
      <c r="AM588" s="166">
        <v>0</v>
      </c>
      <c r="AN588" s="166">
        <v>0</v>
      </c>
      <c r="AO588" s="166">
        <v>0</v>
      </c>
      <c r="AP588" s="166">
        <v>0</v>
      </c>
      <c r="AQ588" s="166">
        <v>0</v>
      </c>
      <c r="AR588" s="166">
        <v>0</v>
      </c>
      <c r="AS588" s="166">
        <v>0</v>
      </c>
      <c r="AT588" s="166">
        <v>0</v>
      </c>
      <c r="AU588" s="166">
        <v>0</v>
      </c>
      <c r="AV588" s="166">
        <v>0</v>
      </c>
      <c r="AW588" s="166">
        <v>0</v>
      </c>
      <c r="AX588" s="166">
        <v>0</v>
      </c>
      <c r="AY588" s="166">
        <v>0</v>
      </c>
      <c r="AZ588" s="166">
        <v>0</v>
      </c>
      <c r="BA588" s="166">
        <v>0</v>
      </c>
      <c r="BB588" s="166">
        <v>0</v>
      </c>
      <c r="BC588" s="166">
        <v>0</v>
      </c>
      <c r="BD588" s="166">
        <v>0</v>
      </c>
      <c r="BE588" s="166">
        <v>0</v>
      </c>
      <c r="BF588" s="166">
        <v>0</v>
      </c>
      <c r="BG588" s="166">
        <v>0</v>
      </c>
      <c r="BH588" s="166">
        <v>0</v>
      </c>
      <c r="BI588" s="166">
        <v>0</v>
      </c>
      <c r="BJ588" s="166">
        <v>0</v>
      </c>
      <c r="BK588" s="166">
        <v>0</v>
      </c>
      <c r="BL588" s="166">
        <v>0</v>
      </c>
      <c r="BM588" s="166">
        <v>0</v>
      </c>
      <c r="BN588" s="166">
        <v>0</v>
      </c>
      <c r="BO588" s="166">
        <v>0</v>
      </c>
      <c r="BP588" s="166">
        <v>0</v>
      </c>
      <c r="BQ588" s="166">
        <v>0</v>
      </c>
      <c r="BR588" s="166">
        <v>0</v>
      </c>
      <c r="BS588" s="166">
        <v>0</v>
      </c>
      <c r="BT588" s="168">
        <v>0</v>
      </c>
      <c r="BU588" s="166">
        <v>0</v>
      </c>
      <c r="BV588" s="166">
        <v>0</v>
      </c>
      <c r="BW588" s="166">
        <v>0</v>
      </c>
      <c r="BX588" s="166">
        <v>0</v>
      </c>
      <c r="BY588" s="166">
        <v>0</v>
      </c>
      <c r="BZ588" s="166">
        <v>0</v>
      </c>
      <c r="CA588" s="166">
        <v>0</v>
      </c>
      <c r="CB588" s="166">
        <v>0</v>
      </c>
      <c r="CC588" s="166">
        <v>0</v>
      </c>
      <c r="CD588" s="166">
        <v>0</v>
      </c>
      <c r="CE588" s="166">
        <v>0</v>
      </c>
      <c r="CF588" s="166">
        <v>0</v>
      </c>
      <c r="CG588" s="166">
        <v>0</v>
      </c>
      <c r="CH588" s="166">
        <v>0</v>
      </c>
      <c r="CI588" s="166">
        <v>0</v>
      </c>
      <c r="CJ588" s="166">
        <v>0</v>
      </c>
      <c r="CK588" s="166">
        <v>0</v>
      </c>
      <c r="CL588" s="166">
        <v>0</v>
      </c>
      <c r="CM588" s="166">
        <v>0</v>
      </c>
      <c r="CN588" s="166">
        <v>0</v>
      </c>
      <c r="CO588" s="166">
        <v>0</v>
      </c>
      <c r="CP588" s="166">
        <v>0</v>
      </c>
      <c r="CQ588" s="166">
        <v>0</v>
      </c>
      <c r="CR588" s="166">
        <v>0</v>
      </c>
      <c r="CS588" s="166">
        <v>0</v>
      </c>
      <c r="CT588" s="166">
        <v>0</v>
      </c>
      <c r="CU588" s="166">
        <v>0</v>
      </c>
      <c r="CV588" s="166">
        <v>0</v>
      </c>
      <c r="CW588" s="166">
        <v>0</v>
      </c>
      <c r="CX588" s="166">
        <v>0</v>
      </c>
      <c r="CY588" s="166">
        <v>0</v>
      </c>
      <c r="CZ588" s="166">
        <v>0</v>
      </c>
    </row>
    <row r="589" spans="1:104" x14ac:dyDescent="0.2">
      <c r="A589" s="167" t="s">
        <v>120</v>
      </c>
      <c r="B589" s="166">
        <v>0</v>
      </c>
      <c r="C589" s="166">
        <v>0</v>
      </c>
      <c r="D589" s="166">
        <v>0</v>
      </c>
      <c r="E589" s="166">
        <v>0</v>
      </c>
      <c r="F589" s="166">
        <v>0</v>
      </c>
      <c r="G589" s="166">
        <v>0</v>
      </c>
      <c r="H589" s="166">
        <v>0</v>
      </c>
      <c r="I589" s="166">
        <v>0</v>
      </c>
      <c r="J589" s="166">
        <v>0</v>
      </c>
      <c r="K589" s="166">
        <v>0</v>
      </c>
      <c r="L589" s="166">
        <v>0</v>
      </c>
      <c r="M589" s="166">
        <v>0</v>
      </c>
      <c r="N589" s="166">
        <v>0</v>
      </c>
      <c r="O589" s="166">
        <v>0</v>
      </c>
      <c r="P589" s="166">
        <v>0</v>
      </c>
      <c r="Q589" s="166">
        <v>0</v>
      </c>
      <c r="R589" s="166">
        <v>0</v>
      </c>
      <c r="S589" s="166">
        <v>0</v>
      </c>
      <c r="T589" s="166">
        <v>0</v>
      </c>
      <c r="U589" s="166">
        <v>0</v>
      </c>
      <c r="V589" s="166">
        <v>0</v>
      </c>
      <c r="W589" s="166">
        <v>0</v>
      </c>
      <c r="X589" s="166">
        <v>0</v>
      </c>
      <c r="Y589" s="166">
        <v>0</v>
      </c>
      <c r="Z589" s="166">
        <v>0</v>
      </c>
      <c r="AA589" s="166">
        <v>0</v>
      </c>
      <c r="AB589" s="166">
        <v>0</v>
      </c>
      <c r="AC589" s="166">
        <v>0</v>
      </c>
      <c r="AD589" s="166">
        <v>0</v>
      </c>
      <c r="AE589" s="166">
        <v>0</v>
      </c>
      <c r="AF589" s="166">
        <v>0</v>
      </c>
      <c r="AG589" s="166">
        <v>0</v>
      </c>
      <c r="AH589" s="166">
        <v>0</v>
      </c>
      <c r="AI589" s="166">
        <v>0</v>
      </c>
      <c r="AJ589" s="166">
        <v>0</v>
      </c>
      <c r="AK589" s="166">
        <v>0</v>
      </c>
      <c r="AL589" s="166">
        <v>0</v>
      </c>
      <c r="AM589" s="166">
        <v>0</v>
      </c>
      <c r="AN589" s="166">
        <v>0</v>
      </c>
      <c r="AO589" s="166">
        <v>0</v>
      </c>
      <c r="AP589" s="166">
        <v>0</v>
      </c>
      <c r="AQ589" s="166">
        <v>0</v>
      </c>
      <c r="AR589" s="166">
        <v>0</v>
      </c>
      <c r="AS589" s="166">
        <v>0</v>
      </c>
      <c r="AT589" s="166">
        <v>0</v>
      </c>
      <c r="AU589" s="166">
        <v>0</v>
      </c>
      <c r="AV589" s="166">
        <v>0</v>
      </c>
      <c r="AW589" s="166">
        <v>0</v>
      </c>
      <c r="AX589" s="166">
        <v>0</v>
      </c>
      <c r="AY589" s="166">
        <v>0</v>
      </c>
      <c r="AZ589" s="166">
        <v>0</v>
      </c>
      <c r="BA589" s="166">
        <v>0</v>
      </c>
      <c r="BB589" s="166">
        <v>0</v>
      </c>
      <c r="BC589" s="166">
        <v>0</v>
      </c>
      <c r="BD589" s="166">
        <v>0</v>
      </c>
      <c r="BE589" s="166">
        <v>0</v>
      </c>
      <c r="BF589" s="166">
        <v>0</v>
      </c>
      <c r="BG589" s="166">
        <v>0</v>
      </c>
      <c r="BH589" s="166">
        <v>0</v>
      </c>
      <c r="BI589" s="166">
        <v>0</v>
      </c>
      <c r="BJ589" s="166">
        <v>0</v>
      </c>
      <c r="BK589" s="166">
        <v>0</v>
      </c>
      <c r="BL589" s="166">
        <v>0</v>
      </c>
      <c r="BM589" s="166">
        <v>0</v>
      </c>
      <c r="BN589" s="166">
        <v>0</v>
      </c>
      <c r="BO589" s="166">
        <v>0</v>
      </c>
      <c r="BP589" s="166">
        <v>0</v>
      </c>
      <c r="BQ589" s="166">
        <v>0</v>
      </c>
      <c r="BR589" s="166">
        <v>0</v>
      </c>
      <c r="BS589" s="166">
        <v>0</v>
      </c>
      <c r="BT589" s="168">
        <v>0</v>
      </c>
      <c r="BU589" s="166">
        <v>0</v>
      </c>
      <c r="BV589" s="166">
        <v>0</v>
      </c>
      <c r="BW589" s="166">
        <v>0</v>
      </c>
      <c r="BX589" s="166">
        <v>0</v>
      </c>
      <c r="BY589" s="166">
        <v>0</v>
      </c>
      <c r="BZ589" s="166">
        <v>0</v>
      </c>
      <c r="CA589" s="166">
        <v>0</v>
      </c>
      <c r="CB589" s="166">
        <v>0</v>
      </c>
      <c r="CC589" s="166">
        <v>0</v>
      </c>
      <c r="CD589" s="166">
        <v>0</v>
      </c>
      <c r="CE589" s="166">
        <v>0</v>
      </c>
      <c r="CF589" s="166">
        <v>0</v>
      </c>
      <c r="CG589" s="166">
        <v>0</v>
      </c>
      <c r="CH589" s="166">
        <v>0</v>
      </c>
      <c r="CI589" s="166">
        <v>0</v>
      </c>
      <c r="CJ589" s="166">
        <v>0</v>
      </c>
      <c r="CK589" s="166">
        <v>0</v>
      </c>
      <c r="CL589" s="166">
        <v>0</v>
      </c>
      <c r="CM589" s="166">
        <v>0</v>
      </c>
      <c r="CN589" s="166">
        <v>0</v>
      </c>
      <c r="CO589" s="166">
        <v>0</v>
      </c>
      <c r="CP589" s="166">
        <v>0</v>
      </c>
      <c r="CQ589" s="166">
        <v>0</v>
      </c>
      <c r="CR589" s="166">
        <v>0</v>
      </c>
      <c r="CS589" s="166">
        <v>0</v>
      </c>
      <c r="CT589" s="166">
        <v>0</v>
      </c>
      <c r="CU589" s="166">
        <v>0</v>
      </c>
      <c r="CV589" s="166">
        <v>0</v>
      </c>
      <c r="CW589" s="166">
        <v>0</v>
      </c>
      <c r="CX589" s="166">
        <v>0</v>
      </c>
      <c r="CY589" s="166">
        <v>0</v>
      </c>
      <c r="CZ589" s="166">
        <v>0</v>
      </c>
    </row>
    <row r="590" spans="1:104" x14ac:dyDescent="0.2">
      <c r="A590" s="167" t="s">
        <v>121</v>
      </c>
      <c r="B590" s="166">
        <v>0</v>
      </c>
      <c r="C590" s="166">
        <v>0</v>
      </c>
      <c r="D590" s="166">
        <v>0</v>
      </c>
      <c r="E590" s="166">
        <v>0</v>
      </c>
      <c r="F590" s="166">
        <v>0</v>
      </c>
      <c r="G590" s="166">
        <v>0</v>
      </c>
      <c r="H590" s="166">
        <v>0</v>
      </c>
      <c r="I590" s="166">
        <v>0</v>
      </c>
      <c r="J590" s="166">
        <v>0</v>
      </c>
      <c r="K590" s="166">
        <v>0</v>
      </c>
      <c r="L590" s="166">
        <v>0</v>
      </c>
      <c r="M590" s="166">
        <v>0</v>
      </c>
      <c r="N590" s="166">
        <v>0</v>
      </c>
      <c r="O590" s="166">
        <v>0</v>
      </c>
      <c r="P590" s="166">
        <v>0</v>
      </c>
      <c r="Q590" s="166">
        <v>0</v>
      </c>
      <c r="R590" s="166">
        <v>0</v>
      </c>
      <c r="S590" s="166">
        <v>0</v>
      </c>
      <c r="T590" s="166">
        <v>0</v>
      </c>
      <c r="U590" s="166">
        <v>0</v>
      </c>
      <c r="V590" s="166">
        <v>0</v>
      </c>
      <c r="W590" s="166">
        <v>0</v>
      </c>
      <c r="X590" s="166">
        <v>0</v>
      </c>
      <c r="Y590" s="166">
        <v>0</v>
      </c>
      <c r="Z590" s="166">
        <v>0</v>
      </c>
      <c r="AA590" s="166">
        <v>0</v>
      </c>
      <c r="AB590" s="166">
        <v>0</v>
      </c>
      <c r="AC590" s="166">
        <v>0</v>
      </c>
      <c r="AD590" s="166">
        <v>0</v>
      </c>
      <c r="AE590" s="166">
        <v>0</v>
      </c>
      <c r="AF590" s="166">
        <v>0</v>
      </c>
      <c r="AG590" s="166">
        <v>0</v>
      </c>
      <c r="AH590" s="166">
        <v>0</v>
      </c>
      <c r="AI590" s="166">
        <v>0</v>
      </c>
      <c r="AJ590" s="166">
        <v>0</v>
      </c>
      <c r="AK590" s="166">
        <v>0</v>
      </c>
      <c r="AL590" s="166">
        <v>0</v>
      </c>
      <c r="AM590" s="166">
        <v>0</v>
      </c>
      <c r="AN590" s="166">
        <v>0</v>
      </c>
      <c r="AO590" s="166">
        <v>0</v>
      </c>
      <c r="AP590" s="166">
        <v>0</v>
      </c>
      <c r="AQ590" s="166">
        <v>0</v>
      </c>
      <c r="AR590" s="166">
        <v>0</v>
      </c>
      <c r="AS590" s="166">
        <v>0</v>
      </c>
      <c r="AT590" s="166">
        <v>0</v>
      </c>
      <c r="AU590" s="166">
        <v>0</v>
      </c>
      <c r="AV590" s="166">
        <v>0</v>
      </c>
      <c r="AW590" s="166">
        <v>0</v>
      </c>
      <c r="AX590" s="166">
        <v>0</v>
      </c>
      <c r="AY590" s="166">
        <v>0</v>
      </c>
      <c r="AZ590" s="166">
        <v>0</v>
      </c>
      <c r="BA590" s="166">
        <v>0</v>
      </c>
      <c r="BB590" s="166">
        <v>0</v>
      </c>
      <c r="BC590" s="166">
        <v>0</v>
      </c>
      <c r="BD590" s="166">
        <v>0</v>
      </c>
      <c r="BE590" s="166">
        <v>0</v>
      </c>
      <c r="BF590" s="166">
        <v>0</v>
      </c>
      <c r="BG590" s="166">
        <v>0</v>
      </c>
      <c r="BH590" s="166">
        <v>0</v>
      </c>
      <c r="BI590" s="166">
        <v>0</v>
      </c>
      <c r="BJ590" s="166">
        <v>0</v>
      </c>
      <c r="BK590" s="166">
        <v>0</v>
      </c>
      <c r="BL590" s="166">
        <v>0</v>
      </c>
      <c r="BM590" s="166">
        <v>0</v>
      </c>
      <c r="BN590" s="166">
        <v>0</v>
      </c>
      <c r="BO590" s="166">
        <v>0</v>
      </c>
      <c r="BP590" s="166">
        <v>0</v>
      </c>
      <c r="BQ590" s="166">
        <v>0</v>
      </c>
      <c r="BR590" s="166">
        <v>0</v>
      </c>
      <c r="BS590" s="166">
        <v>0</v>
      </c>
      <c r="BT590" s="166">
        <v>0</v>
      </c>
      <c r="BU590" s="166">
        <v>0</v>
      </c>
      <c r="BV590" s="166">
        <v>0</v>
      </c>
      <c r="BW590" s="166">
        <v>0</v>
      </c>
      <c r="BX590" s="166">
        <v>0</v>
      </c>
      <c r="BY590" s="166">
        <v>0</v>
      </c>
      <c r="BZ590" s="166">
        <v>0</v>
      </c>
      <c r="CA590" s="166">
        <v>0</v>
      </c>
      <c r="CB590" s="166">
        <v>0</v>
      </c>
      <c r="CC590" s="166">
        <v>0</v>
      </c>
      <c r="CD590" s="166">
        <v>0</v>
      </c>
      <c r="CE590" s="166">
        <v>0</v>
      </c>
      <c r="CF590" s="166">
        <v>0</v>
      </c>
      <c r="CG590" s="166">
        <v>0</v>
      </c>
      <c r="CH590" s="166">
        <v>0</v>
      </c>
      <c r="CI590" s="166">
        <v>0</v>
      </c>
      <c r="CJ590" s="166">
        <v>0</v>
      </c>
      <c r="CK590" s="166">
        <v>0</v>
      </c>
      <c r="CL590" s="166">
        <v>0</v>
      </c>
      <c r="CM590" s="166">
        <v>0</v>
      </c>
      <c r="CN590" s="166">
        <v>0</v>
      </c>
      <c r="CO590" s="166">
        <v>0</v>
      </c>
      <c r="CP590" s="166">
        <v>0</v>
      </c>
      <c r="CQ590" s="166">
        <v>0</v>
      </c>
      <c r="CR590" s="166">
        <v>0</v>
      </c>
      <c r="CS590" s="166">
        <v>0</v>
      </c>
      <c r="CT590" s="166">
        <v>0</v>
      </c>
      <c r="CU590" s="166">
        <v>0</v>
      </c>
      <c r="CV590" s="166">
        <v>0</v>
      </c>
      <c r="CW590" s="166">
        <v>0</v>
      </c>
      <c r="CX590" s="166">
        <v>0</v>
      </c>
      <c r="CY590" s="166">
        <v>0</v>
      </c>
      <c r="CZ590" s="166">
        <v>0</v>
      </c>
    </row>
    <row r="591" spans="1:104" x14ac:dyDescent="0.2">
      <c r="A591" s="167" t="s">
        <v>122</v>
      </c>
      <c r="B591" s="166">
        <v>0</v>
      </c>
      <c r="C591" s="166">
        <v>0</v>
      </c>
      <c r="D591" s="166">
        <v>0</v>
      </c>
      <c r="E591" s="166">
        <v>0</v>
      </c>
      <c r="F591" s="166">
        <v>0</v>
      </c>
      <c r="G591" s="166">
        <v>0</v>
      </c>
      <c r="H591" s="166">
        <v>0</v>
      </c>
      <c r="I591" s="166">
        <v>0</v>
      </c>
      <c r="J591" s="166">
        <v>0</v>
      </c>
      <c r="K591" s="166">
        <v>0</v>
      </c>
      <c r="L591" s="166">
        <v>0</v>
      </c>
      <c r="M591" s="166">
        <v>0</v>
      </c>
      <c r="N591" s="166">
        <v>0</v>
      </c>
      <c r="O591" s="166">
        <v>0</v>
      </c>
      <c r="P591" s="166">
        <v>0</v>
      </c>
      <c r="Q591" s="166">
        <v>0</v>
      </c>
      <c r="R591" s="166">
        <v>0</v>
      </c>
      <c r="S591" s="166">
        <v>0</v>
      </c>
      <c r="T591" s="166">
        <v>0</v>
      </c>
      <c r="U591" s="166">
        <v>0</v>
      </c>
      <c r="V591" s="166">
        <v>0</v>
      </c>
      <c r="W591" s="166">
        <v>0</v>
      </c>
      <c r="X591" s="166">
        <v>0</v>
      </c>
      <c r="Y591" s="166">
        <v>0</v>
      </c>
      <c r="Z591" s="166">
        <v>0</v>
      </c>
      <c r="AA591" s="166">
        <v>0</v>
      </c>
      <c r="AB591" s="166">
        <v>0</v>
      </c>
      <c r="AC591" s="166">
        <v>0</v>
      </c>
      <c r="AD591" s="166">
        <v>0</v>
      </c>
      <c r="AE591" s="166">
        <v>0</v>
      </c>
      <c r="AF591" s="166">
        <v>0</v>
      </c>
      <c r="AG591" s="166">
        <v>0</v>
      </c>
      <c r="AH591" s="166">
        <v>0</v>
      </c>
      <c r="AI591" s="166">
        <v>0</v>
      </c>
      <c r="AJ591" s="166">
        <v>0</v>
      </c>
      <c r="AK591" s="166">
        <v>0</v>
      </c>
      <c r="AL591" s="166">
        <v>0</v>
      </c>
      <c r="AM591" s="166">
        <v>0</v>
      </c>
      <c r="AN591" s="166">
        <v>0</v>
      </c>
      <c r="AO591" s="166">
        <v>0</v>
      </c>
      <c r="AP591" s="166">
        <v>0</v>
      </c>
      <c r="AQ591" s="166">
        <v>0</v>
      </c>
      <c r="AR591" s="166">
        <v>0</v>
      </c>
      <c r="AS591" s="166">
        <v>0</v>
      </c>
      <c r="AT591" s="166">
        <v>0</v>
      </c>
      <c r="AU591" s="166">
        <v>0</v>
      </c>
      <c r="AV591" s="166">
        <v>0</v>
      </c>
      <c r="AW591" s="166">
        <v>0</v>
      </c>
      <c r="AX591" s="166">
        <v>0</v>
      </c>
      <c r="AY591" s="166">
        <v>0</v>
      </c>
      <c r="AZ591" s="166">
        <v>0</v>
      </c>
      <c r="BA591" s="166">
        <v>0</v>
      </c>
      <c r="BB591" s="166">
        <v>0</v>
      </c>
      <c r="BC591" s="166">
        <v>0</v>
      </c>
      <c r="BD591" s="166">
        <v>0</v>
      </c>
      <c r="BE591" s="166">
        <v>0</v>
      </c>
      <c r="BF591" s="166">
        <v>0</v>
      </c>
      <c r="BG591" s="166">
        <v>0</v>
      </c>
      <c r="BH591" s="166">
        <v>0</v>
      </c>
      <c r="BI591" s="166">
        <v>0</v>
      </c>
      <c r="BJ591" s="166">
        <v>0</v>
      </c>
      <c r="BK591" s="166">
        <v>0</v>
      </c>
      <c r="BL591" s="166">
        <v>0</v>
      </c>
      <c r="BM591" s="166">
        <v>0</v>
      </c>
      <c r="BN591" s="166">
        <v>0</v>
      </c>
      <c r="BO591" s="166">
        <v>0</v>
      </c>
      <c r="BP591" s="166">
        <v>0</v>
      </c>
      <c r="BQ591" s="166">
        <v>0</v>
      </c>
      <c r="BR591" s="166">
        <v>0</v>
      </c>
      <c r="BS591" s="166">
        <v>0</v>
      </c>
      <c r="BT591" s="166">
        <v>0</v>
      </c>
      <c r="BU591" s="166">
        <v>0</v>
      </c>
      <c r="BV591" s="166">
        <v>0</v>
      </c>
      <c r="BW591" s="166">
        <v>0</v>
      </c>
      <c r="BX591" s="166">
        <v>0</v>
      </c>
      <c r="BY591" s="166">
        <v>0</v>
      </c>
      <c r="BZ591" s="166">
        <v>0</v>
      </c>
      <c r="CA591" s="166">
        <v>0</v>
      </c>
      <c r="CB591" s="166">
        <v>0</v>
      </c>
      <c r="CC591" s="166">
        <v>0</v>
      </c>
      <c r="CD591" s="166">
        <v>0</v>
      </c>
      <c r="CE591" s="166">
        <v>0</v>
      </c>
      <c r="CF591" s="166">
        <v>0</v>
      </c>
      <c r="CG591" s="166">
        <v>0</v>
      </c>
      <c r="CH591" s="166">
        <v>0</v>
      </c>
      <c r="CI591" s="166">
        <v>0</v>
      </c>
      <c r="CJ591" s="166">
        <v>0</v>
      </c>
      <c r="CK591" s="166">
        <v>0</v>
      </c>
      <c r="CL591" s="166">
        <v>0</v>
      </c>
      <c r="CM591" s="166">
        <v>0</v>
      </c>
      <c r="CN591" s="166">
        <v>0</v>
      </c>
      <c r="CO591" s="166">
        <v>0</v>
      </c>
      <c r="CP591" s="166">
        <v>0</v>
      </c>
      <c r="CQ591" s="166">
        <v>0</v>
      </c>
      <c r="CR591" s="166">
        <v>0</v>
      </c>
      <c r="CS591" s="166">
        <v>0</v>
      </c>
      <c r="CT591" s="166">
        <v>0</v>
      </c>
      <c r="CU591" s="166">
        <v>0</v>
      </c>
      <c r="CV591" s="166">
        <v>0</v>
      </c>
      <c r="CW591" s="166">
        <v>0</v>
      </c>
      <c r="CX591" s="166">
        <v>0</v>
      </c>
      <c r="CY591" s="166">
        <v>0</v>
      </c>
      <c r="CZ591" s="166">
        <v>0</v>
      </c>
    </row>
    <row r="592" spans="1:104" x14ac:dyDescent="0.2">
      <c r="A592" s="167" t="s">
        <v>123</v>
      </c>
      <c r="B592" s="166">
        <v>0</v>
      </c>
      <c r="C592" s="166">
        <v>0</v>
      </c>
      <c r="D592" s="166">
        <v>0</v>
      </c>
      <c r="E592" s="166">
        <v>0</v>
      </c>
      <c r="F592" s="166">
        <v>0</v>
      </c>
      <c r="G592" s="166">
        <v>0</v>
      </c>
      <c r="H592" s="166">
        <v>0</v>
      </c>
      <c r="I592" s="166">
        <v>0</v>
      </c>
      <c r="J592" s="166">
        <v>0</v>
      </c>
      <c r="K592" s="166">
        <v>0</v>
      </c>
      <c r="L592" s="166">
        <v>0</v>
      </c>
      <c r="M592" s="166">
        <v>0</v>
      </c>
      <c r="N592" s="166">
        <v>0</v>
      </c>
      <c r="O592" s="166">
        <v>0</v>
      </c>
      <c r="P592" s="166">
        <v>0</v>
      </c>
      <c r="Q592" s="166">
        <v>0</v>
      </c>
      <c r="R592" s="166">
        <v>0</v>
      </c>
      <c r="S592" s="166">
        <v>0</v>
      </c>
      <c r="T592" s="166">
        <v>0</v>
      </c>
      <c r="U592" s="166">
        <v>0</v>
      </c>
      <c r="V592" s="166">
        <v>0</v>
      </c>
      <c r="W592" s="166">
        <v>0</v>
      </c>
      <c r="X592" s="166">
        <v>0</v>
      </c>
      <c r="Y592" s="166">
        <v>0</v>
      </c>
      <c r="Z592" s="166">
        <v>0</v>
      </c>
      <c r="AA592" s="166">
        <v>0</v>
      </c>
      <c r="AB592" s="166">
        <v>0</v>
      </c>
      <c r="AC592" s="166">
        <v>0</v>
      </c>
      <c r="AD592" s="166">
        <v>0</v>
      </c>
      <c r="AE592" s="166">
        <v>0</v>
      </c>
      <c r="AF592" s="166">
        <v>0</v>
      </c>
      <c r="AG592" s="166">
        <v>0</v>
      </c>
      <c r="AH592" s="166">
        <v>0</v>
      </c>
      <c r="AI592" s="166">
        <v>0</v>
      </c>
      <c r="AJ592" s="166">
        <v>0</v>
      </c>
      <c r="AK592" s="166">
        <v>0</v>
      </c>
      <c r="AL592" s="166">
        <v>0</v>
      </c>
      <c r="AM592" s="166">
        <v>0</v>
      </c>
      <c r="AN592" s="166">
        <v>0</v>
      </c>
      <c r="AO592" s="166">
        <v>0</v>
      </c>
      <c r="AP592" s="166">
        <v>0</v>
      </c>
      <c r="AQ592" s="166">
        <v>0</v>
      </c>
      <c r="AR592" s="166">
        <v>0</v>
      </c>
      <c r="AS592" s="166">
        <v>0</v>
      </c>
      <c r="AT592" s="166">
        <v>0</v>
      </c>
      <c r="AU592" s="166">
        <v>0</v>
      </c>
      <c r="AV592" s="166">
        <v>0</v>
      </c>
      <c r="AW592" s="166">
        <v>0</v>
      </c>
      <c r="AX592" s="166">
        <v>0</v>
      </c>
      <c r="AY592" s="166">
        <v>0</v>
      </c>
      <c r="AZ592" s="166">
        <v>0</v>
      </c>
      <c r="BA592" s="166">
        <v>0</v>
      </c>
      <c r="BB592" s="166">
        <v>0</v>
      </c>
      <c r="BC592" s="166">
        <v>0</v>
      </c>
      <c r="BD592" s="166">
        <v>0</v>
      </c>
      <c r="BE592" s="166">
        <v>0</v>
      </c>
      <c r="BF592" s="166">
        <v>0</v>
      </c>
      <c r="BG592" s="166">
        <v>0</v>
      </c>
      <c r="BH592" s="166">
        <v>0</v>
      </c>
      <c r="BI592" s="166">
        <v>0</v>
      </c>
      <c r="BJ592" s="166">
        <v>0</v>
      </c>
      <c r="BK592" s="166">
        <v>0</v>
      </c>
      <c r="BL592" s="166">
        <v>0</v>
      </c>
      <c r="BM592" s="166">
        <v>0</v>
      </c>
      <c r="BN592" s="166">
        <v>0</v>
      </c>
      <c r="BO592" s="166">
        <v>0</v>
      </c>
      <c r="BP592" s="166">
        <v>0</v>
      </c>
      <c r="BQ592" s="166">
        <v>0</v>
      </c>
      <c r="BR592" s="166">
        <v>0</v>
      </c>
      <c r="BS592" s="166">
        <v>0</v>
      </c>
      <c r="BT592" s="168">
        <v>0</v>
      </c>
      <c r="BU592" s="166">
        <v>0</v>
      </c>
      <c r="BV592" s="166">
        <v>0</v>
      </c>
      <c r="BW592" s="166">
        <v>0</v>
      </c>
      <c r="BX592" s="166">
        <v>0</v>
      </c>
      <c r="BY592" s="166">
        <v>0</v>
      </c>
      <c r="BZ592" s="166">
        <v>0</v>
      </c>
      <c r="CA592" s="166">
        <v>0</v>
      </c>
      <c r="CB592" s="166">
        <v>0</v>
      </c>
      <c r="CC592" s="166">
        <v>0</v>
      </c>
      <c r="CD592" s="166">
        <v>0</v>
      </c>
      <c r="CE592" s="166">
        <v>0</v>
      </c>
      <c r="CF592" s="166">
        <v>0</v>
      </c>
      <c r="CG592" s="166">
        <v>0</v>
      </c>
      <c r="CH592" s="166">
        <v>0</v>
      </c>
      <c r="CI592" s="166">
        <v>0</v>
      </c>
      <c r="CJ592" s="166">
        <v>0</v>
      </c>
      <c r="CK592" s="166">
        <v>0</v>
      </c>
      <c r="CL592" s="166">
        <v>0</v>
      </c>
      <c r="CM592" s="166">
        <v>0</v>
      </c>
      <c r="CN592" s="166">
        <v>0</v>
      </c>
      <c r="CO592" s="166">
        <v>0</v>
      </c>
      <c r="CP592" s="166">
        <v>0</v>
      </c>
      <c r="CQ592" s="166">
        <v>0</v>
      </c>
      <c r="CR592" s="166">
        <v>0</v>
      </c>
      <c r="CS592" s="166">
        <v>0</v>
      </c>
      <c r="CT592" s="166">
        <v>0</v>
      </c>
      <c r="CU592" s="166">
        <v>0</v>
      </c>
      <c r="CV592" s="166">
        <v>0</v>
      </c>
      <c r="CW592" s="166">
        <v>0</v>
      </c>
      <c r="CX592" s="166">
        <v>0</v>
      </c>
      <c r="CY592" s="166">
        <v>0</v>
      </c>
      <c r="CZ592" s="166">
        <v>0</v>
      </c>
    </row>
    <row r="593" spans="1:104" x14ac:dyDescent="0.2">
      <c r="A593" s="167" t="s">
        <v>124</v>
      </c>
      <c r="B593" s="166">
        <v>0</v>
      </c>
      <c r="C593" s="166">
        <v>0</v>
      </c>
      <c r="D593" s="166">
        <v>0</v>
      </c>
      <c r="E593" s="166">
        <v>0</v>
      </c>
      <c r="F593" s="166">
        <v>0</v>
      </c>
      <c r="G593" s="166">
        <v>0</v>
      </c>
      <c r="H593" s="166">
        <v>0</v>
      </c>
      <c r="I593" s="166">
        <v>0</v>
      </c>
      <c r="J593" s="166">
        <v>0</v>
      </c>
      <c r="K593" s="166">
        <v>0</v>
      </c>
      <c r="L593" s="166">
        <v>0</v>
      </c>
      <c r="M593" s="166">
        <v>0</v>
      </c>
      <c r="N593" s="166">
        <v>0</v>
      </c>
      <c r="O593" s="166">
        <v>0</v>
      </c>
      <c r="P593" s="166">
        <v>0</v>
      </c>
      <c r="Q593" s="166">
        <v>0</v>
      </c>
      <c r="R593" s="166">
        <v>0</v>
      </c>
      <c r="S593" s="166">
        <v>0</v>
      </c>
      <c r="T593" s="166">
        <v>0</v>
      </c>
      <c r="U593" s="166">
        <v>0</v>
      </c>
      <c r="V593" s="166">
        <v>0</v>
      </c>
      <c r="W593" s="166">
        <v>0</v>
      </c>
      <c r="X593" s="166">
        <v>0</v>
      </c>
      <c r="Y593" s="166">
        <v>0</v>
      </c>
      <c r="Z593" s="166">
        <v>0</v>
      </c>
      <c r="AA593" s="166">
        <v>0</v>
      </c>
      <c r="AB593" s="166">
        <v>0</v>
      </c>
      <c r="AC593" s="166">
        <v>0</v>
      </c>
      <c r="AD593" s="166">
        <v>0</v>
      </c>
      <c r="AE593" s="166">
        <v>0</v>
      </c>
      <c r="AF593" s="166">
        <v>0</v>
      </c>
      <c r="AG593" s="166">
        <v>0</v>
      </c>
      <c r="AH593" s="166">
        <v>0</v>
      </c>
      <c r="AI593" s="166">
        <v>0</v>
      </c>
      <c r="AJ593" s="166">
        <v>0</v>
      </c>
      <c r="AK593" s="166">
        <v>0</v>
      </c>
      <c r="AL593" s="166">
        <v>0</v>
      </c>
      <c r="AM593" s="166">
        <v>0</v>
      </c>
      <c r="AN593" s="166">
        <v>0</v>
      </c>
      <c r="AO593" s="166">
        <v>0</v>
      </c>
      <c r="AP593" s="166">
        <v>0</v>
      </c>
      <c r="AQ593" s="166">
        <v>0</v>
      </c>
      <c r="AR593" s="166">
        <v>0</v>
      </c>
      <c r="AS593" s="166">
        <v>0</v>
      </c>
      <c r="AT593" s="166">
        <v>0</v>
      </c>
      <c r="AU593" s="166">
        <v>0</v>
      </c>
      <c r="AV593" s="166">
        <v>0</v>
      </c>
      <c r="AW593" s="166">
        <v>0</v>
      </c>
      <c r="AX593" s="166">
        <v>0</v>
      </c>
      <c r="AY593" s="166">
        <v>0</v>
      </c>
      <c r="AZ593" s="166">
        <v>0</v>
      </c>
      <c r="BA593" s="166">
        <v>0</v>
      </c>
      <c r="BB593" s="166">
        <v>0</v>
      </c>
      <c r="BC593" s="166">
        <v>0</v>
      </c>
      <c r="BD593" s="166">
        <v>0</v>
      </c>
      <c r="BE593" s="166">
        <v>0</v>
      </c>
      <c r="BF593" s="166">
        <v>0</v>
      </c>
      <c r="BG593" s="166">
        <v>0</v>
      </c>
      <c r="BH593" s="166">
        <v>0</v>
      </c>
      <c r="BI593" s="166">
        <v>0</v>
      </c>
      <c r="BJ593" s="166">
        <v>0</v>
      </c>
      <c r="BK593" s="166">
        <v>0</v>
      </c>
      <c r="BL593" s="166">
        <v>0</v>
      </c>
      <c r="BM593" s="166">
        <v>0</v>
      </c>
      <c r="BN593" s="166">
        <v>0</v>
      </c>
      <c r="BO593" s="166">
        <v>0</v>
      </c>
      <c r="BP593" s="166">
        <v>0</v>
      </c>
      <c r="BQ593" s="166">
        <v>0</v>
      </c>
      <c r="BR593" s="166">
        <v>0</v>
      </c>
      <c r="BS593" s="166">
        <v>0</v>
      </c>
      <c r="BT593" s="168">
        <v>0</v>
      </c>
      <c r="BU593" s="166">
        <v>0</v>
      </c>
      <c r="BV593" s="166">
        <v>0</v>
      </c>
      <c r="BW593" s="166">
        <v>0</v>
      </c>
      <c r="BX593" s="166">
        <v>0</v>
      </c>
      <c r="BY593" s="166">
        <v>0</v>
      </c>
      <c r="BZ593" s="166">
        <v>0</v>
      </c>
      <c r="CA593" s="166">
        <v>0</v>
      </c>
      <c r="CB593" s="166">
        <v>0</v>
      </c>
      <c r="CC593" s="166">
        <v>0</v>
      </c>
      <c r="CD593" s="166">
        <v>0</v>
      </c>
      <c r="CE593" s="166">
        <v>0</v>
      </c>
      <c r="CF593" s="166">
        <v>0</v>
      </c>
      <c r="CG593" s="166">
        <v>0</v>
      </c>
      <c r="CH593" s="166">
        <v>0</v>
      </c>
      <c r="CI593" s="166">
        <v>0</v>
      </c>
      <c r="CJ593" s="166">
        <v>0</v>
      </c>
      <c r="CK593" s="166">
        <v>0</v>
      </c>
      <c r="CL593" s="166">
        <v>0</v>
      </c>
      <c r="CM593" s="166">
        <v>0</v>
      </c>
      <c r="CN593" s="166">
        <v>0</v>
      </c>
      <c r="CO593" s="166">
        <v>0</v>
      </c>
      <c r="CP593" s="166">
        <v>0</v>
      </c>
      <c r="CQ593" s="166">
        <v>0</v>
      </c>
      <c r="CR593" s="166">
        <v>0</v>
      </c>
      <c r="CS593" s="166">
        <v>0</v>
      </c>
      <c r="CT593" s="166">
        <v>0</v>
      </c>
      <c r="CU593" s="166">
        <v>0</v>
      </c>
      <c r="CV593" s="166">
        <v>0</v>
      </c>
      <c r="CW593" s="166">
        <v>0</v>
      </c>
      <c r="CX593" s="166">
        <v>0</v>
      </c>
      <c r="CY593" s="166">
        <v>0</v>
      </c>
      <c r="CZ593" s="166">
        <v>0</v>
      </c>
    </row>
    <row r="594" spans="1:104" x14ac:dyDescent="0.2">
      <c r="A594" s="167" t="s">
        <v>125</v>
      </c>
      <c r="B594" s="166">
        <v>0</v>
      </c>
      <c r="C594" s="166">
        <v>0</v>
      </c>
      <c r="D594" s="166">
        <v>0</v>
      </c>
      <c r="E594" s="166">
        <v>0</v>
      </c>
      <c r="F594" s="166">
        <v>0</v>
      </c>
      <c r="G594" s="166">
        <v>0</v>
      </c>
      <c r="H594" s="166">
        <v>0</v>
      </c>
      <c r="I594" s="166">
        <v>0</v>
      </c>
      <c r="J594" s="166">
        <v>0</v>
      </c>
      <c r="K594" s="166">
        <v>0</v>
      </c>
      <c r="L594" s="166">
        <v>0</v>
      </c>
      <c r="M594" s="166">
        <v>0</v>
      </c>
      <c r="N594" s="166">
        <v>0</v>
      </c>
      <c r="O594" s="166">
        <v>0</v>
      </c>
      <c r="P594" s="166">
        <v>0</v>
      </c>
      <c r="Q594" s="166">
        <v>0</v>
      </c>
      <c r="R594" s="166">
        <v>0</v>
      </c>
      <c r="S594" s="166">
        <v>0</v>
      </c>
      <c r="T594" s="166">
        <v>0</v>
      </c>
      <c r="U594" s="166">
        <v>0</v>
      </c>
      <c r="V594" s="166">
        <v>0</v>
      </c>
      <c r="W594" s="166">
        <v>0</v>
      </c>
      <c r="X594" s="166">
        <v>0</v>
      </c>
      <c r="Y594" s="166">
        <v>0</v>
      </c>
      <c r="Z594" s="166">
        <v>0</v>
      </c>
      <c r="AA594" s="166">
        <v>0</v>
      </c>
      <c r="AB594" s="166">
        <v>0</v>
      </c>
      <c r="AC594" s="166">
        <v>0</v>
      </c>
      <c r="AD594" s="166">
        <v>0</v>
      </c>
      <c r="AE594" s="166">
        <v>0</v>
      </c>
      <c r="AF594" s="166">
        <v>0</v>
      </c>
      <c r="AG594" s="166">
        <v>0</v>
      </c>
      <c r="AH594" s="166">
        <v>0</v>
      </c>
      <c r="AI594" s="166">
        <v>0</v>
      </c>
      <c r="AJ594" s="166">
        <v>0</v>
      </c>
      <c r="AK594" s="166">
        <v>0</v>
      </c>
      <c r="AL594" s="166">
        <v>0</v>
      </c>
      <c r="AM594" s="166">
        <v>0</v>
      </c>
      <c r="AN594" s="166">
        <v>0</v>
      </c>
      <c r="AO594" s="166">
        <v>0</v>
      </c>
      <c r="AP594" s="166">
        <v>0</v>
      </c>
      <c r="AQ594" s="166">
        <v>0</v>
      </c>
      <c r="AR594" s="166">
        <v>0</v>
      </c>
      <c r="AS594" s="166">
        <v>0</v>
      </c>
      <c r="AT594" s="166">
        <v>0</v>
      </c>
      <c r="AU594" s="166">
        <v>0</v>
      </c>
      <c r="AV594" s="166">
        <v>0</v>
      </c>
      <c r="AW594" s="166">
        <v>0</v>
      </c>
      <c r="AX594" s="166">
        <v>0</v>
      </c>
      <c r="AY594" s="166">
        <v>0</v>
      </c>
      <c r="AZ594" s="166">
        <v>0</v>
      </c>
      <c r="BA594" s="166">
        <v>0</v>
      </c>
      <c r="BB594" s="166">
        <v>0</v>
      </c>
      <c r="BC594" s="166">
        <v>0</v>
      </c>
      <c r="BD594" s="166">
        <v>0</v>
      </c>
      <c r="BE594" s="166">
        <v>0</v>
      </c>
      <c r="BF594" s="166">
        <v>0</v>
      </c>
      <c r="BG594" s="166">
        <v>0</v>
      </c>
      <c r="BH594" s="166">
        <v>0</v>
      </c>
      <c r="BI594" s="166">
        <v>0</v>
      </c>
      <c r="BJ594" s="166">
        <v>0</v>
      </c>
      <c r="BK594" s="166">
        <v>0</v>
      </c>
      <c r="BL594" s="166">
        <v>0</v>
      </c>
      <c r="BM594" s="166">
        <v>0</v>
      </c>
      <c r="BN594" s="166">
        <v>0</v>
      </c>
      <c r="BO594" s="166">
        <v>0</v>
      </c>
      <c r="BP594" s="166">
        <v>0</v>
      </c>
      <c r="BQ594" s="166">
        <v>0</v>
      </c>
      <c r="BR594" s="166">
        <v>0</v>
      </c>
      <c r="BS594" s="166">
        <v>0</v>
      </c>
      <c r="BT594" s="168">
        <v>0</v>
      </c>
      <c r="BU594" s="166">
        <v>0</v>
      </c>
      <c r="BV594" s="166">
        <v>0</v>
      </c>
      <c r="BW594" s="166">
        <v>0</v>
      </c>
      <c r="BX594" s="166">
        <v>0</v>
      </c>
      <c r="BY594" s="166">
        <v>0</v>
      </c>
      <c r="BZ594" s="166">
        <v>0</v>
      </c>
      <c r="CA594" s="166">
        <v>0</v>
      </c>
      <c r="CB594" s="166">
        <v>0</v>
      </c>
      <c r="CC594" s="166">
        <v>0</v>
      </c>
      <c r="CD594" s="166">
        <v>0</v>
      </c>
      <c r="CE594" s="166">
        <v>0</v>
      </c>
      <c r="CF594" s="166">
        <v>0</v>
      </c>
      <c r="CG594" s="166">
        <v>0</v>
      </c>
      <c r="CH594" s="166">
        <v>0</v>
      </c>
      <c r="CI594" s="166">
        <v>0</v>
      </c>
      <c r="CJ594" s="166">
        <v>0</v>
      </c>
      <c r="CK594" s="166">
        <v>0</v>
      </c>
      <c r="CL594" s="166">
        <v>0</v>
      </c>
      <c r="CM594" s="166">
        <v>0</v>
      </c>
      <c r="CN594" s="166">
        <v>0</v>
      </c>
      <c r="CO594" s="166">
        <v>0</v>
      </c>
      <c r="CP594" s="166">
        <v>0</v>
      </c>
      <c r="CQ594" s="166">
        <v>0</v>
      </c>
      <c r="CR594" s="166">
        <v>0</v>
      </c>
      <c r="CS594" s="166">
        <v>0</v>
      </c>
      <c r="CT594" s="166">
        <v>0</v>
      </c>
      <c r="CU594" s="166">
        <v>0</v>
      </c>
      <c r="CV594" s="166">
        <v>0</v>
      </c>
      <c r="CW594" s="166">
        <v>0</v>
      </c>
      <c r="CX594" s="166">
        <v>0</v>
      </c>
      <c r="CY594" s="166">
        <v>0</v>
      </c>
      <c r="CZ594" s="166">
        <v>0</v>
      </c>
    </row>
    <row r="595" spans="1:104" x14ac:dyDescent="0.2">
      <c r="A595" s="167" t="s">
        <v>126</v>
      </c>
      <c r="B595" s="166">
        <v>0</v>
      </c>
      <c r="C595" s="166">
        <v>0</v>
      </c>
      <c r="D595" s="166">
        <v>0</v>
      </c>
      <c r="E595" s="166">
        <v>0</v>
      </c>
      <c r="F595" s="166">
        <v>0</v>
      </c>
      <c r="G595" s="166">
        <v>0</v>
      </c>
      <c r="H595" s="166">
        <v>0</v>
      </c>
      <c r="I595" s="166">
        <v>0</v>
      </c>
      <c r="J595" s="166">
        <v>0</v>
      </c>
      <c r="K595" s="166">
        <v>0</v>
      </c>
      <c r="L595" s="166">
        <v>0</v>
      </c>
      <c r="M595" s="166">
        <v>0</v>
      </c>
      <c r="N595" s="166">
        <v>0</v>
      </c>
      <c r="O595" s="166">
        <v>0</v>
      </c>
      <c r="P595" s="166">
        <v>0</v>
      </c>
      <c r="Q595" s="166">
        <v>0</v>
      </c>
      <c r="R595" s="166">
        <v>0</v>
      </c>
      <c r="S595" s="166">
        <v>0</v>
      </c>
      <c r="T595" s="166">
        <v>0</v>
      </c>
      <c r="U595" s="166">
        <v>0</v>
      </c>
      <c r="V595" s="166">
        <v>0</v>
      </c>
      <c r="W595" s="166">
        <v>0</v>
      </c>
      <c r="X595" s="166">
        <v>0</v>
      </c>
      <c r="Y595" s="166">
        <v>0</v>
      </c>
      <c r="Z595" s="166">
        <v>0</v>
      </c>
      <c r="AA595" s="166">
        <v>0</v>
      </c>
      <c r="AB595" s="166">
        <v>0</v>
      </c>
      <c r="AC595" s="166">
        <v>0</v>
      </c>
      <c r="AD595" s="166">
        <v>0</v>
      </c>
      <c r="AE595" s="166">
        <v>0</v>
      </c>
      <c r="AF595" s="166">
        <v>0</v>
      </c>
      <c r="AG595" s="166">
        <v>0</v>
      </c>
      <c r="AH595" s="166">
        <v>0</v>
      </c>
      <c r="AI595" s="166">
        <v>0</v>
      </c>
      <c r="AJ595" s="166">
        <v>0</v>
      </c>
      <c r="AK595" s="166">
        <v>0</v>
      </c>
      <c r="AL595" s="166">
        <v>0</v>
      </c>
      <c r="AM595" s="166">
        <v>0</v>
      </c>
      <c r="AN595" s="166">
        <v>0</v>
      </c>
      <c r="AO595" s="166">
        <v>0</v>
      </c>
      <c r="AP595" s="166">
        <v>0</v>
      </c>
      <c r="AQ595" s="166">
        <v>0</v>
      </c>
      <c r="AR595" s="166">
        <v>0</v>
      </c>
      <c r="AS595" s="166">
        <v>0</v>
      </c>
      <c r="AT595" s="166">
        <v>0</v>
      </c>
      <c r="AU595" s="166">
        <v>0</v>
      </c>
      <c r="AV595" s="166">
        <v>0</v>
      </c>
      <c r="AW595" s="166">
        <v>0</v>
      </c>
      <c r="AX595" s="166">
        <v>0</v>
      </c>
      <c r="AY595" s="166">
        <v>0</v>
      </c>
      <c r="AZ595" s="166">
        <v>0</v>
      </c>
      <c r="BA595" s="166">
        <v>0</v>
      </c>
      <c r="BB595" s="166">
        <v>0</v>
      </c>
      <c r="BC595" s="166">
        <v>0</v>
      </c>
      <c r="BD595" s="166">
        <v>0</v>
      </c>
      <c r="BE595" s="166">
        <v>0</v>
      </c>
      <c r="BF595" s="166">
        <v>0</v>
      </c>
      <c r="BG595" s="166">
        <v>0</v>
      </c>
      <c r="BH595" s="166">
        <v>0</v>
      </c>
      <c r="BI595" s="166">
        <v>0</v>
      </c>
      <c r="BJ595" s="166">
        <v>0</v>
      </c>
      <c r="BK595" s="166">
        <v>0</v>
      </c>
      <c r="BL595" s="166">
        <v>0</v>
      </c>
      <c r="BM595" s="166">
        <v>0</v>
      </c>
      <c r="BN595" s="166">
        <v>0</v>
      </c>
      <c r="BO595" s="166">
        <v>0</v>
      </c>
      <c r="BP595" s="166">
        <v>0</v>
      </c>
      <c r="BQ595" s="166">
        <v>0</v>
      </c>
      <c r="BR595" s="166">
        <v>0</v>
      </c>
      <c r="BS595" s="166">
        <v>0</v>
      </c>
      <c r="BT595" s="168">
        <v>0</v>
      </c>
      <c r="BU595" s="166">
        <v>0</v>
      </c>
      <c r="BV595" s="166">
        <v>0</v>
      </c>
      <c r="BW595" s="166">
        <v>0</v>
      </c>
      <c r="BX595" s="166">
        <v>0</v>
      </c>
      <c r="BY595" s="166">
        <v>0</v>
      </c>
      <c r="BZ595" s="166">
        <v>0</v>
      </c>
      <c r="CA595" s="166">
        <v>0</v>
      </c>
      <c r="CB595" s="166">
        <v>0</v>
      </c>
      <c r="CC595" s="166">
        <v>0</v>
      </c>
      <c r="CD595" s="166">
        <v>0</v>
      </c>
      <c r="CE595" s="166">
        <v>0</v>
      </c>
      <c r="CF595" s="166">
        <v>0</v>
      </c>
      <c r="CG595" s="166">
        <v>0</v>
      </c>
      <c r="CH595" s="166">
        <v>0</v>
      </c>
      <c r="CI595" s="166">
        <v>0</v>
      </c>
      <c r="CJ595" s="166">
        <v>0</v>
      </c>
      <c r="CK595" s="166">
        <v>0</v>
      </c>
      <c r="CL595" s="166">
        <v>0</v>
      </c>
      <c r="CM595" s="166">
        <v>0</v>
      </c>
      <c r="CN595" s="166">
        <v>0</v>
      </c>
      <c r="CO595" s="166">
        <v>0</v>
      </c>
      <c r="CP595" s="166">
        <v>0</v>
      </c>
      <c r="CQ595" s="166">
        <v>0</v>
      </c>
      <c r="CR595" s="166">
        <v>0</v>
      </c>
      <c r="CS595" s="166">
        <v>0</v>
      </c>
      <c r="CT595" s="166">
        <v>0</v>
      </c>
      <c r="CU595" s="166">
        <v>0</v>
      </c>
      <c r="CV595" s="166">
        <v>0</v>
      </c>
      <c r="CW595" s="166">
        <v>0</v>
      </c>
      <c r="CX595" s="166">
        <v>0</v>
      </c>
      <c r="CY595" s="166">
        <v>0</v>
      </c>
      <c r="CZ595" s="166">
        <v>0</v>
      </c>
    </row>
    <row r="596" spans="1:104" x14ac:dyDescent="0.2">
      <c r="A596" s="167" t="s">
        <v>127</v>
      </c>
      <c r="B596" s="166">
        <v>0</v>
      </c>
      <c r="C596" s="166">
        <v>0</v>
      </c>
      <c r="D596" s="166">
        <v>0</v>
      </c>
      <c r="E596" s="166">
        <v>0</v>
      </c>
      <c r="F596" s="166">
        <v>0</v>
      </c>
      <c r="G596" s="166">
        <v>0</v>
      </c>
      <c r="H596" s="166">
        <v>0</v>
      </c>
      <c r="I596" s="166">
        <v>0</v>
      </c>
      <c r="J596" s="166">
        <v>0</v>
      </c>
      <c r="K596" s="166">
        <v>0</v>
      </c>
      <c r="L596" s="166">
        <v>0</v>
      </c>
      <c r="M596" s="166">
        <v>0</v>
      </c>
      <c r="N596" s="166">
        <v>0</v>
      </c>
      <c r="O596" s="166">
        <v>0</v>
      </c>
      <c r="P596" s="166">
        <v>0</v>
      </c>
      <c r="Q596" s="166">
        <v>0</v>
      </c>
      <c r="R596" s="166">
        <v>0</v>
      </c>
      <c r="S596" s="166">
        <v>0</v>
      </c>
      <c r="T596" s="166">
        <v>0</v>
      </c>
      <c r="U596" s="166">
        <v>0</v>
      </c>
      <c r="V596" s="166">
        <v>0</v>
      </c>
      <c r="W596" s="166">
        <v>0</v>
      </c>
      <c r="X596" s="166">
        <v>0</v>
      </c>
      <c r="Y596" s="166">
        <v>0</v>
      </c>
      <c r="Z596" s="166">
        <v>0</v>
      </c>
      <c r="AA596" s="166">
        <v>0</v>
      </c>
      <c r="AB596" s="166">
        <v>0</v>
      </c>
      <c r="AC596" s="166">
        <v>0</v>
      </c>
      <c r="AD596" s="166">
        <v>0</v>
      </c>
      <c r="AE596" s="166">
        <v>0</v>
      </c>
      <c r="AF596" s="166">
        <v>0</v>
      </c>
      <c r="AG596" s="166">
        <v>0</v>
      </c>
      <c r="AH596" s="166">
        <v>0</v>
      </c>
      <c r="AI596" s="166">
        <v>0</v>
      </c>
      <c r="AJ596" s="166">
        <v>0</v>
      </c>
      <c r="AK596" s="166">
        <v>0</v>
      </c>
      <c r="AL596" s="166">
        <v>0</v>
      </c>
      <c r="AM596" s="166">
        <v>0</v>
      </c>
      <c r="AN596" s="166">
        <v>0</v>
      </c>
      <c r="AO596" s="166">
        <v>0</v>
      </c>
      <c r="AP596" s="166">
        <v>0</v>
      </c>
      <c r="AQ596" s="166">
        <v>0</v>
      </c>
      <c r="AR596" s="166">
        <v>0</v>
      </c>
      <c r="AS596" s="166">
        <v>0</v>
      </c>
      <c r="AT596" s="166">
        <v>0</v>
      </c>
      <c r="AU596" s="166">
        <v>0</v>
      </c>
      <c r="AV596" s="166">
        <v>0</v>
      </c>
      <c r="AW596" s="166">
        <v>0</v>
      </c>
      <c r="AX596" s="166">
        <v>0</v>
      </c>
      <c r="AY596" s="166">
        <v>0</v>
      </c>
      <c r="AZ596" s="166">
        <v>0</v>
      </c>
      <c r="BA596" s="166">
        <v>0</v>
      </c>
      <c r="BB596" s="166">
        <v>0</v>
      </c>
      <c r="BC596" s="166">
        <v>0</v>
      </c>
      <c r="BD596" s="166">
        <v>0</v>
      </c>
      <c r="BE596" s="166">
        <v>0</v>
      </c>
      <c r="BF596" s="166">
        <v>0</v>
      </c>
      <c r="BG596" s="166">
        <v>0</v>
      </c>
      <c r="BH596" s="166">
        <v>0</v>
      </c>
      <c r="BI596" s="166">
        <v>0</v>
      </c>
      <c r="BJ596" s="166">
        <v>0</v>
      </c>
      <c r="BK596" s="166">
        <v>0</v>
      </c>
      <c r="BL596" s="166">
        <v>0</v>
      </c>
      <c r="BM596" s="166">
        <v>0</v>
      </c>
      <c r="BN596" s="166">
        <v>0</v>
      </c>
      <c r="BO596" s="166">
        <v>0</v>
      </c>
      <c r="BP596" s="166">
        <v>0</v>
      </c>
      <c r="BQ596" s="166">
        <v>0</v>
      </c>
      <c r="BR596" s="166">
        <v>0</v>
      </c>
      <c r="BS596" s="166">
        <v>0</v>
      </c>
      <c r="BT596" s="168">
        <v>0</v>
      </c>
      <c r="BU596" s="166">
        <v>0</v>
      </c>
      <c r="BV596" s="166">
        <v>0</v>
      </c>
      <c r="BW596" s="166">
        <v>0</v>
      </c>
      <c r="BX596" s="166">
        <v>0</v>
      </c>
      <c r="BY596" s="166">
        <v>0</v>
      </c>
      <c r="BZ596" s="166">
        <v>0</v>
      </c>
      <c r="CA596" s="166">
        <v>0</v>
      </c>
      <c r="CB596" s="166">
        <v>0</v>
      </c>
      <c r="CC596" s="166">
        <v>0</v>
      </c>
      <c r="CD596" s="166">
        <v>0</v>
      </c>
      <c r="CE596" s="166">
        <v>0</v>
      </c>
      <c r="CF596" s="166">
        <v>0</v>
      </c>
      <c r="CG596" s="166">
        <v>0</v>
      </c>
      <c r="CH596" s="166">
        <v>0</v>
      </c>
      <c r="CI596" s="166">
        <v>0</v>
      </c>
      <c r="CJ596" s="166">
        <v>0</v>
      </c>
      <c r="CK596" s="166">
        <v>0</v>
      </c>
      <c r="CL596" s="166">
        <v>0</v>
      </c>
      <c r="CM596" s="166">
        <v>0</v>
      </c>
      <c r="CN596" s="166">
        <v>0</v>
      </c>
      <c r="CO596" s="166">
        <v>0</v>
      </c>
      <c r="CP596" s="166">
        <v>0</v>
      </c>
      <c r="CQ596" s="166">
        <v>0</v>
      </c>
      <c r="CR596" s="166">
        <v>0</v>
      </c>
      <c r="CS596" s="166">
        <v>0</v>
      </c>
      <c r="CT596" s="166">
        <v>0</v>
      </c>
      <c r="CU596" s="166">
        <v>0</v>
      </c>
      <c r="CV596" s="166">
        <v>0</v>
      </c>
      <c r="CW596" s="166">
        <v>0</v>
      </c>
      <c r="CX596" s="166">
        <v>0</v>
      </c>
      <c r="CY596" s="166">
        <v>0</v>
      </c>
      <c r="CZ596" s="166">
        <v>0</v>
      </c>
    </row>
    <row r="597" spans="1:104" x14ac:dyDescent="0.2">
      <c r="A597" s="167" t="s">
        <v>128</v>
      </c>
      <c r="B597" s="166">
        <v>0</v>
      </c>
      <c r="C597" s="166">
        <v>31574814382.850601</v>
      </c>
      <c r="D597" s="166">
        <v>0</v>
      </c>
      <c r="E597" s="166">
        <v>0</v>
      </c>
      <c r="F597" s="166">
        <v>0</v>
      </c>
      <c r="G597" s="166">
        <v>0</v>
      </c>
      <c r="H597" s="166">
        <v>0</v>
      </c>
      <c r="I597" s="166">
        <v>0</v>
      </c>
      <c r="J597" s="166">
        <v>0</v>
      </c>
      <c r="K597" s="166">
        <v>0</v>
      </c>
      <c r="L597" s="166">
        <v>0</v>
      </c>
      <c r="M597" s="166">
        <v>0</v>
      </c>
      <c r="N597" s="166">
        <v>0</v>
      </c>
      <c r="O597" s="166">
        <v>0</v>
      </c>
      <c r="P597" s="166">
        <v>0</v>
      </c>
      <c r="Q597" s="166">
        <v>0</v>
      </c>
      <c r="R597" s="166">
        <v>0</v>
      </c>
      <c r="S597" s="166">
        <v>0</v>
      </c>
      <c r="T597" s="166">
        <v>0</v>
      </c>
      <c r="U597" s="166">
        <v>0</v>
      </c>
      <c r="V597" s="166">
        <v>0</v>
      </c>
      <c r="W597" s="166">
        <v>0</v>
      </c>
      <c r="X597" s="166">
        <v>0</v>
      </c>
      <c r="Y597" s="166">
        <v>0</v>
      </c>
      <c r="Z597" s="166">
        <v>0</v>
      </c>
      <c r="AA597" s="166">
        <v>0</v>
      </c>
      <c r="AB597" s="166">
        <v>0</v>
      </c>
      <c r="AC597" s="166">
        <v>0</v>
      </c>
      <c r="AD597" s="166">
        <v>0</v>
      </c>
      <c r="AE597" s="166">
        <v>0</v>
      </c>
      <c r="AF597" s="166">
        <v>0</v>
      </c>
      <c r="AG597" s="166">
        <v>0</v>
      </c>
      <c r="AH597" s="166">
        <v>0</v>
      </c>
      <c r="AI597" s="166">
        <v>0</v>
      </c>
      <c r="AJ597" s="166">
        <v>0</v>
      </c>
      <c r="AK597" s="166">
        <v>0</v>
      </c>
      <c r="AL597" s="166">
        <v>0</v>
      </c>
      <c r="AM597" s="166">
        <v>0</v>
      </c>
      <c r="AN597" s="166">
        <v>0</v>
      </c>
      <c r="AO597" s="166">
        <v>0</v>
      </c>
      <c r="AP597" s="166">
        <v>0</v>
      </c>
      <c r="AQ597" s="166">
        <v>0</v>
      </c>
      <c r="AR597" s="166">
        <v>0</v>
      </c>
      <c r="AS597" s="166">
        <v>0</v>
      </c>
      <c r="AT597" s="166">
        <v>0</v>
      </c>
      <c r="AU597" s="166">
        <v>0</v>
      </c>
      <c r="AV597" s="166">
        <v>0</v>
      </c>
      <c r="AW597" s="166">
        <v>0</v>
      </c>
      <c r="AX597" s="166">
        <v>0</v>
      </c>
      <c r="AY597" s="166">
        <v>0</v>
      </c>
      <c r="AZ597" s="166">
        <v>0</v>
      </c>
      <c r="BA597" s="166">
        <v>0</v>
      </c>
      <c r="BB597" s="166">
        <v>0</v>
      </c>
      <c r="BC597" s="166">
        <v>0</v>
      </c>
      <c r="BD597" s="166">
        <v>0</v>
      </c>
      <c r="BE597" s="166">
        <v>0</v>
      </c>
      <c r="BF597" s="166">
        <v>0</v>
      </c>
      <c r="BG597" s="166">
        <v>0</v>
      </c>
      <c r="BH597" s="166">
        <v>0</v>
      </c>
      <c r="BI597" s="166">
        <v>0</v>
      </c>
      <c r="BJ597" s="166">
        <v>0</v>
      </c>
      <c r="BK597" s="166">
        <v>0</v>
      </c>
      <c r="BL597" s="166">
        <v>0</v>
      </c>
      <c r="BM597" s="166">
        <v>0</v>
      </c>
      <c r="BN597" s="166">
        <v>0</v>
      </c>
      <c r="BO597" s="166">
        <v>0</v>
      </c>
      <c r="BP597" s="166">
        <v>0</v>
      </c>
      <c r="BQ597" s="166">
        <v>0</v>
      </c>
      <c r="BR597" s="166">
        <v>2470117105.8500099</v>
      </c>
      <c r="BS597" s="166">
        <v>0</v>
      </c>
      <c r="BT597" s="166">
        <v>0</v>
      </c>
      <c r="BU597" s="166">
        <v>0</v>
      </c>
      <c r="BV597" s="166">
        <v>0</v>
      </c>
      <c r="BW597" s="166">
        <v>0</v>
      </c>
      <c r="BX597" s="166">
        <v>0</v>
      </c>
      <c r="BY597" s="166">
        <v>0</v>
      </c>
      <c r="BZ597" s="166">
        <v>0</v>
      </c>
      <c r="CA597" s="166">
        <v>0</v>
      </c>
      <c r="CB597" s="166">
        <v>0</v>
      </c>
      <c r="CC597" s="166">
        <v>0</v>
      </c>
      <c r="CD597" s="166">
        <v>0</v>
      </c>
      <c r="CE597" s="166">
        <v>0</v>
      </c>
      <c r="CF597" s="166">
        <v>0</v>
      </c>
      <c r="CG597" s="166">
        <v>0</v>
      </c>
      <c r="CH597" s="166">
        <v>0</v>
      </c>
      <c r="CI597" s="166">
        <v>0</v>
      </c>
      <c r="CJ597" s="166">
        <v>0</v>
      </c>
      <c r="CK597" s="166">
        <v>0</v>
      </c>
      <c r="CL597" s="166">
        <v>0</v>
      </c>
      <c r="CM597" s="166">
        <v>0</v>
      </c>
      <c r="CN597" s="166">
        <v>0</v>
      </c>
      <c r="CO597" s="166">
        <v>0</v>
      </c>
      <c r="CP597" s="166">
        <v>0</v>
      </c>
      <c r="CQ597" s="166">
        <v>0</v>
      </c>
      <c r="CR597" s="166">
        <v>0</v>
      </c>
      <c r="CS597" s="166">
        <v>0</v>
      </c>
      <c r="CT597" s="166">
        <v>0</v>
      </c>
      <c r="CU597" s="166">
        <v>0</v>
      </c>
      <c r="CV597" s="166">
        <v>0</v>
      </c>
      <c r="CW597" s="166">
        <v>0</v>
      </c>
      <c r="CX597" s="166">
        <v>0</v>
      </c>
      <c r="CY597" s="166">
        <v>0</v>
      </c>
      <c r="CZ597" s="166">
        <v>0</v>
      </c>
    </row>
    <row r="598" spans="1:104" x14ac:dyDescent="0.2">
      <c r="A598" s="167" t="s">
        <v>129</v>
      </c>
    </row>
    <row r="599" spans="1:104" x14ac:dyDescent="0.2">
      <c r="A599" s="167" t="s">
        <v>130</v>
      </c>
    </row>
    <row r="600" spans="1:104" ht="10.8" thickBot="1" x14ac:dyDescent="0.25">
      <c r="A600" s="169" t="s">
        <v>131</v>
      </c>
    </row>
    <row r="601" spans="1:104" x14ac:dyDescent="0.2">
      <c r="A601" s="170" t="s">
        <v>132</v>
      </c>
    </row>
    <row r="602" spans="1:104" x14ac:dyDescent="0.2">
      <c r="A602" s="167" t="s">
        <v>133</v>
      </c>
      <c r="B602" s="166">
        <v>11600921.169172401</v>
      </c>
      <c r="C602" s="166">
        <v>11600921.169172401</v>
      </c>
      <c r="D602" s="166">
        <v>0</v>
      </c>
      <c r="E602" s="166">
        <v>0</v>
      </c>
      <c r="F602" s="166">
        <v>0</v>
      </c>
      <c r="G602" s="166">
        <v>0</v>
      </c>
      <c r="H602" s="166">
        <v>0</v>
      </c>
      <c r="I602" s="166">
        <v>0</v>
      </c>
      <c r="J602" s="166">
        <v>0</v>
      </c>
      <c r="K602" s="166">
        <v>0</v>
      </c>
      <c r="L602" s="166">
        <v>0</v>
      </c>
      <c r="M602" s="166">
        <v>0</v>
      </c>
      <c r="N602" s="166">
        <v>0</v>
      </c>
      <c r="O602" s="166">
        <v>0</v>
      </c>
      <c r="P602" s="166">
        <v>0</v>
      </c>
      <c r="Q602" s="166">
        <v>0</v>
      </c>
      <c r="R602" s="166">
        <v>0</v>
      </c>
      <c r="S602" s="166">
        <v>0</v>
      </c>
      <c r="T602" s="166">
        <v>0</v>
      </c>
      <c r="U602" s="166">
        <v>0</v>
      </c>
      <c r="V602" s="166">
        <v>0</v>
      </c>
      <c r="W602" s="166">
        <v>0</v>
      </c>
      <c r="X602" s="166">
        <v>0</v>
      </c>
      <c r="Y602" s="166">
        <v>0</v>
      </c>
      <c r="Z602" s="166">
        <v>0</v>
      </c>
      <c r="AA602" s="166">
        <v>0</v>
      </c>
      <c r="AB602" s="166">
        <v>0</v>
      </c>
      <c r="AC602" s="166">
        <v>0</v>
      </c>
      <c r="AD602" s="166">
        <v>0</v>
      </c>
      <c r="AE602" s="166">
        <v>0</v>
      </c>
      <c r="AF602" s="166">
        <v>0</v>
      </c>
      <c r="AG602" s="166">
        <v>0</v>
      </c>
      <c r="AH602" s="166">
        <v>0</v>
      </c>
      <c r="AI602" s="166">
        <v>0</v>
      </c>
      <c r="AJ602" s="166">
        <v>0</v>
      </c>
      <c r="AK602" s="166">
        <v>0</v>
      </c>
      <c r="AL602" s="166">
        <v>0</v>
      </c>
      <c r="AM602" s="166">
        <v>0</v>
      </c>
      <c r="AN602" s="166">
        <v>0</v>
      </c>
      <c r="AO602" s="166">
        <v>0</v>
      </c>
      <c r="AP602" s="166">
        <v>0</v>
      </c>
      <c r="AQ602" s="166">
        <v>0</v>
      </c>
      <c r="AR602" s="166">
        <v>0</v>
      </c>
      <c r="AS602" s="166">
        <v>0</v>
      </c>
      <c r="AT602" s="166">
        <v>0</v>
      </c>
      <c r="AU602" s="166">
        <v>0</v>
      </c>
      <c r="AV602" s="166">
        <v>0</v>
      </c>
      <c r="AW602" s="166">
        <v>0</v>
      </c>
      <c r="AX602" s="166">
        <v>0</v>
      </c>
      <c r="AY602" s="166">
        <v>0</v>
      </c>
      <c r="AZ602" s="166">
        <v>0</v>
      </c>
      <c r="BA602" s="166">
        <v>0</v>
      </c>
      <c r="BB602" s="166">
        <v>0</v>
      </c>
      <c r="BC602" s="166">
        <v>0</v>
      </c>
      <c r="BD602" s="166">
        <v>0</v>
      </c>
      <c r="BE602" s="166">
        <v>0</v>
      </c>
      <c r="BF602" s="166">
        <v>0</v>
      </c>
      <c r="BG602" s="166">
        <v>0</v>
      </c>
      <c r="BH602" s="166">
        <v>0</v>
      </c>
      <c r="BI602" s="166">
        <v>0</v>
      </c>
      <c r="BJ602" s="166">
        <v>0</v>
      </c>
      <c r="BK602" s="166">
        <v>0</v>
      </c>
      <c r="BL602" s="166">
        <v>0</v>
      </c>
      <c r="BM602" s="166">
        <v>0</v>
      </c>
      <c r="BN602" s="166">
        <v>0</v>
      </c>
      <c r="BO602" s="166">
        <v>0</v>
      </c>
      <c r="BP602" s="166">
        <v>0</v>
      </c>
      <c r="BQ602" s="166">
        <v>0</v>
      </c>
      <c r="BR602" s="166">
        <v>11600921.169172401</v>
      </c>
      <c r="BS602" s="166">
        <v>11600921.169172401</v>
      </c>
      <c r="BT602" s="168">
        <v>0.97402999999999995</v>
      </c>
      <c r="BU602" s="166">
        <v>949768.837204515</v>
      </c>
      <c r="BV602" s="166">
        <v>11299645.246409001</v>
      </c>
      <c r="BW602" s="166">
        <v>0</v>
      </c>
      <c r="BX602" s="166">
        <v>0</v>
      </c>
      <c r="BY602" s="166">
        <v>0</v>
      </c>
      <c r="BZ602" s="166">
        <v>0</v>
      </c>
      <c r="CA602" s="166">
        <v>0</v>
      </c>
      <c r="CB602" s="166">
        <v>0</v>
      </c>
      <c r="CC602" s="166">
        <v>0</v>
      </c>
      <c r="CD602" s="166">
        <v>0</v>
      </c>
      <c r="CE602" s="166">
        <v>0</v>
      </c>
      <c r="CF602" s="166">
        <v>0</v>
      </c>
      <c r="CG602" s="166">
        <v>0</v>
      </c>
      <c r="CH602" s="166">
        <v>0</v>
      </c>
      <c r="CI602" s="166">
        <v>0</v>
      </c>
      <c r="CJ602" s="166">
        <v>0</v>
      </c>
      <c r="CK602" s="166">
        <v>0</v>
      </c>
      <c r="CL602" s="166">
        <v>0</v>
      </c>
      <c r="CM602" s="166">
        <v>0</v>
      </c>
      <c r="CN602" s="166">
        <v>0</v>
      </c>
      <c r="CO602" s="166">
        <v>0</v>
      </c>
      <c r="CP602" s="166">
        <v>0</v>
      </c>
      <c r="CQ602" s="166">
        <v>0</v>
      </c>
      <c r="CR602" s="166">
        <v>0</v>
      </c>
      <c r="CS602" s="166">
        <v>0</v>
      </c>
      <c r="CT602" s="166">
        <v>0</v>
      </c>
      <c r="CU602" s="166">
        <v>0</v>
      </c>
      <c r="CV602" s="166">
        <v>0</v>
      </c>
      <c r="CW602" s="166">
        <v>0</v>
      </c>
      <c r="CX602" s="166">
        <v>0</v>
      </c>
      <c r="CY602" s="166">
        <v>11299645.246409001</v>
      </c>
      <c r="CZ602" s="166">
        <v>11299645.246409001</v>
      </c>
    </row>
    <row r="603" spans="1:104" x14ac:dyDescent="0.2">
      <c r="A603" s="167" t="s">
        <v>134</v>
      </c>
      <c r="B603" s="166">
        <v>7382344.1169610899</v>
      </c>
      <c r="C603" s="166">
        <v>7382344.1169610899</v>
      </c>
      <c r="D603" s="166">
        <v>0</v>
      </c>
      <c r="E603" s="166">
        <v>0</v>
      </c>
      <c r="F603" s="166">
        <v>0</v>
      </c>
      <c r="G603" s="166">
        <v>0</v>
      </c>
      <c r="H603" s="166">
        <v>0</v>
      </c>
      <c r="I603" s="166">
        <v>0</v>
      </c>
      <c r="J603" s="166">
        <v>0</v>
      </c>
      <c r="K603" s="166">
        <v>0</v>
      </c>
      <c r="L603" s="166">
        <v>0</v>
      </c>
      <c r="M603" s="166">
        <v>0</v>
      </c>
      <c r="N603" s="166">
        <v>0</v>
      </c>
      <c r="O603" s="166">
        <v>0</v>
      </c>
      <c r="P603" s="166">
        <v>0</v>
      </c>
      <c r="Q603" s="166">
        <v>0</v>
      </c>
      <c r="R603" s="166">
        <v>0</v>
      </c>
      <c r="S603" s="166">
        <v>0</v>
      </c>
      <c r="T603" s="166">
        <v>0</v>
      </c>
      <c r="U603" s="166">
        <v>0</v>
      </c>
      <c r="V603" s="166">
        <v>0</v>
      </c>
      <c r="W603" s="166">
        <v>0</v>
      </c>
      <c r="X603" s="166">
        <v>0</v>
      </c>
      <c r="Y603" s="166">
        <v>0</v>
      </c>
      <c r="Z603" s="166">
        <v>0</v>
      </c>
      <c r="AA603" s="166">
        <v>0</v>
      </c>
      <c r="AB603" s="166">
        <v>0</v>
      </c>
      <c r="AC603" s="166">
        <v>0</v>
      </c>
      <c r="AD603" s="166">
        <v>0</v>
      </c>
      <c r="AE603" s="166">
        <v>0</v>
      </c>
      <c r="AF603" s="166">
        <v>0</v>
      </c>
      <c r="AG603" s="166">
        <v>0</v>
      </c>
      <c r="AH603" s="166">
        <v>0</v>
      </c>
      <c r="AI603" s="166">
        <v>0</v>
      </c>
      <c r="AJ603" s="166">
        <v>0</v>
      </c>
      <c r="AK603" s="166">
        <v>0</v>
      </c>
      <c r="AL603" s="166">
        <v>0</v>
      </c>
      <c r="AM603" s="166">
        <v>0</v>
      </c>
      <c r="AN603" s="166">
        <v>0</v>
      </c>
      <c r="AO603" s="166">
        <v>0</v>
      </c>
      <c r="AP603" s="166">
        <v>0</v>
      </c>
      <c r="AQ603" s="166">
        <v>0</v>
      </c>
      <c r="AR603" s="166">
        <v>0</v>
      </c>
      <c r="AS603" s="166">
        <v>0</v>
      </c>
      <c r="AT603" s="166">
        <v>0</v>
      </c>
      <c r="AU603" s="166">
        <v>0</v>
      </c>
      <c r="AV603" s="166">
        <v>0</v>
      </c>
      <c r="AW603" s="166">
        <v>0</v>
      </c>
      <c r="AX603" s="166">
        <v>0</v>
      </c>
      <c r="AY603" s="166">
        <v>0</v>
      </c>
      <c r="AZ603" s="166">
        <v>0</v>
      </c>
      <c r="BA603" s="166">
        <v>0</v>
      </c>
      <c r="BB603" s="166">
        <v>0</v>
      </c>
      <c r="BC603" s="166">
        <v>0</v>
      </c>
      <c r="BD603" s="166">
        <v>0</v>
      </c>
      <c r="BE603" s="166">
        <v>0</v>
      </c>
      <c r="BF603" s="166">
        <v>0</v>
      </c>
      <c r="BG603" s="166">
        <v>0</v>
      </c>
      <c r="BH603" s="166">
        <v>0</v>
      </c>
      <c r="BI603" s="166">
        <v>0</v>
      </c>
      <c r="BJ603" s="166">
        <v>0</v>
      </c>
      <c r="BK603" s="166">
        <v>0</v>
      </c>
      <c r="BL603" s="166">
        <v>0</v>
      </c>
      <c r="BM603" s="166">
        <v>0</v>
      </c>
      <c r="BN603" s="166">
        <v>0</v>
      </c>
      <c r="BO603" s="166">
        <v>0</v>
      </c>
      <c r="BP603" s="166">
        <v>0</v>
      </c>
      <c r="BQ603" s="166">
        <v>0</v>
      </c>
      <c r="BR603" s="166">
        <v>7382344.1169610899</v>
      </c>
      <c r="BS603" s="166">
        <v>7382344.1169610899</v>
      </c>
      <c r="BT603" s="168">
        <v>0.92637230841245999</v>
      </c>
      <c r="BU603" s="166">
        <v>571648.88550493703</v>
      </c>
      <c r="BV603" s="166">
        <v>6838799.1611243896</v>
      </c>
      <c r="BW603" s="166">
        <v>0</v>
      </c>
      <c r="BX603" s="166">
        <v>0</v>
      </c>
      <c r="BY603" s="166">
        <v>0</v>
      </c>
      <c r="BZ603" s="166">
        <v>0</v>
      </c>
      <c r="CA603" s="166">
        <v>0</v>
      </c>
      <c r="CB603" s="166">
        <v>0</v>
      </c>
      <c r="CC603" s="166">
        <v>0</v>
      </c>
      <c r="CD603" s="166">
        <v>0</v>
      </c>
      <c r="CE603" s="166">
        <v>0</v>
      </c>
      <c r="CF603" s="166">
        <v>0</v>
      </c>
      <c r="CG603" s="166">
        <v>0</v>
      </c>
      <c r="CH603" s="166">
        <v>0</v>
      </c>
      <c r="CI603" s="166">
        <v>0</v>
      </c>
      <c r="CJ603" s="166">
        <v>0</v>
      </c>
      <c r="CK603" s="166">
        <v>0</v>
      </c>
      <c r="CL603" s="166">
        <v>0</v>
      </c>
      <c r="CM603" s="166">
        <v>0</v>
      </c>
      <c r="CN603" s="166">
        <v>0</v>
      </c>
      <c r="CO603" s="166">
        <v>0</v>
      </c>
      <c r="CP603" s="166">
        <v>0</v>
      </c>
      <c r="CQ603" s="166">
        <v>0</v>
      </c>
      <c r="CR603" s="166">
        <v>0</v>
      </c>
      <c r="CS603" s="166">
        <v>0</v>
      </c>
      <c r="CT603" s="166">
        <v>0</v>
      </c>
      <c r="CU603" s="166">
        <v>0</v>
      </c>
      <c r="CV603" s="166">
        <v>0</v>
      </c>
      <c r="CW603" s="166">
        <v>0</v>
      </c>
      <c r="CX603" s="166">
        <v>0</v>
      </c>
      <c r="CY603" s="166">
        <v>6838799.1611243896</v>
      </c>
      <c r="CZ603" s="166">
        <v>6838799.1611243896</v>
      </c>
    </row>
    <row r="604" spans="1:104" x14ac:dyDescent="0.2">
      <c r="A604" s="167" t="s">
        <v>135</v>
      </c>
      <c r="B604" s="166">
        <v>1090020.76386647</v>
      </c>
      <c r="C604" s="166">
        <v>1090020.76386647</v>
      </c>
      <c r="D604" s="166">
        <v>0</v>
      </c>
      <c r="E604" s="166">
        <v>0</v>
      </c>
      <c r="F604" s="166">
        <v>0</v>
      </c>
      <c r="G604" s="166">
        <v>0</v>
      </c>
      <c r="H604" s="166">
        <v>0</v>
      </c>
      <c r="I604" s="166">
        <v>0</v>
      </c>
      <c r="J604" s="166">
        <v>0</v>
      </c>
      <c r="K604" s="166">
        <v>0</v>
      </c>
      <c r="L604" s="166">
        <v>0</v>
      </c>
      <c r="M604" s="166">
        <v>0</v>
      </c>
      <c r="N604" s="166">
        <v>0</v>
      </c>
      <c r="O604" s="166">
        <v>0</v>
      </c>
      <c r="P604" s="166">
        <v>0</v>
      </c>
      <c r="Q604" s="166">
        <v>0</v>
      </c>
      <c r="R604" s="166">
        <v>0</v>
      </c>
      <c r="S604" s="166">
        <v>0</v>
      </c>
      <c r="T604" s="166">
        <v>0</v>
      </c>
      <c r="U604" s="166">
        <v>0</v>
      </c>
      <c r="V604" s="166">
        <v>0</v>
      </c>
      <c r="W604" s="166">
        <v>0</v>
      </c>
      <c r="X604" s="166">
        <v>0</v>
      </c>
      <c r="Y604" s="166">
        <v>0</v>
      </c>
      <c r="Z604" s="166">
        <v>0</v>
      </c>
      <c r="AA604" s="166">
        <v>0</v>
      </c>
      <c r="AB604" s="166">
        <v>0</v>
      </c>
      <c r="AC604" s="166">
        <v>0</v>
      </c>
      <c r="AD604" s="166">
        <v>0</v>
      </c>
      <c r="AE604" s="166">
        <v>0</v>
      </c>
      <c r="AF604" s="166">
        <v>0</v>
      </c>
      <c r="AG604" s="166">
        <v>0</v>
      </c>
      <c r="AH604" s="166">
        <v>0</v>
      </c>
      <c r="AI604" s="166">
        <v>0</v>
      </c>
      <c r="AJ604" s="166">
        <v>0</v>
      </c>
      <c r="AK604" s="166">
        <v>0</v>
      </c>
      <c r="AL604" s="166">
        <v>0</v>
      </c>
      <c r="AM604" s="166">
        <v>0</v>
      </c>
      <c r="AN604" s="166">
        <v>0</v>
      </c>
      <c r="AO604" s="166">
        <v>0</v>
      </c>
      <c r="AP604" s="166">
        <v>0</v>
      </c>
      <c r="AQ604" s="166">
        <v>0</v>
      </c>
      <c r="AR604" s="166">
        <v>0</v>
      </c>
      <c r="AS604" s="166">
        <v>0</v>
      </c>
      <c r="AT604" s="166">
        <v>0</v>
      </c>
      <c r="AU604" s="166">
        <v>0</v>
      </c>
      <c r="AV604" s="166">
        <v>0</v>
      </c>
      <c r="AW604" s="166">
        <v>0</v>
      </c>
      <c r="AX604" s="166">
        <v>0</v>
      </c>
      <c r="AY604" s="166">
        <v>0</v>
      </c>
      <c r="AZ604" s="166">
        <v>0</v>
      </c>
      <c r="BA604" s="166">
        <v>0</v>
      </c>
      <c r="BB604" s="166">
        <v>0</v>
      </c>
      <c r="BC604" s="166">
        <v>0</v>
      </c>
      <c r="BD604" s="166">
        <v>0</v>
      </c>
      <c r="BE604" s="166">
        <v>0</v>
      </c>
      <c r="BF604" s="166">
        <v>0</v>
      </c>
      <c r="BG604" s="166">
        <v>0</v>
      </c>
      <c r="BH604" s="166">
        <v>0</v>
      </c>
      <c r="BI604" s="166">
        <v>0</v>
      </c>
      <c r="BJ604" s="166">
        <v>0</v>
      </c>
      <c r="BK604" s="166">
        <v>0</v>
      </c>
      <c r="BL604" s="166">
        <v>0</v>
      </c>
      <c r="BM604" s="166">
        <v>0</v>
      </c>
      <c r="BN604" s="166">
        <v>0</v>
      </c>
      <c r="BO604" s="166">
        <v>0</v>
      </c>
      <c r="BP604" s="166">
        <v>0</v>
      </c>
      <c r="BQ604" s="166">
        <v>0</v>
      </c>
      <c r="BR604" s="166">
        <v>1090020.76386647</v>
      </c>
      <c r="BS604" s="166">
        <v>1090020.76386647</v>
      </c>
      <c r="BT604" s="168">
        <v>0.95109934560116105</v>
      </c>
      <c r="BU604" s="166">
        <v>92572.971625977603</v>
      </c>
      <c r="BV604" s="166">
        <v>1036718.0352050801</v>
      </c>
      <c r="BW604" s="166">
        <v>0</v>
      </c>
      <c r="BX604" s="166">
        <v>0</v>
      </c>
      <c r="BY604" s="166">
        <v>0</v>
      </c>
      <c r="BZ604" s="166">
        <v>0</v>
      </c>
      <c r="CA604" s="166">
        <v>0</v>
      </c>
      <c r="CB604" s="166">
        <v>0</v>
      </c>
      <c r="CC604" s="166">
        <v>0</v>
      </c>
      <c r="CD604" s="166">
        <v>0</v>
      </c>
      <c r="CE604" s="166">
        <v>0</v>
      </c>
      <c r="CF604" s="166">
        <v>0</v>
      </c>
      <c r="CG604" s="166">
        <v>0</v>
      </c>
      <c r="CH604" s="166">
        <v>0</v>
      </c>
      <c r="CI604" s="166">
        <v>0</v>
      </c>
      <c r="CJ604" s="166">
        <v>0</v>
      </c>
      <c r="CK604" s="166">
        <v>0</v>
      </c>
      <c r="CL604" s="166">
        <v>0</v>
      </c>
      <c r="CM604" s="166">
        <v>0</v>
      </c>
      <c r="CN604" s="166">
        <v>0</v>
      </c>
      <c r="CO604" s="166">
        <v>0</v>
      </c>
      <c r="CP604" s="166">
        <v>0</v>
      </c>
      <c r="CQ604" s="166">
        <v>0</v>
      </c>
      <c r="CR604" s="166">
        <v>0</v>
      </c>
      <c r="CS604" s="166">
        <v>0</v>
      </c>
      <c r="CT604" s="166">
        <v>0</v>
      </c>
      <c r="CU604" s="166">
        <v>0</v>
      </c>
      <c r="CV604" s="166">
        <v>0</v>
      </c>
      <c r="CW604" s="166">
        <v>0</v>
      </c>
      <c r="CX604" s="166">
        <v>0</v>
      </c>
      <c r="CY604" s="166">
        <v>1036718.0352050801</v>
      </c>
      <c r="CZ604" s="166">
        <v>1036718.0352050801</v>
      </c>
    </row>
    <row r="605" spans="1:104" x14ac:dyDescent="0.2">
      <c r="A605" s="167" t="s">
        <v>136</v>
      </c>
      <c r="B605" s="166">
        <v>20073286.0499999</v>
      </c>
      <c r="C605" s="166">
        <v>20073286.0499999</v>
      </c>
      <c r="D605" s="166">
        <v>0</v>
      </c>
      <c r="E605" s="166">
        <v>0</v>
      </c>
      <c r="F605" s="166">
        <v>0</v>
      </c>
      <c r="G605" s="166">
        <v>0</v>
      </c>
      <c r="H605" s="166">
        <v>0</v>
      </c>
      <c r="I605" s="166">
        <v>0</v>
      </c>
      <c r="J605" s="166">
        <v>0</v>
      </c>
      <c r="K605" s="166">
        <v>0</v>
      </c>
      <c r="L605" s="166">
        <v>0</v>
      </c>
      <c r="M605" s="166">
        <v>0</v>
      </c>
      <c r="N605" s="166">
        <v>0</v>
      </c>
      <c r="O605" s="166">
        <v>0</v>
      </c>
      <c r="P605" s="166">
        <v>0</v>
      </c>
      <c r="Q605" s="166">
        <v>0</v>
      </c>
      <c r="R605" s="166">
        <v>0</v>
      </c>
      <c r="S605" s="166">
        <v>0</v>
      </c>
      <c r="T605" s="166">
        <v>0</v>
      </c>
      <c r="U605" s="166">
        <v>0</v>
      </c>
      <c r="V605" s="166">
        <v>0</v>
      </c>
      <c r="W605" s="166">
        <v>0</v>
      </c>
      <c r="X605" s="166">
        <v>0</v>
      </c>
      <c r="Y605" s="166">
        <v>0</v>
      </c>
      <c r="Z605" s="166">
        <v>0</v>
      </c>
      <c r="AA605" s="166">
        <v>0</v>
      </c>
      <c r="AB605" s="166">
        <v>0</v>
      </c>
      <c r="AC605" s="166">
        <v>0</v>
      </c>
      <c r="AD605" s="166">
        <v>0</v>
      </c>
      <c r="AE605" s="166">
        <v>0</v>
      </c>
      <c r="AF605" s="166">
        <v>0</v>
      </c>
      <c r="AG605" s="166">
        <v>0</v>
      </c>
      <c r="AH605" s="166">
        <v>0</v>
      </c>
      <c r="AI605" s="166">
        <v>0</v>
      </c>
      <c r="AJ605" s="166">
        <v>0</v>
      </c>
      <c r="AK605" s="166">
        <v>0</v>
      </c>
      <c r="AL605" s="166">
        <v>0</v>
      </c>
      <c r="AM605" s="166">
        <v>0</v>
      </c>
      <c r="AN605" s="166">
        <v>0</v>
      </c>
      <c r="AO605" s="166">
        <v>0</v>
      </c>
      <c r="AP605" s="166">
        <v>0</v>
      </c>
      <c r="AQ605" s="166">
        <v>0</v>
      </c>
      <c r="AR605" s="166">
        <v>0</v>
      </c>
      <c r="AS605" s="166">
        <v>0</v>
      </c>
      <c r="AT605" s="166">
        <v>0</v>
      </c>
      <c r="AU605" s="166">
        <v>0</v>
      </c>
      <c r="AV605" s="166">
        <v>0</v>
      </c>
      <c r="AW605" s="166">
        <v>0</v>
      </c>
      <c r="AX605" s="166">
        <v>0</v>
      </c>
      <c r="AY605" s="166">
        <v>0</v>
      </c>
      <c r="AZ605" s="166">
        <v>0</v>
      </c>
      <c r="BA605" s="166">
        <v>0</v>
      </c>
      <c r="BB605" s="166">
        <v>0</v>
      </c>
      <c r="BC605" s="166">
        <v>0</v>
      </c>
      <c r="BD605" s="166">
        <v>0</v>
      </c>
      <c r="BE605" s="166">
        <v>0</v>
      </c>
      <c r="BF605" s="166">
        <v>0</v>
      </c>
      <c r="BG605" s="166">
        <v>0</v>
      </c>
      <c r="BH605" s="166">
        <v>0</v>
      </c>
      <c r="BI605" s="166">
        <v>0</v>
      </c>
      <c r="BJ605" s="166">
        <v>0</v>
      </c>
      <c r="BK605" s="166">
        <v>0</v>
      </c>
      <c r="BL605" s="166">
        <v>0</v>
      </c>
      <c r="BM605" s="166">
        <v>0</v>
      </c>
      <c r="BN605" s="166">
        <v>0</v>
      </c>
      <c r="BO605" s="166">
        <v>0</v>
      </c>
      <c r="BP605" s="166">
        <v>0</v>
      </c>
      <c r="BQ605" s="166">
        <v>0</v>
      </c>
      <c r="BR605" s="166">
        <v>20073286.0499999</v>
      </c>
      <c r="BS605" s="166">
        <v>20073286.0499999</v>
      </c>
      <c r="BT605" s="168">
        <v>0</v>
      </c>
      <c r="BU605" s="166">
        <v>1613990.6943354299</v>
      </c>
      <c r="BV605" s="166">
        <v>19175162.442738499</v>
      </c>
      <c r="BW605" s="166">
        <v>0</v>
      </c>
      <c r="BX605" s="166">
        <v>0</v>
      </c>
      <c r="BY605" s="166">
        <v>0</v>
      </c>
      <c r="BZ605" s="166">
        <v>0</v>
      </c>
      <c r="CA605" s="166">
        <v>0</v>
      </c>
      <c r="CB605" s="166">
        <v>0</v>
      </c>
      <c r="CC605" s="166">
        <v>0</v>
      </c>
      <c r="CD605" s="166">
        <v>0</v>
      </c>
      <c r="CE605" s="166">
        <v>0</v>
      </c>
      <c r="CF605" s="166">
        <v>0</v>
      </c>
      <c r="CG605" s="166">
        <v>0</v>
      </c>
      <c r="CH605" s="166">
        <v>0</v>
      </c>
      <c r="CI605" s="166">
        <v>0</v>
      </c>
      <c r="CJ605" s="166">
        <v>0</v>
      </c>
      <c r="CK605" s="166">
        <v>0</v>
      </c>
      <c r="CL605" s="166">
        <v>0</v>
      </c>
      <c r="CM605" s="166">
        <v>0</v>
      </c>
      <c r="CN605" s="166">
        <v>0</v>
      </c>
      <c r="CO605" s="166">
        <v>0</v>
      </c>
      <c r="CP605" s="166">
        <v>0</v>
      </c>
      <c r="CQ605" s="166">
        <v>0</v>
      </c>
      <c r="CR605" s="166">
        <v>0</v>
      </c>
      <c r="CS605" s="166">
        <v>0</v>
      </c>
      <c r="CT605" s="166">
        <v>0</v>
      </c>
      <c r="CU605" s="166">
        <v>0</v>
      </c>
      <c r="CV605" s="166">
        <v>0</v>
      </c>
      <c r="CW605" s="166">
        <v>0</v>
      </c>
      <c r="CX605" s="166">
        <v>0</v>
      </c>
      <c r="CY605" s="166">
        <v>19175162.442738499</v>
      </c>
      <c r="CZ605" s="166">
        <v>19175162.442738499</v>
      </c>
    </row>
    <row r="606" spans="1:104" x14ac:dyDescent="0.2">
      <c r="A606" s="167" t="s">
        <v>137</v>
      </c>
    </row>
    <row r="607" spans="1:104" x14ac:dyDescent="0.2">
      <c r="A607" s="167" t="s">
        <v>138</v>
      </c>
      <c r="B607" s="166">
        <v>35072790.248117499</v>
      </c>
      <c r="C607" s="166">
        <v>35072790.248117499</v>
      </c>
      <c r="D607" s="166">
        <v>0</v>
      </c>
      <c r="E607" s="166">
        <v>0</v>
      </c>
      <c r="F607" s="166">
        <v>0</v>
      </c>
      <c r="G607" s="166">
        <v>0</v>
      </c>
      <c r="H607" s="166">
        <v>0</v>
      </c>
      <c r="I607" s="166">
        <v>0</v>
      </c>
      <c r="J607" s="166">
        <v>0</v>
      </c>
      <c r="K607" s="166">
        <v>0</v>
      </c>
      <c r="L607" s="166">
        <v>0</v>
      </c>
      <c r="M607" s="166">
        <v>0</v>
      </c>
      <c r="N607" s="166">
        <v>0</v>
      </c>
      <c r="O607" s="166">
        <v>0</v>
      </c>
      <c r="P607" s="166">
        <v>0</v>
      </c>
      <c r="Q607" s="166">
        <v>0</v>
      </c>
      <c r="R607" s="166">
        <v>0</v>
      </c>
      <c r="S607" s="166">
        <v>0</v>
      </c>
      <c r="T607" s="166">
        <v>0</v>
      </c>
      <c r="U607" s="166">
        <v>0</v>
      </c>
      <c r="V607" s="166">
        <v>0</v>
      </c>
      <c r="W607" s="166">
        <v>0</v>
      </c>
      <c r="X607" s="166">
        <v>0</v>
      </c>
      <c r="Y607" s="166">
        <v>0</v>
      </c>
      <c r="Z607" s="166">
        <v>0</v>
      </c>
      <c r="AA607" s="166">
        <v>0</v>
      </c>
      <c r="AB607" s="166">
        <v>0</v>
      </c>
      <c r="AC607" s="166">
        <v>0</v>
      </c>
      <c r="AD607" s="166">
        <v>0</v>
      </c>
      <c r="AE607" s="166">
        <v>0</v>
      </c>
      <c r="AF607" s="166">
        <v>0</v>
      </c>
      <c r="AG607" s="166">
        <v>0</v>
      </c>
      <c r="AH607" s="166">
        <v>0</v>
      </c>
      <c r="AI607" s="166">
        <v>0</v>
      </c>
      <c r="AJ607" s="166">
        <v>0</v>
      </c>
      <c r="AK607" s="166">
        <v>0</v>
      </c>
      <c r="AL607" s="166">
        <v>0</v>
      </c>
      <c r="AM607" s="166">
        <v>0</v>
      </c>
      <c r="AN607" s="166">
        <v>0</v>
      </c>
      <c r="AO607" s="166">
        <v>0</v>
      </c>
      <c r="AP607" s="166">
        <v>0</v>
      </c>
      <c r="AQ607" s="166">
        <v>0</v>
      </c>
      <c r="AR607" s="166">
        <v>0</v>
      </c>
      <c r="AS607" s="166">
        <v>0</v>
      </c>
      <c r="AT607" s="166">
        <v>0</v>
      </c>
      <c r="AU607" s="166">
        <v>0</v>
      </c>
      <c r="AV607" s="166">
        <v>0</v>
      </c>
      <c r="AW607" s="166">
        <v>0</v>
      </c>
      <c r="AX607" s="166">
        <v>0</v>
      </c>
      <c r="AY607" s="166">
        <v>0</v>
      </c>
      <c r="AZ607" s="166">
        <v>0</v>
      </c>
      <c r="BA607" s="166">
        <v>0</v>
      </c>
      <c r="BB607" s="166">
        <v>0</v>
      </c>
      <c r="BC607" s="166">
        <v>0</v>
      </c>
      <c r="BD607" s="166">
        <v>0</v>
      </c>
      <c r="BE607" s="166">
        <v>0</v>
      </c>
      <c r="BF607" s="166">
        <v>0</v>
      </c>
      <c r="BG607" s="166">
        <v>0</v>
      </c>
      <c r="BH607" s="166">
        <v>0</v>
      </c>
      <c r="BI607" s="166">
        <v>0</v>
      </c>
      <c r="BJ607" s="166">
        <v>0</v>
      </c>
      <c r="BK607" s="166">
        <v>0</v>
      </c>
      <c r="BL607" s="166">
        <v>0</v>
      </c>
      <c r="BM607" s="166">
        <v>0</v>
      </c>
      <c r="BN607" s="166">
        <v>0</v>
      </c>
      <c r="BO607" s="166">
        <v>0</v>
      </c>
      <c r="BP607" s="166">
        <v>0</v>
      </c>
      <c r="BQ607" s="166">
        <v>0</v>
      </c>
      <c r="BR607" s="166">
        <v>35072790.248117499</v>
      </c>
      <c r="BS607" s="166">
        <v>35072790.248117499</v>
      </c>
      <c r="BT607" s="168">
        <v>0.98855217689263197</v>
      </c>
      <c r="BU607" s="166">
        <v>2096462.70880088</v>
      </c>
      <c r="BV607" s="166">
        <v>34671283.149475202</v>
      </c>
      <c r="BW607" s="166">
        <v>0</v>
      </c>
      <c r="BX607" s="166">
        <v>0</v>
      </c>
      <c r="BY607" s="166">
        <v>0</v>
      </c>
      <c r="BZ607" s="166">
        <v>0</v>
      </c>
      <c r="CA607" s="166">
        <v>0</v>
      </c>
      <c r="CB607" s="166">
        <v>0</v>
      </c>
      <c r="CC607" s="166">
        <v>0</v>
      </c>
      <c r="CD607" s="166">
        <v>0</v>
      </c>
      <c r="CE607" s="166">
        <v>0</v>
      </c>
      <c r="CF607" s="166">
        <v>0</v>
      </c>
      <c r="CG607" s="166">
        <v>0</v>
      </c>
      <c r="CH607" s="166">
        <v>0</v>
      </c>
      <c r="CI607" s="166">
        <v>0</v>
      </c>
      <c r="CJ607" s="166">
        <v>0</v>
      </c>
      <c r="CK607" s="166">
        <v>0</v>
      </c>
      <c r="CL607" s="166">
        <v>0</v>
      </c>
      <c r="CM607" s="166">
        <v>0</v>
      </c>
      <c r="CN607" s="166">
        <v>0</v>
      </c>
      <c r="CO607" s="166">
        <v>0</v>
      </c>
      <c r="CP607" s="166">
        <v>0</v>
      </c>
      <c r="CQ607" s="166">
        <v>0</v>
      </c>
      <c r="CR607" s="166">
        <v>0</v>
      </c>
      <c r="CS607" s="166">
        <v>0</v>
      </c>
      <c r="CT607" s="166">
        <v>0</v>
      </c>
      <c r="CU607" s="166">
        <v>0</v>
      </c>
      <c r="CV607" s="166">
        <v>0</v>
      </c>
      <c r="CW607" s="166">
        <v>0</v>
      </c>
      <c r="CX607" s="166">
        <v>0</v>
      </c>
      <c r="CY607" s="166">
        <v>34671283.149475202</v>
      </c>
      <c r="CZ607" s="166">
        <v>34671283.149475202</v>
      </c>
    </row>
    <row r="608" spans="1:104" x14ac:dyDescent="0.2">
      <c r="A608" s="167" t="s">
        <v>139</v>
      </c>
      <c r="B608" s="166">
        <v>5963788.0030380003</v>
      </c>
      <c r="C608" s="166">
        <v>5963788.0030380003</v>
      </c>
      <c r="D608" s="166">
        <v>0</v>
      </c>
      <c r="E608" s="166">
        <v>0</v>
      </c>
      <c r="F608" s="166">
        <v>0</v>
      </c>
      <c r="G608" s="166">
        <v>0</v>
      </c>
      <c r="H608" s="166">
        <v>0</v>
      </c>
      <c r="I608" s="166">
        <v>0</v>
      </c>
      <c r="J608" s="166">
        <v>0</v>
      </c>
      <c r="K608" s="166">
        <v>0</v>
      </c>
      <c r="L608" s="166">
        <v>0</v>
      </c>
      <c r="M608" s="166">
        <v>0</v>
      </c>
      <c r="N608" s="166">
        <v>0</v>
      </c>
      <c r="O608" s="166">
        <v>0</v>
      </c>
      <c r="P608" s="166">
        <v>0</v>
      </c>
      <c r="Q608" s="166">
        <v>0</v>
      </c>
      <c r="R608" s="166">
        <v>0</v>
      </c>
      <c r="S608" s="166">
        <v>0</v>
      </c>
      <c r="T608" s="166">
        <v>0</v>
      </c>
      <c r="U608" s="166">
        <v>0</v>
      </c>
      <c r="V608" s="166">
        <v>0</v>
      </c>
      <c r="W608" s="166">
        <v>0</v>
      </c>
      <c r="X608" s="166">
        <v>0</v>
      </c>
      <c r="Y608" s="166">
        <v>0</v>
      </c>
      <c r="Z608" s="166">
        <v>0</v>
      </c>
      <c r="AA608" s="166">
        <v>0</v>
      </c>
      <c r="AB608" s="166">
        <v>0</v>
      </c>
      <c r="AC608" s="166">
        <v>0</v>
      </c>
      <c r="AD608" s="166">
        <v>0</v>
      </c>
      <c r="AE608" s="166">
        <v>0</v>
      </c>
      <c r="AF608" s="166">
        <v>0</v>
      </c>
      <c r="AG608" s="166">
        <v>0</v>
      </c>
      <c r="AH608" s="166">
        <v>0</v>
      </c>
      <c r="AI608" s="166">
        <v>0</v>
      </c>
      <c r="AJ608" s="166">
        <v>0</v>
      </c>
      <c r="AK608" s="166">
        <v>0</v>
      </c>
      <c r="AL608" s="166">
        <v>0</v>
      </c>
      <c r="AM608" s="166">
        <v>0</v>
      </c>
      <c r="AN608" s="166">
        <v>0</v>
      </c>
      <c r="AO608" s="166">
        <v>0</v>
      </c>
      <c r="AP608" s="166">
        <v>0</v>
      </c>
      <c r="AQ608" s="166">
        <v>0</v>
      </c>
      <c r="AR608" s="166">
        <v>0</v>
      </c>
      <c r="AS608" s="166">
        <v>0</v>
      </c>
      <c r="AT608" s="166">
        <v>0</v>
      </c>
      <c r="AU608" s="166">
        <v>0</v>
      </c>
      <c r="AV608" s="166">
        <v>0</v>
      </c>
      <c r="AW608" s="166">
        <v>0</v>
      </c>
      <c r="AX608" s="166">
        <v>0</v>
      </c>
      <c r="AY608" s="166">
        <v>0</v>
      </c>
      <c r="AZ608" s="166">
        <v>0</v>
      </c>
      <c r="BA608" s="166">
        <v>0</v>
      </c>
      <c r="BB608" s="166">
        <v>0</v>
      </c>
      <c r="BC608" s="166">
        <v>0</v>
      </c>
      <c r="BD608" s="166">
        <v>0</v>
      </c>
      <c r="BE608" s="166">
        <v>0</v>
      </c>
      <c r="BF608" s="166">
        <v>0</v>
      </c>
      <c r="BG608" s="166">
        <v>0</v>
      </c>
      <c r="BH608" s="166">
        <v>0</v>
      </c>
      <c r="BI608" s="166">
        <v>0</v>
      </c>
      <c r="BJ608" s="166">
        <v>0</v>
      </c>
      <c r="BK608" s="166">
        <v>0</v>
      </c>
      <c r="BL608" s="166">
        <v>0</v>
      </c>
      <c r="BM608" s="166">
        <v>0</v>
      </c>
      <c r="BN608" s="166">
        <v>0</v>
      </c>
      <c r="BO608" s="166">
        <v>0</v>
      </c>
      <c r="BP608" s="166">
        <v>0</v>
      </c>
      <c r="BQ608" s="166">
        <v>0</v>
      </c>
      <c r="BR608" s="166">
        <v>5963788.0030380003</v>
      </c>
      <c r="BS608" s="166">
        <v>5963788.0030380003</v>
      </c>
      <c r="BT608" s="168">
        <v>0.94121267347791104</v>
      </c>
      <c r="BU608" s="166">
        <v>282554.57214644202</v>
      </c>
      <c r="BV608" s="166">
        <v>5613192.8503948897</v>
      </c>
      <c r="BW608" s="166">
        <v>0</v>
      </c>
      <c r="BX608" s="166">
        <v>0</v>
      </c>
      <c r="BY608" s="166">
        <v>0</v>
      </c>
      <c r="BZ608" s="166">
        <v>0</v>
      </c>
      <c r="CA608" s="166">
        <v>0</v>
      </c>
      <c r="CB608" s="166">
        <v>0</v>
      </c>
      <c r="CC608" s="166">
        <v>0</v>
      </c>
      <c r="CD608" s="166">
        <v>0</v>
      </c>
      <c r="CE608" s="166">
        <v>0</v>
      </c>
      <c r="CF608" s="166">
        <v>0</v>
      </c>
      <c r="CG608" s="166">
        <v>0</v>
      </c>
      <c r="CH608" s="166">
        <v>0</v>
      </c>
      <c r="CI608" s="166">
        <v>0</v>
      </c>
      <c r="CJ608" s="166">
        <v>0</v>
      </c>
      <c r="CK608" s="166">
        <v>0</v>
      </c>
      <c r="CL608" s="166">
        <v>0</v>
      </c>
      <c r="CM608" s="166">
        <v>0</v>
      </c>
      <c r="CN608" s="166">
        <v>0</v>
      </c>
      <c r="CO608" s="166">
        <v>0</v>
      </c>
      <c r="CP608" s="166">
        <v>0</v>
      </c>
      <c r="CQ608" s="166">
        <v>0</v>
      </c>
      <c r="CR608" s="166">
        <v>0</v>
      </c>
      <c r="CS608" s="166">
        <v>0</v>
      </c>
      <c r="CT608" s="166">
        <v>0</v>
      </c>
      <c r="CU608" s="166">
        <v>0</v>
      </c>
      <c r="CV608" s="166">
        <v>0</v>
      </c>
      <c r="CW608" s="166">
        <v>0</v>
      </c>
      <c r="CX608" s="166">
        <v>0</v>
      </c>
      <c r="CY608" s="166">
        <v>5613192.8503948897</v>
      </c>
      <c r="CZ608" s="166">
        <v>5613192.8503948897</v>
      </c>
    </row>
    <row r="609" spans="1:104" x14ac:dyDescent="0.2">
      <c r="A609" s="167" t="s">
        <v>140</v>
      </c>
      <c r="B609" s="166">
        <v>1049511.9709031601</v>
      </c>
      <c r="C609" s="166">
        <v>1049511.9709031601</v>
      </c>
      <c r="D609" s="166">
        <v>0</v>
      </c>
      <c r="E609" s="166">
        <v>0</v>
      </c>
      <c r="F609" s="166">
        <v>0</v>
      </c>
      <c r="G609" s="166">
        <v>0</v>
      </c>
      <c r="H609" s="166">
        <v>0</v>
      </c>
      <c r="I609" s="166">
        <v>0</v>
      </c>
      <c r="J609" s="166">
        <v>0</v>
      </c>
      <c r="K609" s="166">
        <v>0</v>
      </c>
      <c r="L609" s="166">
        <v>0</v>
      </c>
      <c r="M609" s="166">
        <v>0</v>
      </c>
      <c r="N609" s="166">
        <v>0</v>
      </c>
      <c r="O609" s="166">
        <v>0</v>
      </c>
      <c r="P609" s="166">
        <v>0</v>
      </c>
      <c r="Q609" s="166">
        <v>0</v>
      </c>
      <c r="R609" s="166">
        <v>0</v>
      </c>
      <c r="S609" s="166">
        <v>0</v>
      </c>
      <c r="T609" s="166">
        <v>0</v>
      </c>
      <c r="U609" s="166">
        <v>0</v>
      </c>
      <c r="V609" s="166">
        <v>0</v>
      </c>
      <c r="W609" s="166">
        <v>0</v>
      </c>
      <c r="X609" s="166">
        <v>0</v>
      </c>
      <c r="Y609" s="166">
        <v>0</v>
      </c>
      <c r="Z609" s="166">
        <v>0</v>
      </c>
      <c r="AA609" s="166">
        <v>0</v>
      </c>
      <c r="AB609" s="166">
        <v>0</v>
      </c>
      <c r="AC609" s="166">
        <v>0</v>
      </c>
      <c r="AD609" s="166">
        <v>0</v>
      </c>
      <c r="AE609" s="166">
        <v>0</v>
      </c>
      <c r="AF609" s="166">
        <v>0</v>
      </c>
      <c r="AG609" s="166">
        <v>0</v>
      </c>
      <c r="AH609" s="166">
        <v>0</v>
      </c>
      <c r="AI609" s="166">
        <v>0</v>
      </c>
      <c r="AJ609" s="166">
        <v>0</v>
      </c>
      <c r="AK609" s="166">
        <v>0</v>
      </c>
      <c r="AL609" s="166">
        <v>0</v>
      </c>
      <c r="AM609" s="166">
        <v>0</v>
      </c>
      <c r="AN609" s="166">
        <v>0</v>
      </c>
      <c r="AO609" s="166">
        <v>0</v>
      </c>
      <c r="AP609" s="166">
        <v>0</v>
      </c>
      <c r="AQ609" s="166">
        <v>0</v>
      </c>
      <c r="AR609" s="166">
        <v>0</v>
      </c>
      <c r="AS609" s="166">
        <v>0</v>
      </c>
      <c r="AT609" s="166">
        <v>0</v>
      </c>
      <c r="AU609" s="166">
        <v>0</v>
      </c>
      <c r="AV609" s="166">
        <v>0</v>
      </c>
      <c r="AW609" s="166">
        <v>0</v>
      </c>
      <c r="AX609" s="166">
        <v>0</v>
      </c>
      <c r="AY609" s="166">
        <v>0</v>
      </c>
      <c r="AZ609" s="166">
        <v>0</v>
      </c>
      <c r="BA609" s="166">
        <v>0</v>
      </c>
      <c r="BB609" s="166">
        <v>0</v>
      </c>
      <c r="BC609" s="166">
        <v>0</v>
      </c>
      <c r="BD609" s="166">
        <v>0</v>
      </c>
      <c r="BE609" s="166">
        <v>0</v>
      </c>
      <c r="BF609" s="166">
        <v>0</v>
      </c>
      <c r="BG609" s="166">
        <v>0</v>
      </c>
      <c r="BH609" s="166">
        <v>0</v>
      </c>
      <c r="BI609" s="166">
        <v>0</v>
      </c>
      <c r="BJ609" s="166">
        <v>0</v>
      </c>
      <c r="BK609" s="166">
        <v>0</v>
      </c>
      <c r="BL609" s="166">
        <v>0</v>
      </c>
      <c r="BM609" s="166">
        <v>0</v>
      </c>
      <c r="BN609" s="166">
        <v>0</v>
      </c>
      <c r="BO609" s="166">
        <v>0</v>
      </c>
      <c r="BP609" s="166">
        <v>0</v>
      </c>
      <c r="BQ609" s="166">
        <v>0</v>
      </c>
      <c r="BR609" s="166">
        <v>1049511.9709031601</v>
      </c>
      <c r="BS609" s="166">
        <v>1049511.9709031601</v>
      </c>
      <c r="BT609" s="168">
        <v>0.97876128996601397</v>
      </c>
      <c r="BU609" s="166">
        <v>99317.345708485096</v>
      </c>
      <c r="BV609" s="166">
        <v>1027221.69047595</v>
      </c>
      <c r="BW609" s="166">
        <v>0</v>
      </c>
      <c r="BX609" s="166">
        <v>0</v>
      </c>
      <c r="BY609" s="166">
        <v>0</v>
      </c>
      <c r="BZ609" s="166">
        <v>0</v>
      </c>
      <c r="CA609" s="166">
        <v>0</v>
      </c>
      <c r="CB609" s="166">
        <v>0</v>
      </c>
      <c r="CC609" s="166">
        <v>0</v>
      </c>
      <c r="CD609" s="166">
        <v>0</v>
      </c>
      <c r="CE609" s="166">
        <v>0</v>
      </c>
      <c r="CF609" s="166">
        <v>0</v>
      </c>
      <c r="CG609" s="166">
        <v>0</v>
      </c>
      <c r="CH609" s="166">
        <v>0</v>
      </c>
      <c r="CI609" s="166">
        <v>0</v>
      </c>
      <c r="CJ609" s="166">
        <v>0</v>
      </c>
      <c r="CK609" s="166">
        <v>0</v>
      </c>
      <c r="CL609" s="166">
        <v>0</v>
      </c>
      <c r="CM609" s="166">
        <v>0</v>
      </c>
      <c r="CN609" s="166">
        <v>0</v>
      </c>
      <c r="CO609" s="166">
        <v>0</v>
      </c>
      <c r="CP609" s="166">
        <v>0</v>
      </c>
      <c r="CQ609" s="166">
        <v>0</v>
      </c>
      <c r="CR609" s="166">
        <v>0</v>
      </c>
      <c r="CS609" s="166">
        <v>0</v>
      </c>
      <c r="CT609" s="166">
        <v>0</v>
      </c>
      <c r="CU609" s="166">
        <v>0</v>
      </c>
      <c r="CV609" s="166">
        <v>0</v>
      </c>
      <c r="CW609" s="166">
        <v>0</v>
      </c>
      <c r="CX609" s="166">
        <v>0</v>
      </c>
      <c r="CY609" s="166">
        <v>1027221.69047595</v>
      </c>
      <c r="CZ609" s="166">
        <v>1027221.69047595</v>
      </c>
    </row>
    <row r="610" spans="1:104" x14ac:dyDescent="0.2">
      <c r="A610" s="167" t="s">
        <v>141</v>
      </c>
      <c r="B610" s="166">
        <v>42086090.222058602</v>
      </c>
      <c r="C610" s="166">
        <v>42086090.222058602</v>
      </c>
      <c r="D610" s="166">
        <v>0</v>
      </c>
      <c r="E610" s="166">
        <v>0</v>
      </c>
      <c r="F610" s="166">
        <v>0</v>
      </c>
      <c r="G610" s="166">
        <v>0</v>
      </c>
      <c r="H610" s="166">
        <v>0</v>
      </c>
      <c r="I610" s="166">
        <v>0</v>
      </c>
      <c r="J610" s="166">
        <v>0</v>
      </c>
      <c r="K610" s="166">
        <v>0</v>
      </c>
      <c r="L610" s="166">
        <v>0</v>
      </c>
      <c r="M610" s="166">
        <v>0</v>
      </c>
      <c r="N610" s="166">
        <v>0</v>
      </c>
      <c r="O610" s="166">
        <v>0</v>
      </c>
      <c r="P610" s="166">
        <v>0</v>
      </c>
      <c r="Q610" s="166">
        <v>0</v>
      </c>
      <c r="R610" s="166">
        <v>0</v>
      </c>
      <c r="S610" s="166">
        <v>0</v>
      </c>
      <c r="T610" s="166">
        <v>0</v>
      </c>
      <c r="U610" s="166">
        <v>0</v>
      </c>
      <c r="V610" s="166">
        <v>0</v>
      </c>
      <c r="W610" s="166">
        <v>0</v>
      </c>
      <c r="X610" s="166">
        <v>0</v>
      </c>
      <c r="Y610" s="166">
        <v>0</v>
      </c>
      <c r="Z610" s="166">
        <v>0</v>
      </c>
      <c r="AA610" s="166">
        <v>0</v>
      </c>
      <c r="AB610" s="166">
        <v>0</v>
      </c>
      <c r="AC610" s="166">
        <v>0</v>
      </c>
      <c r="AD610" s="166">
        <v>0</v>
      </c>
      <c r="AE610" s="166">
        <v>0</v>
      </c>
      <c r="AF610" s="166">
        <v>0</v>
      </c>
      <c r="AG610" s="166">
        <v>0</v>
      </c>
      <c r="AH610" s="166">
        <v>0</v>
      </c>
      <c r="AI610" s="166">
        <v>0</v>
      </c>
      <c r="AJ610" s="166">
        <v>0</v>
      </c>
      <c r="AK610" s="166">
        <v>0</v>
      </c>
      <c r="AL610" s="166">
        <v>0</v>
      </c>
      <c r="AM610" s="166">
        <v>0</v>
      </c>
      <c r="AN610" s="166">
        <v>0</v>
      </c>
      <c r="AO610" s="166">
        <v>0</v>
      </c>
      <c r="AP610" s="166">
        <v>0</v>
      </c>
      <c r="AQ610" s="166">
        <v>0</v>
      </c>
      <c r="AR610" s="166">
        <v>0</v>
      </c>
      <c r="AS610" s="166">
        <v>0</v>
      </c>
      <c r="AT610" s="166">
        <v>0</v>
      </c>
      <c r="AU610" s="166">
        <v>0</v>
      </c>
      <c r="AV610" s="166">
        <v>0</v>
      </c>
      <c r="AW610" s="166">
        <v>0</v>
      </c>
      <c r="AX610" s="166">
        <v>0</v>
      </c>
      <c r="AY610" s="166">
        <v>0</v>
      </c>
      <c r="AZ610" s="166">
        <v>0</v>
      </c>
      <c r="BA610" s="166">
        <v>0</v>
      </c>
      <c r="BB610" s="166">
        <v>0</v>
      </c>
      <c r="BC610" s="166">
        <v>0</v>
      </c>
      <c r="BD610" s="166">
        <v>0</v>
      </c>
      <c r="BE610" s="166">
        <v>0</v>
      </c>
      <c r="BF610" s="166">
        <v>0</v>
      </c>
      <c r="BG610" s="166">
        <v>0</v>
      </c>
      <c r="BH610" s="166">
        <v>0</v>
      </c>
      <c r="BI610" s="166">
        <v>0</v>
      </c>
      <c r="BJ610" s="166">
        <v>0</v>
      </c>
      <c r="BK610" s="166">
        <v>0</v>
      </c>
      <c r="BL610" s="166">
        <v>0</v>
      </c>
      <c r="BM610" s="166">
        <v>0</v>
      </c>
      <c r="BN610" s="166">
        <v>0</v>
      </c>
      <c r="BO610" s="166">
        <v>0</v>
      </c>
      <c r="BP610" s="166">
        <v>0</v>
      </c>
      <c r="BQ610" s="166">
        <v>0</v>
      </c>
      <c r="BR610" s="166">
        <v>42086090.222058602</v>
      </c>
      <c r="BS610" s="166">
        <v>42086090.222058602</v>
      </c>
      <c r="BT610" s="168">
        <v>0</v>
      </c>
      <c r="BU610" s="166">
        <v>2478334.62665581</v>
      </c>
      <c r="BV610" s="166">
        <v>41311697.690346099</v>
      </c>
      <c r="BW610" s="166">
        <v>0</v>
      </c>
      <c r="BX610" s="166">
        <v>0</v>
      </c>
      <c r="BY610" s="166">
        <v>0</v>
      </c>
      <c r="BZ610" s="166">
        <v>0</v>
      </c>
      <c r="CA610" s="166">
        <v>0</v>
      </c>
      <c r="CB610" s="166">
        <v>0</v>
      </c>
      <c r="CC610" s="166">
        <v>0</v>
      </c>
      <c r="CD610" s="166">
        <v>0</v>
      </c>
      <c r="CE610" s="166">
        <v>0</v>
      </c>
      <c r="CF610" s="166">
        <v>0</v>
      </c>
      <c r="CG610" s="166">
        <v>0</v>
      </c>
      <c r="CH610" s="166">
        <v>0</v>
      </c>
      <c r="CI610" s="166">
        <v>0</v>
      </c>
      <c r="CJ610" s="166">
        <v>0</v>
      </c>
      <c r="CK610" s="166">
        <v>0</v>
      </c>
      <c r="CL610" s="166">
        <v>0</v>
      </c>
      <c r="CM610" s="166">
        <v>0</v>
      </c>
      <c r="CN610" s="166">
        <v>0</v>
      </c>
      <c r="CO610" s="166">
        <v>0</v>
      </c>
      <c r="CP610" s="166">
        <v>0</v>
      </c>
      <c r="CQ610" s="166">
        <v>0</v>
      </c>
      <c r="CR610" s="166">
        <v>0</v>
      </c>
      <c r="CS610" s="166">
        <v>0</v>
      </c>
      <c r="CT610" s="166">
        <v>0</v>
      </c>
      <c r="CU610" s="166">
        <v>0</v>
      </c>
      <c r="CV610" s="166">
        <v>0</v>
      </c>
      <c r="CW610" s="166">
        <v>0</v>
      </c>
      <c r="CX610" s="166">
        <v>0</v>
      </c>
      <c r="CY610" s="166">
        <v>41311697.690346099</v>
      </c>
      <c r="CZ610" s="166">
        <v>41311697.690346099</v>
      </c>
    </row>
    <row r="611" spans="1:104" x14ac:dyDescent="0.2">
      <c r="A611" s="170" t="s">
        <v>142</v>
      </c>
      <c r="B611" s="166">
        <v>62159376.272058599</v>
      </c>
      <c r="C611" s="166">
        <v>62159376.272058599</v>
      </c>
      <c r="D611" s="166">
        <v>0</v>
      </c>
      <c r="E611" s="166">
        <v>0</v>
      </c>
      <c r="F611" s="166">
        <v>0</v>
      </c>
      <c r="G611" s="166">
        <v>0</v>
      </c>
      <c r="H611" s="166">
        <v>0</v>
      </c>
      <c r="I611" s="166">
        <v>0</v>
      </c>
      <c r="J611" s="166">
        <v>0</v>
      </c>
      <c r="K611" s="166">
        <v>0</v>
      </c>
      <c r="L611" s="166">
        <v>0</v>
      </c>
      <c r="M611" s="166">
        <v>0</v>
      </c>
      <c r="N611" s="166">
        <v>0</v>
      </c>
      <c r="O611" s="166">
        <v>0</v>
      </c>
      <c r="P611" s="166">
        <v>0</v>
      </c>
      <c r="Q611" s="166">
        <v>0</v>
      </c>
      <c r="R611" s="166">
        <v>0</v>
      </c>
      <c r="S611" s="166">
        <v>0</v>
      </c>
      <c r="T611" s="166">
        <v>0</v>
      </c>
      <c r="U611" s="166">
        <v>0</v>
      </c>
      <c r="V611" s="166">
        <v>0</v>
      </c>
      <c r="W611" s="166">
        <v>0</v>
      </c>
      <c r="X611" s="166">
        <v>0</v>
      </c>
      <c r="Y611" s="166">
        <v>0</v>
      </c>
      <c r="Z611" s="166">
        <v>0</v>
      </c>
      <c r="AA611" s="166">
        <v>0</v>
      </c>
      <c r="AB611" s="166">
        <v>0</v>
      </c>
      <c r="AC611" s="166">
        <v>0</v>
      </c>
      <c r="AD611" s="166">
        <v>0</v>
      </c>
      <c r="AE611" s="166">
        <v>0</v>
      </c>
      <c r="AF611" s="166">
        <v>0</v>
      </c>
      <c r="AG611" s="166">
        <v>0</v>
      </c>
      <c r="AH611" s="166">
        <v>0</v>
      </c>
      <c r="AI611" s="166">
        <v>0</v>
      </c>
      <c r="AJ611" s="166">
        <v>0</v>
      </c>
      <c r="AK611" s="166">
        <v>0</v>
      </c>
      <c r="AL611" s="166">
        <v>0</v>
      </c>
      <c r="AM611" s="166">
        <v>0</v>
      </c>
      <c r="AN611" s="166">
        <v>0</v>
      </c>
      <c r="AO611" s="166">
        <v>0</v>
      </c>
      <c r="AP611" s="166">
        <v>0</v>
      </c>
      <c r="AQ611" s="166">
        <v>0</v>
      </c>
      <c r="AR611" s="166">
        <v>0</v>
      </c>
      <c r="AS611" s="166">
        <v>0</v>
      </c>
      <c r="AT611" s="166">
        <v>0</v>
      </c>
      <c r="AU611" s="166">
        <v>0</v>
      </c>
      <c r="AV611" s="166">
        <v>0</v>
      </c>
      <c r="AW611" s="166">
        <v>0</v>
      </c>
      <c r="AX611" s="166">
        <v>0</v>
      </c>
      <c r="AY611" s="166">
        <v>0</v>
      </c>
      <c r="AZ611" s="166">
        <v>0</v>
      </c>
      <c r="BA611" s="166">
        <v>0</v>
      </c>
      <c r="BB611" s="166">
        <v>0</v>
      </c>
      <c r="BC611" s="166">
        <v>0</v>
      </c>
      <c r="BD611" s="166">
        <v>0</v>
      </c>
      <c r="BE611" s="166">
        <v>0</v>
      </c>
      <c r="BF611" s="166">
        <v>0</v>
      </c>
      <c r="BG611" s="166">
        <v>0</v>
      </c>
      <c r="BH611" s="166">
        <v>0</v>
      </c>
      <c r="BI611" s="166">
        <v>0</v>
      </c>
      <c r="BJ611" s="166">
        <v>0</v>
      </c>
      <c r="BK611" s="166">
        <v>0</v>
      </c>
      <c r="BL611" s="166">
        <v>0</v>
      </c>
      <c r="BM611" s="166">
        <v>0</v>
      </c>
      <c r="BN611" s="166">
        <v>0</v>
      </c>
      <c r="BO611" s="166">
        <v>0</v>
      </c>
      <c r="BP611" s="166">
        <v>0</v>
      </c>
      <c r="BQ611" s="166">
        <v>0</v>
      </c>
      <c r="BR611" s="166">
        <v>124318752.544117</v>
      </c>
      <c r="BS611" s="166">
        <v>62159376.272058599</v>
      </c>
      <c r="BT611" s="168">
        <v>0</v>
      </c>
      <c r="BU611" s="166">
        <v>4092325.32099124</v>
      </c>
      <c r="BV611" s="166">
        <v>60486860.133084603</v>
      </c>
      <c r="BW611" s="166">
        <v>0</v>
      </c>
      <c r="BX611" s="166">
        <v>0</v>
      </c>
      <c r="BY611" s="166">
        <v>0</v>
      </c>
      <c r="BZ611" s="166">
        <v>0</v>
      </c>
      <c r="CA611" s="166">
        <v>0</v>
      </c>
      <c r="CB611" s="166">
        <v>0</v>
      </c>
      <c r="CC611" s="166">
        <v>0</v>
      </c>
      <c r="CD611" s="166">
        <v>0</v>
      </c>
      <c r="CE611" s="166">
        <v>0</v>
      </c>
      <c r="CF611" s="166">
        <v>0</v>
      </c>
      <c r="CG611" s="166">
        <v>0</v>
      </c>
      <c r="CH611" s="166">
        <v>0</v>
      </c>
      <c r="CI611" s="166">
        <v>0</v>
      </c>
      <c r="CJ611" s="166">
        <v>0</v>
      </c>
      <c r="CK611" s="166">
        <v>0</v>
      </c>
      <c r="CL611" s="166">
        <v>0</v>
      </c>
      <c r="CM611" s="166">
        <v>0</v>
      </c>
      <c r="CN611" s="166">
        <v>0</v>
      </c>
      <c r="CO611" s="166">
        <v>0</v>
      </c>
      <c r="CP611" s="166">
        <v>0</v>
      </c>
      <c r="CQ611" s="166">
        <v>0</v>
      </c>
      <c r="CR611" s="166">
        <v>0</v>
      </c>
      <c r="CS611" s="166">
        <v>0</v>
      </c>
      <c r="CT611" s="166">
        <v>0</v>
      </c>
      <c r="CU611" s="166">
        <v>0</v>
      </c>
      <c r="CV611" s="166">
        <v>0</v>
      </c>
      <c r="CW611" s="166">
        <v>0</v>
      </c>
      <c r="CX611" s="166">
        <v>0</v>
      </c>
      <c r="CY611" s="166">
        <v>60486860.133084603</v>
      </c>
      <c r="CZ611" s="166">
        <v>60486860.133084603</v>
      </c>
    </row>
    <row r="612" spans="1:104" x14ac:dyDescent="0.2">
      <c r="A612" s="167" t="s">
        <v>143</v>
      </c>
    </row>
    <row r="613" spans="1:104" x14ac:dyDescent="0.2">
      <c r="A613" s="170" t="s">
        <v>144</v>
      </c>
    </row>
    <row r="614" spans="1:104" x14ac:dyDescent="0.2">
      <c r="A614" s="167" t="s">
        <v>1050</v>
      </c>
      <c r="B614" s="166">
        <v>-2513029</v>
      </c>
      <c r="C614" s="166">
        <v>-2513029</v>
      </c>
      <c r="D614" s="166">
        <v>0</v>
      </c>
      <c r="E614" s="166">
        <v>0</v>
      </c>
      <c r="F614" s="166">
        <v>0</v>
      </c>
      <c r="G614" s="166">
        <v>0</v>
      </c>
      <c r="H614" s="166">
        <v>0</v>
      </c>
      <c r="I614" s="166">
        <v>0</v>
      </c>
      <c r="J614" s="166">
        <v>0</v>
      </c>
      <c r="K614" s="166">
        <v>0</v>
      </c>
      <c r="L614" s="166">
        <v>0</v>
      </c>
      <c r="M614" s="166">
        <v>0</v>
      </c>
      <c r="N614" s="166">
        <v>0</v>
      </c>
      <c r="O614" s="166">
        <v>0</v>
      </c>
      <c r="P614" s="166">
        <v>0</v>
      </c>
      <c r="Q614" s="166">
        <v>0</v>
      </c>
      <c r="R614" s="166">
        <v>0</v>
      </c>
      <c r="S614" s="166">
        <v>0</v>
      </c>
      <c r="T614" s="166">
        <v>0</v>
      </c>
      <c r="U614" s="166">
        <v>0</v>
      </c>
      <c r="V614" s="166">
        <v>0</v>
      </c>
      <c r="W614" s="166">
        <v>0</v>
      </c>
      <c r="X614" s="166">
        <v>0</v>
      </c>
      <c r="Y614" s="166">
        <v>0</v>
      </c>
      <c r="Z614" s="166">
        <v>0</v>
      </c>
      <c r="AA614" s="166">
        <v>0</v>
      </c>
      <c r="AB614" s="166">
        <v>0</v>
      </c>
      <c r="AC614" s="166">
        <v>0</v>
      </c>
      <c r="AD614" s="166">
        <v>0</v>
      </c>
      <c r="AE614" s="166">
        <v>0</v>
      </c>
      <c r="AF614" s="166">
        <v>0</v>
      </c>
      <c r="AG614" s="166">
        <v>0</v>
      </c>
      <c r="AH614" s="166">
        <v>0</v>
      </c>
      <c r="AI614" s="166">
        <v>0</v>
      </c>
      <c r="AJ614" s="166">
        <v>0</v>
      </c>
      <c r="AK614" s="166">
        <v>0</v>
      </c>
      <c r="AL614" s="166">
        <v>0</v>
      </c>
      <c r="AM614" s="166">
        <v>0</v>
      </c>
      <c r="AN614" s="166">
        <v>0</v>
      </c>
      <c r="AO614" s="166">
        <v>0</v>
      </c>
      <c r="AP614" s="166">
        <v>0</v>
      </c>
      <c r="AQ614" s="166">
        <v>0</v>
      </c>
      <c r="AR614" s="166">
        <v>0</v>
      </c>
      <c r="AS614" s="166">
        <v>0</v>
      </c>
      <c r="AT614" s="166">
        <v>0</v>
      </c>
      <c r="AU614" s="166">
        <v>0</v>
      </c>
      <c r="AV614" s="166">
        <v>0</v>
      </c>
      <c r="AW614" s="166">
        <v>0</v>
      </c>
      <c r="AX614" s="166">
        <v>0</v>
      </c>
      <c r="AY614" s="166">
        <v>0</v>
      </c>
      <c r="AZ614" s="166">
        <v>0</v>
      </c>
      <c r="BA614" s="166">
        <v>0</v>
      </c>
      <c r="BB614" s="166">
        <v>0</v>
      </c>
      <c r="BC614" s="166">
        <v>0</v>
      </c>
      <c r="BD614" s="166">
        <v>0</v>
      </c>
      <c r="BE614" s="166">
        <v>0</v>
      </c>
      <c r="BF614" s="166">
        <v>0</v>
      </c>
      <c r="BG614" s="166">
        <v>0</v>
      </c>
      <c r="BH614" s="166">
        <v>0</v>
      </c>
      <c r="BI614" s="166">
        <v>0</v>
      </c>
      <c r="BJ614" s="166">
        <v>0</v>
      </c>
      <c r="BK614" s="166">
        <v>0</v>
      </c>
      <c r="BL614" s="166">
        <v>0</v>
      </c>
      <c r="BM614" s="166">
        <v>0</v>
      </c>
      <c r="BN614" s="166">
        <v>0</v>
      </c>
      <c r="BO614" s="166">
        <v>0</v>
      </c>
      <c r="BP614" s="166">
        <v>0</v>
      </c>
      <c r="BQ614" s="166">
        <v>0</v>
      </c>
      <c r="BR614" s="166">
        <v>-2513029</v>
      </c>
      <c r="BS614" s="166">
        <v>-2513029</v>
      </c>
      <c r="BT614" s="168">
        <v>0.97402999999999995</v>
      </c>
      <c r="BU614" s="166">
        <v>-1951112.2398886001</v>
      </c>
      <c r="BV614" s="166">
        <v>-2447765.63687</v>
      </c>
      <c r="BW614" s="166">
        <v>0</v>
      </c>
      <c r="BX614" s="166">
        <v>0</v>
      </c>
      <c r="BY614" s="166">
        <v>0</v>
      </c>
      <c r="BZ614" s="166">
        <v>0</v>
      </c>
      <c r="CA614" s="166">
        <v>0</v>
      </c>
      <c r="CB614" s="166">
        <v>0</v>
      </c>
      <c r="CC614" s="166">
        <v>0</v>
      </c>
      <c r="CD614" s="166">
        <v>0</v>
      </c>
      <c r="CE614" s="166">
        <v>0</v>
      </c>
      <c r="CF614" s="166">
        <v>0</v>
      </c>
      <c r="CG614" s="166">
        <v>0</v>
      </c>
      <c r="CH614" s="166">
        <v>0</v>
      </c>
      <c r="CI614" s="166">
        <v>0</v>
      </c>
      <c r="CJ614" s="166">
        <v>0</v>
      </c>
      <c r="CK614" s="166">
        <v>0</v>
      </c>
      <c r="CL614" s="166">
        <v>0</v>
      </c>
      <c r="CM614" s="166">
        <v>0</v>
      </c>
      <c r="CN614" s="166">
        <v>0</v>
      </c>
      <c r="CO614" s="166">
        <v>0</v>
      </c>
      <c r="CP614" s="166">
        <v>0</v>
      </c>
      <c r="CQ614" s="166">
        <v>0</v>
      </c>
      <c r="CR614" s="166">
        <v>0</v>
      </c>
      <c r="CS614" s="166">
        <v>0</v>
      </c>
      <c r="CT614" s="166">
        <v>0</v>
      </c>
      <c r="CU614" s="166">
        <v>0</v>
      </c>
      <c r="CV614" s="166">
        <v>0</v>
      </c>
      <c r="CW614" s="166">
        <v>0</v>
      </c>
      <c r="CX614" s="166">
        <v>0</v>
      </c>
      <c r="CY614" s="166">
        <v>-2447765.63687</v>
      </c>
      <c r="CZ614" s="166">
        <v>-2447765.63687</v>
      </c>
    </row>
    <row r="615" spans="1:104" x14ac:dyDescent="0.2">
      <c r="A615" s="167" t="s">
        <v>146</v>
      </c>
      <c r="B615" s="166">
        <v>0</v>
      </c>
      <c r="C615" s="166">
        <v>0</v>
      </c>
      <c r="D615" s="166">
        <v>0</v>
      </c>
      <c r="E615" s="166">
        <v>0</v>
      </c>
      <c r="F615" s="166">
        <v>0</v>
      </c>
      <c r="G615" s="166">
        <v>0</v>
      </c>
      <c r="H615" s="166">
        <v>0</v>
      </c>
      <c r="I615" s="166">
        <v>0</v>
      </c>
      <c r="J615" s="166">
        <v>0</v>
      </c>
      <c r="K615" s="166">
        <v>0</v>
      </c>
      <c r="L615" s="166">
        <v>0</v>
      </c>
      <c r="M615" s="166">
        <v>0</v>
      </c>
      <c r="N615" s="166">
        <v>0</v>
      </c>
      <c r="O615" s="166">
        <v>0</v>
      </c>
      <c r="P615" s="166">
        <v>0</v>
      </c>
      <c r="Q615" s="166">
        <v>0</v>
      </c>
      <c r="R615" s="166">
        <v>0</v>
      </c>
      <c r="S615" s="166">
        <v>0</v>
      </c>
      <c r="T615" s="166">
        <v>0</v>
      </c>
      <c r="U615" s="166">
        <v>0</v>
      </c>
      <c r="V615" s="166">
        <v>0</v>
      </c>
      <c r="W615" s="166">
        <v>0</v>
      </c>
      <c r="X615" s="166">
        <v>0</v>
      </c>
      <c r="Y615" s="166">
        <v>0</v>
      </c>
      <c r="Z615" s="166">
        <v>0</v>
      </c>
      <c r="AA615" s="166">
        <v>0</v>
      </c>
      <c r="AB615" s="166">
        <v>0</v>
      </c>
      <c r="AC615" s="166">
        <v>0</v>
      </c>
      <c r="AD615" s="166">
        <v>0</v>
      </c>
      <c r="AE615" s="166">
        <v>0</v>
      </c>
      <c r="AF615" s="166">
        <v>0</v>
      </c>
      <c r="AG615" s="166">
        <v>0</v>
      </c>
      <c r="AH615" s="166">
        <v>0</v>
      </c>
      <c r="AI615" s="166">
        <v>0</v>
      </c>
      <c r="AJ615" s="166">
        <v>0</v>
      </c>
      <c r="AK615" s="166">
        <v>0</v>
      </c>
      <c r="AL615" s="166">
        <v>0</v>
      </c>
      <c r="AM615" s="166">
        <v>0</v>
      </c>
      <c r="AN615" s="166">
        <v>0</v>
      </c>
      <c r="AO615" s="166">
        <v>0</v>
      </c>
      <c r="AP615" s="166">
        <v>0</v>
      </c>
      <c r="AQ615" s="166">
        <v>0</v>
      </c>
      <c r="AR615" s="166">
        <v>0</v>
      </c>
      <c r="AS615" s="166">
        <v>0</v>
      </c>
      <c r="AT615" s="166">
        <v>0</v>
      </c>
      <c r="AU615" s="166">
        <v>0</v>
      </c>
      <c r="AV615" s="166">
        <v>0</v>
      </c>
      <c r="AW615" s="166">
        <v>0</v>
      </c>
      <c r="AX615" s="166">
        <v>0</v>
      </c>
      <c r="AY615" s="166">
        <v>0</v>
      </c>
      <c r="AZ615" s="166">
        <v>0</v>
      </c>
      <c r="BA615" s="166">
        <v>0</v>
      </c>
      <c r="BB615" s="166">
        <v>0</v>
      </c>
      <c r="BC615" s="166">
        <v>0</v>
      </c>
      <c r="BD615" s="166">
        <v>0</v>
      </c>
      <c r="BE615" s="166">
        <v>0</v>
      </c>
      <c r="BF615" s="166">
        <v>0</v>
      </c>
      <c r="BG615" s="166">
        <v>0</v>
      </c>
      <c r="BH615" s="166">
        <v>0</v>
      </c>
      <c r="BI615" s="166">
        <v>0</v>
      </c>
      <c r="BJ615" s="166">
        <v>0</v>
      </c>
      <c r="BK615" s="166">
        <v>0</v>
      </c>
      <c r="BL615" s="166">
        <v>0</v>
      </c>
      <c r="BM615" s="166">
        <v>0</v>
      </c>
      <c r="BN615" s="166">
        <v>0</v>
      </c>
      <c r="BO615" s="166">
        <v>0</v>
      </c>
      <c r="BP615" s="166">
        <v>0</v>
      </c>
      <c r="BQ615" s="166">
        <v>0</v>
      </c>
      <c r="BR615" s="166">
        <v>0</v>
      </c>
      <c r="BS615" s="166">
        <v>0</v>
      </c>
      <c r="BT615" s="168">
        <v>0.98855217689263197</v>
      </c>
      <c r="BU615" s="166">
        <v>0</v>
      </c>
      <c r="BV615" s="166">
        <v>0</v>
      </c>
      <c r="BW615" s="166">
        <v>0</v>
      </c>
      <c r="BX615" s="166">
        <v>0</v>
      </c>
      <c r="BY615" s="166">
        <v>0</v>
      </c>
      <c r="BZ615" s="166">
        <v>0</v>
      </c>
      <c r="CA615" s="166">
        <v>0</v>
      </c>
      <c r="CB615" s="166">
        <v>0</v>
      </c>
      <c r="CC615" s="166">
        <v>0</v>
      </c>
      <c r="CD615" s="166">
        <v>0</v>
      </c>
      <c r="CE615" s="166">
        <v>0</v>
      </c>
      <c r="CF615" s="166">
        <v>0</v>
      </c>
      <c r="CG615" s="166">
        <v>0</v>
      </c>
      <c r="CH615" s="166">
        <v>0</v>
      </c>
      <c r="CI615" s="166">
        <v>0</v>
      </c>
      <c r="CJ615" s="166">
        <v>0</v>
      </c>
      <c r="CK615" s="166">
        <v>0</v>
      </c>
      <c r="CL615" s="166">
        <v>0</v>
      </c>
      <c r="CM615" s="166">
        <v>0</v>
      </c>
      <c r="CN615" s="166">
        <v>0</v>
      </c>
      <c r="CO615" s="166">
        <v>0</v>
      </c>
      <c r="CP615" s="166">
        <v>0</v>
      </c>
      <c r="CQ615" s="166">
        <v>0</v>
      </c>
      <c r="CR615" s="166">
        <v>0</v>
      </c>
      <c r="CS615" s="166">
        <v>0</v>
      </c>
      <c r="CT615" s="166">
        <v>0</v>
      </c>
      <c r="CU615" s="166">
        <v>0</v>
      </c>
      <c r="CV615" s="166">
        <v>0</v>
      </c>
      <c r="CW615" s="166">
        <v>0</v>
      </c>
      <c r="CX615" s="166">
        <v>0</v>
      </c>
      <c r="CY615" s="166">
        <v>0</v>
      </c>
      <c r="CZ615" s="166">
        <v>0</v>
      </c>
    </row>
    <row r="616" spans="1:104" x14ac:dyDescent="0.2">
      <c r="A616" s="170" t="s">
        <v>147</v>
      </c>
      <c r="B616" s="166">
        <v>-2513029</v>
      </c>
      <c r="C616" s="166">
        <v>-2513029</v>
      </c>
      <c r="D616" s="166">
        <v>0</v>
      </c>
      <c r="E616" s="166">
        <v>0</v>
      </c>
      <c r="F616" s="166">
        <v>0</v>
      </c>
      <c r="G616" s="166">
        <v>0</v>
      </c>
      <c r="H616" s="166">
        <v>0</v>
      </c>
      <c r="I616" s="166">
        <v>0</v>
      </c>
      <c r="J616" s="166">
        <v>0</v>
      </c>
      <c r="K616" s="166">
        <v>0</v>
      </c>
      <c r="L616" s="166">
        <v>0</v>
      </c>
      <c r="M616" s="166">
        <v>0</v>
      </c>
      <c r="N616" s="166">
        <v>0</v>
      </c>
      <c r="O616" s="166">
        <v>0</v>
      </c>
      <c r="P616" s="166">
        <v>0</v>
      </c>
      <c r="Q616" s="166">
        <v>0</v>
      </c>
      <c r="R616" s="166">
        <v>0</v>
      </c>
      <c r="S616" s="166">
        <v>0</v>
      </c>
      <c r="T616" s="166">
        <v>0</v>
      </c>
      <c r="U616" s="166">
        <v>0</v>
      </c>
      <c r="V616" s="166">
        <v>0</v>
      </c>
      <c r="W616" s="166">
        <v>0</v>
      </c>
      <c r="X616" s="166">
        <v>0</v>
      </c>
      <c r="Y616" s="166">
        <v>0</v>
      </c>
      <c r="Z616" s="166">
        <v>0</v>
      </c>
      <c r="AA616" s="166">
        <v>0</v>
      </c>
      <c r="AB616" s="166">
        <v>0</v>
      </c>
      <c r="AC616" s="166">
        <v>0</v>
      </c>
      <c r="AD616" s="166">
        <v>0</v>
      </c>
      <c r="AE616" s="166">
        <v>0</v>
      </c>
      <c r="AF616" s="166">
        <v>0</v>
      </c>
      <c r="AG616" s="166">
        <v>0</v>
      </c>
      <c r="AH616" s="166">
        <v>0</v>
      </c>
      <c r="AI616" s="166">
        <v>0</v>
      </c>
      <c r="AJ616" s="166">
        <v>0</v>
      </c>
      <c r="AK616" s="166">
        <v>0</v>
      </c>
      <c r="AL616" s="166">
        <v>0</v>
      </c>
      <c r="AM616" s="166">
        <v>0</v>
      </c>
      <c r="AN616" s="166">
        <v>0</v>
      </c>
      <c r="AO616" s="166">
        <v>0</v>
      </c>
      <c r="AP616" s="166">
        <v>0</v>
      </c>
      <c r="AQ616" s="166">
        <v>0</v>
      </c>
      <c r="AR616" s="166">
        <v>0</v>
      </c>
      <c r="AS616" s="166">
        <v>0</v>
      </c>
      <c r="AT616" s="166">
        <v>0</v>
      </c>
      <c r="AU616" s="166">
        <v>0</v>
      </c>
      <c r="AV616" s="166">
        <v>0</v>
      </c>
      <c r="AW616" s="166">
        <v>0</v>
      </c>
      <c r="AX616" s="166">
        <v>0</v>
      </c>
      <c r="AY616" s="166">
        <v>0</v>
      </c>
      <c r="AZ616" s="166">
        <v>0</v>
      </c>
      <c r="BA616" s="166">
        <v>0</v>
      </c>
      <c r="BB616" s="166">
        <v>0</v>
      </c>
      <c r="BC616" s="166">
        <v>0</v>
      </c>
      <c r="BD616" s="166">
        <v>0</v>
      </c>
      <c r="BE616" s="166">
        <v>0</v>
      </c>
      <c r="BF616" s="166">
        <v>0</v>
      </c>
      <c r="BG616" s="166">
        <v>0</v>
      </c>
      <c r="BH616" s="166">
        <v>0</v>
      </c>
      <c r="BI616" s="166">
        <v>0</v>
      </c>
      <c r="BJ616" s="166">
        <v>0</v>
      </c>
      <c r="BK616" s="166">
        <v>0</v>
      </c>
      <c r="BL616" s="166">
        <v>0</v>
      </c>
      <c r="BM616" s="166">
        <v>0</v>
      </c>
      <c r="BN616" s="166">
        <v>0</v>
      </c>
      <c r="BO616" s="166">
        <v>0</v>
      </c>
      <c r="BP616" s="166">
        <v>0</v>
      </c>
      <c r="BQ616" s="166">
        <v>0</v>
      </c>
      <c r="BR616" s="166">
        <v>-2513029</v>
      </c>
      <c r="BS616" s="166">
        <v>-2513029</v>
      </c>
      <c r="BT616" s="168">
        <v>0</v>
      </c>
      <c r="BU616" s="166">
        <v>-1951112.2398886001</v>
      </c>
      <c r="BV616" s="166">
        <v>-2447765.63687</v>
      </c>
      <c r="BW616" s="166">
        <v>0</v>
      </c>
      <c r="BX616" s="166">
        <v>0</v>
      </c>
      <c r="BY616" s="166">
        <v>0</v>
      </c>
      <c r="BZ616" s="166">
        <v>0</v>
      </c>
      <c r="CA616" s="166">
        <v>0</v>
      </c>
      <c r="CB616" s="166">
        <v>0</v>
      </c>
      <c r="CC616" s="166">
        <v>0</v>
      </c>
      <c r="CD616" s="166">
        <v>0</v>
      </c>
      <c r="CE616" s="166">
        <v>0</v>
      </c>
      <c r="CF616" s="166">
        <v>0</v>
      </c>
      <c r="CG616" s="166">
        <v>0</v>
      </c>
      <c r="CH616" s="166">
        <v>0</v>
      </c>
      <c r="CI616" s="166">
        <v>0</v>
      </c>
      <c r="CJ616" s="166">
        <v>0</v>
      </c>
      <c r="CK616" s="166">
        <v>0</v>
      </c>
      <c r="CL616" s="166">
        <v>0</v>
      </c>
      <c r="CM616" s="166">
        <v>0</v>
      </c>
      <c r="CN616" s="166">
        <v>0</v>
      </c>
      <c r="CO616" s="166">
        <v>0</v>
      </c>
      <c r="CP616" s="166">
        <v>0</v>
      </c>
      <c r="CQ616" s="166">
        <v>0</v>
      </c>
      <c r="CR616" s="166">
        <v>0</v>
      </c>
      <c r="CS616" s="166">
        <v>0</v>
      </c>
      <c r="CT616" s="166">
        <v>0</v>
      </c>
      <c r="CU616" s="166">
        <v>0</v>
      </c>
      <c r="CV616" s="166">
        <v>0</v>
      </c>
      <c r="CW616" s="166">
        <v>0</v>
      </c>
      <c r="CX616" s="166">
        <v>0</v>
      </c>
      <c r="CY616" s="166">
        <v>-2447765.63687</v>
      </c>
      <c r="CZ616" s="166">
        <v>-2447765.63687</v>
      </c>
    </row>
    <row r="617" spans="1:104" x14ac:dyDescent="0.2">
      <c r="A617" s="167" t="s">
        <v>148</v>
      </c>
    </row>
    <row r="618" spans="1:104" x14ac:dyDescent="0.2">
      <c r="A618" s="170" t="s">
        <v>149</v>
      </c>
    </row>
    <row r="619" spans="1:104" x14ac:dyDescent="0.2">
      <c r="A619" s="167" t="s">
        <v>1051</v>
      </c>
      <c r="B619" s="166">
        <v>11755259.5287569</v>
      </c>
      <c r="C619" s="166">
        <v>11755259.5287569</v>
      </c>
      <c r="D619" s="166">
        <v>0</v>
      </c>
      <c r="E619" s="166">
        <v>0</v>
      </c>
      <c r="F619" s="166">
        <v>0</v>
      </c>
      <c r="G619" s="166">
        <v>0</v>
      </c>
      <c r="H619" s="166">
        <v>0</v>
      </c>
      <c r="I619" s="166">
        <v>0</v>
      </c>
      <c r="J619" s="166">
        <v>0</v>
      </c>
      <c r="K619" s="166">
        <v>0</v>
      </c>
      <c r="L619" s="166">
        <v>0</v>
      </c>
      <c r="M619" s="166">
        <v>0</v>
      </c>
      <c r="N619" s="166">
        <v>0</v>
      </c>
      <c r="O619" s="166">
        <v>0</v>
      </c>
      <c r="P619" s="166">
        <v>0</v>
      </c>
      <c r="Q619" s="166">
        <v>0</v>
      </c>
      <c r="R619" s="166">
        <v>0</v>
      </c>
      <c r="S619" s="166">
        <v>0</v>
      </c>
      <c r="T619" s="166">
        <v>0</v>
      </c>
      <c r="U619" s="166">
        <v>0</v>
      </c>
      <c r="V619" s="166">
        <v>0</v>
      </c>
      <c r="W619" s="166">
        <v>0</v>
      </c>
      <c r="X619" s="166">
        <v>0</v>
      </c>
      <c r="Y619" s="166">
        <v>0</v>
      </c>
      <c r="Z619" s="166">
        <v>0</v>
      </c>
      <c r="AA619" s="166">
        <v>0</v>
      </c>
      <c r="AB619" s="166">
        <v>0</v>
      </c>
      <c r="AC619" s="166">
        <v>0</v>
      </c>
      <c r="AD619" s="166">
        <v>0</v>
      </c>
      <c r="AE619" s="166">
        <v>0</v>
      </c>
      <c r="AF619" s="166">
        <v>0</v>
      </c>
      <c r="AG619" s="166">
        <v>0</v>
      </c>
      <c r="AH619" s="166">
        <v>0</v>
      </c>
      <c r="AI619" s="166">
        <v>0</v>
      </c>
      <c r="AJ619" s="166">
        <v>0</v>
      </c>
      <c r="AK619" s="166">
        <v>0</v>
      </c>
      <c r="AL619" s="166">
        <v>0</v>
      </c>
      <c r="AM619" s="166">
        <v>0</v>
      </c>
      <c r="AN619" s="166">
        <v>0</v>
      </c>
      <c r="AO619" s="166">
        <v>0</v>
      </c>
      <c r="AP619" s="166">
        <v>0</v>
      </c>
      <c r="AQ619" s="166">
        <v>0</v>
      </c>
      <c r="AR619" s="166">
        <v>0</v>
      </c>
      <c r="AS619" s="166">
        <v>0</v>
      </c>
      <c r="AT619" s="166">
        <v>0</v>
      </c>
      <c r="AU619" s="166">
        <v>0</v>
      </c>
      <c r="AV619" s="166">
        <v>0</v>
      </c>
      <c r="AW619" s="166">
        <v>0</v>
      </c>
      <c r="AX619" s="166">
        <v>0</v>
      </c>
      <c r="AY619" s="166">
        <v>0</v>
      </c>
      <c r="AZ619" s="166">
        <v>0</v>
      </c>
      <c r="BA619" s="166">
        <v>0</v>
      </c>
      <c r="BB619" s="166">
        <v>0</v>
      </c>
      <c r="BC619" s="166">
        <v>0</v>
      </c>
      <c r="BD619" s="166">
        <v>0</v>
      </c>
      <c r="BE619" s="166">
        <v>0</v>
      </c>
      <c r="BF619" s="166">
        <v>0</v>
      </c>
      <c r="BG619" s="166">
        <v>0</v>
      </c>
      <c r="BH619" s="166">
        <v>0</v>
      </c>
      <c r="BI619" s="166">
        <v>0</v>
      </c>
      <c r="BJ619" s="166">
        <v>0</v>
      </c>
      <c r="BK619" s="166">
        <v>0</v>
      </c>
      <c r="BL619" s="166">
        <v>0</v>
      </c>
      <c r="BM619" s="166">
        <v>0</v>
      </c>
      <c r="BN619" s="166">
        <v>0</v>
      </c>
      <c r="BO619" s="166">
        <v>0</v>
      </c>
      <c r="BP619" s="166">
        <v>0</v>
      </c>
      <c r="BQ619" s="166">
        <v>0</v>
      </c>
      <c r="BR619" s="166">
        <v>11755259.5287569</v>
      </c>
      <c r="BS619" s="166">
        <v>11755259.5287569</v>
      </c>
      <c r="BT619" s="168">
        <v>0.97402999999999995</v>
      </c>
      <c r="BU619" s="166">
        <v>901976.20402143698</v>
      </c>
      <c r="BV619" s="166">
        <v>11449975.438795101</v>
      </c>
      <c r="BW619" s="166">
        <v>0</v>
      </c>
      <c r="BX619" s="166">
        <v>0</v>
      </c>
      <c r="BY619" s="166">
        <v>0</v>
      </c>
      <c r="BZ619" s="166">
        <v>0</v>
      </c>
      <c r="CA619" s="166">
        <v>0</v>
      </c>
      <c r="CB619" s="166">
        <v>0</v>
      </c>
      <c r="CC619" s="166">
        <v>0</v>
      </c>
      <c r="CD619" s="166">
        <v>0</v>
      </c>
      <c r="CE619" s="166">
        <v>0</v>
      </c>
      <c r="CF619" s="166">
        <v>0</v>
      </c>
      <c r="CG619" s="166">
        <v>0</v>
      </c>
      <c r="CH619" s="166">
        <v>0</v>
      </c>
      <c r="CI619" s="166">
        <v>0</v>
      </c>
      <c r="CJ619" s="166">
        <v>0</v>
      </c>
      <c r="CK619" s="166">
        <v>0</v>
      </c>
      <c r="CL619" s="166">
        <v>0</v>
      </c>
      <c r="CM619" s="166">
        <v>0</v>
      </c>
      <c r="CN619" s="166">
        <v>0</v>
      </c>
      <c r="CO619" s="166">
        <v>0</v>
      </c>
      <c r="CP619" s="166">
        <v>0</v>
      </c>
      <c r="CQ619" s="166">
        <v>0</v>
      </c>
      <c r="CR619" s="166">
        <v>0</v>
      </c>
      <c r="CS619" s="166">
        <v>0</v>
      </c>
      <c r="CT619" s="166">
        <v>0</v>
      </c>
      <c r="CU619" s="166">
        <v>0</v>
      </c>
      <c r="CV619" s="166">
        <v>0</v>
      </c>
      <c r="CW619" s="166">
        <v>0</v>
      </c>
      <c r="CX619" s="166">
        <v>0</v>
      </c>
      <c r="CY619" s="166">
        <v>11449975.438795101</v>
      </c>
      <c r="CZ619" s="166">
        <v>11449975.438795101</v>
      </c>
    </row>
    <row r="620" spans="1:104" x14ac:dyDescent="0.2">
      <c r="A620" s="167" t="s">
        <v>1052</v>
      </c>
      <c r="B620" s="166">
        <v>-36208.4294640273</v>
      </c>
      <c r="C620" s="166">
        <v>-36208.4294640273</v>
      </c>
      <c r="D620" s="166">
        <v>0</v>
      </c>
      <c r="E620" s="166">
        <v>0</v>
      </c>
      <c r="F620" s="166">
        <v>0</v>
      </c>
      <c r="G620" s="166">
        <v>0</v>
      </c>
      <c r="H620" s="166">
        <v>0</v>
      </c>
      <c r="I620" s="166">
        <v>0</v>
      </c>
      <c r="J620" s="166">
        <v>0</v>
      </c>
      <c r="K620" s="166">
        <v>0</v>
      </c>
      <c r="L620" s="166">
        <v>0</v>
      </c>
      <c r="M620" s="166">
        <v>0</v>
      </c>
      <c r="N620" s="166">
        <v>0</v>
      </c>
      <c r="O620" s="166">
        <v>0</v>
      </c>
      <c r="P620" s="166">
        <v>0</v>
      </c>
      <c r="Q620" s="166">
        <v>0</v>
      </c>
      <c r="R620" s="166">
        <v>0</v>
      </c>
      <c r="S620" s="166">
        <v>0</v>
      </c>
      <c r="T620" s="166">
        <v>0</v>
      </c>
      <c r="U620" s="166">
        <v>0</v>
      </c>
      <c r="V620" s="166">
        <v>0</v>
      </c>
      <c r="W620" s="166">
        <v>0</v>
      </c>
      <c r="X620" s="166">
        <v>0</v>
      </c>
      <c r="Y620" s="166">
        <v>0</v>
      </c>
      <c r="Z620" s="166">
        <v>0</v>
      </c>
      <c r="AA620" s="166">
        <v>0</v>
      </c>
      <c r="AB620" s="166">
        <v>0</v>
      </c>
      <c r="AC620" s="166">
        <v>0</v>
      </c>
      <c r="AD620" s="166">
        <v>0</v>
      </c>
      <c r="AE620" s="166">
        <v>0</v>
      </c>
      <c r="AF620" s="166">
        <v>0</v>
      </c>
      <c r="AG620" s="166">
        <v>0</v>
      </c>
      <c r="AH620" s="166">
        <v>0</v>
      </c>
      <c r="AI620" s="166">
        <v>0</v>
      </c>
      <c r="AJ620" s="166">
        <v>0</v>
      </c>
      <c r="AK620" s="166">
        <v>0</v>
      </c>
      <c r="AL620" s="166">
        <v>0</v>
      </c>
      <c r="AM620" s="166">
        <v>0</v>
      </c>
      <c r="AN620" s="166">
        <v>0</v>
      </c>
      <c r="AO620" s="166">
        <v>0</v>
      </c>
      <c r="AP620" s="166">
        <v>0</v>
      </c>
      <c r="AQ620" s="166">
        <v>0</v>
      </c>
      <c r="AR620" s="166">
        <v>0</v>
      </c>
      <c r="AS620" s="166">
        <v>0</v>
      </c>
      <c r="AT620" s="166">
        <v>0</v>
      </c>
      <c r="AU620" s="166">
        <v>0</v>
      </c>
      <c r="AV620" s="166">
        <v>0</v>
      </c>
      <c r="AW620" s="166">
        <v>0</v>
      </c>
      <c r="AX620" s="166">
        <v>0</v>
      </c>
      <c r="AY620" s="166">
        <v>0</v>
      </c>
      <c r="AZ620" s="166">
        <v>0</v>
      </c>
      <c r="BA620" s="166">
        <v>0</v>
      </c>
      <c r="BB620" s="166">
        <v>0</v>
      </c>
      <c r="BC620" s="166">
        <v>0</v>
      </c>
      <c r="BD620" s="166">
        <v>0</v>
      </c>
      <c r="BE620" s="166">
        <v>0</v>
      </c>
      <c r="BF620" s="166">
        <v>0</v>
      </c>
      <c r="BG620" s="166">
        <v>0</v>
      </c>
      <c r="BH620" s="166">
        <v>0</v>
      </c>
      <c r="BI620" s="166">
        <v>0</v>
      </c>
      <c r="BJ620" s="166">
        <v>0</v>
      </c>
      <c r="BK620" s="166">
        <v>0</v>
      </c>
      <c r="BL620" s="166">
        <v>0</v>
      </c>
      <c r="BM620" s="166">
        <v>0</v>
      </c>
      <c r="BN620" s="166">
        <v>0</v>
      </c>
      <c r="BO620" s="166">
        <v>0</v>
      </c>
      <c r="BP620" s="166">
        <v>0</v>
      </c>
      <c r="BQ620" s="166">
        <v>0</v>
      </c>
      <c r="BR620" s="166">
        <v>-36208.4294640273</v>
      </c>
      <c r="BS620" s="166">
        <v>-36208.4294640273</v>
      </c>
      <c r="BT620" s="168">
        <v>0.92637230841245999</v>
      </c>
      <c r="BU620" s="166">
        <v>-1551.1578990042301</v>
      </c>
      <c r="BV620" s="166">
        <v>-33542.4863865808</v>
      </c>
      <c r="BW620" s="166">
        <v>0</v>
      </c>
      <c r="BX620" s="166">
        <v>0</v>
      </c>
      <c r="BY620" s="166">
        <v>0</v>
      </c>
      <c r="BZ620" s="166">
        <v>0</v>
      </c>
      <c r="CA620" s="166">
        <v>0</v>
      </c>
      <c r="CB620" s="166">
        <v>0</v>
      </c>
      <c r="CC620" s="166">
        <v>0</v>
      </c>
      <c r="CD620" s="166">
        <v>0</v>
      </c>
      <c r="CE620" s="166">
        <v>0</v>
      </c>
      <c r="CF620" s="166">
        <v>0</v>
      </c>
      <c r="CG620" s="166">
        <v>0</v>
      </c>
      <c r="CH620" s="166">
        <v>0</v>
      </c>
      <c r="CI620" s="166">
        <v>0</v>
      </c>
      <c r="CJ620" s="166">
        <v>0</v>
      </c>
      <c r="CK620" s="166">
        <v>0</v>
      </c>
      <c r="CL620" s="166">
        <v>0</v>
      </c>
      <c r="CM620" s="166">
        <v>0</v>
      </c>
      <c r="CN620" s="166">
        <v>0</v>
      </c>
      <c r="CO620" s="166">
        <v>0</v>
      </c>
      <c r="CP620" s="166">
        <v>0</v>
      </c>
      <c r="CQ620" s="166">
        <v>0</v>
      </c>
      <c r="CR620" s="166">
        <v>0</v>
      </c>
      <c r="CS620" s="166">
        <v>0</v>
      </c>
      <c r="CT620" s="166">
        <v>0</v>
      </c>
      <c r="CU620" s="166">
        <v>0</v>
      </c>
      <c r="CV620" s="166">
        <v>0</v>
      </c>
      <c r="CW620" s="166">
        <v>0</v>
      </c>
      <c r="CX620" s="166">
        <v>0</v>
      </c>
      <c r="CY620" s="166">
        <v>-33542.4863865808</v>
      </c>
      <c r="CZ620" s="166">
        <v>-33542.4863865808</v>
      </c>
    </row>
    <row r="621" spans="1:104" x14ac:dyDescent="0.2">
      <c r="A621" s="167" t="s">
        <v>1053</v>
      </c>
      <c r="B621" s="166">
        <v>5082059.4034271101</v>
      </c>
      <c r="C621" s="166">
        <v>5082059.4034271101</v>
      </c>
      <c r="D621" s="166">
        <v>0</v>
      </c>
      <c r="E621" s="166">
        <v>0</v>
      </c>
      <c r="F621" s="166">
        <v>0</v>
      </c>
      <c r="G621" s="166">
        <v>0</v>
      </c>
      <c r="H621" s="166">
        <v>0</v>
      </c>
      <c r="I621" s="166">
        <v>0</v>
      </c>
      <c r="J621" s="166">
        <v>0</v>
      </c>
      <c r="K621" s="166">
        <v>0</v>
      </c>
      <c r="L621" s="166">
        <v>0</v>
      </c>
      <c r="M621" s="166">
        <v>0</v>
      </c>
      <c r="N621" s="166">
        <v>0</v>
      </c>
      <c r="O621" s="166">
        <v>0</v>
      </c>
      <c r="P621" s="166">
        <v>0</v>
      </c>
      <c r="Q621" s="166">
        <v>0</v>
      </c>
      <c r="R621" s="166">
        <v>0</v>
      </c>
      <c r="S621" s="166">
        <v>0</v>
      </c>
      <c r="T621" s="166">
        <v>0</v>
      </c>
      <c r="U621" s="166">
        <v>0</v>
      </c>
      <c r="V621" s="166">
        <v>0</v>
      </c>
      <c r="W621" s="166">
        <v>0</v>
      </c>
      <c r="X621" s="166">
        <v>0</v>
      </c>
      <c r="Y621" s="166">
        <v>0</v>
      </c>
      <c r="Z621" s="166">
        <v>0</v>
      </c>
      <c r="AA621" s="166">
        <v>0</v>
      </c>
      <c r="AB621" s="166">
        <v>0</v>
      </c>
      <c r="AC621" s="166">
        <v>0</v>
      </c>
      <c r="AD621" s="166">
        <v>0</v>
      </c>
      <c r="AE621" s="166">
        <v>0</v>
      </c>
      <c r="AF621" s="166">
        <v>0</v>
      </c>
      <c r="AG621" s="166">
        <v>0</v>
      </c>
      <c r="AH621" s="166">
        <v>0</v>
      </c>
      <c r="AI621" s="166">
        <v>0</v>
      </c>
      <c r="AJ621" s="166">
        <v>0</v>
      </c>
      <c r="AK621" s="166">
        <v>0</v>
      </c>
      <c r="AL621" s="166">
        <v>0</v>
      </c>
      <c r="AM621" s="166">
        <v>0</v>
      </c>
      <c r="AN621" s="166">
        <v>0</v>
      </c>
      <c r="AO621" s="166">
        <v>0</v>
      </c>
      <c r="AP621" s="166">
        <v>0</v>
      </c>
      <c r="AQ621" s="166">
        <v>0</v>
      </c>
      <c r="AR621" s="166">
        <v>0</v>
      </c>
      <c r="AS621" s="166">
        <v>0</v>
      </c>
      <c r="AT621" s="166">
        <v>0</v>
      </c>
      <c r="AU621" s="166">
        <v>0</v>
      </c>
      <c r="AV621" s="166">
        <v>0</v>
      </c>
      <c r="AW621" s="166">
        <v>0</v>
      </c>
      <c r="AX621" s="166">
        <v>0</v>
      </c>
      <c r="AY621" s="166">
        <v>0</v>
      </c>
      <c r="AZ621" s="166">
        <v>0</v>
      </c>
      <c r="BA621" s="166">
        <v>0</v>
      </c>
      <c r="BB621" s="166">
        <v>0</v>
      </c>
      <c r="BC621" s="166">
        <v>0</v>
      </c>
      <c r="BD621" s="166">
        <v>0</v>
      </c>
      <c r="BE621" s="166">
        <v>0</v>
      </c>
      <c r="BF621" s="166">
        <v>0</v>
      </c>
      <c r="BG621" s="166">
        <v>0</v>
      </c>
      <c r="BH621" s="166">
        <v>0</v>
      </c>
      <c r="BI621" s="166">
        <v>0</v>
      </c>
      <c r="BJ621" s="166">
        <v>0</v>
      </c>
      <c r="BK621" s="166">
        <v>0</v>
      </c>
      <c r="BL621" s="166">
        <v>0</v>
      </c>
      <c r="BM621" s="166">
        <v>0</v>
      </c>
      <c r="BN621" s="166">
        <v>0</v>
      </c>
      <c r="BO621" s="166">
        <v>0</v>
      </c>
      <c r="BP621" s="166">
        <v>0</v>
      </c>
      <c r="BQ621" s="166">
        <v>0</v>
      </c>
      <c r="BR621" s="166">
        <v>5082059.4034271101</v>
      </c>
      <c r="BS621" s="166">
        <v>5082059.4034271101</v>
      </c>
      <c r="BT621" s="168">
        <v>0.95109934560116105</v>
      </c>
      <c r="BU621" s="166">
        <v>463568.81891042</v>
      </c>
      <c r="BV621" s="166">
        <v>4833543.3729057498</v>
      </c>
      <c r="BW621" s="166">
        <v>0</v>
      </c>
      <c r="BX621" s="166">
        <v>0</v>
      </c>
      <c r="BY621" s="166">
        <v>0</v>
      </c>
      <c r="BZ621" s="166">
        <v>0</v>
      </c>
      <c r="CA621" s="166">
        <v>0</v>
      </c>
      <c r="CB621" s="166">
        <v>0</v>
      </c>
      <c r="CC621" s="166">
        <v>0</v>
      </c>
      <c r="CD621" s="166">
        <v>0</v>
      </c>
      <c r="CE621" s="166">
        <v>0</v>
      </c>
      <c r="CF621" s="166">
        <v>0</v>
      </c>
      <c r="CG621" s="166">
        <v>0</v>
      </c>
      <c r="CH621" s="166">
        <v>0</v>
      </c>
      <c r="CI621" s="166">
        <v>0</v>
      </c>
      <c r="CJ621" s="166">
        <v>0</v>
      </c>
      <c r="CK621" s="166">
        <v>0</v>
      </c>
      <c r="CL621" s="166">
        <v>0</v>
      </c>
      <c r="CM621" s="166">
        <v>0</v>
      </c>
      <c r="CN621" s="166">
        <v>0</v>
      </c>
      <c r="CO621" s="166">
        <v>0</v>
      </c>
      <c r="CP621" s="166">
        <v>0</v>
      </c>
      <c r="CQ621" s="166">
        <v>0</v>
      </c>
      <c r="CR621" s="166">
        <v>0</v>
      </c>
      <c r="CS621" s="166">
        <v>0</v>
      </c>
      <c r="CT621" s="166">
        <v>0</v>
      </c>
      <c r="CU621" s="166">
        <v>0</v>
      </c>
      <c r="CV621" s="166">
        <v>0</v>
      </c>
      <c r="CW621" s="166">
        <v>0</v>
      </c>
      <c r="CX621" s="166">
        <v>0</v>
      </c>
      <c r="CY621" s="166">
        <v>4833543.3729057498</v>
      </c>
      <c r="CZ621" s="166">
        <v>4833543.3729057498</v>
      </c>
    </row>
    <row r="622" spans="1:104" x14ac:dyDescent="0.2">
      <c r="A622" s="167" t="s">
        <v>153</v>
      </c>
      <c r="B622" s="166">
        <v>6898724.2472799299</v>
      </c>
      <c r="C622" s="166">
        <v>6898724.2472799299</v>
      </c>
      <c r="D622" s="166">
        <v>0</v>
      </c>
      <c r="E622" s="166">
        <v>0</v>
      </c>
      <c r="F622" s="166">
        <v>0</v>
      </c>
      <c r="G622" s="166">
        <v>0</v>
      </c>
      <c r="H622" s="166">
        <v>0</v>
      </c>
      <c r="I622" s="166">
        <v>0</v>
      </c>
      <c r="J622" s="166">
        <v>0</v>
      </c>
      <c r="K622" s="166">
        <v>0</v>
      </c>
      <c r="L622" s="166">
        <v>0</v>
      </c>
      <c r="M622" s="166">
        <v>0</v>
      </c>
      <c r="N622" s="166">
        <v>0</v>
      </c>
      <c r="O622" s="166">
        <v>0</v>
      </c>
      <c r="P622" s="166">
        <v>0</v>
      </c>
      <c r="Q622" s="166">
        <v>0</v>
      </c>
      <c r="R622" s="166">
        <v>0</v>
      </c>
      <c r="S622" s="166">
        <v>0</v>
      </c>
      <c r="T622" s="166">
        <v>0</v>
      </c>
      <c r="U622" s="166">
        <v>0</v>
      </c>
      <c r="V622" s="166">
        <v>0</v>
      </c>
      <c r="W622" s="166">
        <v>0</v>
      </c>
      <c r="X622" s="166">
        <v>0</v>
      </c>
      <c r="Y622" s="166">
        <v>0</v>
      </c>
      <c r="Z622" s="166">
        <v>0</v>
      </c>
      <c r="AA622" s="166">
        <v>0</v>
      </c>
      <c r="AB622" s="166">
        <v>0</v>
      </c>
      <c r="AC622" s="166">
        <v>0</v>
      </c>
      <c r="AD622" s="166">
        <v>0</v>
      </c>
      <c r="AE622" s="166">
        <v>0</v>
      </c>
      <c r="AF622" s="166">
        <v>0</v>
      </c>
      <c r="AG622" s="166">
        <v>0</v>
      </c>
      <c r="AH622" s="166">
        <v>0</v>
      </c>
      <c r="AI622" s="166">
        <v>0</v>
      </c>
      <c r="AJ622" s="166">
        <v>0</v>
      </c>
      <c r="AK622" s="166">
        <v>0</v>
      </c>
      <c r="AL622" s="166">
        <v>0</v>
      </c>
      <c r="AM622" s="166">
        <v>0</v>
      </c>
      <c r="AN622" s="166">
        <v>0</v>
      </c>
      <c r="AO622" s="166">
        <v>0</v>
      </c>
      <c r="AP622" s="166">
        <v>0</v>
      </c>
      <c r="AQ622" s="166">
        <v>0</v>
      </c>
      <c r="AR622" s="166">
        <v>0</v>
      </c>
      <c r="AS622" s="166">
        <v>0</v>
      </c>
      <c r="AT622" s="166">
        <v>0</v>
      </c>
      <c r="AU622" s="166">
        <v>0</v>
      </c>
      <c r="AV622" s="166">
        <v>0</v>
      </c>
      <c r="AW622" s="166">
        <v>0</v>
      </c>
      <c r="AX622" s="166">
        <v>0</v>
      </c>
      <c r="AY622" s="166">
        <v>0</v>
      </c>
      <c r="AZ622" s="166">
        <v>0</v>
      </c>
      <c r="BA622" s="166">
        <v>0</v>
      </c>
      <c r="BB622" s="166">
        <v>0</v>
      </c>
      <c r="BC622" s="166">
        <v>0</v>
      </c>
      <c r="BD622" s="166">
        <v>0</v>
      </c>
      <c r="BE622" s="166">
        <v>0</v>
      </c>
      <c r="BF622" s="166">
        <v>0</v>
      </c>
      <c r="BG622" s="166">
        <v>0</v>
      </c>
      <c r="BH622" s="166">
        <v>0</v>
      </c>
      <c r="BI622" s="166">
        <v>0</v>
      </c>
      <c r="BJ622" s="166">
        <v>0</v>
      </c>
      <c r="BK622" s="166">
        <v>0</v>
      </c>
      <c r="BL622" s="166">
        <v>0</v>
      </c>
      <c r="BM622" s="166">
        <v>0</v>
      </c>
      <c r="BN622" s="166">
        <v>0</v>
      </c>
      <c r="BO622" s="166">
        <v>0</v>
      </c>
      <c r="BP622" s="166">
        <v>0</v>
      </c>
      <c r="BQ622" s="166">
        <v>0</v>
      </c>
      <c r="BR622" s="166">
        <v>6898724.2472799299</v>
      </c>
      <c r="BS622" s="166">
        <v>6898724.2472799299</v>
      </c>
      <c r="BT622" s="168">
        <v>0.97403133392564201</v>
      </c>
      <c r="BU622" s="166">
        <v>204563.23223139401</v>
      </c>
      <c r="BV622" s="166">
        <v>6719573.58096324</v>
      </c>
      <c r="BW622" s="166">
        <v>0</v>
      </c>
      <c r="BX622" s="166">
        <v>0</v>
      </c>
      <c r="BY622" s="166">
        <v>0</v>
      </c>
      <c r="BZ622" s="166">
        <v>0</v>
      </c>
      <c r="CA622" s="166">
        <v>0</v>
      </c>
      <c r="CB622" s="166">
        <v>0</v>
      </c>
      <c r="CC622" s="166">
        <v>0</v>
      </c>
      <c r="CD622" s="166">
        <v>0</v>
      </c>
      <c r="CE622" s="166">
        <v>0</v>
      </c>
      <c r="CF622" s="166">
        <v>0</v>
      </c>
      <c r="CG622" s="166">
        <v>0</v>
      </c>
      <c r="CH622" s="166">
        <v>0</v>
      </c>
      <c r="CI622" s="166">
        <v>0</v>
      </c>
      <c r="CJ622" s="166">
        <v>0</v>
      </c>
      <c r="CK622" s="166">
        <v>0</v>
      </c>
      <c r="CL622" s="166">
        <v>0</v>
      </c>
      <c r="CM622" s="166">
        <v>0</v>
      </c>
      <c r="CN622" s="166">
        <v>0</v>
      </c>
      <c r="CO622" s="166">
        <v>0</v>
      </c>
      <c r="CP622" s="166">
        <v>0</v>
      </c>
      <c r="CQ622" s="166">
        <v>0</v>
      </c>
      <c r="CR622" s="166">
        <v>0</v>
      </c>
      <c r="CS622" s="166">
        <v>0</v>
      </c>
      <c r="CT622" s="166">
        <v>0</v>
      </c>
      <c r="CU622" s="166">
        <v>0</v>
      </c>
      <c r="CV622" s="166">
        <v>0</v>
      </c>
      <c r="CW622" s="166">
        <v>0</v>
      </c>
      <c r="CX622" s="166">
        <v>0</v>
      </c>
      <c r="CY622" s="166">
        <v>6719573.58096324</v>
      </c>
      <c r="CZ622" s="166">
        <v>6719573.58096324</v>
      </c>
    </row>
    <row r="623" spans="1:104" x14ac:dyDescent="0.2">
      <c r="A623" s="167" t="s">
        <v>154</v>
      </c>
      <c r="B623" s="166">
        <v>23699834.75</v>
      </c>
      <c r="C623" s="166">
        <v>23699834.75</v>
      </c>
      <c r="D623" s="166">
        <v>0</v>
      </c>
      <c r="E623" s="166">
        <v>0</v>
      </c>
      <c r="F623" s="166">
        <v>0</v>
      </c>
      <c r="G623" s="166">
        <v>0</v>
      </c>
      <c r="H623" s="166">
        <v>0</v>
      </c>
      <c r="I623" s="166">
        <v>0</v>
      </c>
      <c r="J623" s="166">
        <v>0</v>
      </c>
      <c r="K623" s="166">
        <v>0</v>
      </c>
      <c r="L623" s="166">
        <v>0</v>
      </c>
      <c r="M623" s="166">
        <v>0</v>
      </c>
      <c r="N623" s="166">
        <v>0</v>
      </c>
      <c r="O623" s="166">
        <v>0</v>
      </c>
      <c r="P623" s="166">
        <v>0</v>
      </c>
      <c r="Q623" s="166">
        <v>0</v>
      </c>
      <c r="R623" s="166">
        <v>0</v>
      </c>
      <c r="S623" s="166">
        <v>0</v>
      </c>
      <c r="T623" s="166">
        <v>0</v>
      </c>
      <c r="U623" s="166">
        <v>0</v>
      </c>
      <c r="V623" s="166">
        <v>0</v>
      </c>
      <c r="W623" s="166">
        <v>0</v>
      </c>
      <c r="X623" s="166">
        <v>0</v>
      </c>
      <c r="Y623" s="166">
        <v>0</v>
      </c>
      <c r="Z623" s="166">
        <v>0</v>
      </c>
      <c r="AA623" s="166">
        <v>0</v>
      </c>
      <c r="AB623" s="166">
        <v>0</v>
      </c>
      <c r="AC623" s="166">
        <v>0</v>
      </c>
      <c r="AD623" s="166">
        <v>0</v>
      </c>
      <c r="AE623" s="166">
        <v>0</v>
      </c>
      <c r="AF623" s="166">
        <v>0</v>
      </c>
      <c r="AG623" s="166">
        <v>0</v>
      </c>
      <c r="AH623" s="166">
        <v>0</v>
      </c>
      <c r="AI623" s="166">
        <v>0</v>
      </c>
      <c r="AJ623" s="166">
        <v>0</v>
      </c>
      <c r="AK623" s="166">
        <v>0</v>
      </c>
      <c r="AL623" s="166">
        <v>0</v>
      </c>
      <c r="AM623" s="166">
        <v>0</v>
      </c>
      <c r="AN623" s="166">
        <v>0</v>
      </c>
      <c r="AO623" s="166">
        <v>0</v>
      </c>
      <c r="AP623" s="166">
        <v>0</v>
      </c>
      <c r="AQ623" s="166">
        <v>0</v>
      </c>
      <c r="AR623" s="166">
        <v>0</v>
      </c>
      <c r="AS623" s="166">
        <v>0</v>
      </c>
      <c r="AT623" s="166">
        <v>0</v>
      </c>
      <c r="AU623" s="166">
        <v>0</v>
      </c>
      <c r="AV623" s="166">
        <v>0</v>
      </c>
      <c r="AW623" s="166">
        <v>0</v>
      </c>
      <c r="AX623" s="166">
        <v>0</v>
      </c>
      <c r="AY623" s="166">
        <v>0</v>
      </c>
      <c r="AZ623" s="166">
        <v>0</v>
      </c>
      <c r="BA623" s="166">
        <v>0</v>
      </c>
      <c r="BB623" s="166">
        <v>0</v>
      </c>
      <c r="BC623" s="166">
        <v>0</v>
      </c>
      <c r="BD623" s="166">
        <v>0</v>
      </c>
      <c r="BE623" s="166">
        <v>0</v>
      </c>
      <c r="BF623" s="166">
        <v>0</v>
      </c>
      <c r="BG623" s="166">
        <v>0</v>
      </c>
      <c r="BH623" s="166">
        <v>0</v>
      </c>
      <c r="BI623" s="166">
        <v>0</v>
      </c>
      <c r="BJ623" s="166">
        <v>0</v>
      </c>
      <c r="BK623" s="166">
        <v>0</v>
      </c>
      <c r="BL623" s="166">
        <v>0</v>
      </c>
      <c r="BM623" s="166">
        <v>0</v>
      </c>
      <c r="BN623" s="166">
        <v>0</v>
      </c>
      <c r="BO623" s="166">
        <v>0</v>
      </c>
      <c r="BP623" s="166">
        <v>0</v>
      </c>
      <c r="BQ623" s="166">
        <v>0</v>
      </c>
      <c r="BR623" s="166">
        <v>23699834.75</v>
      </c>
      <c r="BS623" s="166">
        <v>23699834.75</v>
      </c>
      <c r="BT623" s="168">
        <v>0</v>
      </c>
      <c r="BU623" s="166">
        <v>1568557.09726424</v>
      </c>
      <c r="BV623" s="166">
        <v>22969549.9062775</v>
      </c>
      <c r="BW623" s="166">
        <v>0</v>
      </c>
      <c r="BX623" s="166">
        <v>0</v>
      </c>
      <c r="BY623" s="166">
        <v>0</v>
      </c>
      <c r="BZ623" s="166">
        <v>0</v>
      </c>
      <c r="CA623" s="166">
        <v>0</v>
      </c>
      <c r="CB623" s="166">
        <v>0</v>
      </c>
      <c r="CC623" s="166">
        <v>0</v>
      </c>
      <c r="CD623" s="166">
        <v>0</v>
      </c>
      <c r="CE623" s="166">
        <v>0</v>
      </c>
      <c r="CF623" s="166">
        <v>0</v>
      </c>
      <c r="CG623" s="166">
        <v>0</v>
      </c>
      <c r="CH623" s="166">
        <v>0</v>
      </c>
      <c r="CI623" s="166">
        <v>0</v>
      </c>
      <c r="CJ623" s="166">
        <v>0</v>
      </c>
      <c r="CK623" s="166">
        <v>0</v>
      </c>
      <c r="CL623" s="166">
        <v>0</v>
      </c>
      <c r="CM623" s="166">
        <v>0</v>
      </c>
      <c r="CN623" s="166">
        <v>0</v>
      </c>
      <c r="CO623" s="166">
        <v>0</v>
      </c>
      <c r="CP623" s="166">
        <v>0</v>
      </c>
      <c r="CQ623" s="166">
        <v>0</v>
      </c>
      <c r="CR623" s="166">
        <v>0</v>
      </c>
      <c r="CS623" s="166">
        <v>0</v>
      </c>
      <c r="CT623" s="166">
        <v>0</v>
      </c>
      <c r="CU623" s="166">
        <v>0</v>
      </c>
      <c r="CV623" s="166">
        <v>0</v>
      </c>
      <c r="CW623" s="166">
        <v>0</v>
      </c>
      <c r="CX623" s="166">
        <v>0</v>
      </c>
      <c r="CY623" s="166">
        <v>22969549.9062775</v>
      </c>
      <c r="CZ623" s="166">
        <v>22969549.9062775</v>
      </c>
    </row>
    <row r="624" spans="1:104" x14ac:dyDescent="0.2">
      <c r="A624" s="167" t="s">
        <v>1054</v>
      </c>
    </row>
    <row r="625" spans="1:104" x14ac:dyDescent="0.2">
      <c r="A625" s="167" t="s">
        <v>1055</v>
      </c>
      <c r="B625" s="166">
        <v>55982757.872408897</v>
      </c>
      <c r="C625" s="166">
        <v>55982757.872408897</v>
      </c>
      <c r="D625" s="166">
        <v>0</v>
      </c>
      <c r="E625" s="166">
        <v>0</v>
      </c>
      <c r="F625" s="166">
        <v>0</v>
      </c>
      <c r="G625" s="166">
        <v>0</v>
      </c>
      <c r="H625" s="166">
        <v>0</v>
      </c>
      <c r="I625" s="166">
        <v>0</v>
      </c>
      <c r="J625" s="166">
        <v>0</v>
      </c>
      <c r="K625" s="166">
        <v>0</v>
      </c>
      <c r="L625" s="166">
        <v>0</v>
      </c>
      <c r="M625" s="166">
        <v>0</v>
      </c>
      <c r="N625" s="166">
        <v>0</v>
      </c>
      <c r="O625" s="166">
        <v>0</v>
      </c>
      <c r="P625" s="166">
        <v>0</v>
      </c>
      <c r="Q625" s="166">
        <v>0</v>
      </c>
      <c r="R625" s="166">
        <v>0</v>
      </c>
      <c r="S625" s="166">
        <v>0</v>
      </c>
      <c r="T625" s="166">
        <v>0</v>
      </c>
      <c r="U625" s="166">
        <v>0</v>
      </c>
      <c r="V625" s="166">
        <v>0</v>
      </c>
      <c r="W625" s="166">
        <v>0</v>
      </c>
      <c r="X625" s="166">
        <v>0</v>
      </c>
      <c r="Y625" s="166">
        <v>0</v>
      </c>
      <c r="Z625" s="166">
        <v>0</v>
      </c>
      <c r="AA625" s="166">
        <v>0</v>
      </c>
      <c r="AB625" s="166">
        <v>0</v>
      </c>
      <c r="AC625" s="166">
        <v>0</v>
      </c>
      <c r="AD625" s="166">
        <v>0</v>
      </c>
      <c r="AE625" s="166">
        <v>0</v>
      </c>
      <c r="AF625" s="166">
        <v>0</v>
      </c>
      <c r="AG625" s="166">
        <v>0</v>
      </c>
      <c r="AH625" s="166">
        <v>0</v>
      </c>
      <c r="AI625" s="166">
        <v>0</v>
      </c>
      <c r="AJ625" s="166">
        <v>0</v>
      </c>
      <c r="AK625" s="166">
        <v>0</v>
      </c>
      <c r="AL625" s="166">
        <v>0</v>
      </c>
      <c r="AM625" s="166">
        <v>0</v>
      </c>
      <c r="AN625" s="166">
        <v>0</v>
      </c>
      <c r="AO625" s="166">
        <v>0</v>
      </c>
      <c r="AP625" s="166">
        <v>0</v>
      </c>
      <c r="AQ625" s="166">
        <v>0</v>
      </c>
      <c r="AR625" s="166">
        <v>0</v>
      </c>
      <c r="AS625" s="166">
        <v>0</v>
      </c>
      <c r="AT625" s="166">
        <v>0</v>
      </c>
      <c r="AU625" s="166">
        <v>0</v>
      </c>
      <c r="AV625" s="166">
        <v>0</v>
      </c>
      <c r="AW625" s="166">
        <v>0</v>
      </c>
      <c r="AX625" s="166">
        <v>0</v>
      </c>
      <c r="AY625" s="166">
        <v>0</v>
      </c>
      <c r="AZ625" s="166">
        <v>0</v>
      </c>
      <c r="BA625" s="166">
        <v>0</v>
      </c>
      <c r="BB625" s="166">
        <v>0</v>
      </c>
      <c r="BC625" s="166">
        <v>0</v>
      </c>
      <c r="BD625" s="166">
        <v>0</v>
      </c>
      <c r="BE625" s="166">
        <v>0</v>
      </c>
      <c r="BF625" s="166">
        <v>0</v>
      </c>
      <c r="BG625" s="166">
        <v>0</v>
      </c>
      <c r="BH625" s="166">
        <v>0</v>
      </c>
      <c r="BI625" s="166">
        <v>0</v>
      </c>
      <c r="BJ625" s="166">
        <v>0</v>
      </c>
      <c r="BK625" s="166">
        <v>0</v>
      </c>
      <c r="BL625" s="166">
        <v>0</v>
      </c>
      <c r="BM625" s="166">
        <v>0</v>
      </c>
      <c r="BN625" s="166">
        <v>0</v>
      </c>
      <c r="BO625" s="166">
        <v>0</v>
      </c>
      <c r="BP625" s="166">
        <v>0</v>
      </c>
      <c r="BQ625" s="166">
        <v>0</v>
      </c>
      <c r="BR625" s="166">
        <v>55982757.872408897</v>
      </c>
      <c r="BS625" s="166">
        <v>55982757.872408897</v>
      </c>
      <c r="BT625" s="168">
        <v>0.98855217689263197</v>
      </c>
      <c r="BU625" s="166">
        <v>3050869.9118447499</v>
      </c>
      <c r="BV625" s="166">
        <v>55341877.163222998</v>
      </c>
      <c r="BW625" s="166">
        <v>0</v>
      </c>
      <c r="BX625" s="166">
        <v>0</v>
      </c>
      <c r="BY625" s="166">
        <v>0</v>
      </c>
      <c r="BZ625" s="166">
        <v>0</v>
      </c>
      <c r="CA625" s="166">
        <v>0</v>
      </c>
      <c r="CB625" s="166">
        <v>0</v>
      </c>
      <c r="CC625" s="166">
        <v>0</v>
      </c>
      <c r="CD625" s="166">
        <v>0</v>
      </c>
      <c r="CE625" s="166">
        <v>0</v>
      </c>
      <c r="CF625" s="166">
        <v>0</v>
      </c>
      <c r="CG625" s="166">
        <v>0</v>
      </c>
      <c r="CH625" s="166">
        <v>0</v>
      </c>
      <c r="CI625" s="166">
        <v>0</v>
      </c>
      <c r="CJ625" s="166">
        <v>0</v>
      </c>
      <c r="CK625" s="166">
        <v>0</v>
      </c>
      <c r="CL625" s="166">
        <v>0</v>
      </c>
      <c r="CM625" s="166">
        <v>0</v>
      </c>
      <c r="CN625" s="166">
        <v>0</v>
      </c>
      <c r="CO625" s="166">
        <v>0</v>
      </c>
      <c r="CP625" s="166">
        <v>0</v>
      </c>
      <c r="CQ625" s="166">
        <v>0</v>
      </c>
      <c r="CR625" s="166">
        <v>0</v>
      </c>
      <c r="CS625" s="166">
        <v>0</v>
      </c>
      <c r="CT625" s="166">
        <v>0</v>
      </c>
      <c r="CU625" s="166">
        <v>0</v>
      </c>
      <c r="CV625" s="166">
        <v>0</v>
      </c>
      <c r="CW625" s="166">
        <v>0</v>
      </c>
      <c r="CX625" s="166">
        <v>0</v>
      </c>
      <c r="CY625" s="166">
        <v>55341877.163222998</v>
      </c>
      <c r="CZ625" s="166">
        <v>55341877.163222998</v>
      </c>
    </row>
    <row r="626" spans="1:104" x14ac:dyDescent="0.2">
      <c r="A626" s="167" t="s">
        <v>1056</v>
      </c>
      <c r="B626" s="166">
        <v>610488.51759845298</v>
      </c>
      <c r="C626" s="166">
        <v>610488.51759845298</v>
      </c>
      <c r="D626" s="166">
        <v>0</v>
      </c>
      <c r="E626" s="166">
        <v>0</v>
      </c>
      <c r="F626" s="166">
        <v>0</v>
      </c>
      <c r="G626" s="166">
        <v>0</v>
      </c>
      <c r="H626" s="166">
        <v>0</v>
      </c>
      <c r="I626" s="166">
        <v>0</v>
      </c>
      <c r="J626" s="166">
        <v>0</v>
      </c>
      <c r="K626" s="166">
        <v>0</v>
      </c>
      <c r="L626" s="166">
        <v>0</v>
      </c>
      <c r="M626" s="166">
        <v>0</v>
      </c>
      <c r="N626" s="166">
        <v>0</v>
      </c>
      <c r="O626" s="166">
        <v>0</v>
      </c>
      <c r="P626" s="166">
        <v>0</v>
      </c>
      <c r="Q626" s="166">
        <v>0</v>
      </c>
      <c r="R626" s="166">
        <v>0</v>
      </c>
      <c r="S626" s="166">
        <v>0</v>
      </c>
      <c r="T626" s="166">
        <v>0</v>
      </c>
      <c r="U626" s="166">
        <v>0</v>
      </c>
      <c r="V626" s="166">
        <v>0</v>
      </c>
      <c r="W626" s="166">
        <v>0</v>
      </c>
      <c r="X626" s="166">
        <v>0</v>
      </c>
      <c r="Y626" s="166">
        <v>0</v>
      </c>
      <c r="Z626" s="166">
        <v>0</v>
      </c>
      <c r="AA626" s="166">
        <v>0</v>
      </c>
      <c r="AB626" s="166">
        <v>0</v>
      </c>
      <c r="AC626" s="166">
        <v>0</v>
      </c>
      <c r="AD626" s="166">
        <v>0</v>
      </c>
      <c r="AE626" s="166">
        <v>0</v>
      </c>
      <c r="AF626" s="166">
        <v>0</v>
      </c>
      <c r="AG626" s="166">
        <v>0</v>
      </c>
      <c r="AH626" s="166">
        <v>0</v>
      </c>
      <c r="AI626" s="166">
        <v>0</v>
      </c>
      <c r="AJ626" s="166">
        <v>0</v>
      </c>
      <c r="AK626" s="166">
        <v>0</v>
      </c>
      <c r="AL626" s="166">
        <v>0</v>
      </c>
      <c r="AM626" s="166">
        <v>0</v>
      </c>
      <c r="AN626" s="166">
        <v>0</v>
      </c>
      <c r="AO626" s="166">
        <v>0</v>
      </c>
      <c r="AP626" s="166">
        <v>0</v>
      </c>
      <c r="AQ626" s="166">
        <v>0</v>
      </c>
      <c r="AR626" s="166">
        <v>0</v>
      </c>
      <c r="AS626" s="166">
        <v>0</v>
      </c>
      <c r="AT626" s="166">
        <v>0</v>
      </c>
      <c r="AU626" s="166">
        <v>0</v>
      </c>
      <c r="AV626" s="166">
        <v>0</v>
      </c>
      <c r="AW626" s="166">
        <v>0</v>
      </c>
      <c r="AX626" s="166">
        <v>0</v>
      </c>
      <c r="AY626" s="166">
        <v>0</v>
      </c>
      <c r="AZ626" s="166">
        <v>0</v>
      </c>
      <c r="BA626" s="166">
        <v>0</v>
      </c>
      <c r="BB626" s="166">
        <v>0</v>
      </c>
      <c r="BC626" s="166">
        <v>0</v>
      </c>
      <c r="BD626" s="166">
        <v>0</v>
      </c>
      <c r="BE626" s="166">
        <v>0</v>
      </c>
      <c r="BF626" s="166">
        <v>0</v>
      </c>
      <c r="BG626" s="166">
        <v>0</v>
      </c>
      <c r="BH626" s="166">
        <v>0</v>
      </c>
      <c r="BI626" s="166">
        <v>0</v>
      </c>
      <c r="BJ626" s="166">
        <v>0</v>
      </c>
      <c r="BK626" s="166">
        <v>0</v>
      </c>
      <c r="BL626" s="166">
        <v>0</v>
      </c>
      <c r="BM626" s="166">
        <v>0</v>
      </c>
      <c r="BN626" s="166">
        <v>0</v>
      </c>
      <c r="BO626" s="166">
        <v>0</v>
      </c>
      <c r="BP626" s="166">
        <v>0</v>
      </c>
      <c r="BQ626" s="166">
        <v>0</v>
      </c>
      <c r="BR626" s="166">
        <v>610488.51759845298</v>
      </c>
      <c r="BS626" s="166">
        <v>610488.51759845298</v>
      </c>
      <c r="BT626" s="168">
        <v>0.94121267347791104</v>
      </c>
      <c r="BU626" s="166">
        <v>19524.7341521538</v>
      </c>
      <c r="BV626" s="166">
        <v>574599.52977640706</v>
      </c>
      <c r="BW626" s="166">
        <v>0</v>
      </c>
      <c r="BX626" s="166">
        <v>0</v>
      </c>
      <c r="BY626" s="166">
        <v>0</v>
      </c>
      <c r="BZ626" s="166">
        <v>0</v>
      </c>
      <c r="CA626" s="166">
        <v>0</v>
      </c>
      <c r="CB626" s="166">
        <v>0</v>
      </c>
      <c r="CC626" s="166">
        <v>0</v>
      </c>
      <c r="CD626" s="166">
        <v>0</v>
      </c>
      <c r="CE626" s="166">
        <v>0</v>
      </c>
      <c r="CF626" s="166">
        <v>0</v>
      </c>
      <c r="CG626" s="166">
        <v>0</v>
      </c>
      <c r="CH626" s="166">
        <v>0</v>
      </c>
      <c r="CI626" s="166">
        <v>0</v>
      </c>
      <c r="CJ626" s="166">
        <v>0</v>
      </c>
      <c r="CK626" s="166">
        <v>0</v>
      </c>
      <c r="CL626" s="166">
        <v>0</v>
      </c>
      <c r="CM626" s="166">
        <v>0</v>
      </c>
      <c r="CN626" s="166">
        <v>0</v>
      </c>
      <c r="CO626" s="166">
        <v>0</v>
      </c>
      <c r="CP626" s="166">
        <v>0</v>
      </c>
      <c r="CQ626" s="166">
        <v>0</v>
      </c>
      <c r="CR626" s="166">
        <v>0</v>
      </c>
      <c r="CS626" s="166">
        <v>0</v>
      </c>
      <c r="CT626" s="166">
        <v>0</v>
      </c>
      <c r="CU626" s="166">
        <v>0</v>
      </c>
      <c r="CV626" s="166">
        <v>0</v>
      </c>
      <c r="CW626" s="166">
        <v>0</v>
      </c>
      <c r="CX626" s="166">
        <v>0</v>
      </c>
      <c r="CY626" s="166">
        <v>574599.52977640706</v>
      </c>
      <c r="CZ626" s="166">
        <v>574599.52977640706</v>
      </c>
    </row>
    <row r="627" spans="1:104" x14ac:dyDescent="0.2">
      <c r="A627" s="167" t="s">
        <v>1057</v>
      </c>
      <c r="B627" s="166">
        <v>2786157.13691208</v>
      </c>
      <c r="C627" s="166">
        <v>2786157.13691208</v>
      </c>
      <c r="D627" s="166">
        <v>0</v>
      </c>
      <c r="E627" s="166">
        <v>0</v>
      </c>
      <c r="F627" s="166">
        <v>0</v>
      </c>
      <c r="G627" s="166">
        <v>0</v>
      </c>
      <c r="H627" s="166">
        <v>0</v>
      </c>
      <c r="I627" s="166">
        <v>0</v>
      </c>
      <c r="J627" s="166">
        <v>0</v>
      </c>
      <c r="K627" s="166">
        <v>0</v>
      </c>
      <c r="L627" s="166">
        <v>0</v>
      </c>
      <c r="M627" s="166">
        <v>0</v>
      </c>
      <c r="N627" s="166">
        <v>0</v>
      </c>
      <c r="O627" s="166">
        <v>0</v>
      </c>
      <c r="P627" s="166">
        <v>0</v>
      </c>
      <c r="Q627" s="166">
        <v>0</v>
      </c>
      <c r="R627" s="166">
        <v>0</v>
      </c>
      <c r="S627" s="166">
        <v>0</v>
      </c>
      <c r="T627" s="166">
        <v>0</v>
      </c>
      <c r="U627" s="166">
        <v>0</v>
      </c>
      <c r="V627" s="166">
        <v>0</v>
      </c>
      <c r="W627" s="166">
        <v>0</v>
      </c>
      <c r="X627" s="166">
        <v>0</v>
      </c>
      <c r="Y627" s="166">
        <v>0</v>
      </c>
      <c r="Z627" s="166">
        <v>0</v>
      </c>
      <c r="AA627" s="166">
        <v>0</v>
      </c>
      <c r="AB627" s="166">
        <v>0</v>
      </c>
      <c r="AC627" s="166">
        <v>0</v>
      </c>
      <c r="AD627" s="166">
        <v>0</v>
      </c>
      <c r="AE627" s="166">
        <v>0</v>
      </c>
      <c r="AF627" s="166">
        <v>0</v>
      </c>
      <c r="AG627" s="166">
        <v>0</v>
      </c>
      <c r="AH627" s="166">
        <v>0</v>
      </c>
      <c r="AI627" s="166">
        <v>0</v>
      </c>
      <c r="AJ627" s="166">
        <v>0</v>
      </c>
      <c r="AK627" s="166">
        <v>0</v>
      </c>
      <c r="AL627" s="166">
        <v>0</v>
      </c>
      <c r="AM627" s="166">
        <v>0</v>
      </c>
      <c r="AN627" s="166">
        <v>0</v>
      </c>
      <c r="AO627" s="166">
        <v>0</v>
      </c>
      <c r="AP627" s="166">
        <v>0</v>
      </c>
      <c r="AQ627" s="166">
        <v>0</v>
      </c>
      <c r="AR627" s="166">
        <v>0</v>
      </c>
      <c r="AS627" s="166">
        <v>0</v>
      </c>
      <c r="AT627" s="166">
        <v>0</v>
      </c>
      <c r="AU627" s="166">
        <v>0</v>
      </c>
      <c r="AV627" s="166">
        <v>0</v>
      </c>
      <c r="AW627" s="166">
        <v>0</v>
      </c>
      <c r="AX627" s="166">
        <v>0</v>
      </c>
      <c r="AY627" s="166">
        <v>0</v>
      </c>
      <c r="AZ627" s="166">
        <v>0</v>
      </c>
      <c r="BA627" s="166">
        <v>0</v>
      </c>
      <c r="BB627" s="166">
        <v>0</v>
      </c>
      <c r="BC627" s="166">
        <v>0</v>
      </c>
      <c r="BD627" s="166">
        <v>0</v>
      </c>
      <c r="BE627" s="166">
        <v>0</v>
      </c>
      <c r="BF627" s="166">
        <v>0</v>
      </c>
      <c r="BG627" s="166">
        <v>0</v>
      </c>
      <c r="BH627" s="166">
        <v>0</v>
      </c>
      <c r="BI627" s="166">
        <v>0</v>
      </c>
      <c r="BJ627" s="166">
        <v>0</v>
      </c>
      <c r="BK627" s="166">
        <v>0</v>
      </c>
      <c r="BL627" s="166">
        <v>0</v>
      </c>
      <c r="BM627" s="166">
        <v>0</v>
      </c>
      <c r="BN627" s="166">
        <v>0</v>
      </c>
      <c r="BO627" s="166">
        <v>0</v>
      </c>
      <c r="BP627" s="166">
        <v>0</v>
      </c>
      <c r="BQ627" s="166">
        <v>0</v>
      </c>
      <c r="BR627" s="166">
        <v>2786157.13691208</v>
      </c>
      <c r="BS627" s="166">
        <v>2786157.13691208</v>
      </c>
      <c r="BT627" s="168">
        <v>0.97876128996601397</v>
      </c>
      <c r="BU627" s="166">
        <v>179570.00031201</v>
      </c>
      <c r="BV627" s="166">
        <v>2726982.7533720899</v>
      </c>
      <c r="BW627" s="166">
        <v>0</v>
      </c>
      <c r="BX627" s="166">
        <v>0</v>
      </c>
      <c r="BY627" s="166">
        <v>0</v>
      </c>
      <c r="BZ627" s="166">
        <v>0</v>
      </c>
      <c r="CA627" s="166">
        <v>0</v>
      </c>
      <c r="CB627" s="166">
        <v>0</v>
      </c>
      <c r="CC627" s="166">
        <v>0</v>
      </c>
      <c r="CD627" s="166">
        <v>0</v>
      </c>
      <c r="CE627" s="166">
        <v>0</v>
      </c>
      <c r="CF627" s="166">
        <v>0</v>
      </c>
      <c r="CG627" s="166">
        <v>0</v>
      </c>
      <c r="CH627" s="166">
        <v>0</v>
      </c>
      <c r="CI627" s="166">
        <v>0</v>
      </c>
      <c r="CJ627" s="166">
        <v>0</v>
      </c>
      <c r="CK627" s="166">
        <v>0</v>
      </c>
      <c r="CL627" s="166">
        <v>0</v>
      </c>
      <c r="CM627" s="166">
        <v>0</v>
      </c>
      <c r="CN627" s="166">
        <v>0</v>
      </c>
      <c r="CO627" s="166">
        <v>0</v>
      </c>
      <c r="CP627" s="166">
        <v>0</v>
      </c>
      <c r="CQ627" s="166">
        <v>0</v>
      </c>
      <c r="CR627" s="166">
        <v>0</v>
      </c>
      <c r="CS627" s="166">
        <v>0</v>
      </c>
      <c r="CT627" s="166">
        <v>0</v>
      </c>
      <c r="CU627" s="166">
        <v>0</v>
      </c>
      <c r="CV627" s="166">
        <v>0</v>
      </c>
      <c r="CW627" s="166">
        <v>0</v>
      </c>
      <c r="CX627" s="166">
        <v>0</v>
      </c>
      <c r="CY627" s="166">
        <v>2726982.7533720899</v>
      </c>
      <c r="CZ627" s="166">
        <v>2726982.7533720899</v>
      </c>
    </row>
    <row r="628" spans="1:104" x14ac:dyDescent="0.2">
      <c r="A628" s="167" t="s">
        <v>159</v>
      </c>
      <c r="B628" s="166">
        <v>8227294.5030805301</v>
      </c>
      <c r="C628" s="166">
        <v>8227294.5030805301</v>
      </c>
      <c r="D628" s="166">
        <v>0</v>
      </c>
      <c r="E628" s="166">
        <v>0</v>
      </c>
      <c r="F628" s="166">
        <v>0</v>
      </c>
      <c r="G628" s="166">
        <v>0</v>
      </c>
      <c r="H628" s="166">
        <v>0</v>
      </c>
      <c r="I628" s="166">
        <v>0</v>
      </c>
      <c r="J628" s="166">
        <v>0</v>
      </c>
      <c r="K628" s="166">
        <v>0</v>
      </c>
      <c r="L628" s="166">
        <v>0</v>
      </c>
      <c r="M628" s="166">
        <v>0</v>
      </c>
      <c r="N628" s="166">
        <v>0</v>
      </c>
      <c r="O628" s="166">
        <v>0</v>
      </c>
      <c r="P628" s="166">
        <v>0</v>
      </c>
      <c r="Q628" s="166">
        <v>0</v>
      </c>
      <c r="R628" s="166">
        <v>0</v>
      </c>
      <c r="S628" s="166">
        <v>0</v>
      </c>
      <c r="T628" s="166">
        <v>0</v>
      </c>
      <c r="U628" s="166">
        <v>0</v>
      </c>
      <c r="V628" s="166">
        <v>0</v>
      </c>
      <c r="W628" s="166">
        <v>0</v>
      </c>
      <c r="X628" s="166">
        <v>0</v>
      </c>
      <c r="Y628" s="166">
        <v>0</v>
      </c>
      <c r="Z628" s="166">
        <v>0</v>
      </c>
      <c r="AA628" s="166">
        <v>0</v>
      </c>
      <c r="AB628" s="166">
        <v>0</v>
      </c>
      <c r="AC628" s="166">
        <v>0</v>
      </c>
      <c r="AD628" s="166">
        <v>0</v>
      </c>
      <c r="AE628" s="166">
        <v>0</v>
      </c>
      <c r="AF628" s="166">
        <v>0</v>
      </c>
      <c r="AG628" s="166">
        <v>0</v>
      </c>
      <c r="AH628" s="166">
        <v>0</v>
      </c>
      <c r="AI628" s="166">
        <v>0</v>
      </c>
      <c r="AJ628" s="166">
        <v>0</v>
      </c>
      <c r="AK628" s="166">
        <v>0</v>
      </c>
      <c r="AL628" s="166">
        <v>0</v>
      </c>
      <c r="AM628" s="166">
        <v>0</v>
      </c>
      <c r="AN628" s="166">
        <v>0</v>
      </c>
      <c r="AO628" s="166">
        <v>0</v>
      </c>
      <c r="AP628" s="166">
        <v>0</v>
      </c>
      <c r="AQ628" s="166">
        <v>0</v>
      </c>
      <c r="AR628" s="166">
        <v>0</v>
      </c>
      <c r="AS628" s="166">
        <v>0</v>
      </c>
      <c r="AT628" s="166">
        <v>0</v>
      </c>
      <c r="AU628" s="166">
        <v>0</v>
      </c>
      <c r="AV628" s="166">
        <v>0</v>
      </c>
      <c r="AW628" s="166">
        <v>0</v>
      </c>
      <c r="AX628" s="166">
        <v>0</v>
      </c>
      <c r="AY628" s="166">
        <v>0</v>
      </c>
      <c r="AZ628" s="166">
        <v>0</v>
      </c>
      <c r="BA628" s="166">
        <v>0</v>
      </c>
      <c r="BB628" s="166">
        <v>0</v>
      </c>
      <c r="BC628" s="166">
        <v>0</v>
      </c>
      <c r="BD628" s="166">
        <v>0</v>
      </c>
      <c r="BE628" s="166">
        <v>0</v>
      </c>
      <c r="BF628" s="166">
        <v>0</v>
      </c>
      <c r="BG628" s="166">
        <v>0</v>
      </c>
      <c r="BH628" s="166">
        <v>0</v>
      </c>
      <c r="BI628" s="166">
        <v>0</v>
      </c>
      <c r="BJ628" s="166">
        <v>0</v>
      </c>
      <c r="BK628" s="166">
        <v>0</v>
      </c>
      <c r="BL628" s="166">
        <v>0</v>
      </c>
      <c r="BM628" s="166">
        <v>0</v>
      </c>
      <c r="BN628" s="166">
        <v>0</v>
      </c>
      <c r="BO628" s="166">
        <v>0</v>
      </c>
      <c r="BP628" s="166">
        <v>0</v>
      </c>
      <c r="BQ628" s="166">
        <v>0</v>
      </c>
      <c r="BR628" s="166">
        <v>8227294.5030805301</v>
      </c>
      <c r="BS628" s="166">
        <v>8227294.5030805301</v>
      </c>
      <c r="BT628" s="168">
        <v>0.98855217689263197</v>
      </c>
      <c r="BU628" s="166">
        <v>467929.23354399198</v>
      </c>
      <c r="BV628" s="166">
        <v>8133109.89095705</v>
      </c>
      <c r="BW628" s="166">
        <v>0</v>
      </c>
      <c r="BX628" s="166">
        <v>0</v>
      </c>
      <c r="BY628" s="166">
        <v>0</v>
      </c>
      <c r="BZ628" s="166">
        <v>0</v>
      </c>
      <c r="CA628" s="166">
        <v>0</v>
      </c>
      <c r="CB628" s="166">
        <v>0</v>
      </c>
      <c r="CC628" s="166">
        <v>0</v>
      </c>
      <c r="CD628" s="166">
        <v>0</v>
      </c>
      <c r="CE628" s="166">
        <v>0</v>
      </c>
      <c r="CF628" s="166">
        <v>0</v>
      </c>
      <c r="CG628" s="166">
        <v>0</v>
      </c>
      <c r="CH628" s="166">
        <v>0</v>
      </c>
      <c r="CI628" s="166">
        <v>0</v>
      </c>
      <c r="CJ628" s="166">
        <v>0</v>
      </c>
      <c r="CK628" s="166">
        <v>0</v>
      </c>
      <c r="CL628" s="166">
        <v>0</v>
      </c>
      <c r="CM628" s="166">
        <v>0</v>
      </c>
      <c r="CN628" s="166">
        <v>0</v>
      </c>
      <c r="CO628" s="166">
        <v>0</v>
      </c>
      <c r="CP628" s="166">
        <v>0</v>
      </c>
      <c r="CQ628" s="166">
        <v>0</v>
      </c>
      <c r="CR628" s="166">
        <v>0</v>
      </c>
      <c r="CS628" s="166">
        <v>0</v>
      </c>
      <c r="CT628" s="166">
        <v>0</v>
      </c>
      <c r="CU628" s="166">
        <v>0</v>
      </c>
      <c r="CV628" s="166">
        <v>0</v>
      </c>
      <c r="CW628" s="166">
        <v>0</v>
      </c>
      <c r="CX628" s="166">
        <v>0</v>
      </c>
      <c r="CY628" s="166">
        <v>8133109.89095705</v>
      </c>
      <c r="CZ628" s="166">
        <v>8133109.89095705</v>
      </c>
    </row>
    <row r="629" spans="1:104" x14ac:dyDescent="0.2">
      <c r="A629" s="167" t="s">
        <v>160</v>
      </c>
      <c r="B629" s="166">
        <v>67606698.029999897</v>
      </c>
      <c r="C629" s="166">
        <v>67606698.029999897</v>
      </c>
      <c r="D629" s="166">
        <v>0</v>
      </c>
      <c r="E629" s="166">
        <v>0</v>
      </c>
      <c r="F629" s="166">
        <v>0</v>
      </c>
      <c r="G629" s="166">
        <v>0</v>
      </c>
      <c r="H629" s="166">
        <v>0</v>
      </c>
      <c r="I629" s="166">
        <v>0</v>
      </c>
      <c r="J629" s="166">
        <v>0</v>
      </c>
      <c r="K629" s="166">
        <v>0</v>
      </c>
      <c r="L629" s="166">
        <v>0</v>
      </c>
      <c r="M629" s="166">
        <v>0</v>
      </c>
      <c r="N629" s="166">
        <v>0</v>
      </c>
      <c r="O629" s="166">
        <v>0</v>
      </c>
      <c r="P629" s="166">
        <v>0</v>
      </c>
      <c r="Q629" s="166">
        <v>0</v>
      </c>
      <c r="R629" s="166">
        <v>0</v>
      </c>
      <c r="S629" s="166">
        <v>0</v>
      </c>
      <c r="T629" s="166">
        <v>0</v>
      </c>
      <c r="U629" s="166">
        <v>0</v>
      </c>
      <c r="V629" s="166">
        <v>0</v>
      </c>
      <c r="W629" s="166">
        <v>0</v>
      </c>
      <c r="X629" s="166">
        <v>0</v>
      </c>
      <c r="Y629" s="166">
        <v>0</v>
      </c>
      <c r="Z629" s="166">
        <v>0</v>
      </c>
      <c r="AA629" s="166">
        <v>0</v>
      </c>
      <c r="AB629" s="166">
        <v>0</v>
      </c>
      <c r="AC629" s="166">
        <v>0</v>
      </c>
      <c r="AD629" s="166">
        <v>0</v>
      </c>
      <c r="AE629" s="166">
        <v>0</v>
      </c>
      <c r="AF629" s="166">
        <v>0</v>
      </c>
      <c r="AG629" s="166">
        <v>0</v>
      </c>
      <c r="AH629" s="166">
        <v>0</v>
      </c>
      <c r="AI629" s="166">
        <v>0</v>
      </c>
      <c r="AJ629" s="166">
        <v>0</v>
      </c>
      <c r="AK629" s="166">
        <v>0</v>
      </c>
      <c r="AL629" s="166">
        <v>0</v>
      </c>
      <c r="AM629" s="166">
        <v>0</v>
      </c>
      <c r="AN629" s="166">
        <v>0</v>
      </c>
      <c r="AO629" s="166">
        <v>0</v>
      </c>
      <c r="AP629" s="166">
        <v>0</v>
      </c>
      <c r="AQ629" s="166">
        <v>0</v>
      </c>
      <c r="AR629" s="166">
        <v>0</v>
      </c>
      <c r="AS629" s="166">
        <v>0</v>
      </c>
      <c r="AT629" s="166">
        <v>0</v>
      </c>
      <c r="AU629" s="166">
        <v>0</v>
      </c>
      <c r="AV629" s="166">
        <v>0</v>
      </c>
      <c r="AW629" s="166">
        <v>0</v>
      </c>
      <c r="AX629" s="166">
        <v>0</v>
      </c>
      <c r="AY629" s="166">
        <v>0</v>
      </c>
      <c r="AZ629" s="166">
        <v>0</v>
      </c>
      <c r="BA629" s="166">
        <v>0</v>
      </c>
      <c r="BB629" s="166">
        <v>0</v>
      </c>
      <c r="BC629" s="166">
        <v>0</v>
      </c>
      <c r="BD629" s="166">
        <v>0</v>
      </c>
      <c r="BE629" s="166">
        <v>0</v>
      </c>
      <c r="BF629" s="166">
        <v>0</v>
      </c>
      <c r="BG629" s="166">
        <v>0</v>
      </c>
      <c r="BH629" s="166">
        <v>0</v>
      </c>
      <c r="BI629" s="166">
        <v>0</v>
      </c>
      <c r="BJ629" s="166">
        <v>0</v>
      </c>
      <c r="BK629" s="166">
        <v>0</v>
      </c>
      <c r="BL629" s="166">
        <v>0</v>
      </c>
      <c r="BM629" s="166">
        <v>0</v>
      </c>
      <c r="BN629" s="166">
        <v>0</v>
      </c>
      <c r="BO629" s="166">
        <v>0</v>
      </c>
      <c r="BP629" s="166">
        <v>0</v>
      </c>
      <c r="BQ629" s="166">
        <v>0</v>
      </c>
      <c r="BR629" s="166">
        <v>67606698.029999897</v>
      </c>
      <c r="BS629" s="166">
        <v>67606698.029999897</v>
      </c>
      <c r="BT629" s="168">
        <v>0</v>
      </c>
      <c r="BU629" s="166">
        <v>3717893.8798529101</v>
      </c>
      <c r="BV629" s="166">
        <v>66776569.337328501</v>
      </c>
      <c r="BW629" s="166">
        <v>0</v>
      </c>
      <c r="BX629" s="166">
        <v>0</v>
      </c>
      <c r="BY629" s="166">
        <v>0</v>
      </c>
      <c r="BZ629" s="166">
        <v>0</v>
      </c>
      <c r="CA629" s="166">
        <v>0</v>
      </c>
      <c r="CB629" s="166">
        <v>0</v>
      </c>
      <c r="CC629" s="166">
        <v>0</v>
      </c>
      <c r="CD629" s="166">
        <v>0</v>
      </c>
      <c r="CE629" s="166">
        <v>0</v>
      </c>
      <c r="CF629" s="166">
        <v>0</v>
      </c>
      <c r="CG629" s="166">
        <v>0</v>
      </c>
      <c r="CH629" s="166">
        <v>0</v>
      </c>
      <c r="CI629" s="166">
        <v>0</v>
      </c>
      <c r="CJ629" s="166">
        <v>0</v>
      </c>
      <c r="CK629" s="166">
        <v>0</v>
      </c>
      <c r="CL629" s="166">
        <v>0</v>
      </c>
      <c r="CM629" s="166">
        <v>0</v>
      </c>
      <c r="CN629" s="166">
        <v>0</v>
      </c>
      <c r="CO629" s="166">
        <v>0</v>
      </c>
      <c r="CP629" s="166">
        <v>0</v>
      </c>
      <c r="CQ629" s="166">
        <v>0</v>
      </c>
      <c r="CR629" s="166">
        <v>0</v>
      </c>
      <c r="CS629" s="166">
        <v>0</v>
      </c>
      <c r="CT629" s="166">
        <v>0</v>
      </c>
      <c r="CU629" s="166">
        <v>0</v>
      </c>
      <c r="CV629" s="166">
        <v>0</v>
      </c>
      <c r="CW629" s="166">
        <v>0</v>
      </c>
      <c r="CX629" s="166">
        <v>0</v>
      </c>
      <c r="CY629" s="166">
        <v>66776569.337328501</v>
      </c>
      <c r="CZ629" s="166">
        <v>66776569.337328501</v>
      </c>
    </row>
    <row r="630" spans="1:104" x14ac:dyDescent="0.2">
      <c r="A630" s="170" t="s">
        <v>161</v>
      </c>
      <c r="B630" s="166">
        <v>91306532.780000001</v>
      </c>
      <c r="C630" s="166">
        <v>91306532.780000001</v>
      </c>
      <c r="D630" s="166">
        <v>0</v>
      </c>
      <c r="E630" s="166">
        <v>0</v>
      </c>
      <c r="F630" s="166">
        <v>0</v>
      </c>
      <c r="G630" s="166">
        <v>0</v>
      </c>
      <c r="H630" s="166">
        <v>0</v>
      </c>
      <c r="I630" s="166">
        <v>0</v>
      </c>
      <c r="J630" s="166">
        <v>0</v>
      </c>
      <c r="K630" s="166">
        <v>0</v>
      </c>
      <c r="L630" s="166">
        <v>0</v>
      </c>
      <c r="M630" s="166">
        <v>0</v>
      </c>
      <c r="N630" s="166">
        <v>0</v>
      </c>
      <c r="O630" s="166">
        <v>0</v>
      </c>
      <c r="P630" s="166">
        <v>0</v>
      </c>
      <c r="Q630" s="166">
        <v>0</v>
      </c>
      <c r="R630" s="166">
        <v>0</v>
      </c>
      <c r="S630" s="166">
        <v>0</v>
      </c>
      <c r="T630" s="166">
        <v>0</v>
      </c>
      <c r="U630" s="166">
        <v>0</v>
      </c>
      <c r="V630" s="166">
        <v>0</v>
      </c>
      <c r="W630" s="166">
        <v>0</v>
      </c>
      <c r="X630" s="166">
        <v>0</v>
      </c>
      <c r="Y630" s="166">
        <v>0</v>
      </c>
      <c r="Z630" s="166">
        <v>0</v>
      </c>
      <c r="AA630" s="166">
        <v>0</v>
      </c>
      <c r="AB630" s="166">
        <v>0</v>
      </c>
      <c r="AC630" s="166">
        <v>0</v>
      </c>
      <c r="AD630" s="166">
        <v>0</v>
      </c>
      <c r="AE630" s="166">
        <v>0</v>
      </c>
      <c r="AF630" s="166">
        <v>0</v>
      </c>
      <c r="AG630" s="166">
        <v>0</v>
      </c>
      <c r="AH630" s="166">
        <v>0</v>
      </c>
      <c r="AI630" s="166">
        <v>0</v>
      </c>
      <c r="AJ630" s="166">
        <v>0</v>
      </c>
      <c r="AK630" s="166">
        <v>0</v>
      </c>
      <c r="AL630" s="166">
        <v>0</v>
      </c>
      <c r="AM630" s="166">
        <v>0</v>
      </c>
      <c r="AN630" s="166">
        <v>0</v>
      </c>
      <c r="AO630" s="166">
        <v>0</v>
      </c>
      <c r="AP630" s="166">
        <v>0</v>
      </c>
      <c r="AQ630" s="166">
        <v>0</v>
      </c>
      <c r="AR630" s="166">
        <v>0</v>
      </c>
      <c r="AS630" s="166">
        <v>0</v>
      </c>
      <c r="AT630" s="166">
        <v>0</v>
      </c>
      <c r="AU630" s="166">
        <v>0</v>
      </c>
      <c r="AV630" s="166">
        <v>0</v>
      </c>
      <c r="AW630" s="166">
        <v>0</v>
      </c>
      <c r="AX630" s="166">
        <v>0</v>
      </c>
      <c r="AY630" s="166">
        <v>0</v>
      </c>
      <c r="AZ630" s="166">
        <v>0</v>
      </c>
      <c r="BA630" s="166">
        <v>0</v>
      </c>
      <c r="BB630" s="166">
        <v>0</v>
      </c>
      <c r="BC630" s="166">
        <v>0</v>
      </c>
      <c r="BD630" s="166">
        <v>0</v>
      </c>
      <c r="BE630" s="166">
        <v>0</v>
      </c>
      <c r="BF630" s="166">
        <v>0</v>
      </c>
      <c r="BG630" s="166">
        <v>0</v>
      </c>
      <c r="BH630" s="166">
        <v>0</v>
      </c>
      <c r="BI630" s="166">
        <v>0</v>
      </c>
      <c r="BJ630" s="166">
        <v>0</v>
      </c>
      <c r="BK630" s="166">
        <v>0</v>
      </c>
      <c r="BL630" s="166">
        <v>0</v>
      </c>
      <c r="BM630" s="166">
        <v>0</v>
      </c>
      <c r="BN630" s="166">
        <v>0</v>
      </c>
      <c r="BO630" s="166">
        <v>0</v>
      </c>
      <c r="BP630" s="166">
        <v>0</v>
      </c>
      <c r="BQ630" s="166">
        <v>0</v>
      </c>
      <c r="BR630" s="166">
        <v>91306532.780000001</v>
      </c>
      <c r="BS630" s="166">
        <v>91306532.780000001</v>
      </c>
      <c r="BT630" s="168">
        <v>0</v>
      </c>
      <c r="BU630" s="166">
        <v>5286450.9771171603</v>
      </c>
      <c r="BV630" s="166">
        <v>89746119.243606105</v>
      </c>
      <c r="BW630" s="166">
        <v>0</v>
      </c>
      <c r="BX630" s="166">
        <v>0</v>
      </c>
      <c r="BY630" s="166">
        <v>0</v>
      </c>
      <c r="BZ630" s="166">
        <v>0</v>
      </c>
      <c r="CA630" s="166">
        <v>0</v>
      </c>
      <c r="CB630" s="166">
        <v>0</v>
      </c>
      <c r="CC630" s="166">
        <v>0</v>
      </c>
      <c r="CD630" s="166">
        <v>0</v>
      </c>
      <c r="CE630" s="166">
        <v>0</v>
      </c>
      <c r="CF630" s="166">
        <v>0</v>
      </c>
      <c r="CG630" s="166">
        <v>0</v>
      </c>
      <c r="CH630" s="166">
        <v>0</v>
      </c>
      <c r="CI630" s="166">
        <v>0</v>
      </c>
      <c r="CJ630" s="166">
        <v>0</v>
      </c>
      <c r="CK630" s="166">
        <v>0</v>
      </c>
      <c r="CL630" s="166">
        <v>0</v>
      </c>
      <c r="CM630" s="166">
        <v>0</v>
      </c>
      <c r="CN630" s="166">
        <v>0</v>
      </c>
      <c r="CO630" s="166">
        <v>0</v>
      </c>
      <c r="CP630" s="166">
        <v>0</v>
      </c>
      <c r="CQ630" s="166">
        <v>0</v>
      </c>
      <c r="CR630" s="166">
        <v>0</v>
      </c>
      <c r="CS630" s="166">
        <v>0</v>
      </c>
      <c r="CT630" s="166">
        <v>0</v>
      </c>
      <c r="CU630" s="166">
        <v>0</v>
      </c>
      <c r="CV630" s="166">
        <v>0</v>
      </c>
      <c r="CW630" s="166">
        <v>0</v>
      </c>
      <c r="CX630" s="166">
        <v>0</v>
      </c>
      <c r="CY630" s="166">
        <v>89746119.243606105</v>
      </c>
      <c r="CZ630" s="166">
        <v>89746119.243606105</v>
      </c>
    </row>
    <row r="631" spans="1:104" x14ac:dyDescent="0.2">
      <c r="A631" s="167" t="s">
        <v>162</v>
      </c>
    </row>
    <row r="632" spans="1:104" x14ac:dyDescent="0.2">
      <c r="A632" s="170" t="s">
        <v>163</v>
      </c>
    </row>
    <row r="633" spans="1:104" x14ac:dyDescent="0.2">
      <c r="A633" s="167" t="s">
        <v>164</v>
      </c>
      <c r="B633" s="166">
        <v>0</v>
      </c>
      <c r="C633" s="166">
        <v>0</v>
      </c>
      <c r="D633" s="166">
        <v>0</v>
      </c>
      <c r="E633" s="166">
        <v>0</v>
      </c>
      <c r="F633" s="166">
        <v>0</v>
      </c>
      <c r="G633" s="166">
        <v>0</v>
      </c>
      <c r="H633" s="166">
        <v>0</v>
      </c>
      <c r="I633" s="166">
        <v>0</v>
      </c>
      <c r="J633" s="166">
        <v>0</v>
      </c>
      <c r="K633" s="166">
        <v>0</v>
      </c>
      <c r="L633" s="166">
        <v>0</v>
      </c>
      <c r="M633" s="166">
        <v>0</v>
      </c>
      <c r="N633" s="166">
        <v>0</v>
      </c>
      <c r="O633" s="166">
        <v>0</v>
      </c>
      <c r="P633" s="166">
        <v>0</v>
      </c>
      <c r="Q633" s="166">
        <v>0</v>
      </c>
      <c r="R633" s="166">
        <v>0</v>
      </c>
      <c r="S633" s="166">
        <v>0</v>
      </c>
      <c r="T633" s="166">
        <v>0</v>
      </c>
      <c r="U633" s="166">
        <v>0</v>
      </c>
      <c r="V633" s="166">
        <v>0</v>
      </c>
      <c r="W633" s="166">
        <v>0</v>
      </c>
      <c r="X633" s="166">
        <v>0</v>
      </c>
      <c r="Y633" s="166">
        <v>0</v>
      </c>
      <c r="Z633" s="166">
        <v>0</v>
      </c>
      <c r="AA633" s="166">
        <v>0</v>
      </c>
      <c r="AB633" s="166">
        <v>0</v>
      </c>
      <c r="AC633" s="166">
        <v>0</v>
      </c>
      <c r="AD633" s="166">
        <v>0</v>
      </c>
      <c r="AE633" s="166">
        <v>0</v>
      </c>
      <c r="AF633" s="166">
        <v>0</v>
      </c>
      <c r="AG633" s="166">
        <v>0</v>
      </c>
      <c r="AH633" s="166">
        <v>0</v>
      </c>
      <c r="AI633" s="166">
        <v>0</v>
      </c>
      <c r="AJ633" s="166">
        <v>0</v>
      </c>
      <c r="AK633" s="166">
        <v>0</v>
      </c>
      <c r="AL633" s="166">
        <v>0</v>
      </c>
      <c r="AM633" s="166">
        <v>0</v>
      </c>
      <c r="AN633" s="166">
        <v>0</v>
      </c>
      <c r="AO633" s="166">
        <v>0</v>
      </c>
      <c r="AP633" s="166">
        <v>0</v>
      </c>
      <c r="AQ633" s="166">
        <v>0</v>
      </c>
      <c r="AR633" s="166">
        <v>0</v>
      </c>
      <c r="AS633" s="166">
        <v>0</v>
      </c>
      <c r="AT633" s="166">
        <v>0</v>
      </c>
      <c r="AU633" s="166">
        <v>0</v>
      </c>
      <c r="AV633" s="166">
        <v>0</v>
      </c>
      <c r="AW633" s="166">
        <v>0</v>
      </c>
      <c r="AX633" s="166">
        <v>0</v>
      </c>
      <c r="AY633" s="166">
        <v>0</v>
      </c>
      <c r="AZ633" s="166">
        <v>0</v>
      </c>
      <c r="BA633" s="166">
        <v>0</v>
      </c>
      <c r="BB633" s="166">
        <v>0</v>
      </c>
      <c r="BC633" s="166">
        <v>0</v>
      </c>
      <c r="BD633" s="166">
        <v>0</v>
      </c>
      <c r="BE633" s="166">
        <v>0</v>
      </c>
      <c r="BF633" s="166">
        <v>0</v>
      </c>
      <c r="BG633" s="166">
        <v>0</v>
      </c>
      <c r="BH633" s="166">
        <v>0</v>
      </c>
      <c r="BI633" s="166">
        <v>0</v>
      </c>
      <c r="BJ633" s="166">
        <v>0</v>
      </c>
      <c r="BK633" s="166">
        <v>0</v>
      </c>
      <c r="BL633" s="166">
        <v>0</v>
      </c>
      <c r="BM633" s="166">
        <v>0</v>
      </c>
      <c r="BN633" s="166">
        <v>0</v>
      </c>
      <c r="BO633" s="166">
        <v>0</v>
      </c>
      <c r="BP633" s="166">
        <v>0</v>
      </c>
      <c r="BQ633" s="166">
        <v>0</v>
      </c>
      <c r="BR633" s="166">
        <v>0</v>
      </c>
      <c r="BS633" s="166">
        <v>0</v>
      </c>
      <c r="BT633" s="168">
        <v>0.98855217689263197</v>
      </c>
      <c r="BU633" s="166">
        <v>0</v>
      </c>
      <c r="BV633" s="166">
        <v>0</v>
      </c>
      <c r="BW633" s="166">
        <v>0</v>
      </c>
      <c r="BX633" s="166">
        <v>0</v>
      </c>
      <c r="BY633" s="166">
        <v>0</v>
      </c>
      <c r="BZ633" s="166">
        <v>0</v>
      </c>
      <c r="CA633" s="166">
        <v>0</v>
      </c>
      <c r="CB633" s="166">
        <v>0</v>
      </c>
      <c r="CC633" s="166">
        <v>0</v>
      </c>
      <c r="CD633" s="166">
        <v>0</v>
      </c>
      <c r="CE633" s="166">
        <v>0</v>
      </c>
      <c r="CF633" s="166">
        <v>0</v>
      </c>
      <c r="CG633" s="166">
        <v>0</v>
      </c>
      <c r="CH633" s="166">
        <v>0</v>
      </c>
      <c r="CI633" s="166">
        <v>0</v>
      </c>
      <c r="CJ633" s="166">
        <v>0</v>
      </c>
      <c r="CK633" s="166">
        <v>0</v>
      </c>
      <c r="CL633" s="166">
        <v>0</v>
      </c>
      <c r="CM633" s="166">
        <v>0</v>
      </c>
      <c r="CN633" s="166">
        <v>0</v>
      </c>
      <c r="CO633" s="166">
        <v>0</v>
      </c>
      <c r="CP633" s="166">
        <v>0</v>
      </c>
      <c r="CQ633" s="166">
        <v>0</v>
      </c>
      <c r="CR633" s="166">
        <v>0</v>
      </c>
      <c r="CS633" s="166">
        <v>0</v>
      </c>
      <c r="CT633" s="166">
        <v>0</v>
      </c>
      <c r="CU633" s="166">
        <v>0</v>
      </c>
      <c r="CV633" s="166">
        <v>0</v>
      </c>
      <c r="CW633" s="166">
        <v>0</v>
      </c>
      <c r="CX633" s="166">
        <v>0</v>
      </c>
      <c r="CY633" s="166">
        <v>0</v>
      </c>
      <c r="CZ633" s="166">
        <v>0</v>
      </c>
    </row>
    <row r="634" spans="1:104" x14ac:dyDescent="0.2">
      <c r="A634" s="167" t="s">
        <v>165</v>
      </c>
    </row>
    <row r="635" spans="1:104" x14ac:dyDescent="0.2">
      <c r="A635" s="167" t="s">
        <v>1058</v>
      </c>
      <c r="B635" s="166">
        <v>5281966.6190226004</v>
      </c>
      <c r="C635" s="166">
        <v>5281966.6190226004</v>
      </c>
      <c r="D635" s="166">
        <v>0</v>
      </c>
      <c r="E635" s="166">
        <v>0</v>
      </c>
      <c r="F635" s="166">
        <v>0</v>
      </c>
      <c r="G635" s="166">
        <v>0</v>
      </c>
      <c r="H635" s="166">
        <v>0</v>
      </c>
      <c r="I635" s="166">
        <v>0</v>
      </c>
      <c r="J635" s="166">
        <v>0</v>
      </c>
      <c r="K635" s="166">
        <v>0</v>
      </c>
      <c r="L635" s="166">
        <v>0</v>
      </c>
      <c r="M635" s="166">
        <v>0</v>
      </c>
      <c r="N635" s="166">
        <v>0</v>
      </c>
      <c r="O635" s="166">
        <v>0</v>
      </c>
      <c r="P635" s="166">
        <v>0</v>
      </c>
      <c r="Q635" s="166">
        <v>0</v>
      </c>
      <c r="R635" s="166">
        <v>0</v>
      </c>
      <c r="S635" s="166">
        <v>0</v>
      </c>
      <c r="T635" s="166">
        <v>0</v>
      </c>
      <c r="U635" s="166">
        <v>0</v>
      </c>
      <c r="V635" s="166">
        <v>0</v>
      </c>
      <c r="W635" s="166">
        <v>0</v>
      </c>
      <c r="X635" s="166">
        <v>0</v>
      </c>
      <c r="Y635" s="166">
        <v>0</v>
      </c>
      <c r="Z635" s="166">
        <v>0</v>
      </c>
      <c r="AA635" s="166">
        <v>0</v>
      </c>
      <c r="AB635" s="166">
        <v>0</v>
      </c>
      <c r="AC635" s="166">
        <v>0</v>
      </c>
      <c r="AD635" s="166">
        <v>0</v>
      </c>
      <c r="AE635" s="166">
        <v>0</v>
      </c>
      <c r="AF635" s="166">
        <v>0</v>
      </c>
      <c r="AG635" s="166">
        <v>0</v>
      </c>
      <c r="AH635" s="166">
        <v>0</v>
      </c>
      <c r="AI635" s="166">
        <v>0</v>
      </c>
      <c r="AJ635" s="166">
        <v>0</v>
      </c>
      <c r="AK635" s="166">
        <v>0</v>
      </c>
      <c r="AL635" s="166">
        <v>0</v>
      </c>
      <c r="AM635" s="166">
        <v>0</v>
      </c>
      <c r="AN635" s="166">
        <v>0</v>
      </c>
      <c r="AO635" s="166">
        <v>0</v>
      </c>
      <c r="AP635" s="166">
        <v>0</v>
      </c>
      <c r="AQ635" s="166">
        <v>0</v>
      </c>
      <c r="AR635" s="166">
        <v>0</v>
      </c>
      <c r="AS635" s="166">
        <v>0</v>
      </c>
      <c r="AT635" s="166">
        <v>0</v>
      </c>
      <c r="AU635" s="166">
        <v>0</v>
      </c>
      <c r="AV635" s="166">
        <v>0</v>
      </c>
      <c r="AW635" s="166">
        <v>0</v>
      </c>
      <c r="AX635" s="166">
        <v>0</v>
      </c>
      <c r="AY635" s="166">
        <v>0</v>
      </c>
      <c r="AZ635" s="166">
        <v>0</v>
      </c>
      <c r="BA635" s="166">
        <v>0</v>
      </c>
      <c r="BB635" s="166">
        <v>0</v>
      </c>
      <c r="BC635" s="166">
        <v>0</v>
      </c>
      <c r="BD635" s="166">
        <v>0</v>
      </c>
      <c r="BE635" s="166">
        <v>0</v>
      </c>
      <c r="BF635" s="166">
        <v>0</v>
      </c>
      <c r="BG635" s="166">
        <v>0</v>
      </c>
      <c r="BH635" s="166">
        <v>0</v>
      </c>
      <c r="BI635" s="166">
        <v>0</v>
      </c>
      <c r="BJ635" s="166">
        <v>0</v>
      </c>
      <c r="BK635" s="166">
        <v>0</v>
      </c>
      <c r="BL635" s="166">
        <v>0</v>
      </c>
      <c r="BM635" s="166">
        <v>0</v>
      </c>
      <c r="BN635" s="166">
        <v>0</v>
      </c>
      <c r="BO635" s="166">
        <v>0</v>
      </c>
      <c r="BP635" s="166">
        <v>0</v>
      </c>
      <c r="BQ635" s="166">
        <v>0</v>
      </c>
      <c r="BR635" s="166">
        <v>5281966.6190226004</v>
      </c>
      <c r="BS635" s="166">
        <v>5281966.6190226004</v>
      </c>
      <c r="BT635" s="168">
        <v>0.97402999999999995</v>
      </c>
      <c r="BU635" s="166">
        <v>558507.52889087005</v>
      </c>
      <c r="BV635" s="166">
        <v>5144793.9459265899</v>
      </c>
      <c r="BW635" s="166">
        <v>0</v>
      </c>
      <c r="BX635" s="166">
        <v>0</v>
      </c>
      <c r="BY635" s="166">
        <v>0</v>
      </c>
      <c r="BZ635" s="166">
        <v>0</v>
      </c>
      <c r="CA635" s="166">
        <v>0</v>
      </c>
      <c r="CB635" s="166">
        <v>0</v>
      </c>
      <c r="CC635" s="166">
        <v>0</v>
      </c>
      <c r="CD635" s="166">
        <v>0</v>
      </c>
      <c r="CE635" s="166">
        <v>0</v>
      </c>
      <c r="CF635" s="166">
        <v>0</v>
      </c>
      <c r="CG635" s="166">
        <v>0</v>
      </c>
      <c r="CH635" s="166">
        <v>0</v>
      </c>
      <c r="CI635" s="166">
        <v>0</v>
      </c>
      <c r="CJ635" s="166">
        <v>0</v>
      </c>
      <c r="CK635" s="166">
        <v>0</v>
      </c>
      <c r="CL635" s="166">
        <v>0</v>
      </c>
      <c r="CM635" s="166">
        <v>0</v>
      </c>
      <c r="CN635" s="166">
        <v>0</v>
      </c>
      <c r="CO635" s="166">
        <v>0</v>
      </c>
      <c r="CP635" s="166">
        <v>0</v>
      </c>
      <c r="CQ635" s="166">
        <v>0</v>
      </c>
      <c r="CR635" s="166">
        <v>0</v>
      </c>
      <c r="CS635" s="166">
        <v>0</v>
      </c>
      <c r="CT635" s="166">
        <v>0</v>
      </c>
      <c r="CU635" s="166">
        <v>0</v>
      </c>
      <c r="CV635" s="166">
        <v>0</v>
      </c>
      <c r="CW635" s="166">
        <v>0</v>
      </c>
      <c r="CX635" s="166">
        <v>0</v>
      </c>
      <c r="CY635" s="166">
        <v>5144793.9459265899</v>
      </c>
      <c r="CZ635" s="166">
        <v>5144793.9459265899</v>
      </c>
    </row>
    <row r="636" spans="1:104" x14ac:dyDescent="0.2">
      <c r="A636" s="167" t="s">
        <v>1059</v>
      </c>
      <c r="B636" s="166">
        <v>447480.95959395502</v>
      </c>
      <c r="C636" s="166">
        <v>447480.95959395502</v>
      </c>
      <c r="D636" s="166">
        <v>0</v>
      </c>
      <c r="E636" s="166">
        <v>0</v>
      </c>
      <c r="F636" s="166">
        <v>0</v>
      </c>
      <c r="G636" s="166">
        <v>0</v>
      </c>
      <c r="H636" s="166">
        <v>0</v>
      </c>
      <c r="I636" s="166">
        <v>0</v>
      </c>
      <c r="J636" s="166">
        <v>0</v>
      </c>
      <c r="K636" s="166">
        <v>0</v>
      </c>
      <c r="L636" s="166">
        <v>0</v>
      </c>
      <c r="M636" s="166">
        <v>0</v>
      </c>
      <c r="N636" s="166">
        <v>0</v>
      </c>
      <c r="O636" s="166">
        <v>0</v>
      </c>
      <c r="P636" s="166">
        <v>0</v>
      </c>
      <c r="Q636" s="166">
        <v>0</v>
      </c>
      <c r="R636" s="166">
        <v>0</v>
      </c>
      <c r="S636" s="166">
        <v>0</v>
      </c>
      <c r="T636" s="166">
        <v>0</v>
      </c>
      <c r="U636" s="166">
        <v>0</v>
      </c>
      <c r="V636" s="166">
        <v>0</v>
      </c>
      <c r="W636" s="166">
        <v>0</v>
      </c>
      <c r="X636" s="166">
        <v>0</v>
      </c>
      <c r="Y636" s="166">
        <v>0</v>
      </c>
      <c r="Z636" s="166">
        <v>0</v>
      </c>
      <c r="AA636" s="166">
        <v>0</v>
      </c>
      <c r="AB636" s="166">
        <v>0</v>
      </c>
      <c r="AC636" s="166">
        <v>0</v>
      </c>
      <c r="AD636" s="166">
        <v>0</v>
      </c>
      <c r="AE636" s="166">
        <v>0</v>
      </c>
      <c r="AF636" s="166">
        <v>0</v>
      </c>
      <c r="AG636" s="166">
        <v>0</v>
      </c>
      <c r="AH636" s="166">
        <v>0</v>
      </c>
      <c r="AI636" s="166">
        <v>0</v>
      </c>
      <c r="AJ636" s="166">
        <v>0</v>
      </c>
      <c r="AK636" s="166">
        <v>0</v>
      </c>
      <c r="AL636" s="166">
        <v>0</v>
      </c>
      <c r="AM636" s="166">
        <v>0</v>
      </c>
      <c r="AN636" s="166">
        <v>0</v>
      </c>
      <c r="AO636" s="166">
        <v>0</v>
      </c>
      <c r="AP636" s="166">
        <v>0</v>
      </c>
      <c r="AQ636" s="166">
        <v>0</v>
      </c>
      <c r="AR636" s="166">
        <v>0</v>
      </c>
      <c r="AS636" s="166">
        <v>0</v>
      </c>
      <c r="AT636" s="166">
        <v>0</v>
      </c>
      <c r="AU636" s="166">
        <v>0</v>
      </c>
      <c r="AV636" s="166">
        <v>0</v>
      </c>
      <c r="AW636" s="166">
        <v>0</v>
      </c>
      <c r="AX636" s="166">
        <v>0</v>
      </c>
      <c r="AY636" s="166">
        <v>0</v>
      </c>
      <c r="AZ636" s="166">
        <v>0</v>
      </c>
      <c r="BA636" s="166">
        <v>0</v>
      </c>
      <c r="BB636" s="166">
        <v>0</v>
      </c>
      <c r="BC636" s="166">
        <v>0</v>
      </c>
      <c r="BD636" s="166">
        <v>0</v>
      </c>
      <c r="BE636" s="166">
        <v>0</v>
      </c>
      <c r="BF636" s="166">
        <v>0</v>
      </c>
      <c r="BG636" s="166">
        <v>0</v>
      </c>
      <c r="BH636" s="166">
        <v>0</v>
      </c>
      <c r="BI636" s="166">
        <v>0</v>
      </c>
      <c r="BJ636" s="166">
        <v>0</v>
      </c>
      <c r="BK636" s="166">
        <v>0</v>
      </c>
      <c r="BL636" s="166">
        <v>0</v>
      </c>
      <c r="BM636" s="166">
        <v>0</v>
      </c>
      <c r="BN636" s="166">
        <v>0</v>
      </c>
      <c r="BO636" s="166">
        <v>0</v>
      </c>
      <c r="BP636" s="166">
        <v>0</v>
      </c>
      <c r="BQ636" s="166">
        <v>0</v>
      </c>
      <c r="BR636" s="166">
        <v>447480.95959395502</v>
      </c>
      <c r="BS636" s="166">
        <v>447480.95959395502</v>
      </c>
      <c r="BT636" s="168">
        <v>0.92637230841245999</v>
      </c>
      <c r="BU636" s="166">
        <v>45365.832315345797</v>
      </c>
      <c r="BV636" s="166">
        <v>414533.96950967598</v>
      </c>
      <c r="BW636" s="166">
        <v>0</v>
      </c>
      <c r="BX636" s="166">
        <v>0</v>
      </c>
      <c r="BY636" s="166">
        <v>0</v>
      </c>
      <c r="BZ636" s="166">
        <v>0</v>
      </c>
      <c r="CA636" s="166">
        <v>0</v>
      </c>
      <c r="CB636" s="166">
        <v>0</v>
      </c>
      <c r="CC636" s="166">
        <v>0</v>
      </c>
      <c r="CD636" s="166">
        <v>0</v>
      </c>
      <c r="CE636" s="166">
        <v>0</v>
      </c>
      <c r="CF636" s="166">
        <v>0</v>
      </c>
      <c r="CG636" s="166">
        <v>0</v>
      </c>
      <c r="CH636" s="166">
        <v>0</v>
      </c>
      <c r="CI636" s="166">
        <v>0</v>
      </c>
      <c r="CJ636" s="166">
        <v>0</v>
      </c>
      <c r="CK636" s="166">
        <v>0</v>
      </c>
      <c r="CL636" s="166">
        <v>0</v>
      </c>
      <c r="CM636" s="166">
        <v>0</v>
      </c>
      <c r="CN636" s="166">
        <v>0</v>
      </c>
      <c r="CO636" s="166">
        <v>0</v>
      </c>
      <c r="CP636" s="166">
        <v>0</v>
      </c>
      <c r="CQ636" s="166">
        <v>0</v>
      </c>
      <c r="CR636" s="166">
        <v>0</v>
      </c>
      <c r="CS636" s="166">
        <v>0</v>
      </c>
      <c r="CT636" s="166">
        <v>0</v>
      </c>
      <c r="CU636" s="166">
        <v>0</v>
      </c>
      <c r="CV636" s="166">
        <v>0</v>
      </c>
      <c r="CW636" s="166">
        <v>0</v>
      </c>
      <c r="CX636" s="166">
        <v>0</v>
      </c>
      <c r="CY636" s="166">
        <v>414533.96950967598</v>
      </c>
      <c r="CZ636" s="166">
        <v>414533.96950967598</v>
      </c>
    </row>
    <row r="637" spans="1:104" x14ac:dyDescent="0.2">
      <c r="A637" s="167" t="s">
        <v>1060</v>
      </c>
      <c r="B637" s="166">
        <v>488488.132423784</v>
      </c>
      <c r="C637" s="166">
        <v>488488.132423784</v>
      </c>
      <c r="D637" s="166">
        <v>0</v>
      </c>
      <c r="E637" s="166">
        <v>0</v>
      </c>
      <c r="F637" s="166">
        <v>0</v>
      </c>
      <c r="G637" s="166">
        <v>0</v>
      </c>
      <c r="H637" s="166">
        <v>0</v>
      </c>
      <c r="I637" s="166">
        <v>0</v>
      </c>
      <c r="J637" s="166">
        <v>0</v>
      </c>
      <c r="K637" s="166">
        <v>0</v>
      </c>
      <c r="L637" s="166">
        <v>0</v>
      </c>
      <c r="M637" s="166">
        <v>0</v>
      </c>
      <c r="N637" s="166">
        <v>0</v>
      </c>
      <c r="O637" s="166">
        <v>0</v>
      </c>
      <c r="P637" s="166">
        <v>0</v>
      </c>
      <c r="Q637" s="166">
        <v>0</v>
      </c>
      <c r="R637" s="166">
        <v>0</v>
      </c>
      <c r="S637" s="166">
        <v>0</v>
      </c>
      <c r="T637" s="166">
        <v>0</v>
      </c>
      <c r="U637" s="166">
        <v>0</v>
      </c>
      <c r="V637" s="166">
        <v>0</v>
      </c>
      <c r="W637" s="166">
        <v>0</v>
      </c>
      <c r="X637" s="166">
        <v>0</v>
      </c>
      <c r="Y637" s="166">
        <v>0</v>
      </c>
      <c r="Z637" s="166">
        <v>0</v>
      </c>
      <c r="AA637" s="166">
        <v>0</v>
      </c>
      <c r="AB637" s="166">
        <v>0</v>
      </c>
      <c r="AC637" s="166">
        <v>0</v>
      </c>
      <c r="AD637" s="166">
        <v>0</v>
      </c>
      <c r="AE637" s="166">
        <v>0</v>
      </c>
      <c r="AF637" s="166">
        <v>0</v>
      </c>
      <c r="AG637" s="166">
        <v>0</v>
      </c>
      <c r="AH637" s="166">
        <v>0</v>
      </c>
      <c r="AI637" s="166">
        <v>0</v>
      </c>
      <c r="AJ637" s="166">
        <v>0</v>
      </c>
      <c r="AK637" s="166">
        <v>0</v>
      </c>
      <c r="AL637" s="166">
        <v>0</v>
      </c>
      <c r="AM637" s="166">
        <v>0</v>
      </c>
      <c r="AN637" s="166">
        <v>0</v>
      </c>
      <c r="AO637" s="166">
        <v>0</v>
      </c>
      <c r="AP637" s="166">
        <v>0</v>
      </c>
      <c r="AQ637" s="166">
        <v>0</v>
      </c>
      <c r="AR637" s="166">
        <v>0</v>
      </c>
      <c r="AS637" s="166">
        <v>0</v>
      </c>
      <c r="AT637" s="166">
        <v>0</v>
      </c>
      <c r="AU637" s="166">
        <v>0</v>
      </c>
      <c r="AV637" s="166">
        <v>0</v>
      </c>
      <c r="AW637" s="166">
        <v>0</v>
      </c>
      <c r="AX637" s="166">
        <v>0</v>
      </c>
      <c r="AY637" s="166">
        <v>0</v>
      </c>
      <c r="AZ637" s="166">
        <v>0</v>
      </c>
      <c r="BA637" s="166">
        <v>0</v>
      </c>
      <c r="BB637" s="166">
        <v>0</v>
      </c>
      <c r="BC637" s="166">
        <v>0</v>
      </c>
      <c r="BD637" s="166">
        <v>0</v>
      </c>
      <c r="BE637" s="166">
        <v>0</v>
      </c>
      <c r="BF637" s="166">
        <v>0</v>
      </c>
      <c r="BG637" s="166">
        <v>0</v>
      </c>
      <c r="BH637" s="166">
        <v>0</v>
      </c>
      <c r="BI637" s="166">
        <v>0</v>
      </c>
      <c r="BJ637" s="166">
        <v>0</v>
      </c>
      <c r="BK637" s="166">
        <v>0</v>
      </c>
      <c r="BL637" s="166">
        <v>0</v>
      </c>
      <c r="BM637" s="166">
        <v>0</v>
      </c>
      <c r="BN637" s="166">
        <v>0</v>
      </c>
      <c r="BO637" s="166">
        <v>0</v>
      </c>
      <c r="BP637" s="166">
        <v>0</v>
      </c>
      <c r="BQ637" s="166">
        <v>0</v>
      </c>
      <c r="BR637" s="166">
        <v>488488.132423784</v>
      </c>
      <c r="BS637" s="166">
        <v>488488.132423784</v>
      </c>
      <c r="BT637" s="168">
        <v>0.95109934560116105</v>
      </c>
      <c r="BU637" s="166">
        <v>50456.021627755297</v>
      </c>
      <c r="BV637" s="166">
        <v>464600.74308219401</v>
      </c>
      <c r="BW637" s="166">
        <v>0</v>
      </c>
      <c r="BX637" s="166">
        <v>0</v>
      </c>
      <c r="BY637" s="166">
        <v>0</v>
      </c>
      <c r="BZ637" s="166">
        <v>0</v>
      </c>
      <c r="CA637" s="166">
        <v>0</v>
      </c>
      <c r="CB637" s="166">
        <v>0</v>
      </c>
      <c r="CC637" s="166">
        <v>0</v>
      </c>
      <c r="CD637" s="166">
        <v>0</v>
      </c>
      <c r="CE637" s="166">
        <v>0</v>
      </c>
      <c r="CF637" s="166">
        <v>0</v>
      </c>
      <c r="CG637" s="166">
        <v>0</v>
      </c>
      <c r="CH637" s="166">
        <v>0</v>
      </c>
      <c r="CI637" s="166">
        <v>0</v>
      </c>
      <c r="CJ637" s="166">
        <v>0</v>
      </c>
      <c r="CK637" s="166">
        <v>0</v>
      </c>
      <c r="CL637" s="166">
        <v>0</v>
      </c>
      <c r="CM637" s="166">
        <v>0</v>
      </c>
      <c r="CN637" s="166">
        <v>0</v>
      </c>
      <c r="CO637" s="166">
        <v>0</v>
      </c>
      <c r="CP637" s="166">
        <v>0</v>
      </c>
      <c r="CQ637" s="166">
        <v>0</v>
      </c>
      <c r="CR637" s="166">
        <v>0</v>
      </c>
      <c r="CS637" s="166">
        <v>0</v>
      </c>
      <c r="CT637" s="166">
        <v>0</v>
      </c>
      <c r="CU637" s="166">
        <v>0</v>
      </c>
      <c r="CV637" s="166">
        <v>0</v>
      </c>
      <c r="CW637" s="166">
        <v>0</v>
      </c>
      <c r="CX637" s="166">
        <v>0</v>
      </c>
      <c r="CY637" s="166">
        <v>464600.74308219401</v>
      </c>
      <c r="CZ637" s="166">
        <v>464600.74308219401</v>
      </c>
    </row>
    <row r="638" spans="1:104" x14ac:dyDescent="0.2">
      <c r="A638" s="167" t="s">
        <v>169</v>
      </c>
      <c r="B638" s="166">
        <v>1301148.4039606401</v>
      </c>
      <c r="C638" s="166">
        <v>1301148.4039606401</v>
      </c>
      <c r="D638" s="166">
        <v>0</v>
      </c>
      <c r="E638" s="166">
        <v>0</v>
      </c>
      <c r="F638" s="166">
        <v>0</v>
      </c>
      <c r="G638" s="166">
        <v>0</v>
      </c>
      <c r="H638" s="166">
        <v>0</v>
      </c>
      <c r="I638" s="166">
        <v>0</v>
      </c>
      <c r="J638" s="166">
        <v>0</v>
      </c>
      <c r="K638" s="166">
        <v>0</v>
      </c>
      <c r="L638" s="166">
        <v>0</v>
      </c>
      <c r="M638" s="166">
        <v>0</v>
      </c>
      <c r="N638" s="166">
        <v>0</v>
      </c>
      <c r="O638" s="166">
        <v>0</v>
      </c>
      <c r="P638" s="166">
        <v>0</v>
      </c>
      <c r="Q638" s="166">
        <v>0</v>
      </c>
      <c r="R638" s="166">
        <v>0</v>
      </c>
      <c r="S638" s="166">
        <v>0</v>
      </c>
      <c r="T638" s="166">
        <v>0</v>
      </c>
      <c r="U638" s="166">
        <v>0</v>
      </c>
      <c r="V638" s="166">
        <v>0</v>
      </c>
      <c r="W638" s="166">
        <v>0</v>
      </c>
      <c r="X638" s="166">
        <v>0</v>
      </c>
      <c r="Y638" s="166">
        <v>0</v>
      </c>
      <c r="Z638" s="166">
        <v>0</v>
      </c>
      <c r="AA638" s="166">
        <v>0</v>
      </c>
      <c r="AB638" s="166">
        <v>0</v>
      </c>
      <c r="AC638" s="166">
        <v>0</v>
      </c>
      <c r="AD638" s="166">
        <v>0</v>
      </c>
      <c r="AE638" s="166">
        <v>0</v>
      </c>
      <c r="AF638" s="166">
        <v>0</v>
      </c>
      <c r="AG638" s="166">
        <v>0</v>
      </c>
      <c r="AH638" s="166">
        <v>0</v>
      </c>
      <c r="AI638" s="166">
        <v>0</v>
      </c>
      <c r="AJ638" s="166">
        <v>0</v>
      </c>
      <c r="AK638" s="166">
        <v>0</v>
      </c>
      <c r="AL638" s="166">
        <v>0</v>
      </c>
      <c r="AM638" s="166">
        <v>0</v>
      </c>
      <c r="AN638" s="166">
        <v>0</v>
      </c>
      <c r="AO638" s="166">
        <v>0</v>
      </c>
      <c r="AP638" s="166">
        <v>0</v>
      </c>
      <c r="AQ638" s="166">
        <v>0</v>
      </c>
      <c r="AR638" s="166">
        <v>0</v>
      </c>
      <c r="AS638" s="166">
        <v>0</v>
      </c>
      <c r="AT638" s="166">
        <v>0</v>
      </c>
      <c r="AU638" s="166">
        <v>0</v>
      </c>
      <c r="AV638" s="166">
        <v>0</v>
      </c>
      <c r="AW638" s="166">
        <v>0</v>
      </c>
      <c r="AX638" s="166">
        <v>0</v>
      </c>
      <c r="AY638" s="166">
        <v>0</v>
      </c>
      <c r="AZ638" s="166">
        <v>0</v>
      </c>
      <c r="BA638" s="166">
        <v>0</v>
      </c>
      <c r="BB638" s="166">
        <v>0</v>
      </c>
      <c r="BC638" s="166">
        <v>0</v>
      </c>
      <c r="BD638" s="166">
        <v>0</v>
      </c>
      <c r="BE638" s="166">
        <v>0</v>
      </c>
      <c r="BF638" s="166">
        <v>0</v>
      </c>
      <c r="BG638" s="166">
        <v>0</v>
      </c>
      <c r="BH638" s="166">
        <v>0</v>
      </c>
      <c r="BI638" s="166">
        <v>0</v>
      </c>
      <c r="BJ638" s="166">
        <v>0</v>
      </c>
      <c r="BK638" s="166">
        <v>0</v>
      </c>
      <c r="BL638" s="166">
        <v>0</v>
      </c>
      <c r="BM638" s="166">
        <v>0</v>
      </c>
      <c r="BN638" s="166">
        <v>0</v>
      </c>
      <c r="BO638" s="166">
        <v>0</v>
      </c>
      <c r="BP638" s="166">
        <v>0</v>
      </c>
      <c r="BQ638" s="166">
        <v>0</v>
      </c>
      <c r="BR638" s="166">
        <v>1301148.4039606401</v>
      </c>
      <c r="BS638" s="166">
        <v>1301148.4039606401</v>
      </c>
      <c r="BT638" s="168">
        <v>0.97403133392564201</v>
      </c>
      <c r="BU638" s="166">
        <v>143537.273484089</v>
      </c>
      <c r="BV638" s="166">
        <v>1267359.3155450099</v>
      </c>
      <c r="BW638" s="166">
        <v>0</v>
      </c>
      <c r="BX638" s="166">
        <v>0</v>
      </c>
      <c r="BY638" s="166">
        <v>0</v>
      </c>
      <c r="BZ638" s="166">
        <v>0</v>
      </c>
      <c r="CA638" s="166">
        <v>0</v>
      </c>
      <c r="CB638" s="166">
        <v>0</v>
      </c>
      <c r="CC638" s="166">
        <v>0</v>
      </c>
      <c r="CD638" s="166">
        <v>0</v>
      </c>
      <c r="CE638" s="166">
        <v>0</v>
      </c>
      <c r="CF638" s="166">
        <v>0</v>
      </c>
      <c r="CG638" s="166">
        <v>0</v>
      </c>
      <c r="CH638" s="166">
        <v>0</v>
      </c>
      <c r="CI638" s="166">
        <v>0</v>
      </c>
      <c r="CJ638" s="166">
        <v>0</v>
      </c>
      <c r="CK638" s="166">
        <v>0</v>
      </c>
      <c r="CL638" s="166">
        <v>0</v>
      </c>
      <c r="CM638" s="166">
        <v>0</v>
      </c>
      <c r="CN638" s="166">
        <v>0</v>
      </c>
      <c r="CO638" s="166">
        <v>0</v>
      </c>
      <c r="CP638" s="166">
        <v>0</v>
      </c>
      <c r="CQ638" s="166">
        <v>0</v>
      </c>
      <c r="CR638" s="166">
        <v>0</v>
      </c>
      <c r="CS638" s="166">
        <v>0</v>
      </c>
      <c r="CT638" s="166">
        <v>0</v>
      </c>
      <c r="CU638" s="166">
        <v>0</v>
      </c>
      <c r="CV638" s="166">
        <v>0</v>
      </c>
      <c r="CW638" s="166">
        <v>0</v>
      </c>
      <c r="CX638" s="166">
        <v>0</v>
      </c>
      <c r="CY638" s="166">
        <v>1267359.3155450099</v>
      </c>
      <c r="CZ638" s="166">
        <v>1267359.3155450099</v>
      </c>
    </row>
    <row r="639" spans="1:104" x14ac:dyDescent="0.2">
      <c r="A639" s="170" t="s">
        <v>170</v>
      </c>
      <c r="B639" s="166">
        <v>7519084.1150010005</v>
      </c>
      <c r="C639" s="166">
        <v>7519084.1150010005</v>
      </c>
      <c r="D639" s="166">
        <v>0</v>
      </c>
      <c r="E639" s="166">
        <v>0</v>
      </c>
      <c r="F639" s="166">
        <v>0</v>
      </c>
      <c r="G639" s="166">
        <v>0</v>
      </c>
      <c r="H639" s="166">
        <v>0</v>
      </c>
      <c r="I639" s="166">
        <v>0</v>
      </c>
      <c r="J639" s="166">
        <v>0</v>
      </c>
      <c r="K639" s="166">
        <v>0</v>
      </c>
      <c r="L639" s="166">
        <v>0</v>
      </c>
      <c r="M639" s="166">
        <v>0</v>
      </c>
      <c r="N639" s="166">
        <v>0</v>
      </c>
      <c r="O639" s="166">
        <v>0</v>
      </c>
      <c r="P639" s="166">
        <v>0</v>
      </c>
      <c r="Q639" s="166">
        <v>0</v>
      </c>
      <c r="R639" s="166">
        <v>0</v>
      </c>
      <c r="S639" s="166">
        <v>0</v>
      </c>
      <c r="T639" s="166">
        <v>0</v>
      </c>
      <c r="U639" s="166">
        <v>0</v>
      </c>
      <c r="V639" s="166">
        <v>0</v>
      </c>
      <c r="W639" s="166">
        <v>0</v>
      </c>
      <c r="X639" s="166">
        <v>0</v>
      </c>
      <c r="Y639" s="166">
        <v>0</v>
      </c>
      <c r="Z639" s="166">
        <v>0</v>
      </c>
      <c r="AA639" s="166">
        <v>0</v>
      </c>
      <c r="AB639" s="166">
        <v>0</v>
      </c>
      <c r="AC639" s="166">
        <v>0</v>
      </c>
      <c r="AD639" s="166">
        <v>0</v>
      </c>
      <c r="AE639" s="166">
        <v>0</v>
      </c>
      <c r="AF639" s="166">
        <v>0</v>
      </c>
      <c r="AG639" s="166">
        <v>0</v>
      </c>
      <c r="AH639" s="166">
        <v>0</v>
      </c>
      <c r="AI639" s="166">
        <v>0</v>
      </c>
      <c r="AJ639" s="166">
        <v>0</v>
      </c>
      <c r="AK639" s="166">
        <v>0</v>
      </c>
      <c r="AL639" s="166">
        <v>0</v>
      </c>
      <c r="AM639" s="166">
        <v>0</v>
      </c>
      <c r="AN639" s="166">
        <v>0</v>
      </c>
      <c r="AO639" s="166">
        <v>0</v>
      </c>
      <c r="AP639" s="166">
        <v>0</v>
      </c>
      <c r="AQ639" s="166">
        <v>0</v>
      </c>
      <c r="AR639" s="166">
        <v>0</v>
      </c>
      <c r="AS639" s="166">
        <v>0</v>
      </c>
      <c r="AT639" s="166">
        <v>0</v>
      </c>
      <c r="AU639" s="166">
        <v>0</v>
      </c>
      <c r="AV639" s="166">
        <v>0</v>
      </c>
      <c r="AW639" s="166">
        <v>0</v>
      </c>
      <c r="AX639" s="166">
        <v>0</v>
      </c>
      <c r="AY639" s="166">
        <v>0</v>
      </c>
      <c r="AZ639" s="166">
        <v>0</v>
      </c>
      <c r="BA639" s="166">
        <v>0</v>
      </c>
      <c r="BB639" s="166">
        <v>0</v>
      </c>
      <c r="BC639" s="166">
        <v>0</v>
      </c>
      <c r="BD639" s="166">
        <v>0</v>
      </c>
      <c r="BE639" s="166">
        <v>0</v>
      </c>
      <c r="BF639" s="166">
        <v>0</v>
      </c>
      <c r="BG639" s="166">
        <v>0</v>
      </c>
      <c r="BH639" s="166">
        <v>0</v>
      </c>
      <c r="BI639" s="166">
        <v>0</v>
      </c>
      <c r="BJ639" s="166">
        <v>0</v>
      </c>
      <c r="BK639" s="166">
        <v>0</v>
      </c>
      <c r="BL639" s="166">
        <v>0</v>
      </c>
      <c r="BM639" s="166">
        <v>0</v>
      </c>
      <c r="BN639" s="166">
        <v>0</v>
      </c>
      <c r="BO639" s="166">
        <v>0</v>
      </c>
      <c r="BP639" s="166">
        <v>0</v>
      </c>
      <c r="BQ639" s="166">
        <v>0</v>
      </c>
      <c r="BR639" s="166">
        <v>7519084.1150010005</v>
      </c>
      <c r="BS639" s="166">
        <v>7519084.1150010005</v>
      </c>
      <c r="BT639" s="168">
        <v>0</v>
      </c>
      <c r="BU639" s="166">
        <v>797866.65631806105</v>
      </c>
      <c r="BV639" s="166">
        <v>7291287.97406347</v>
      </c>
      <c r="BW639" s="166">
        <v>0</v>
      </c>
      <c r="BX639" s="166">
        <v>0</v>
      </c>
      <c r="BY639" s="166">
        <v>0</v>
      </c>
      <c r="BZ639" s="166">
        <v>0</v>
      </c>
      <c r="CA639" s="166">
        <v>0</v>
      </c>
      <c r="CB639" s="166">
        <v>0</v>
      </c>
      <c r="CC639" s="166">
        <v>0</v>
      </c>
      <c r="CD639" s="166">
        <v>0</v>
      </c>
      <c r="CE639" s="166">
        <v>0</v>
      </c>
      <c r="CF639" s="166">
        <v>0</v>
      </c>
      <c r="CG639" s="166">
        <v>0</v>
      </c>
      <c r="CH639" s="166">
        <v>0</v>
      </c>
      <c r="CI639" s="166">
        <v>0</v>
      </c>
      <c r="CJ639" s="166">
        <v>0</v>
      </c>
      <c r="CK639" s="166">
        <v>0</v>
      </c>
      <c r="CL639" s="166">
        <v>0</v>
      </c>
      <c r="CM639" s="166">
        <v>0</v>
      </c>
      <c r="CN639" s="166">
        <v>0</v>
      </c>
      <c r="CO639" s="166">
        <v>0</v>
      </c>
      <c r="CP639" s="166">
        <v>0</v>
      </c>
      <c r="CQ639" s="166">
        <v>0</v>
      </c>
      <c r="CR639" s="166">
        <v>0</v>
      </c>
      <c r="CS639" s="166">
        <v>0</v>
      </c>
      <c r="CT639" s="166">
        <v>0</v>
      </c>
      <c r="CU639" s="166">
        <v>0</v>
      </c>
      <c r="CV639" s="166">
        <v>0</v>
      </c>
      <c r="CW639" s="166">
        <v>0</v>
      </c>
      <c r="CX639" s="166">
        <v>0</v>
      </c>
      <c r="CY639" s="166">
        <v>7291287.97406347</v>
      </c>
      <c r="CZ639" s="166">
        <v>7291287.97406347</v>
      </c>
    </row>
    <row r="640" spans="1:104" x14ac:dyDescent="0.2">
      <c r="A640" s="167" t="s">
        <v>1061</v>
      </c>
    </row>
    <row r="641" spans="1:104" x14ac:dyDescent="0.2">
      <c r="A641" s="170" t="s">
        <v>172</v>
      </c>
    </row>
    <row r="642" spans="1:104" x14ac:dyDescent="0.2">
      <c r="A642" s="167" t="s">
        <v>173</v>
      </c>
      <c r="B642" s="166">
        <v>0</v>
      </c>
      <c r="C642" s="166">
        <v>0</v>
      </c>
      <c r="D642" s="166">
        <v>0</v>
      </c>
      <c r="E642" s="166">
        <v>0</v>
      </c>
      <c r="F642" s="166">
        <v>0</v>
      </c>
      <c r="G642" s="166">
        <v>0</v>
      </c>
      <c r="H642" s="166">
        <v>0</v>
      </c>
      <c r="I642" s="166">
        <v>0</v>
      </c>
      <c r="J642" s="166">
        <v>0</v>
      </c>
      <c r="K642" s="166">
        <v>0</v>
      </c>
      <c r="L642" s="166">
        <v>0</v>
      </c>
      <c r="M642" s="166">
        <v>0</v>
      </c>
      <c r="N642" s="166">
        <v>0</v>
      </c>
      <c r="O642" s="166">
        <v>0</v>
      </c>
      <c r="P642" s="166">
        <v>0</v>
      </c>
      <c r="Q642" s="166">
        <v>0</v>
      </c>
      <c r="R642" s="166">
        <v>0</v>
      </c>
      <c r="S642" s="166">
        <v>0</v>
      </c>
      <c r="T642" s="166">
        <v>0</v>
      </c>
      <c r="U642" s="166">
        <v>0</v>
      </c>
      <c r="V642" s="166">
        <v>0</v>
      </c>
      <c r="W642" s="166">
        <v>0</v>
      </c>
      <c r="X642" s="166">
        <v>0</v>
      </c>
      <c r="Y642" s="166">
        <v>0</v>
      </c>
      <c r="Z642" s="166">
        <v>0</v>
      </c>
      <c r="AA642" s="166">
        <v>0</v>
      </c>
      <c r="AB642" s="166">
        <v>0</v>
      </c>
      <c r="AC642" s="166">
        <v>0</v>
      </c>
      <c r="AD642" s="166">
        <v>0</v>
      </c>
      <c r="AE642" s="166">
        <v>0</v>
      </c>
      <c r="AF642" s="166">
        <v>0</v>
      </c>
      <c r="AG642" s="166">
        <v>0</v>
      </c>
      <c r="AH642" s="166">
        <v>0</v>
      </c>
      <c r="AI642" s="166">
        <v>0</v>
      </c>
      <c r="AJ642" s="166">
        <v>0</v>
      </c>
      <c r="AK642" s="166">
        <v>0</v>
      </c>
      <c r="AL642" s="166">
        <v>0</v>
      </c>
      <c r="AM642" s="166">
        <v>0</v>
      </c>
      <c r="AN642" s="166">
        <v>0</v>
      </c>
      <c r="AO642" s="166">
        <v>0</v>
      </c>
      <c r="AP642" s="166">
        <v>0</v>
      </c>
      <c r="AQ642" s="166">
        <v>0</v>
      </c>
      <c r="AR642" s="166">
        <v>0</v>
      </c>
      <c r="AS642" s="166">
        <v>0</v>
      </c>
      <c r="AT642" s="166">
        <v>0</v>
      </c>
      <c r="AU642" s="166">
        <v>0</v>
      </c>
      <c r="AV642" s="166">
        <v>0</v>
      </c>
      <c r="AW642" s="166">
        <v>0</v>
      </c>
      <c r="AX642" s="166">
        <v>0</v>
      </c>
      <c r="AY642" s="166">
        <v>0</v>
      </c>
      <c r="AZ642" s="166">
        <v>0</v>
      </c>
      <c r="BA642" s="166">
        <v>0</v>
      </c>
      <c r="BB642" s="166">
        <v>0</v>
      </c>
      <c r="BC642" s="166">
        <v>0</v>
      </c>
      <c r="BD642" s="166">
        <v>0</v>
      </c>
      <c r="BE642" s="166">
        <v>0</v>
      </c>
      <c r="BF642" s="166">
        <v>0</v>
      </c>
      <c r="BG642" s="166">
        <v>0</v>
      </c>
      <c r="BH642" s="166">
        <v>0</v>
      </c>
      <c r="BI642" s="166">
        <v>0</v>
      </c>
      <c r="BJ642" s="166">
        <v>0</v>
      </c>
      <c r="BK642" s="166">
        <v>0</v>
      </c>
      <c r="BL642" s="166">
        <v>0</v>
      </c>
      <c r="BM642" s="166">
        <v>0</v>
      </c>
      <c r="BN642" s="166">
        <v>0</v>
      </c>
      <c r="BO642" s="166">
        <v>0</v>
      </c>
      <c r="BP642" s="166">
        <v>0</v>
      </c>
      <c r="BQ642" s="166">
        <v>0</v>
      </c>
      <c r="BR642" s="166">
        <v>0</v>
      </c>
      <c r="BS642" s="166">
        <v>0</v>
      </c>
      <c r="BT642" s="168">
        <v>0</v>
      </c>
      <c r="BU642" s="166">
        <v>0</v>
      </c>
      <c r="BV642" s="166">
        <v>0</v>
      </c>
      <c r="BW642" s="166">
        <v>0</v>
      </c>
      <c r="BX642" s="166">
        <v>0</v>
      </c>
      <c r="BY642" s="166">
        <v>0</v>
      </c>
      <c r="BZ642" s="166">
        <v>0</v>
      </c>
      <c r="CA642" s="166">
        <v>0</v>
      </c>
      <c r="CB642" s="166">
        <v>0</v>
      </c>
      <c r="CC642" s="166">
        <v>0</v>
      </c>
      <c r="CD642" s="166">
        <v>0</v>
      </c>
      <c r="CE642" s="166">
        <v>0</v>
      </c>
      <c r="CF642" s="166">
        <v>0</v>
      </c>
      <c r="CG642" s="166">
        <v>0</v>
      </c>
      <c r="CH642" s="166">
        <v>0</v>
      </c>
      <c r="CI642" s="166">
        <v>0</v>
      </c>
      <c r="CJ642" s="166">
        <v>0</v>
      </c>
      <c r="CK642" s="166">
        <v>0</v>
      </c>
      <c r="CL642" s="166">
        <v>0</v>
      </c>
      <c r="CM642" s="166">
        <v>0</v>
      </c>
      <c r="CN642" s="166">
        <v>0</v>
      </c>
      <c r="CO642" s="166">
        <v>0</v>
      </c>
      <c r="CP642" s="166">
        <v>0</v>
      </c>
      <c r="CQ642" s="166">
        <v>0</v>
      </c>
      <c r="CR642" s="166">
        <v>0</v>
      </c>
      <c r="CS642" s="166">
        <v>0</v>
      </c>
      <c r="CT642" s="166">
        <v>0</v>
      </c>
      <c r="CU642" s="166">
        <v>0</v>
      </c>
      <c r="CV642" s="166">
        <v>0</v>
      </c>
      <c r="CW642" s="166">
        <v>0</v>
      </c>
      <c r="CX642" s="166">
        <v>0</v>
      </c>
      <c r="CY642" s="166">
        <v>0</v>
      </c>
      <c r="CZ642" s="166">
        <v>0</v>
      </c>
    </row>
    <row r="643" spans="1:104" x14ac:dyDescent="0.2">
      <c r="A643" s="167" t="s">
        <v>174</v>
      </c>
    </row>
    <row r="644" spans="1:104" x14ac:dyDescent="0.2">
      <c r="A644" s="170" t="s">
        <v>175</v>
      </c>
    </row>
    <row r="645" spans="1:104" x14ac:dyDescent="0.2">
      <c r="A645" s="167" t="s">
        <v>1062</v>
      </c>
      <c r="B645" s="166">
        <v>759762.74</v>
      </c>
      <c r="C645" s="166">
        <v>759762.74</v>
      </c>
      <c r="D645" s="166">
        <v>0</v>
      </c>
      <c r="E645" s="166">
        <v>0</v>
      </c>
      <c r="F645" s="166">
        <v>0</v>
      </c>
      <c r="G645" s="166">
        <v>0</v>
      </c>
      <c r="H645" s="166">
        <v>0</v>
      </c>
      <c r="I645" s="166">
        <v>0</v>
      </c>
      <c r="J645" s="166">
        <v>0</v>
      </c>
      <c r="K645" s="166">
        <v>0</v>
      </c>
      <c r="L645" s="166">
        <v>0</v>
      </c>
      <c r="M645" s="166">
        <v>0</v>
      </c>
      <c r="N645" s="166">
        <v>0</v>
      </c>
      <c r="O645" s="166">
        <v>0</v>
      </c>
      <c r="P645" s="166">
        <v>0</v>
      </c>
      <c r="Q645" s="166">
        <v>0</v>
      </c>
      <c r="R645" s="166">
        <v>0</v>
      </c>
      <c r="S645" s="166">
        <v>0</v>
      </c>
      <c r="T645" s="166">
        <v>0</v>
      </c>
      <c r="U645" s="166">
        <v>0</v>
      </c>
      <c r="V645" s="166">
        <v>0</v>
      </c>
      <c r="W645" s="166">
        <v>0</v>
      </c>
      <c r="X645" s="166">
        <v>0</v>
      </c>
      <c r="Y645" s="166">
        <v>0</v>
      </c>
      <c r="Z645" s="166">
        <v>0</v>
      </c>
      <c r="AA645" s="166">
        <v>0</v>
      </c>
      <c r="AB645" s="166">
        <v>0</v>
      </c>
      <c r="AC645" s="166">
        <v>0</v>
      </c>
      <c r="AD645" s="166">
        <v>0</v>
      </c>
      <c r="AE645" s="166">
        <v>0</v>
      </c>
      <c r="AF645" s="166">
        <v>0</v>
      </c>
      <c r="AG645" s="166">
        <v>0</v>
      </c>
      <c r="AH645" s="166">
        <v>0</v>
      </c>
      <c r="AI645" s="166">
        <v>0</v>
      </c>
      <c r="AJ645" s="166">
        <v>0</v>
      </c>
      <c r="AK645" s="166">
        <v>0</v>
      </c>
      <c r="AL645" s="166">
        <v>0</v>
      </c>
      <c r="AM645" s="166">
        <v>0</v>
      </c>
      <c r="AN645" s="166">
        <v>0</v>
      </c>
      <c r="AO645" s="166">
        <v>0</v>
      </c>
      <c r="AP645" s="166">
        <v>0</v>
      </c>
      <c r="AQ645" s="166">
        <v>0</v>
      </c>
      <c r="AR645" s="166">
        <v>0</v>
      </c>
      <c r="AS645" s="166">
        <v>0</v>
      </c>
      <c r="AT645" s="166">
        <v>0</v>
      </c>
      <c r="AU645" s="166">
        <v>0</v>
      </c>
      <c r="AV645" s="166">
        <v>0</v>
      </c>
      <c r="AW645" s="166">
        <v>0</v>
      </c>
      <c r="AX645" s="166">
        <v>0</v>
      </c>
      <c r="AY645" s="166">
        <v>0</v>
      </c>
      <c r="AZ645" s="166">
        <v>0</v>
      </c>
      <c r="BA645" s="166">
        <v>0</v>
      </c>
      <c r="BB645" s="166">
        <v>0</v>
      </c>
      <c r="BC645" s="166">
        <v>0</v>
      </c>
      <c r="BD645" s="166">
        <v>0</v>
      </c>
      <c r="BE645" s="166">
        <v>0</v>
      </c>
      <c r="BF645" s="166">
        <v>0</v>
      </c>
      <c r="BG645" s="166">
        <v>0</v>
      </c>
      <c r="BH645" s="166">
        <v>0</v>
      </c>
      <c r="BI645" s="166">
        <v>0</v>
      </c>
      <c r="BJ645" s="166">
        <v>0</v>
      </c>
      <c r="BK645" s="166">
        <v>0</v>
      </c>
      <c r="BL645" s="166">
        <v>0</v>
      </c>
      <c r="BM645" s="166">
        <v>0</v>
      </c>
      <c r="BN645" s="166">
        <v>0</v>
      </c>
      <c r="BO645" s="166">
        <v>0</v>
      </c>
      <c r="BP645" s="166">
        <v>0</v>
      </c>
      <c r="BQ645" s="166">
        <v>0</v>
      </c>
      <c r="BR645" s="166">
        <v>759762.74</v>
      </c>
      <c r="BS645" s="166">
        <v>759762.74</v>
      </c>
      <c r="BT645" s="168">
        <v>0.98855217689263197</v>
      </c>
      <c r="BU645" s="166">
        <v>62961.194597466601</v>
      </c>
      <c r="BV645" s="166">
        <v>751065.11054891103</v>
      </c>
      <c r="BW645" s="166">
        <v>0</v>
      </c>
      <c r="BX645" s="166">
        <v>0</v>
      </c>
      <c r="BY645" s="166">
        <v>0</v>
      </c>
      <c r="BZ645" s="166">
        <v>0</v>
      </c>
      <c r="CA645" s="166">
        <v>0</v>
      </c>
      <c r="CB645" s="166">
        <v>0</v>
      </c>
      <c r="CC645" s="166">
        <v>0</v>
      </c>
      <c r="CD645" s="166">
        <v>0</v>
      </c>
      <c r="CE645" s="166">
        <v>0</v>
      </c>
      <c r="CF645" s="166">
        <v>0</v>
      </c>
      <c r="CG645" s="166">
        <v>0</v>
      </c>
      <c r="CH645" s="166">
        <v>0</v>
      </c>
      <c r="CI645" s="166">
        <v>0</v>
      </c>
      <c r="CJ645" s="166">
        <v>0</v>
      </c>
      <c r="CK645" s="166">
        <v>0</v>
      </c>
      <c r="CL645" s="166">
        <v>0</v>
      </c>
      <c r="CM645" s="166">
        <v>0</v>
      </c>
      <c r="CN645" s="166">
        <v>0</v>
      </c>
      <c r="CO645" s="166">
        <v>0</v>
      </c>
      <c r="CP645" s="166">
        <v>0</v>
      </c>
      <c r="CQ645" s="166">
        <v>0</v>
      </c>
      <c r="CR645" s="166">
        <v>0</v>
      </c>
      <c r="CS645" s="166">
        <v>0</v>
      </c>
      <c r="CT645" s="166">
        <v>0</v>
      </c>
      <c r="CU645" s="166">
        <v>0</v>
      </c>
      <c r="CV645" s="166">
        <v>0</v>
      </c>
      <c r="CW645" s="166">
        <v>0</v>
      </c>
      <c r="CX645" s="166">
        <v>0</v>
      </c>
      <c r="CY645" s="166">
        <v>751065.11054891103</v>
      </c>
      <c r="CZ645" s="166">
        <v>751065.11054891103</v>
      </c>
    </row>
    <row r="646" spans="1:104" x14ac:dyDescent="0.2">
      <c r="A646" s="167" t="s">
        <v>1063</v>
      </c>
      <c r="B646" s="166">
        <v>0</v>
      </c>
      <c r="C646" s="166">
        <v>0</v>
      </c>
      <c r="D646" s="166">
        <v>0</v>
      </c>
      <c r="E646" s="166">
        <v>0</v>
      </c>
      <c r="F646" s="166">
        <v>0</v>
      </c>
      <c r="G646" s="166">
        <v>0</v>
      </c>
      <c r="H646" s="166">
        <v>0</v>
      </c>
      <c r="I646" s="166">
        <v>0</v>
      </c>
      <c r="J646" s="166">
        <v>0</v>
      </c>
      <c r="K646" s="166">
        <v>0</v>
      </c>
      <c r="L646" s="166">
        <v>0</v>
      </c>
      <c r="M646" s="166">
        <v>0</v>
      </c>
      <c r="N646" s="166">
        <v>0</v>
      </c>
      <c r="O646" s="166">
        <v>0</v>
      </c>
      <c r="P646" s="166">
        <v>0</v>
      </c>
      <c r="Q646" s="166">
        <v>0</v>
      </c>
      <c r="R646" s="166">
        <v>0</v>
      </c>
      <c r="S646" s="166">
        <v>0</v>
      </c>
      <c r="T646" s="166">
        <v>0</v>
      </c>
      <c r="U646" s="166">
        <v>0</v>
      </c>
      <c r="V646" s="166">
        <v>0</v>
      </c>
      <c r="W646" s="166">
        <v>0</v>
      </c>
      <c r="X646" s="166">
        <v>0</v>
      </c>
      <c r="Y646" s="166">
        <v>0</v>
      </c>
      <c r="Z646" s="166">
        <v>0</v>
      </c>
      <c r="AA646" s="166">
        <v>0</v>
      </c>
      <c r="AB646" s="166">
        <v>0</v>
      </c>
      <c r="AC646" s="166">
        <v>0</v>
      </c>
      <c r="AD646" s="166">
        <v>0</v>
      </c>
      <c r="AE646" s="166">
        <v>0</v>
      </c>
      <c r="AF646" s="166">
        <v>0</v>
      </c>
      <c r="AG646" s="166">
        <v>0</v>
      </c>
      <c r="AH646" s="166">
        <v>0</v>
      </c>
      <c r="AI646" s="166">
        <v>0</v>
      </c>
      <c r="AJ646" s="166">
        <v>0</v>
      </c>
      <c r="AK646" s="166">
        <v>0</v>
      </c>
      <c r="AL646" s="166">
        <v>0</v>
      </c>
      <c r="AM646" s="166">
        <v>0</v>
      </c>
      <c r="AN646" s="166">
        <v>0</v>
      </c>
      <c r="AO646" s="166">
        <v>0</v>
      </c>
      <c r="AP646" s="166">
        <v>0</v>
      </c>
      <c r="AQ646" s="166">
        <v>0</v>
      </c>
      <c r="AR646" s="166">
        <v>0</v>
      </c>
      <c r="AS646" s="166">
        <v>0</v>
      </c>
      <c r="AT646" s="166">
        <v>0</v>
      </c>
      <c r="AU646" s="166">
        <v>0</v>
      </c>
      <c r="AV646" s="166">
        <v>0</v>
      </c>
      <c r="AW646" s="166">
        <v>0</v>
      </c>
      <c r="AX646" s="166">
        <v>0</v>
      </c>
      <c r="AY646" s="166">
        <v>0</v>
      </c>
      <c r="AZ646" s="166">
        <v>0</v>
      </c>
      <c r="BA646" s="166">
        <v>0</v>
      </c>
      <c r="BB646" s="166">
        <v>0</v>
      </c>
      <c r="BC646" s="166">
        <v>0</v>
      </c>
      <c r="BD646" s="166">
        <v>0</v>
      </c>
      <c r="BE646" s="166">
        <v>0</v>
      </c>
      <c r="BF646" s="166">
        <v>0</v>
      </c>
      <c r="BG646" s="166">
        <v>0</v>
      </c>
      <c r="BH646" s="166">
        <v>0</v>
      </c>
      <c r="BI646" s="166">
        <v>0</v>
      </c>
      <c r="BJ646" s="166">
        <v>0</v>
      </c>
      <c r="BK646" s="166">
        <v>0</v>
      </c>
      <c r="BL646" s="166">
        <v>0</v>
      </c>
      <c r="BM646" s="166">
        <v>0</v>
      </c>
      <c r="BN646" s="166">
        <v>0</v>
      </c>
      <c r="BO646" s="166">
        <v>0</v>
      </c>
      <c r="BP646" s="166">
        <v>0</v>
      </c>
      <c r="BQ646" s="166">
        <v>0</v>
      </c>
      <c r="BR646" s="166">
        <v>0</v>
      </c>
      <c r="BS646" s="166">
        <v>0</v>
      </c>
      <c r="BT646" s="168">
        <v>0.98855217689263197</v>
      </c>
      <c r="BU646" s="166">
        <v>0</v>
      </c>
      <c r="BV646" s="166">
        <v>0</v>
      </c>
      <c r="BW646" s="166">
        <v>0</v>
      </c>
      <c r="BX646" s="166">
        <v>0</v>
      </c>
      <c r="BY646" s="166">
        <v>0</v>
      </c>
      <c r="BZ646" s="166">
        <v>0</v>
      </c>
      <c r="CA646" s="166">
        <v>0</v>
      </c>
      <c r="CB646" s="166">
        <v>0</v>
      </c>
      <c r="CC646" s="166">
        <v>0</v>
      </c>
      <c r="CD646" s="166">
        <v>0</v>
      </c>
      <c r="CE646" s="166">
        <v>0</v>
      </c>
      <c r="CF646" s="166">
        <v>0</v>
      </c>
      <c r="CG646" s="166">
        <v>0</v>
      </c>
      <c r="CH646" s="166">
        <v>0</v>
      </c>
      <c r="CI646" s="166">
        <v>0</v>
      </c>
      <c r="CJ646" s="166">
        <v>0</v>
      </c>
      <c r="CK646" s="166">
        <v>0</v>
      </c>
      <c r="CL646" s="166">
        <v>0</v>
      </c>
      <c r="CM646" s="166">
        <v>0</v>
      </c>
      <c r="CN646" s="166">
        <v>0</v>
      </c>
      <c r="CO646" s="166">
        <v>0</v>
      </c>
      <c r="CP646" s="166">
        <v>0</v>
      </c>
      <c r="CQ646" s="166">
        <v>0</v>
      </c>
      <c r="CR646" s="166">
        <v>0</v>
      </c>
      <c r="CS646" s="166">
        <v>0</v>
      </c>
      <c r="CT646" s="166">
        <v>0</v>
      </c>
      <c r="CU646" s="166">
        <v>0</v>
      </c>
      <c r="CV646" s="166">
        <v>0</v>
      </c>
      <c r="CW646" s="166">
        <v>0</v>
      </c>
      <c r="CX646" s="166">
        <v>0</v>
      </c>
      <c r="CY646" s="166">
        <v>0</v>
      </c>
      <c r="CZ646" s="166">
        <v>0</v>
      </c>
    </row>
    <row r="647" spans="1:104" x14ac:dyDescent="0.2">
      <c r="A647" s="167" t="s">
        <v>178</v>
      </c>
      <c r="B647" s="166">
        <v>0</v>
      </c>
      <c r="C647" s="166">
        <v>0</v>
      </c>
      <c r="D647" s="166">
        <v>0</v>
      </c>
      <c r="E647" s="166">
        <v>0</v>
      </c>
      <c r="F647" s="166">
        <v>0</v>
      </c>
      <c r="G647" s="166">
        <v>0</v>
      </c>
      <c r="H647" s="166">
        <v>0</v>
      </c>
      <c r="I647" s="166">
        <v>0</v>
      </c>
      <c r="J647" s="166">
        <v>0</v>
      </c>
      <c r="K647" s="166">
        <v>0</v>
      </c>
      <c r="L647" s="166">
        <v>0</v>
      </c>
      <c r="M647" s="166">
        <v>0</v>
      </c>
      <c r="N647" s="166">
        <v>0</v>
      </c>
      <c r="O647" s="166">
        <v>0</v>
      </c>
      <c r="P647" s="166">
        <v>0</v>
      </c>
      <c r="Q647" s="166">
        <v>0</v>
      </c>
      <c r="R647" s="166">
        <v>0</v>
      </c>
      <c r="S647" s="166">
        <v>0</v>
      </c>
      <c r="T647" s="166">
        <v>0</v>
      </c>
      <c r="U647" s="166">
        <v>0</v>
      </c>
      <c r="V647" s="166">
        <v>0</v>
      </c>
      <c r="W647" s="166">
        <v>0</v>
      </c>
      <c r="X647" s="166">
        <v>0</v>
      </c>
      <c r="Y647" s="166">
        <v>0</v>
      </c>
      <c r="Z647" s="166">
        <v>0</v>
      </c>
      <c r="AA647" s="166">
        <v>0</v>
      </c>
      <c r="AB647" s="166">
        <v>0</v>
      </c>
      <c r="AC647" s="166">
        <v>0</v>
      </c>
      <c r="AD647" s="166">
        <v>0</v>
      </c>
      <c r="AE647" s="166">
        <v>0</v>
      </c>
      <c r="AF647" s="166">
        <v>0</v>
      </c>
      <c r="AG647" s="166">
        <v>0</v>
      </c>
      <c r="AH647" s="166">
        <v>0</v>
      </c>
      <c r="AI647" s="166">
        <v>0</v>
      </c>
      <c r="AJ647" s="166">
        <v>0</v>
      </c>
      <c r="AK647" s="166">
        <v>0</v>
      </c>
      <c r="AL647" s="166">
        <v>0</v>
      </c>
      <c r="AM647" s="166">
        <v>0</v>
      </c>
      <c r="AN647" s="166">
        <v>0</v>
      </c>
      <c r="AO647" s="166">
        <v>0</v>
      </c>
      <c r="AP647" s="166">
        <v>0</v>
      </c>
      <c r="AQ647" s="166">
        <v>0</v>
      </c>
      <c r="AR647" s="166">
        <v>0</v>
      </c>
      <c r="AS647" s="166">
        <v>0</v>
      </c>
      <c r="AT647" s="166">
        <v>0</v>
      </c>
      <c r="AU647" s="166">
        <v>0</v>
      </c>
      <c r="AV647" s="166">
        <v>0</v>
      </c>
      <c r="AW647" s="166">
        <v>0</v>
      </c>
      <c r="AX647" s="166">
        <v>0</v>
      </c>
      <c r="AY647" s="166">
        <v>0</v>
      </c>
      <c r="AZ647" s="166">
        <v>0</v>
      </c>
      <c r="BA647" s="166">
        <v>0</v>
      </c>
      <c r="BB647" s="166">
        <v>0</v>
      </c>
      <c r="BC647" s="166">
        <v>0</v>
      </c>
      <c r="BD647" s="166">
        <v>0</v>
      </c>
      <c r="BE647" s="166">
        <v>0</v>
      </c>
      <c r="BF647" s="166">
        <v>0</v>
      </c>
      <c r="BG647" s="166">
        <v>0</v>
      </c>
      <c r="BH647" s="166">
        <v>0</v>
      </c>
      <c r="BI647" s="166">
        <v>0</v>
      </c>
      <c r="BJ647" s="166">
        <v>0</v>
      </c>
      <c r="BK647" s="166">
        <v>0</v>
      </c>
      <c r="BL647" s="166">
        <v>0</v>
      </c>
      <c r="BM647" s="166">
        <v>0</v>
      </c>
      <c r="BN647" s="166">
        <v>0</v>
      </c>
      <c r="BO647" s="166">
        <v>0</v>
      </c>
      <c r="BP647" s="166">
        <v>0</v>
      </c>
      <c r="BQ647" s="166">
        <v>0</v>
      </c>
      <c r="BR647" s="166">
        <v>0</v>
      </c>
      <c r="BS647" s="166">
        <v>0</v>
      </c>
      <c r="BT647" s="166">
        <v>988.55217689263202</v>
      </c>
      <c r="BU647" s="166">
        <v>0</v>
      </c>
      <c r="BV647" s="166">
        <v>0</v>
      </c>
      <c r="BW647" s="166">
        <v>0</v>
      </c>
      <c r="BX647" s="166">
        <v>0</v>
      </c>
      <c r="BY647" s="166">
        <v>0</v>
      </c>
      <c r="BZ647" s="166">
        <v>0</v>
      </c>
      <c r="CA647" s="166">
        <v>0</v>
      </c>
      <c r="CB647" s="166">
        <v>0</v>
      </c>
      <c r="CC647" s="166">
        <v>0</v>
      </c>
      <c r="CD647" s="166">
        <v>0</v>
      </c>
      <c r="CE647" s="166">
        <v>0</v>
      </c>
      <c r="CF647" s="166">
        <v>0</v>
      </c>
      <c r="CG647" s="166">
        <v>0</v>
      </c>
      <c r="CH647" s="166">
        <v>0</v>
      </c>
      <c r="CI647" s="166">
        <v>0</v>
      </c>
      <c r="CJ647" s="166">
        <v>0</v>
      </c>
      <c r="CK647" s="166">
        <v>0</v>
      </c>
      <c r="CL647" s="166">
        <v>0</v>
      </c>
      <c r="CM647" s="166">
        <v>0</v>
      </c>
      <c r="CN647" s="166">
        <v>0</v>
      </c>
      <c r="CO647" s="166">
        <v>0</v>
      </c>
      <c r="CP647" s="166">
        <v>0</v>
      </c>
      <c r="CQ647" s="166">
        <v>0</v>
      </c>
      <c r="CR647" s="166">
        <v>0</v>
      </c>
      <c r="CS647" s="166">
        <v>0</v>
      </c>
      <c r="CT647" s="166">
        <v>0</v>
      </c>
      <c r="CU647" s="166">
        <v>0</v>
      </c>
      <c r="CV647" s="166">
        <v>0</v>
      </c>
      <c r="CW647" s="166">
        <v>0</v>
      </c>
      <c r="CX647" s="166">
        <v>0</v>
      </c>
      <c r="CY647" s="166">
        <v>0</v>
      </c>
      <c r="CZ647" s="166">
        <v>0</v>
      </c>
    </row>
    <row r="648" spans="1:104" x14ac:dyDescent="0.2">
      <c r="A648" s="167" t="s">
        <v>179</v>
      </c>
      <c r="B648" s="166">
        <v>0</v>
      </c>
      <c r="C648" s="166">
        <v>0</v>
      </c>
      <c r="D648" s="166">
        <v>0</v>
      </c>
      <c r="E648" s="166">
        <v>0</v>
      </c>
      <c r="F648" s="166">
        <v>0</v>
      </c>
      <c r="G648" s="166">
        <v>0</v>
      </c>
      <c r="H648" s="166">
        <v>0</v>
      </c>
      <c r="I648" s="166">
        <v>0</v>
      </c>
      <c r="J648" s="166">
        <v>0</v>
      </c>
      <c r="K648" s="166">
        <v>0</v>
      </c>
      <c r="L648" s="166">
        <v>0</v>
      </c>
      <c r="M648" s="166">
        <v>0</v>
      </c>
      <c r="N648" s="166">
        <v>0</v>
      </c>
      <c r="O648" s="166">
        <v>0</v>
      </c>
      <c r="P648" s="166">
        <v>0</v>
      </c>
      <c r="Q648" s="166">
        <v>0</v>
      </c>
      <c r="R648" s="166">
        <v>0</v>
      </c>
      <c r="S648" s="166">
        <v>0</v>
      </c>
      <c r="T648" s="166">
        <v>0</v>
      </c>
      <c r="U648" s="166">
        <v>0</v>
      </c>
      <c r="V648" s="166">
        <v>0</v>
      </c>
      <c r="W648" s="166">
        <v>0</v>
      </c>
      <c r="X648" s="166">
        <v>0</v>
      </c>
      <c r="Y648" s="166">
        <v>0</v>
      </c>
      <c r="Z648" s="166">
        <v>0</v>
      </c>
      <c r="AA648" s="166">
        <v>0</v>
      </c>
      <c r="AB648" s="166">
        <v>0</v>
      </c>
      <c r="AC648" s="166">
        <v>0</v>
      </c>
      <c r="AD648" s="166">
        <v>0</v>
      </c>
      <c r="AE648" s="166">
        <v>0</v>
      </c>
      <c r="AF648" s="166">
        <v>0</v>
      </c>
      <c r="AG648" s="166">
        <v>0</v>
      </c>
      <c r="AH648" s="166">
        <v>0</v>
      </c>
      <c r="AI648" s="166">
        <v>0</v>
      </c>
      <c r="AJ648" s="166">
        <v>0</v>
      </c>
      <c r="AK648" s="166">
        <v>0</v>
      </c>
      <c r="AL648" s="166">
        <v>0</v>
      </c>
      <c r="AM648" s="166">
        <v>0</v>
      </c>
      <c r="AN648" s="166">
        <v>0</v>
      </c>
      <c r="AO648" s="166">
        <v>0</v>
      </c>
      <c r="AP648" s="166">
        <v>0</v>
      </c>
      <c r="AQ648" s="166">
        <v>0</v>
      </c>
      <c r="AR648" s="166">
        <v>0</v>
      </c>
      <c r="AS648" s="166">
        <v>0</v>
      </c>
      <c r="AT648" s="166">
        <v>0</v>
      </c>
      <c r="AU648" s="166">
        <v>0</v>
      </c>
      <c r="AV648" s="166">
        <v>0</v>
      </c>
      <c r="AW648" s="166">
        <v>0</v>
      </c>
      <c r="AX648" s="166">
        <v>0</v>
      </c>
      <c r="AY648" s="166">
        <v>0</v>
      </c>
      <c r="AZ648" s="166">
        <v>0</v>
      </c>
      <c r="BA648" s="166">
        <v>0</v>
      </c>
      <c r="BB648" s="166">
        <v>0</v>
      </c>
      <c r="BC648" s="166">
        <v>0</v>
      </c>
      <c r="BD648" s="166">
        <v>0</v>
      </c>
      <c r="BE648" s="166">
        <v>0</v>
      </c>
      <c r="BF648" s="166">
        <v>0</v>
      </c>
      <c r="BG648" s="166">
        <v>0</v>
      </c>
      <c r="BH648" s="166">
        <v>0</v>
      </c>
      <c r="BI648" s="166">
        <v>0</v>
      </c>
      <c r="BJ648" s="166">
        <v>0</v>
      </c>
      <c r="BK648" s="166">
        <v>0</v>
      </c>
      <c r="BL648" s="166">
        <v>0</v>
      </c>
      <c r="BM648" s="166">
        <v>0</v>
      </c>
      <c r="BN648" s="166">
        <v>0</v>
      </c>
      <c r="BO648" s="166">
        <v>0</v>
      </c>
      <c r="BP648" s="166">
        <v>0</v>
      </c>
      <c r="BQ648" s="166">
        <v>0</v>
      </c>
      <c r="BR648" s="166">
        <v>0</v>
      </c>
      <c r="BS648" s="166">
        <v>0</v>
      </c>
      <c r="BT648" s="168">
        <v>0.98855217689263197</v>
      </c>
      <c r="BU648" s="166">
        <v>0</v>
      </c>
      <c r="BV648" s="166">
        <v>0</v>
      </c>
      <c r="BW648" s="166">
        <v>0</v>
      </c>
      <c r="BX648" s="166">
        <v>0</v>
      </c>
      <c r="BY648" s="166">
        <v>0</v>
      </c>
      <c r="BZ648" s="166">
        <v>0</v>
      </c>
      <c r="CA648" s="166">
        <v>0</v>
      </c>
      <c r="CB648" s="166">
        <v>0</v>
      </c>
      <c r="CC648" s="166">
        <v>0</v>
      </c>
      <c r="CD648" s="166">
        <v>0</v>
      </c>
      <c r="CE648" s="166">
        <v>0</v>
      </c>
      <c r="CF648" s="166">
        <v>0</v>
      </c>
      <c r="CG648" s="166">
        <v>0</v>
      </c>
      <c r="CH648" s="166">
        <v>0</v>
      </c>
      <c r="CI648" s="166">
        <v>0</v>
      </c>
      <c r="CJ648" s="166">
        <v>0</v>
      </c>
      <c r="CK648" s="166">
        <v>0</v>
      </c>
      <c r="CL648" s="166">
        <v>0</v>
      </c>
      <c r="CM648" s="166">
        <v>0</v>
      </c>
      <c r="CN648" s="166">
        <v>0</v>
      </c>
      <c r="CO648" s="166">
        <v>0</v>
      </c>
      <c r="CP648" s="166">
        <v>0</v>
      </c>
      <c r="CQ648" s="166">
        <v>0</v>
      </c>
      <c r="CR648" s="166">
        <v>0</v>
      </c>
      <c r="CS648" s="166">
        <v>0</v>
      </c>
      <c r="CT648" s="166">
        <v>0</v>
      </c>
      <c r="CU648" s="166">
        <v>0</v>
      </c>
      <c r="CV648" s="166">
        <v>0</v>
      </c>
      <c r="CW648" s="166">
        <v>0</v>
      </c>
      <c r="CX648" s="166">
        <v>0</v>
      </c>
      <c r="CY648" s="166">
        <v>0</v>
      </c>
      <c r="CZ648" s="166">
        <v>0</v>
      </c>
    </row>
    <row r="649" spans="1:104" x14ac:dyDescent="0.2">
      <c r="A649" s="167" t="s">
        <v>180</v>
      </c>
      <c r="B649" s="166">
        <v>0</v>
      </c>
      <c r="C649" s="166">
        <v>0</v>
      </c>
      <c r="D649" s="166">
        <v>0</v>
      </c>
      <c r="E649" s="166">
        <v>0</v>
      </c>
      <c r="F649" s="166">
        <v>0</v>
      </c>
      <c r="G649" s="166">
        <v>0</v>
      </c>
      <c r="H649" s="166">
        <v>0</v>
      </c>
      <c r="I649" s="166">
        <v>0</v>
      </c>
      <c r="J649" s="166">
        <v>0</v>
      </c>
      <c r="K649" s="166">
        <v>0</v>
      </c>
      <c r="L649" s="166">
        <v>0</v>
      </c>
      <c r="M649" s="166">
        <v>0</v>
      </c>
      <c r="N649" s="166">
        <v>0</v>
      </c>
      <c r="O649" s="166">
        <v>0</v>
      </c>
      <c r="P649" s="166">
        <v>0</v>
      </c>
      <c r="Q649" s="166">
        <v>0</v>
      </c>
      <c r="R649" s="166">
        <v>0</v>
      </c>
      <c r="S649" s="166">
        <v>0</v>
      </c>
      <c r="T649" s="166">
        <v>0</v>
      </c>
      <c r="U649" s="166">
        <v>0</v>
      </c>
      <c r="V649" s="166">
        <v>0</v>
      </c>
      <c r="W649" s="166">
        <v>0</v>
      </c>
      <c r="X649" s="166">
        <v>0</v>
      </c>
      <c r="Y649" s="166">
        <v>0</v>
      </c>
      <c r="Z649" s="166">
        <v>0</v>
      </c>
      <c r="AA649" s="166">
        <v>0</v>
      </c>
      <c r="AB649" s="166">
        <v>0</v>
      </c>
      <c r="AC649" s="166">
        <v>0</v>
      </c>
      <c r="AD649" s="166">
        <v>0</v>
      </c>
      <c r="AE649" s="166">
        <v>0</v>
      </c>
      <c r="AF649" s="166">
        <v>0</v>
      </c>
      <c r="AG649" s="166">
        <v>0</v>
      </c>
      <c r="AH649" s="166">
        <v>0</v>
      </c>
      <c r="AI649" s="166">
        <v>0</v>
      </c>
      <c r="AJ649" s="166">
        <v>0</v>
      </c>
      <c r="AK649" s="166">
        <v>0</v>
      </c>
      <c r="AL649" s="166">
        <v>0</v>
      </c>
      <c r="AM649" s="166">
        <v>0</v>
      </c>
      <c r="AN649" s="166">
        <v>0</v>
      </c>
      <c r="AO649" s="166">
        <v>0</v>
      </c>
      <c r="AP649" s="166">
        <v>0</v>
      </c>
      <c r="AQ649" s="166">
        <v>0</v>
      </c>
      <c r="AR649" s="166">
        <v>0</v>
      </c>
      <c r="AS649" s="166">
        <v>0</v>
      </c>
      <c r="AT649" s="166">
        <v>0</v>
      </c>
      <c r="AU649" s="166">
        <v>0</v>
      </c>
      <c r="AV649" s="166">
        <v>0</v>
      </c>
      <c r="AW649" s="166">
        <v>0</v>
      </c>
      <c r="AX649" s="166">
        <v>0</v>
      </c>
      <c r="AY649" s="166">
        <v>0</v>
      </c>
      <c r="AZ649" s="166">
        <v>0</v>
      </c>
      <c r="BA649" s="166">
        <v>0</v>
      </c>
      <c r="BB649" s="166">
        <v>0</v>
      </c>
      <c r="BC649" s="166">
        <v>0</v>
      </c>
      <c r="BD649" s="166">
        <v>0</v>
      </c>
      <c r="BE649" s="166">
        <v>0</v>
      </c>
      <c r="BF649" s="166">
        <v>0</v>
      </c>
      <c r="BG649" s="166">
        <v>0</v>
      </c>
      <c r="BH649" s="166">
        <v>0</v>
      </c>
      <c r="BI649" s="166">
        <v>0</v>
      </c>
      <c r="BJ649" s="166">
        <v>0</v>
      </c>
      <c r="BK649" s="166">
        <v>0</v>
      </c>
      <c r="BL649" s="166">
        <v>0</v>
      </c>
      <c r="BM649" s="166">
        <v>0</v>
      </c>
      <c r="BN649" s="166">
        <v>0</v>
      </c>
      <c r="BO649" s="166">
        <v>0</v>
      </c>
      <c r="BP649" s="166">
        <v>0</v>
      </c>
      <c r="BQ649" s="166">
        <v>0</v>
      </c>
      <c r="BR649" s="166">
        <v>0</v>
      </c>
      <c r="BS649" s="166">
        <v>0</v>
      </c>
      <c r="BT649" s="166">
        <v>988.55217689263202</v>
      </c>
      <c r="BU649" s="166">
        <v>0</v>
      </c>
      <c r="BV649" s="166">
        <v>0</v>
      </c>
      <c r="BW649" s="166">
        <v>0</v>
      </c>
      <c r="BX649" s="166">
        <v>0</v>
      </c>
      <c r="BY649" s="166">
        <v>0</v>
      </c>
      <c r="BZ649" s="166">
        <v>0</v>
      </c>
      <c r="CA649" s="166">
        <v>0</v>
      </c>
      <c r="CB649" s="166">
        <v>0</v>
      </c>
      <c r="CC649" s="166">
        <v>0</v>
      </c>
      <c r="CD649" s="166">
        <v>0</v>
      </c>
      <c r="CE649" s="166">
        <v>0</v>
      </c>
      <c r="CF649" s="166">
        <v>0</v>
      </c>
      <c r="CG649" s="166">
        <v>0</v>
      </c>
      <c r="CH649" s="166">
        <v>0</v>
      </c>
      <c r="CI649" s="166">
        <v>0</v>
      </c>
      <c r="CJ649" s="166">
        <v>0</v>
      </c>
      <c r="CK649" s="166">
        <v>0</v>
      </c>
      <c r="CL649" s="166">
        <v>0</v>
      </c>
      <c r="CM649" s="166">
        <v>0</v>
      </c>
      <c r="CN649" s="166">
        <v>0</v>
      </c>
      <c r="CO649" s="166">
        <v>0</v>
      </c>
      <c r="CP649" s="166">
        <v>0</v>
      </c>
      <c r="CQ649" s="166">
        <v>0</v>
      </c>
      <c r="CR649" s="166">
        <v>0</v>
      </c>
      <c r="CS649" s="166">
        <v>0</v>
      </c>
      <c r="CT649" s="166">
        <v>0</v>
      </c>
      <c r="CU649" s="166">
        <v>0</v>
      </c>
      <c r="CV649" s="166">
        <v>0</v>
      </c>
      <c r="CW649" s="166">
        <v>0</v>
      </c>
      <c r="CX649" s="166">
        <v>0</v>
      </c>
      <c r="CY649" s="166">
        <v>0</v>
      </c>
      <c r="CZ649" s="166">
        <v>0</v>
      </c>
    </row>
    <row r="650" spans="1:104" x14ac:dyDescent="0.2">
      <c r="A650" s="167" t="s">
        <v>181</v>
      </c>
      <c r="B650" s="166">
        <v>0</v>
      </c>
      <c r="C650" s="166">
        <v>0</v>
      </c>
      <c r="D650" s="166">
        <v>0</v>
      </c>
      <c r="E650" s="166">
        <v>0</v>
      </c>
      <c r="F650" s="166">
        <v>0</v>
      </c>
      <c r="G650" s="166">
        <v>0</v>
      </c>
      <c r="H650" s="166">
        <v>0</v>
      </c>
      <c r="I650" s="166">
        <v>0</v>
      </c>
      <c r="J650" s="166">
        <v>0</v>
      </c>
      <c r="K650" s="166">
        <v>0</v>
      </c>
      <c r="L650" s="166">
        <v>0</v>
      </c>
      <c r="M650" s="166">
        <v>0</v>
      </c>
      <c r="N650" s="166">
        <v>0</v>
      </c>
      <c r="O650" s="166">
        <v>0</v>
      </c>
      <c r="P650" s="166">
        <v>0</v>
      </c>
      <c r="Q650" s="166">
        <v>0</v>
      </c>
      <c r="R650" s="166">
        <v>0</v>
      </c>
      <c r="S650" s="166">
        <v>0</v>
      </c>
      <c r="T650" s="166">
        <v>0</v>
      </c>
      <c r="U650" s="166">
        <v>0</v>
      </c>
      <c r="V650" s="166">
        <v>0</v>
      </c>
      <c r="W650" s="166">
        <v>0</v>
      </c>
      <c r="X650" s="166">
        <v>0</v>
      </c>
      <c r="Y650" s="166">
        <v>0</v>
      </c>
      <c r="Z650" s="166">
        <v>0</v>
      </c>
      <c r="AA650" s="166">
        <v>0</v>
      </c>
      <c r="AB650" s="166">
        <v>0</v>
      </c>
      <c r="AC650" s="166">
        <v>0</v>
      </c>
      <c r="AD650" s="166">
        <v>0</v>
      </c>
      <c r="AE650" s="166">
        <v>0</v>
      </c>
      <c r="AF650" s="166">
        <v>0</v>
      </c>
      <c r="AG650" s="166">
        <v>0</v>
      </c>
      <c r="AH650" s="166">
        <v>0</v>
      </c>
      <c r="AI650" s="166">
        <v>0</v>
      </c>
      <c r="AJ650" s="166">
        <v>0</v>
      </c>
      <c r="AK650" s="166">
        <v>0</v>
      </c>
      <c r="AL650" s="166">
        <v>0</v>
      </c>
      <c r="AM650" s="166">
        <v>0</v>
      </c>
      <c r="AN650" s="166">
        <v>0</v>
      </c>
      <c r="AO650" s="166">
        <v>0</v>
      </c>
      <c r="AP650" s="166">
        <v>0</v>
      </c>
      <c r="AQ650" s="166">
        <v>0</v>
      </c>
      <c r="AR650" s="166">
        <v>0</v>
      </c>
      <c r="AS650" s="166">
        <v>0</v>
      </c>
      <c r="AT650" s="166">
        <v>0</v>
      </c>
      <c r="AU650" s="166">
        <v>0</v>
      </c>
      <c r="AV650" s="166">
        <v>0</v>
      </c>
      <c r="AW650" s="166">
        <v>0</v>
      </c>
      <c r="AX650" s="166">
        <v>0</v>
      </c>
      <c r="AY650" s="166">
        <v>0</v>
      </c>
      <c r="AZ650" s="166">
        <v>0</v>
      </c>
      <c r="BA650" s="166">
        <v>0</v>
      </c>
      <c r="BB650" s="166">
        <v>0</v>
      </c>
      <c r="BC650" s="166">
        <v>0</v>
      </c>
      <c r="BD650" s="166">
        <v>0</v>
      </c>
      <c r="BE650" s="166">
        <v>0</v>
      </c>
      <c r="BF650" s="166">
        <v>0</v>
      </c>
      <c r="BG650" s="166">
        <v>0</v>
      </c>
      <c r="BH650" s="166">
        <v>0</v>
      </c>
      <c r="BI650" s="166">
        <v>0</v>
      </c>
      <c r="BJ650" s="166">
        <v>0</v>
      </c>
      <c r="BK650" s="166">
        <v>0</v>
      </c>
      <c r="BL650" s="166">
        <v>0</v>
      </c>
      <c r="BM650" s="166">
        <v>0</v>
      </c>
      <c r="BN650" s="166">
        <v>0</v>
      </c>
      <c r="BO650" s="166">
        <v>0</v>
      </c>
      <c r="BP650" s="166">
        <v>0</v>
      </c>
      <c r="BQ650" s="166">
        <v>0</v>
      </c>
      <c r="BR650" s="166">
        <v>0</v>
      </c>
      <c r="BS650" s="166">
        <v>0</v>
      </c>
      <c r="BT650" s="168">
        <v>0.98855217689263197</v>
      </c>
      <c r="BU650" s="166">
        <v>0</v>
      </c>
      <c r="BV650" s="166">
        <v>0</v>
      </c>
      <c r="BW650" s="166">
        <v>0</v>
      </c>
      <c r="BX650" s="166">
        <v>0</v>
      </c>
      <c r="BY650" s="166">
        <v>0</v>
      </c>
      <c r="BZ650" s="166">
        <v>0</v>
      </c>
      <c r="CA650" s="166">
        <v>0</v>
      </c>
      <c r="CB650" s="166">
        <v>0</v>
      </c>
      <c r="CC650" s="166">
        <v>0</v>
      </c>
      <c r="CD650" s="166">
        <v>0</v>
      </c>
      <c r="CE650" s="166">
        <v>0</v>
      </c>
      <c r="CF650" s="166">
        <v>0</v>
      </c>
      <c r="CG650" s="166">
        <v>0</v>
      </c>
      <c r="CH650" s="166">
        <v>0</v>
      </c>
      <c r="CI650" s="166">
        <v>0</v>
      </c>
      <c r="CJ650" s="166">
        <v>0</v>
      </c>
      <c r="CK650" s="166">
        <v>0</v>
      </c>
      <c r="CL650" s="166">
        <v>0</v>
      </c>
      <c r="CM650" s="166">
        <v>0</v>
      </c>
      <c r="CN650" s="166">
        <v>0</v>
      </c>
      <c r="CO650" s="166">
        <v>0</v>
      </c>
      <c r="CP650" s="166">
        <v>0</v>
      </c>
      <c r="CQ650" s="166">
        <v>0</v>
      </c>
      <c r="CR650" s="166">
        <v>0</v>
      </c>
      <c r="CS650" s="166">
        <v>0</v>
      </c>
      <c r="CT650" s="166">
        <v>0</v>
      </c>
      <c r="CU650" s="166">
        <v>0</v>
      </c>
      <c r="CV650" s="166">
        <v>0</v>
      </c>
      <c r="CW650" s="166">
        <v>0</v>
      </c>
      <c r="CX650" s="166">
        <v>0</v>
      </c>
      <c r="CY650" s="166">
        <v>0</v>
      </c>
      <c r="CZ650" s="166">
        <v>0</v>
      </c>
    </row>
    <row r="651" spans="1:104" x14ac:dyDescent="0.2">
      <c r="A651" s="167" t="s">
        <v>1064</v>
      </c>
      <c r="B651" s="166">
        <v>0</v>
      </c>
      <c r="C651" s="166">
        <v>0</v>
      </c>
      <c r="D651" s="166">
        <v>0</v>
      </c>
      <c r="E651" s="166">
        <v>0</v>
      </c>
      <c r="F651" s="166">
        <v>0</v>
      </c>
      <c r="G651" s="166">
        <v>0</v>
      </c>
      <c r="H651" s="166">
        <v>0</v>
      </c>
      <c r="I651" s="166">
        <v>0</v>
      </c>
      <c r="J651" s="166">
        <v>0</v>
      </c>
      <c r="K651" s="166">
        <v>0</v>
      </c>
      <c r="L651" s="166">
        <v>0</v>
      </c>
      <c r="M651" s="166">
        <v>0</v>
      </c>
      <c r="N651" s="166">
        <v>0</v>
      </c>
      <c r="O651" s="166">
        <v>0</v>
      </c>
      <c r="P651" s="166">
        <v>0</v>
      </c>
      <c r="Q651" s="166">
        <v>0</v>
      </c>
      <c r="R651" s="166">
        <v>0</v>
      </c>
      <c r="S651" s="166">
        <v>0</v>
      </c>
      <c r="T651" s="166">
        <v>0</v>
      </c>
      <c r="U651" s="166">
        <v>0</v>
      </c>
      <c r="V651" s="166">
        <v>0</v>
      </c>
      <c r="W651" s="166">
        <v>0</v>
      </c>
      <c r="X651" s="166">
        <v>0</v>
      </c>
      <c r="Y651" s="166">
        <v>0</v>
      </c>
      <c r="Z651" s="166">
        <v>0</v>
      </c>
      <c r="AA651" s="166">
        <v>0</v>
      </c>
      <c r="AB651" s="166">
        <v>0</v>
      </c>
      <c r="AC651" s="166">
        <v>0</v>
      </c>
      <c r="AD651" s="166">
        <v>0</v>
      </c>
      <c r="AE651" s="166">
        <v>0</v>
      </c>
      <c r="AF651" s="166">
        <v>0</v>
      </c>
      <c r="AG651" s="166">
        <v>0</v>
      </c>
      <c r="AH651" s="166">
        <v>0</v>
      </c>
      <c r="AI651" s="166">
        <v>0</v>
      </c>
      <c r="AJ651" s="166">
        <v>0</v>
      </c>
      <c r="AK651" s="166">
        <v>0</v>
      </c>
      <c r="AL651" s="166">
        <v>0</v>
      </c>
      <c r="AM651" s="166">
        <v>0</v>
      </c>
      <c r="AN651" s="166">
        <v>0</v>
      </c>
      <c r="AO651" s="166">
        <v>0</v>
      </c>
      <c r="AP651" s="166">
        <v>0</v>
      </c>
      <c r="AQ651" s="166">
        <v>0</v>
      </c>
      <c r="AR651" s="166">
        <v>0</v>
      </c>
      <c r="AS651" s="166">
        <v>0</v>
      </c>
      <c r="AT651" s="166">
        <v>0</v>
      </c>
      <c r="AU651" s="166">
        <v>0</v>
      </c>
      <c r="AV651" s="166">
        <v>0</v>
      </c>
      <c r="AW651" s="166">
        <v>0</v>
      </c>
      <c r="AX651" s="166">
        <v>0</v>
      </c>
      <c r="AY651" s="166">
        <v>0</v>
      </c>
      <c r="AZ651" s="166">
        <v>0</v>
      </c>
      <c r="BA651" s="166">
        <v>0</v>
      </c>
      <c r="BB651" s="166">
        <v>0</v>
      </c>
      <c r="BC651" s="166">
        <v>0</v>
      </c>
      <c r="BD651" s="166">
        <v>0</v>
      </c>
      <c r="BE651" s="166">
        <v>0</v>
      </c>
      <c r="BF651" s="166">
        <v>0</v>
      </c>
      <c r="BG651" s="166">
        <v>0</v>
      </c>
      <c r="BH651" s="166">
        <v>0</v>
      </c>
      <c r="BI651" s="166">
        <v>0</v>
      </c>
      <c r="BJ651" s="166">
        <v>0</v>
      </c>
      <c r="BK651" s="166">
        <v>0</v>
      </c>
      <c r="BL651" s="166">
        <v>0</v>
      </c>
      <c r="BM651" s="166">
        <v>0</v>
      </c>
      <c r="BN651" s="166">
        <v>0</v>
      </c>
      <c r="BO651" s="166">
        <v>0</v>
      </c>
      <c r="BP651" s="166">
        <v>0</v>
      </c>
      <c r="BQ651" s="166">
        <v>0</v>
      </c>
      <c r="BR651" s="166">
        <v>0</v>
      </c>
      <c r="BS651" s="166">
        <v>0</v>
      </c>
      <c r="BT651" s="168">
        <v>0.98855217689263197</v>
      </c>
      <c r="BU651" s="166">
        <v>0</v>
      </c>
      <c r="BV651" s="166">
        <v>0</v>
      </c>
      <c r="BW651" s="166">
        <v>0</v>
      </c>
      <c r="BX651" s="166">
        <v>0</v>
      </c>
      <c r="BY651" s="166">
        <v>0</v>
      </c>
      <c r="BZ651" s="166">
        <v>0</v>
      </c>
      <c r="CA651" s="166">
        <v>0</v>
      </c>
      <c r="CB651" s="166">
        <v>0</v>
      </c>
      <c r="CC651" s="166">
        <v>0</v>
      </c>
      <c r="CD651" s="166">
        <v>0</v>
      </c>
      <c r="CE651" s="166">
        <v>0</v>
      </c>
      <c r="CF651" s="166">
        <v>0</v>
      </c>
      <c r="CG651" s="166">
        <v>0</v>
      </c>
      <c r="CH651" s="166">
        <v>0</v>
      </c>
      <c r="CI651" s="166">
        <v>0</v>
      </c>
      <c r="CJ651" s="166">
        <v>0</v>
      </c>
      <c r="CK651" s="166">
        <v>0</v>
      </c>
      <c r="CL651" s="166">
        <v>0</v>
      </c>
      <c r="CM651" s="166">
        <v>0</v>
      </c>
      <c r="CN651" s="166">
        <v>0</v>
      </c>
      <c r="CO651" s="166">
        <v>0</v>
      </c>
      <c r="CP651" s="166">
        <v>0</v>
      </c>
      <c r="CQ651" s="166">
        <v>0</v>
      </c>
      <c r="CR651" s="166">
        <v>0</v>
      </c>
      <c r="CS651" s="166">
        <v>0</v>
      </c>
      <c r="CT651" s="166">
        <v>0</v>
      </c>
      <c r="CU651" s="166">
        <v>0</v>
      </c>
      <c r="CV651" s="166">
        <v>0</v>
      </c>
      <c r="CW651" s="166">
        <v>0</v>
      </c>
      <c r="CX651" s="166">
        <v>0</v>
      </c>
      <c r="CY651" s="166">
        <v>0</v>
      </c>
      <c r="CZ651" s="166">
        <v>0</v>
      </c>
    </row>
    <row r="652" spans="1:104" x14ac:dyDescent="0.2">
      <c r="A652" s="170" t="s">
        <v>183</v>
      </c>
      <c r="B652" s="166">
        <v>759762.74</v>
      </c>
      <c r="C652" s="166">
        <v>759762.74</v>
      </c>
      <c r="D652" s="166">
        <v>0</v>
      </c>
      <c r="E652" s="166">
        <v>0</v>
      </c>
      <c r="F652" s="166">
        <v>0</v>
      </c>
      <c r="G652" s="166">
        <v>0</v>
      </c>
      <c r="H652" s="166">
        <v>0</v>
      </c>
      <c r="I652" s="166">
        <v>0</v>
      </c>
      <c r="J652" s="166">
        <v>0</v>
      </c>
      <c r="K652" s="166">
        <v>0</v>
      </c>
      <c r="L652" s="166">
        <v>0</v>
      </c>
      <c r="M652" s="166">
        <v>0</v>
      </c>
      <c r="N652" s="166">
        <v>0</v>
      </c>
      <c r="O652" s="166">
        <v>0</v>
      </c>
      <c r="P652" s="166">
        <v>0</v>
      </c>
      <c r="Q652" s="166">
        <v>0</v>
      </c>
      <c r="R652" s="166">
        <v>0</v>
      </c>
      <c r="S652" s="166">
        <v>0</v>
      </c>
      <c r="T652" s="166">
        <v>0</v>
      </c>
      <c r="U652" s="166">
        <v>0</v>
      </c>
      <c r="V652" s="166">
        <v>0</v>
      </c>
      <c r="W652" s="166">
        <v>0</v>
      </c>
      <c r="X652" s="166">
        <v>0</v>
      </c>
      <c r="Y652" s="166">
        <v>0</v>
      </c>
      <c r="Z652" s="166">
        <v>0</v>
      </c>
      <c r="AA652" s="166">
        <v>0</v>
      </c>
      <c r="AB652" s="166">
        <v>0</v>
      </c>
      <c r="AC652" s="166">
        <v>0</v>
      </c>
      <c r="AD652" s="166">
        <v>0</v>
      </c>
      <c r="AE652" s="166">
        <v>0</v>
      </c>
      <c r="AF652" s="166">
        <v>0</v>
      </c>
      <c r="AG652" s="166">
        <v>0</v>
      </c>
      <c r="AH652" s="166">
        <v>0</v>
      </c>
      <c r="AI652" s="166">
        <v>0</v>
      </c>
      <c r="AJ652" s="166">
        <v>0</v>
      </c>
      <c r="AK652" s="166">
        <v>0</v>
      </c>
      <c r="AL652" s="166">
        <v>0</v>
      </c>
      <c r="AM652" s="166">
        <v>0</v>
      </c>
      <c r="AN652" s="166">
        <v>0</v>
      </c>
      <c r="AO652" s="166">
        <v>0</v>
      </c>
      <c r="AP652" s="166">
        <v>0</v>
      </c>
      <c r="AQ652" s="166">
        <v>0</v>
      </c>
      <c r="AR652" s="166">
        <v>0</v>
      </c>
      <c r="AS652" s="166">
        <v>0</v>
      </c>
      <c r="AT652" s="166">
        <v>0</v>
      </c>
      <c r="AU652" s="166">
        <v>0</v>
      </c>
      <c r="AV652" s="166">
        <v>0</v>
      </c>
      <c r="AW652" s="166">
        <v>0</v>
      </c>
      <c r="AX652" s="166">
        <v>0</v>
      </c>
      <c r="AY652" s="166">
        <v>0</v>
      </c>
      <c r="AZ652" s="166">
        <v>0</v>
      </c>
      <c r="BA652" s="166">
        <v>0</v>
      </c>
      <c r="BB652" s="166">
        <v>0</v>
      </c>
      <c r="BC652" s="166">
        <v>0</v>
      </c>
      <c r="BD652" s="166">
        <v>0</v>
      </c>
      <c r="BE652" s="166">
        <v>0</v>
      </c>
      <c r="BF652" s="166">
        <v>0</v>
      </c>
      <c r="BG652" s="166">
        <v>0</v>
      </c>
      <c r="BH652" s="166">
        <v>0</v>
      </c>
      <c r="BI652" s="166">
        <v>0</v>
      </c>
      <c r="BJ652" s="166">
        <v>0</v>
      </c>
      <c r="BK652" s="166">
        <v>0</v>
      </c>
      <c r="BL652" s="166">
        <v>0</v>
      </c>
      <c r="BM652" s="166">
        <v>0</v>
      </c>
      <c r="BN652" s="166">
        <v>0</v>
      </c>
      <c r="BO652" s="166">
        <v>0</v>
      </c>
      <c r="BP652" s="166">
        <v>0</v>
      </c>
      <c r="BQ652" s="166">
        <v>0</v>
      </c>
      <c r="BR652" s="166">
        <v>759762.74</v>
      </c>
      <c r="BS652" s="166">
        <v>759762.74</v>
      </c>
      <c r="BT652" s="168">
        <v>0</v>
      </c>
      <c r="BU652" s="166">
        <v>62961.194597466601</v>
      </c>
      <c r="BV652" s="166">
        <v>751065.11054891103</v>
      </c>
      <c r="BW652" s="166">
        <v>0</v>
      </c>
      <c r="BX652" s="166">
        <v>0</v>
      </c>
      <c r="BY652" s="166">
        <v>0</v>
      </c>
      <c r="BZ652" s="166">
        <v>0</v>
      </c>
      <c r="CA652" s="166">
        <v>0</v>
      </c>
      <c r="CB652" s="166">
        <v>0</v>
      </c>
      <c r="CC652" s="166">
        <v>0</v>
      </c>
      <c r="CD652" s="166">
        <v>0</v>
      </c>
      <c r="CE652" s="166">
        <v>0</v>
      </c>
      <c r="CF652" s="166">
        <v>0</v>
      </c>
      <c r="CG652" s="166">
        <v>0</v>
      </c>
      <c r="CH652" s="166">
        <v>0</v>
      </c>
      <c r="CI652" s="166">
        <v>0</v>
      </c>
      <c r="CJ652" s="166">
        <v>0</v>
      </c>
      <c r="CK652" s="166">
        <v>0</v>
      </c>
      <c r="CL652" s="166">
        <v>0</v>
      </c>
      <c r="CM652" s="166">
        <v>0</v>
      </c>
      <c r="CN652" s="166">
        <v>0</v>
      </c>
      <c r="CO652" s="166">
        <v>0</v>
      </c>
      <c r="CP652" s="166">
        <v>0</v>
      </c>
      <c r="CQ652" s="166">
        <v>0</v>
      </c>
      <c r="CR652" s="166">
        <v>0</v>
      </c>
      <c r="CS652" s="166">
        <v>0</v>
      </c>
      <c r="CT652" s="166">
        <v>0</v>
      </c>
      <c r="CU652" s="166">
        <v>0</v>
      </c>
      <c r="CV652" s="166">
        <v>0</v>
      </c>
      <c r="CW652" s="166">
        <v>0</v>
      </c>
      <c r="CX652" s="166">
        <v>0</v>
      </c>
      <c r="CY652" s="166">
        <v>751065.11054891103</v>
      </c>
      <c r="CZ652" s="166">
        <v>751065.11054891103</v>
      </c>
    </row>
    <row r="653" spans="1:104" x14ac:dyDescent="0.2">
      <c r="A653" s="167" t="s">
        <v>184</v>
      </c>
      <c r="B653" s="166">
        <v>0</v>
      </c>
      <c r="C653" s="166">
        <v>0</v>
      </c>
      <c r="D653" s="166">
        <v>0</v>
      </c>
      <c r="E653" s="166">
        <v>0</v>
      </c>
      <c r="F653" s="166">
        <v>0</v>
      </c>
      <c r="G653" s="166">
        <v>0</v>
      </c>
      <c r="H653" s="166">
        <v>0</v>
      </c>
      <c r="I653" s="166">
        <v>0</v>
      </c>
      <c r="J653" s="166">
        <v>0</v>
      </c>
      <c r="K653" s="166">
        <v>0</v>
      </c>
      <c r="L653" s="166">
        <v>0</v>
      </c>
      <c r="M653" s="166">
        <v>0</v>
      </c>
      <c r="N653" s="166">
        <v>0</v>
      </c>
      <c r="O653" s="166">
        <v>0</v>
      </c>
      <c r="P653" s="166">
        <v>0</v>
      </c>
      <c r="Q653" s="166">
        <v>0</v>
      </c>
      <c r="R653" s="166">
        <v>0</v>
      </c>
      <c r="S653" s="166">
        <v>0</v>
      </c>
      <c r="T653" s="166">
        <v>0</v>
      </c>
      <c r="U653" s="166">
        <v>0</v>
      </c>
      <c r="V653" s="166">
        <v>0</v>
      </c>
      <c r="W653" s="166">
        <v>0</v>
      </c>
      <c r="X653" s="166">
        <v>0</v>
      </c>
      <c r="Y653" s="166">
        <v>0</v>
      </c>
      <c r="Z653" s="166">
        <v>0</v>
      </c>
      <c r="AA653" s="166">
        <v>0</v>
      </c>
      <c r="AB653" s="166">
        <v>0</v>
      </c>
      <c r="AC653" s="166">
        <v>0</v>
      </c>
      <c r="AD653" s="166">
        <v>0</v>
      </c>
      <c r="AE653" s="166">
        <v>0</v>
      </c>
      <c r="AF653" s="166">
        <v>0</v>
      </c>
      <c r="AG653" s="166">
        <v>0</v>
      </c>
      <c r="AH653" s="166">
        <v>0</v>
      </c>
      <c r="AI653" s="166">
        <v>0</v>
      </c>
      <c r="AJ653" s="166">
        <v>0</v>
      </c>
      <c r="AK653" s="166">
        <v>0</v>
      </c>
      <c r="AL653" s="166">
        <v>0</v>
      </c>
      <c r="AM653" s="166">
        <v>0</v>
      </c>
      <c r="AN653" s="166">
        <v>0</v>
      </c>
      <c r="AO653" s="166">
        <v>0</v>
      </c>
      <c r="AP653" s="166">
        <v>0</v>
      </c>
      <c r="AQ653" s="166">
        <v>0</v>
      </c>
      <c r="AR653" s="166">
        <v>0</v>
      </c>
      <c r="AS653" s="166">
        <v>0</v>
      </c>
      <c r="AT653" s="166">
        <v>0</v>
      </c>
      <c r="AU653" s="166">
        <v>0</v>
      </c>
      <c r="AV653" s="166">
        <v>0</v>
      </c>
      <c r="AW653" s="166">
        <v>0</v>
      </c>
      <c r="AX653" s="166">
        <v>0</v>
      </c>
      <c r="AY653" s="166">
        <v>0</v>
      </c>
      <c r="AZ653" s="166">
        <v>0</v>
      </c>
      <c r="BA653" s="166">
        <v>0</v>
      </c>
      <c r="BB653" s="166">
        <v>0</v>
      </c>
      <c r="BC653" s="166">
        <v>0</v>
      </c>
      <c r="BD653" s="166">
        <v>0</v>
      </c>
      <c r="BE653" s="166">
        <v>0</v>
      </c>
      <c r="BF653" s="166">
        <v>0</v>
      </c>
      <c r="BG653" s="166">
        <v>0</v>
      </c>
      <c r="BH653" s="166">
        <v>0</v>
      </c>
      <c r="BI653" s="166">
        <v>0</v>
      </c>
      <c r="BJ653" s="166">
        <v>0</v>
      </c>
      <c r="BK653" s="166">
        <v>0</v>
      </c>
      <c r="BL653" s="166">
        <v>0</v>
      </c>
      <c r="BM653" s="166">
        <v>0</v>
      </c>
      <c r="BN653" s="166">
        <v>0</v>
      </c>
      <c r="BO653" s="166">
        <v>0</v>
      </c>
      <c r="BP653" s="166">
        <v>0</v>
      </c>
      <c r="BQ653" s="166">
        <v>0</v>
      </c>
      <c r="BR653" s="166">
        <v>0</v>
      </c>
      <c r="BS653" s="166">
        <v>0</v>
      </c>
      <c r="BT653" s="168">
        <v>0</v>
      </c>
      <c r="BU653" s="166">
        <v>0</v>
      </c>
      <c r="BV653" s="166">
        <v>0</v>
      </c>
      <c r="BW653" s="166">
        <v>0</v>
      </c>
      <c r="BX653" s="166">
        <v>0</v>
      </c>
      <c r="BY653" s="166">
        <v>0</v>
      </c>
      <c r="BZ653" s="166">
        <v>0</v>
      </c>
      <c r="CA653" s="166">
        <v>0</v>
      </c>
      <c r="CB653" s="166">
        <v>0</v>
      </c>
      <c r="CC653" s="166">
        <v>0</v>
      </c>
      <c r="CD653" s="166">
        <v>0</v>
      </c>
      <c r="CE653" s="166">
        <v>0</v>
      </c>
      <c r="CF653" s="166">
        <v>0</v>
      </c>
      <c r="CG653" s="166">
        <v>0</v>
      </c>
      <c r="CH653" s="166">
        <v>0</v>
      </c>
      <c r="CI653" s="166">
        <v>0</v>
      </c>
      <c r="CJ653" s="166">
        <v>0</v>
      </c>
      <c r="CK653" s="166">
        <v>0</v>
      </c>
      <c r="CL653" s="166">
        <v>0</v>
      </c>
      <c r="CM653" s="166">
        <v>0</v>
      </c>
      <c r="CN653" s="166">
        <v>0</v>
      </c>
      <c r="CO653" s="166">
        <v>0</v>
      </c>
      <c r="CP653" s="166">
        <v>0</v>
      </c>
      <c r="CQ653" s="166">
        <v>0</v>
      </c>
      <c r="CR653" s="166">
        <v>0</v>
      </c>
      <c r="CS653" s="166">
        <v>0</v>
      </c>
      <c r="CT653" s="166">
        <v>0</v>
      </c>
      <c r="CU653" s="166">
        <v>0</v>
      </c>
      <c r="CV653" s="166">
        <v>0</v>
      </c>
      <c r="CW653" s="166">
        <v>0</v>
      </c>
      <c r="CX653" s="166">
        <v>0</v>
      </c>
      <c r="CY653" s="166">
        <v>0</v>
      </c>
      <c r="CZ653" s="166">
        <v>0</v>
      </c>
    </row>
    <row r="654" spans="1:104" x14ac:dyDescent="0.2">
      <c r="A654" s="170" t="s">
        <v>185</v>
      </c>
      <c r="B654" s="166">
        <v>0</v>
      </c>
      <c r="C654" s="166">
        <v>0</v>
      </c>
      <c r="D654" s="166">
        <v>0</v>
      </c>
      <c r="E654" s="166">
        <v>0</v>
      </c>
      <c r="F654" s="166">
        <v>0</v>
      </c>
      <c r="G654" s="166">
        <v>0</v>
      </c>
      <c r="H654" s="166">
        <v>0</v>
      </c>
      <c r="I654" s="166">
        <v>0</v>
      </c>
      <c r="J654" s="166">
        <v>0</v>
      </c>
      <c r="K654" s="166">
        <v>0</v>
      </c>
      <c r="L654" s="166">
        <v>0</v>
      </c>
      <c r="M654" s="166">
        <v>0</v>
      </c>
      <c r="N654" s="166">
        <v>0</v>
      </c>
      <c r="O654" s="166">
        <v>0</v>
      </c>
      <c r="P654" s="166">
        <v>0</v>
      </c>
      <c r="Q654" s="166">
        <v>0</v>
      </c>
      <c r="R654" s="166">
        <v>0</v>
      </c>
      <c r="S654" s="166">
        <v>0</v>
      </c>
      <c r="T654" s="166">
        <v>0</v>
      </c>
      <c r="U654" s="166">
        <v>0</v>
      </c>
      <c r="V654" s="166">
        <v>0</v>
      </c>
      <c r="W654" s="166">
        <v>0</v>
      </c>
      <c r="X654" s="166">
        <v>0</v>
      </c>
      <c r="Y654" s="166">
        <v>0</v>
      </c>
      <c r="Z654" s="166">
        <v>0</v>
      </c>
      <c r="AA654" s="166">
        <v>0</v>
      </c>
      <c r="AB654" s="166">
        <v>0</v>
      </c>
      <c r="AC654" s="166">
        <v>0</v>
      </c>
      <c r="AD654" s="166">
        <v>0</v>
      </c>
      <c r="AE654" s="166">
        <v>0</v>
      </c>
      <c r="AF654" s="166">
        <v>0</v>
      </c>
      <c r="AG654" s="166">
        <v>0</v>
      </c>
      <c r="AH654" s="166">
        <v>0</v>
      </c>
      <c r="AI654" s="166">
        <v>0</v>
      </c>
      <c r="AJ654" s="166">
        <v>0</v>
      </c>
      <c r="AK654" s="166">
        <v>0</v>
      </c>
      <c r="AL654" s="166">
        <v>0</v>
      </c>
      <c r="AM654" s="166">
        <v>0</v>
      </c>
      <c r="AN654" s="166">
        <v>0</v>
      </c>
      <c r="AO654" s="166">
        <v>0</v>
      </c>
      <c r="AP654" s="166">
        <v>0</v>
      </c>
      <c r="AQ654" s="166">
        <v>0</v>
      </c>
      <c r="AR654" s="166">
        <v>0</v>
      </c>
      <c r="AS654" s="166">
        <v>0</v>
      </c>
      <c r="AT654" s="166">
        <v>0</v>
      </c>
      <c r="AU654" s="166">
        <v>0</v>
      </c>
      <c r="AV654" s="166">
        <v>0</v>
      </c>
      <c r="AW654" s="166">
        <v>0</v>
      </c>
      <c r="AX654" s="166">
        <v>0</v>
      </c>
      <c r="AY654" s="166">
        <v>0</v>
      </c>
      <c r="AZ654" s="166">
        <v>0</v>
      </c>
      <c r="BA654" s="166">
        <v>0</v>
      </c>
      <c r="BB654" s="166">
        <v>0</v>
      </c>
      <c r="BC654" s="166">
        <v>0</v>
      </c>
      <c r="BD654" s="166">
        <v>0</v>
      </c>
      <c r="BE654" s="166">
        <v>0</v>
      </c>
      <c r="BF654" s="166">
        <v>0</v>
      </c>
      <c r="BG654" s="166">
        <v>0</v>
      </c>
      <c r="BH654" s="166">
        <v>0</v>
      </c>
      <c r="BI654" s="166">
        <v>0</v>
      </c>
      <c r="BJ654" s="166">
        <v>0</v>
      </c>
      <c r="BK654" s="166">
        <v>0</v>
      </c>
      <c r="BL654" s="166">
        <v>0</v>
      </c>
      <c r="BM654" s="166">
        <v>0</v>
      </c>
      <c r="BN654" s="166">
        <v>0</v>
      </c>
      <c r="BO654" s="166">
        <v>0</v>
      </c>
      <c r="BP654" s="166">
        <v>0</v>
      </c>
      <c r="BQ654" s="166">
        <v>0</v>
      </c>
      <c r="BR654" s="166">
        <v>0</v>
      </c>
      <c r="BS654" s="166">
        <v>0</v>
      </c>
      <c r="BT654" s="168">
        <v>0</v>
      </c>
      <c r="BU654" s="166">
        <v>0</v>
      </c>
      <c r="BV654" s="166">
        <v>0</v>
      </c>
      <c r="BW654" s="166">
        <v>0</v>
      </c>
      <c r="BX654" s="166">
        <v>0</v>
      </c>
      <c r="BY654" s="166">
        <v>0</v>
      </c>
      <c r="BZ654" s="166">
        <v>0</v>
      </c>
      <c r="CA654" s="166">
        <v>0</v>
      </c>
      <c r="CB654" s="166">
        <v>0</v>
      </c>
      <c r="CC654" s="166">
        <v>0</v>
      </c>
      <c r="CD654" s="166">
        <v>0</v>
      </c>
      <c r="CE654" s="166">
        <v>0</v>
      </c>
      <c r="CF654" s="166">
        <v>0</v>
      </c>
      <c r="CG654" s="166">
        <v>0</v>
      </c>
      <c r="CH654" s="166">
        <v>0</v>
      </c>
      <c r="CI654" s="166">
        <v>0</v>
      </c>
      <c r="CJ654" s="166">
        <v>0</v>
      </c>
      <c r="CK654" s="166">
        <v>0</v>
      </c>
      <c r="CL654" s="166">
        <v>0</v>
      </c>
      <c r="CM654" s="166">
        <v>0</v>
      </c>
      <c r="CN654" s="166">
        <v>0</v>
      </c>
      <c r="CO654" s="166">
        <v>0</v>
      </c>
      <c r="CP654" s="166">
        <v>0</v>
      </c>
      <c r="CQ654" s="166">
        <v>0</v>
      </c>
      <c r="CR654" s="166">
        <v>0</v>
      </c>
      <c r="CS654" s="166">
        <v>0</v>
      </c>
      <c r="CT654" s="166">
        <v>0</v>
      </c>
      <c r="CU654" s="166">
        <v>0</v>
      </c>
      <c r="CV654" s="166">
        <v>0</v>
      </c>
      <c r="CW654" s="166">
        <v>0</v>
      </c>
      <c r="CX654" s="166">
        <v>0</v>
      </c>
      <c r="CY654" s="166">
        <v>0</v>
      </c>
      <c r="CZ654" s="166">
        <v>0</v>
      </c>
    </row>
    <row r="655" spans="1:104" x14ac:dyDescent="0.2">
      <c r="A655" s="170" t="s">
        <v>186</v>
      </c>
      <c r="B655" s="166">
        <v>159231726.90705901</v>
      </c>
      <c r="C655" s="166">
        <v>159231726.90705901</v>
      </c>
      <c r="D655" s="166">
        <v>0</v>
      </c>
      <c r="E655" s="166">
        <v>0</v>
      </c>
      <c r="F655" s="166">
        <v>0</v>
      </c>
      <c r="G655" s="166">
        <v>0</v>
      </c>
      <c r="H655" s="166">
        <v>0</v>
      </c>
      <c r="I655" s="166">
        <v>0</v>
      </c>
      <c r="J655" s="166">
        <v>0</v>
      </c>
      <c r="K655" s="166">
        <v>0</v>
      </c>
      <c r="L655" s="166">
        <v>0</v>
      </c>
      <c r="M655" s="166">
        <v>0</v>
      </c>
      <c r="N655" s="166">
        <v>0</v>
      </c>
      <c r="O655" s="166">
        <v>0</v>
      </c>
      <c r="P655" s="166">
        <v>0</v>
      </c>
      <c r="Q655" s="166">
        <v>0</v>
      </c>
      <c r="R655" s="166">
        <v>0</v>
      </c>
      <c r="S655" s="166">
        <v>0</v>
      </c>
      <c r="T655" s="166">
        <v>0</v>
      </c>
      <c r="U655" s="166">
        <v>0</v>
      </c>
      <c r="V655" s="166">
        <v>0</v>
      </c>
      <c r="W655" s="166">
        <v>0</v>
      </c>
      <c r="X655" s="166">
        <v>0</v>
      </c>
      <c r="Y655" s="166">
        <v>0</v>
      </c>
      <c r="Z655" s="166">
        <v>0</v>
      </c>
      <c r="AA655" s="166">
        <v>0</v>
      </c>
      <c r="AB655" s="166">
        <v>0</v>
      </c>
      <c r="AC655" s="166">
        <v>0</v>
      </c>
      <c r="AD655" s="166">
        <v>0</v>
      </c>
      <c r="AE655" s="166">
        <v>0</v>
      </c>
      <c r="AF655" s="166">
        <v>0</v>
      </c>
      <c r="AG655" s="166">
        <v>0</v>
      </c>
      <c r="AH655" s="166">
        <v>0</v>
      </c>
      <c r="AI655" s="166">
        <v>0</v>
      </c>
      <c r="AJ655" s="166">
        <v>0</v>
      </c>
      <c r="AK655" s="166">
        <v>0</v>
      </c>
      <c r="AL655" s="166">
        <v>0</v>
      </c>
      <c r="AM655" s="166">
        <v>0</v>
      </c>
      <c r="AN655" s="166">
        <v>0</v>
      </c>
      <c r="AO655" s="166">
        <v>0</v>
      </c>
      <c r="AP655" s="166">
        <v>0</v>
      </c>
      <c r="AQ655" s="166">
        <v>0</v>
      </c>
      <c r="AR655" s="166">
        <v>0</v>
      </c>
      <c r="AS655" s="166">
        <v>0</v>
      </c>
      <c r="AT655" s="166">
        <v>0</v>
      </c>
      <c r="AU655" s="166">
        <v>0</v>
      </c>
      <c r="AV655" s="166">
        <v>0</v>
      </c>
      <c r="AW655" s="166">
        <v>0</v>
      </c>
      <c r="AX655" s="166">
        <v>0</v>
      </c>
      <c r="AY655" s="166">
        <v>0</v>
      </c>
      <c r="AZ655" s="166">
        <v>0</v>
      </c>
      <c r="BA655" s="166">
        <v>0</v>
      </c>
      <c r="BB655" s="166">
        <v>0</v>
      </c>
      <c r="BC655" s="166">
        <v>0</v>
      </c>
      <c r="BD655" s="166">
        <v>0</v>
      </c>
      <c r="BE655" s="166">
        <v>0</v>
      </c>
      <c r="BF655" s="166">
        <v>0</v>
      </c>
      <c r="BG655" s="166">
        <v>0</v>
      </c>
      <c r="BH655" s="166">
        <v>0</v>
      </c>
      <c r="BI655" s="166">
        <v>0</v>
      </c>
      <c r="BJ655" s="166">
        <v>0</v>
      </c>
      <c r="BK655" s="166">
        <v>0</v>
      </c>
      <c r="BL655" s="166">
        <v>0</v>
      </c>
      <c r="BM655" s="166">
        <v>0</v>
      </c>
      <c r="BN655" s="166">
        <v>0</v>
      </c>
      <c r="BO655" s="166">
        <v>0</v>
      </c>
      <c r="BP655" s="166">
        <v>0</v>
      </c>
      <c r="BQ655" s="166">
        <v>0</v>
      </c>
      <c r="BR655" s="166">
        <v>159231726.90705901</v>
      </c>
      <c r="BS655" s="166">
        <v>159231726.90705901</v>
      </c>
      <c r="BT655" s="168">
        <v>0</v>
      </c>
      <c r="BU655" s="166">
        <v>8288491.9091353295</v>
      </c>
      <c r="BV655" s="166">
        <v>155827566.824433</v>
      </c>
      <c r="BW655" s="166">
        <v>0</v>
      </c>
      <c r="BX655" s="166">
        <v>0</v>
      </c>
      <c r="BY655" s="166">
        <v>0</v>
      </c>
      <c r="BZ655" s="166">
        <v>0</v>
      </c>
      <c r="CA655" s="166">
        <v>0</v>
      </c>
      <c r="CB655" s="166">
        <v>0</v>
      </c>
      <c r="CC655" s="166">
        <v>0</v>
      </c>
      <c r="CD655" s="166">
        <v>0</v>
      </c>
      <c r="CE655" s="166">
        <v>0</v>
      </c>
      <c r="CF655" s="166">
        <v>0</v>
      </c>
      <c r="CG655" s="166">
        <v>0</v>
      </c>
      <c r="CH655" s="166">
        <v>0</v>
      </c>
      <c r="CI655" s="166">
        <v>0</v>
      </c>
      <c r="CJ655" s="166">
        <v>0</v>
      </c>
      <c r="CK655" s="166">
        <v>0</v>
      </c>
      <c r="CL655" s="166">
        <v>0</v>
      </c>
      <c r="CM655" s="166">
        <v>0</v>
      </c>
      <c r="CN655" s="166">
        <v>0</v>
      </c>
      <c r="CO655" s="166">
        <v>0</v>
      </c>
      <c r="CP655" s="166">
        <v>0</v>
      </c>
      <c r="CQ655" s="166">
        <v>0</v>
      </c>
      <c r="CR655" s="166">
        <v>0</v>
      </c>
      <c r="CS655" s="166">
        <v>0</v>
      </c>
      <c r="CT655" s="166">
        <v>0</v>
      </c>
      <c r="CU655" s="166">
        <v>0</v>
      </c>
      <c r="CV655" s="166">
        <v>0</v>
      </c>
      <c r="CW655" s="166">
        <v>0</v>
      </c>
      <c r="CX655" s="166">
        <v>0</v>
      </c>
      <c r="CY655" s="166">
        <v>155827566.824433</v>
      </c>
      <c r="CZ655" s="166">
        <v>155827566.824433</v>
      </c>
    </row>
    <row r="656" spans="1:104" x14ac:dyDescent="0.2">
      <c r="A656" s="167" t="s">
        <v>187</v>
      </c>
    </row>
    <row r="657" spans="1:104" ht="10.8" thickBot="1" x14ac:dyDescent="0.25">
      <c r="A657" s="169" t="s">
        <v>188</v>
      </c>
    </row>
    <row r="658" spans="1:104" x14ac:dyDescent="0.2">
      <c r="A658" s="170" t="s">
        <v>189</v>
      </c>
      <c r="B658" s="166">
        <v>0</v>
      </c>
      <c r="C658" s="166">
        <v>0</v>
      </c>
      <c r="D658" s="166">
        <v>0</v>
      </c>
      <c r="E658" s="166">
        <v>0</v>
      </c>
      <c r="F658" s="166">
        <v>0</v>
      </c>
      <c r="G658" s="166">
        <v>0</v>
      </c>
      <c r="H658" s="166">
        <v>0</v>
      </c>
      <c r="I658" s="166">
        <v>0</v>
      </c>
      <c r="J658" s="166">
        <v>0</v>
      </c>
      <c r="K658" s="166">
        <v>0</v>
      </c>
      <c r="L658" s="166">
        <v>0</v>
      </c>
      <c r="M658" s="166">
        <v>0</v>
      </c>
      <c r="N658" s="166">
        <v>0</v>
      </c>
      <c r="O658" s="166">
        <v>0</v>
      </c>
      <c r="P658" s="166">
        <v>0</v>
      </c>
      <c r="Q658" s="166">
        <v>0</v>
      </c>
      <c r="R658" s="166">
        <v>0</v>
      </c>
      <c r="S658" s="166">
        <v>0</v>
      </c>
      <c r="T658" s="166">
        <v>0</v>
      </c>
      <c r="U658" s="166">
        <v>0</v>
      </c>
      <c r="V658" s="166">
        <v>0</v>
      </c>
      <c r="W658" s="166">
        <v>0</v>
      </c>
      <c r="X658" s="166">
        <v>0</v>
      </c>
      <c r="Y658" s="166">
        <v>0</v>
      </c>
      <c r="Z658" s="166">
        <v>0</v>
      </c>
      <c r="AA658" s="166">
        <v>0</v>
      </c>
      <c r="AB658" s="166">
        <v>0</v>
      </c>
      <c r="AC658" s="166">
        <v>0</v>
      </c>
      <c r="AD658" s="166">
        <v>0</v>
      </c>
      <c r="AE658" s="166">
        <v>0</v>
      </c>
      <c r="AF658" s="166">
        <v>0</v>
      </c>
      <c r="AG658" s="166">
        <v>0</v>
      </c>
      <c r="AH658" s="166">
        <v>0</v>
      </c>
      <c r="AI658" s="166">
        <v>0</v>
      </c>
      <c r="AJ658" s="166">
        <v>0</v>
      </c>
      <c r="AK658" s="166">
        <v>0</v>
      </c>
      <c r="AL658" s="166">
        <v>0</v>
      </c>
      <c r="AM658" s="166">
        <v>0</v>
      </c>
      <c r="AN658" s="166">
        <v>0</v>
      </c>
      <c r="AO658" s="166">
        <v>0</v>
      </c>
      <c r="AP658" s="166">
        <v>0</v>
      </c>
      <c r="AQ658" s="166">
        <v>0</v>
      </c>
      <c r="AR658" s="166">
        <v>0</v>
      </c>
      <c r="AS658" s="166">
        <v>0</v>
      </c>
      <c r="AT658" s="166">
        <v>0</v>
      </c>
      <c r="AU658" s="166">
        <v>0</v>
      </c>
      <c r="AV658" s="166">
        <v>0</v>
      </c>
      <c r="AW658" s="166">
        <v>0</v>
      </c>
      <c r="AX658" s="166">
        <v>0</v>
      </c>
      <c r="AY658" s="166">
        <v>0</v>
      </c>
      <c r="AZ658" s="166">
        <v>0</v>
      </c>
      <c r="BA658" s="166">
        <v>0</v>
      </c>
      <c r="BB658" s="166">
        <v>0</v>
      </c>
      <c r="BC658" s="166">
        <v>0</v>
      </c>
      <c r="BD658" s="166">
        <v>0</v>
      </c>
      <c r="BE658" s="166">
        <v>0</v>
      </c>
      <c r="BF658" s="166">
        <v>0</v>
      </c>
      <c r="BG658" s="166">
        <v>0</v>
      </c>
      <c r="BH658" s="166">
        <v>0</v>
      </c>
      <c r="BI658" s="166">
        <v>0</v>
      </c>
      <c r="BJ658" s="166">
        <v>0</v>
      </c>
      <c r="BK658" s="166">
        <v>0</v>
      </c>
      <c r="BL658" s="166">
        <v>0</v>
      </c>
      <c r="BM658" s="166">
        <v>0</v>
      </c>
      <c r="BN658" s="166">
        <v>0</v>
      </c>
      <c r="BO658" s="166">
        <v>0</v>
      </c>
      <c r="BP658" s="166">
        <v>0</v>
      </c>
      <c r="BQ658" s="166">
        <v>0</v>
      </c>
      <c r="BR658" s="166">
        <v>0</v>
      </c>
      <c r="BS658" s="166">
        <v>0</v>
      </c>
      <c r="BT658" s="168">
        <v>0</v>
      </c>
      <c r="BU658" s="166">
        <v>0</v>
      </c>
      <c r="BV658" s="166">
        <v>0</v>
      </c>
      <c r="BW658" s="166">
        <v>0</v>
      </c>
      <c r="BX658" s="166">
        <v>0</v>
      </c>
      <c r="BY658" s="166">
        <v>0</v>
      </c>
      <c r="BZ658" s="166">
        <v>0</v>
      </c>
      <c r="CA658" s="166">
        <v>0</v>
      </c>
      <c r="CB658" s="166">
        <v>0</v>
      </c>
      <c r="CC658" s="166">
        <v>0</v>
      </c>
      <c r="CD658" s="166">
        <v>0</v>
      </c>
      <c r="CE658" s="166">
        <v>0</v>
      </c>
      <c r="CF658" s="166">
        <v>0</v>
      </c>
      <c r="CG658" s="166">
        <v>0</v>
      </c>
      <c r="CH658" s="166">
        <v>0</v>
      </c>
      <c r="CI658" s="166">
        <v>0</v>
      </c>
      <c r="CJ658" s="166">
        <v>0</v>
      </c>
      <c r="CK658" s="166">
        <v>0</v>
      </c>
      <c r="CL658" s="166">
        <v>0</v>
      </c>
      <c r="CM658" s="166">
        <v>0</v>
      </c>
      <c r="CN658" s="166">
        <v>0</v>
      </c>
      <c r="CO658" s="166">
        <v>0</v>
      </c>
      <c r="CP658" s="166">
        <v>0</v>
      </c>
      <c r="CQ658" s="166">
        <v>0</v>
      </c>
      <c r="CR658" s="166">
        <v>0</v>
      </c>
      <c r="CS658" s="166">
        <v>0</v>
      </c>
      <c r="CT658" s="166">
        <v>0</v>
      </c>
      <c r="CU658" s="166">
        <v>0</v>
      </c>
      <c r="CV658" s="166">
        <v>0</v>
      </c>
      <c r="CW658" s="166">
        <v>0</v>
      </c>
      <c r="CX658" s="166">
        <v>0</v>
      </c>
      <c r="CY658" s="166">
        <v>0</v>
      </c>
      <c r="CZ658" s="166">
        <v>0</v>
      </c>
    </row>
    <row r="659" spans="1:104" x14ac:dyDescent="0.2">
      <c r="A659" s="167" t="s">
        <v>1065</v>
      </c>
      <c r="B659" s="166">
        <v>0</v>
      </c>
      <c r="C659" s="166">
        <v>0</v>
      </c>
      <c r="D659" s="166">
        <v>0</v>
      </c>
      <c r="E659" s="166">
        <v>0</v>
      </c>
      <c r="F659" s="166">
        <v>0</v>
      </c>
      <c r="G659" s="166">
        <v>0</v>
      </c>
      <c r="H659" s="166">
        <v>0</v>
      </c>
      <c r="I659" s="166">
        <v>0</v>
      </c>
      <c r="J659" s="166">
        <v>0</v>
      </c>
      <c r="K659" s="166">
        <v>0</v>
      </c>
      <c r="L659" s="166">
        <v>0</v>
      </c>
      <c r="M659" s="166">
        <v>0</v>
      </c>
      <c r="N659" s="166">
        <v>0</v>
      </c>
      <c r="O659" s="166">
        <v>0</v>
      </c>
      <c r="P659" s="166">
        <v>0</v>
      </c>
      <c r="Q659" s="166">
        <v>0</v>
      </c>
      <c r="R659" s="166">
        <v>0</v>
      </c>
      <c r="S659" s="166">
        <v>0</v>
      </c>
      <c r="T659" s="166">
        <v>0</v>
      </c>
      <c r="U659" s="166">
        <v>0</v>
      </c>
      <c r="V659" s="166">
        <v>0</v>
      </c>
      <c r="W659" s="166">
        <v>0</v>
      </c>
      <c r="X659" s="166">
        <v>0</v>
      </c>
      <c r="Y659" s="166">
        <v>0</v>
      </c>
      <c r="Z659" s="166">
        <v>0</v>
      </c>
      <c r="AA659" s="166">
        <v>0</v>
      </c>
      <c r="AB659" s="166">
        <v>0</v>
      </c>
      <c r="AC659" s="166">
        <v>0</v>
      </c>
      <c r="AD659" s="166">
        <v>0</v>
      </c>
      <c r="AE659" s="166">
        <v>0</v>
      </c>
      <c r="AF659" s="166">
        <v>0</v>
      </c>
      <c r="AG659" s="166">
        <v>0</v>
      </c>
      <c r="AH659" s="166">
        <v>0</v>
      </c>
      <c r="AI659" s="166">
        <v>0</v>
      </c>
      <c r="AJ659" s="166">
        <v>0</v>
      </c>
      <c r="AK659" s="166">
        <v>0</v>
      </c>
      <c r="AL659" s="166">
        <v>0</v>
      </c>
      <c r="AM659" s="166">
        <v>0</v>
      </c>
      <c r="AN659" s="166">
        <v>0</v>
      </c>
      <c r="AO659" s="166">
        <v>0</v>
      </c>
      <c r="AP659" s="166">
        <v>0</v>
      </c>
      <c r="AQ659" s="166">
        <v>0</v>
      </c>
      <c r="AR659" s="166">
        <v>0</v>
      </c>
      <c r="AS659" s="166">
        <v>0</v>
      </c>
      <c r="AT659" s="166">
        <v>0</v>
      </c>
      <c r="AU659" s="166">
        <v>0</v>
      </c>
      <c r="AV659" s="166">
        <v>0</v>
      </c>
      <c r="AW659" s="166">
        <v>0</v>
      </c>
      <c r="AX659" s="166">
        <v>0</v>
      </c>
      <c r="AY659" s="166">
        <v>0</v>
      </c>
      <c r="AZ659" s="166">
        <v>0</v>
      </c>
      <c r="BA659" s="166">
        <v>0</v>
      </c>
      <c r="BB659" s="166">
        <v>0</v>
      </c>
      <c r="BC659" s="166">
        <v>0</v>
      </c>
      <c r="BD659" s="166">
        <v>0</v>
      </c>
      <c r="BE659" s="166">
        <v>0</v>
      </c>
      <c r="BF659" s="166">
        <v>0</v>
      </c>
      <c r="BG659" s="166">
        <v>0</v>
      </c>
      <c r="BH659" s="166">
        <v>0</v>
      </c>
      <c r="BI659" s="166">
        <v>0</v>
      </c>
      <c r="BJ659" s="166">
        <v>0</v>
      </c>
      <c r="BK659" s="166">
        <v>0</v>
      </c>
      <c r="BL659" s="166">
        <v>0</v>
      </c>
      <c r="BM659" s="166">
        <v>0</v>
      </c>
      <c r="BN659" s="166">
        <v>0</v>
      </c>
      <c r="BO659" s="166">
        <v>0</v>
      </c>
      <c r="BP659" s="166">
        <v>0</v>
      </c>
      <c r="BQ659" s="166">
        <v>0</v>
      </c>
      <c r="BR659" s="166">
        <v>0</v>
      </c>
      <c r="BS659" s="166">
        <v>0</v>
      </c>
      <c r="BT659" s="168">
        <v>0.97402999999999995</v>
      </c>
      <c r="BU659" s="166">
        <v>0</v>
      </c>
      <c r="BV659" s="166">
        <v>0</v>
      </c>
      <c r="BW659" s="166">
        <v>0</v>
      </c>
      <c r="BX659" s="166">
        <v>0</v>
      </c>
      <c r="BY659" s="166">
        <v>0</v>
      </c>
      <c r="BZ659" s="166">
        <v>0</v>
      </c>
      <c r="CA659" s="166">
        <v>0</v>
      </c>
      <c r="CB659" s="166">
        <v>0</v>
      </c>
      <c r="CC659" s="166">
        <v>0</v>
      </c>
      <c r="CD659" s="166">
        <v>0</v>
      </c>
      <c r="CE659" s="166">
        <v>0</v>
      </c>
      <c r="CF659" s="166">
        <v>0</v>
      </c>
      <c r="CG659" s="166">
        <v>0</v>
      </c>
      <c r="CH659" s="166">
        <v>0</v>
      </c>
      <c r="CI659" s="166">
        <v>0</v>
      </c>
      <c r="CJ659" s="166">
        <v>0</v>
      </c>
      <c r="CK659" s="166">
        <v>0</v>
      </c>
      <c r="CL659" s="166">
        <v>0</v>
      </c>
      <c r="CM659" s="166">
        <v>0</v>
      </c>
      <c r="CN659" s="166">
        <v>0</v>
      </c>
      <c r="CO659" s="166">
        <v>0</v>
      </c>
      <c r="CP659" s="166">
        <v>0</v>
      </c>
      <c r="CQ659" s="166">
        <v>0</v>
      </c>
      <c r="CR659" s="166">
        <v>0</v>
      </c>
      <c r="CS659" s="166">
        <v>0</v>
      </c>
      <c r="CT659" s="166">
        <v>0</v>
      </c>
      <c r="CU659" s="166">
        <v>0</v>
      </c>
      <c r="CV659" s="166">
        <v>0</v>
      </c>
      <c r="CW659" s="166">
        <v>0</v>
      </c>
      <c r="CX659" s="166">
        <v>0</v>
      </c>
      <c r="CY659" s="166">
        <v>0</v>
      </c>
      <c r="CZ659" s="166">
        <v>0</v>
      </c>
    </row>
    <row r="660" spans="1:104" x14ac:dyDescent="0.2">
      <c r="A660" s="167" t="s">
        <v>1066</v>
      </c>
      <c r="B660" s="166">
        <v>0</v>
      </c>
      <c r="C660" s="166">
        <v>0</v>
      </c>
      <c r="D660" s="166">
        <v>0</v>
      </c>
      <c r="E660" s="166">
        <v>0</v>
      </c>
      <c r="F660" s="166">
        <v>0</v>
      </c>
      <c r="G660" s="166">
        <v>0</v>
      </c>
      <c r="H660" s="166">
        <v>0</v>
      </c>
      <c r="I660" s="166">
        <v>0</v>
      </c>
      <c r="J660" s="166">
        <v>0</v>
      </c>
      <c r="K660" s="166">
        <v>0</v>
      </c>
      <c r="L660" s="166">
        <v>0</v>
      </c>
      <c r="M660" s="166">
        <v>0</v>
      </c>
      <c r="N660" s="166">
        <v>0</v>
      </c>
      <c r="O660" s="166">
        <v>0</v>
      </c>
      <c r="P660" s="166">
        <v>0</v>
      </c>
      <c r="Q660" s="166">
        <v>0</v>
      </c>
      <c r="R660" s="166">
        <v>0</v>
      </c>
      <c r="S660" s="166">
        <v>0</v>
      </c>
      <c r="T660" s="166">
        <v>0</v>
      </c>
      <c r="U660" s="166">
        <v>0</v>
      </c>
      <c r="V660" s="166">
        <v>0</v>
      </c>
      <c r="W660" s="166">
        <v>0</v>
      </c>
      <c r="X660" s="166">
        <v>0</v>
      </c>
      <c r="Y660" s="166">
        <v>0</v>
      </c>
      <c r="Z660" s="166">
        <v>0</v>
      </c>
      <c r="AA660" s="166">
        <v>0</v>
      </c>
      <c r="AB660" s="166">
        <v>0</v>
      </c>
      <c r="AC660" s="166">
        <v>0</v>
      </c>
      <c r="AD660" s="166">
        <v>0</v>
      </c>
      <c r="AE660" s="166">
        <v>0</v>
      </c>
      <c r="AF660" s="166">
        <v>0</v>
      </c>
      <c r="AG660" s="166">
        <v>0</v>
      </c>
      <c r="AH660" s="166">
        <v>0</v>
      </c>
      <c r="AI660" s="166">
        <v>0</v>
      </c>
      <c r="AJ660" s="166">
        <v>0</v>
      </c>
      <c r="AK660" s="166">
        <v>0</v>
      </c>
      <c r="AL660" s="166">
        <v>0</v>
      </c>
      <c r="AM660" s="166">
        <v>0</v>
      </c>
      <c r="AN660" s="166">
        <v>0</v>
      </c>
      <c r="AO660" s="166">
        <v>0</v>
      </c>
      <c r="AP660" s="166">
        <v>0</v>
      </c>
      <c r="AQ660" s="166">
        <v>0</v>
      </c>
      <c r="AR660" s="166">
        <v>0</v>
      </c>
      <c r="AS660" s="166">
        <v>0</v>
      </c>
      <c r="AT660" s="166">
        <v>0</v>
      </c>
      <c r="AU660" s="166">
        <v>0</v>
      </c>
      <c r="AV660" s="166">
        <v>0</v>
      </c>
      <c r="AW660" s="166">
        <v>0</v>
      </c>
      <c r="AX660" s="166">
        <v>0</v>
      </c>
      <c r="AY660" s="166">
        <v>0</v>
      </c>
      <c r="AZ660" s="166">
        <v>0</v>
      </c>
      <c r="BA660" s="166">
        <v>0</v>
      </c>
      <c r="BB660" s="166">
        <v>0</v>
      </c>
      <c r="BC660" s="166">
        <v>0</v>
      </c>
      <c r="BD660" s="166">
        <v>0</v>
      </c>
      <c r="BE660" s="166">
        <v>0</v>
      </c>
      <c r="BF660" s="166">
        <v>0</v>
      </c>
      <c r="BG660" s="166">
        <v>0</v>
      </c>
      <c r="BH660" s="166">
        <v>0</v>
      </c>
      <c r="BI660" s="166">
        <v>0</v>
      </c>
      <c r="BJ660" s="166">
        <v>0</v>
      </c>
      <c r="BK660" s="166">
        <v>0</v>
      </c>
      <c r="BL660" s="166">
        <v>0</v>
      </c>
      <c r="BM660" s="166">
        <v>0</v>
      </c>
      <c r="BN660" s="166">
        <v>0</v>
      </c>
      <c r="BO660" s="166">
        <v>0</v>
      </c>
      <c r="BP660" s="166">
        <v>0</v>
      </c>
      <c r="BQ660" s="166">
        <v>0</v>
      </c>
      <c r="BR660" s="166">
        <v>0</v>
      </c>
      <c r="BS660" s="166">
        <v>0</v>
      </c>
      <c r="BT660" s="168">
        <v>0.92637230841245999</v>
      </c>
      <c r="BU660" s="166">
        <v>0</v>
      </c>
      <c r="BV660" s="166">
        <v>0</v>
      </c>
      <c r="BW660" s="166">
        <v>0</v>
      </c>
      <c r="BX660" s="166">
        <v>0</v>
      </c>
      <c r="BY660" s="166">
        <v>0</v>
      </c>
      <c r="BZ660" s="166">
        <v>0</v>
      </c>
      <c r="CA660" s="166">
        <v>0</v>
      </c>
      <c r="CB660" s="166">
        <v>0</v>
      </c>
      <c r="CC660" s="166">
        <v>0</v>
      </c>
      <c r="CD660" s="166">
        <v>0</v>
      </c>
      <c r="CE660" s="166">
        <v>0</v>
      </c>
      <c r="CF660" s="166">
        <v>0</v>
      </c>
      <c r="CG660" s="166">
        <v>0</v>
      </c>
      <c r="CH660" s="166">
        <v>0</v>
      </c>
      <c r="CI660" s="166">
        <v>0</v>
      </c>
      <c r="CJ660" s="166">
        <v>0</v>
      </c>
      <c r="CK660" s="166">
        <v>0</v>
      </c>
      <c r="CL660" s="166">
        <v>0</v>
      </c>
      <c r="CM660" s="166">
        <v>0</v>
      </c>
      <c r="CN660" s="166">
        <v>0</v>
      </c>
      <c r="CO660" s="166">
        <v>0</v>
      </c>
      <c r="CP660" s="166">
        <v>0</v>
      </c>
      <c r="CQ660" s="166">
        <v>0</v>
      </c>
      <c r="CR660" s="166">
        <v>0</v>
      </c>
      <c r="CS660" s="166">
        <v>0</v>
      </c>
      <c r="CT660" s="166">
        <v>0</v>
      </c>
      <c r="CU660" s="166">
        <v>0</v>
      </c>
      <c r="CV660" s="166">
        <v>0</v>
      </c>
      <c r="CW660" s="166">
        <v>0</v>
      </c>
      <c r="CX660" s="166">
        <v>0</v>
      </c>
      <c r="CY660" s="166">
        <v>0</v>
      </c>
      <c r="CZ660" s="166">
        <v>0</v>
      </c>
    </row>
    <row r="661" spans="1:104" x14ac:dyDescent="0.2">
      <c r="A661" s="167" t="s">
        <v>1067</v>
      </c>
      <c r="B661" s="166">
        <v>0</v>
      </c>
      <c r="C661" s="166">
        <v>0</v>
      </c>
      <c r="D661" s="166">
        <v>0</v>
      </c>
      <c r="E661" s="166">
        <v>0</v>
      </c>
      <c r="F661" s="166">
        <v>0</v>
      </c>
      <c r="G661" s="166">
        <v>0</v>
      </c>
      <c r="H661" s="166">
        <v>0</v>
      </c>
      <c r="I661" s="166">
        <v>0</v>
      </c>
      <c r="J661" s="166">
        <v>0</v>
      </c>
      <c r="K661" s="166">
        <v>0</v>
      </c>
      <c r="L661" s="166">
        <v>0</v>
      </c>
      <c r="M661" s="166">
        <v>0</v>
      </c>
      <c r="N661" s="166">
        <v>0</v>
      </c>
      <c r="O661" s="166">
        <v>0</v>
      </c>
      <c r="P661" s="166">
        <v>0</v>
      </c>
      <c r="Q661" s="166">
        <v>0</v>
      </c>
      <c r="R661" s="166">
        <v>0</v>
      </c>
      <c r="S661" s="166">
        <v>0</v>
      </c>
      <c r="T661" s="166">
        <v>0</v>
      </c>
      <c r="U661" s="166">
        <v>0</v>
      </c>
      <c r="V661" s="166">
        <v>0</v>
      </c>
      <c r="W661" s="166">
        <v>0</v>
      </c>
      <c r="X661" s="166">
        <v>0</v>
      </c>
      <c r="Y661" s="166">
        <v>0</v>
      </c>
      <c r="Z661" s="166">
        <v>0</v>
      </c>
      <c r="AA661" s="166">
        <v>0</v>
      </c>
      <c r="AB661" s="166">
        <v>0</v>
      </c>
      <c r="AC661" s="166">
        <v>0</v>
      </c>
      <c r="AD661" s="166">
        <v>0</v>
      </c>
      <c r="AE661" s="166">
        <v>0</v>
      </c>
      <c r="AF661" s="166">
        <v>0</v>
      </c>
      <c r="AG661" s="166">
        <v>0</v>
      </c>
      <c r="AH661" s="166">
        <v>0</v>
      </c>
      <c r="AI661" s="166">
        <v>0</v>
      </c>
      <c r="AJ661" s="166">
        <v>0</v>
      </c>
      <c r="AK661" s="166">
        <v>0</v>
      </c>
      <c r="AL661" s="166">
        <v>0</v>
      </c>
      <c r="AM661" s="166">
        <v>0</v>
      </c>
      <c r="AN661" s="166">
        <v>0</v>
      </c>
      <c r="AO661" s="166">
        <v>0</v>
      </c>
      <c r="AP661" s="166">
        <v>0</v>
      </c>
      <c r="AQ661" s="166">
        <v>0</v>
      </c>
      <c r="AR661" s="166">
        <v>0</v>
      </c>
      <c r="AS661" s="166">
        <v>0</v>
      </c>
      <c r="AT661" s="166">
        <v>0</v>
      </c>
      <c r="AU661" s="166">
        <v>0</v>
      </c>
      <c r="AV661" s="166">
        <v>0</v>
      </c>
      <c r="AW661" s="166">
        <v>0</v>
      </c>
      <c r="AX661" s="166">
        <v>0</v>
      </c>
      <c r="AY661" s="166">
        <v>0</v>
      </c>
      <c r="AZ661" s="166">
        <v>0</v>
      </c>
      <c r="BA661" s="166">
        <v>0</v>
      </c>
      <c r="BB661" s="166">
        <v>0</v>
      </c>
      <c r="BC661" s="166">
        <v>0</v>
      </c>
      <c r="BD661" s="166">
        <v>0</v>
      </c>
      <c r="BE661" s="166">
        <v>0</v>
      </c>
      <c r="BF661" s="166">
        <v>0</v>
      </c>
      <c r="BG661" s="166">
        <v>0</v>
      </c>
      <c r="BH661" s="166">
        <v>0</v>
      </c>
      <c r="BI661" s="166">
        <v>0</v>
      </c>
      <c r="BJ661" s="166">
        <v>0</v>
      </c>
      <c r="BK661" s="166">
        <v>0</v>
      </c>
      <c r="BL661" s="166">
        <v>0</v>
      </c>
      <c r="BM661" s="166">
        <v>0</v>
      </c>
      <c r="BN661" s="166">
        <v>0</v>
      </c>
      <c r="BO661" s="166">
        <v>0</v>
      </c>
      <c r="BP661" s="166">
        <v>0</v>
      </c>
      <c r="BQ661" s="166">
        <v>0</v>
      </c>
      <c r="BR661" s="166">
        <v>0</v>
      </c>
      <c r="BS661" s="166">
        <v>0</v>
      </c>
      <c r="BT661" s="168">
        <v>0.95109934560116105</v>
      </c>
      <c r="BU661" s="166">
        <v>0</v>
      </c>
      <c r="BV661" s="166">
        <v>0</v>
      </c>
      <c r="BW661" s="166">
        <v>0</v>
      </c>
      <c r="BX661" s="166">
        <v>0</v>
      </c>
      <c r="BY661" s="166">
        <v>0</v>
      </c>
      <c r="BZ661" s="166">
        <v>0</v>
      </c>
      <c r="CA661" s="166">
        <v>0</v>
      </c>
      <c r="CB661" s="166">
        <v>0</v>
      </c>
      <c r="CC661" s="166">
        <v>0</v>
      </c>
      <c r="CD661" s="166">
        <v>0</v>
      </c>
      <c r="CE661" s="166">
        <v>0</v>
      </c>
      <c r="CF661" s="166">
        <v>0</v>
      </c>
      <c r="CG661" s="166">
        <v>0</v>
      </c>
      <c r="CH661" s="166">
        <v>0</v>
      </c>
      <c r="CI661" s="166">
        <v>0</v>
      </c>
      <c r="CJ661" s="166">
        <v>0</v>
      </c>
      <c r="CK661" s="166">
        <v>0</v>
      </c>
      <c r="CL661" s="166">
        <v>0</v>
      </c>
      <c r="CM661" s="166">
        <v>0</v>
      </c>
      <c r="CN661" s="166">
        <v>0</v>
      </c>
      <c r="CO661" s="166">
        <v>0</v>
      </c>
      <c r="CP661" s="166">
        <v>0</v>
      </c>
      <c r="CQ661" s="166">
        <v>0</v>
      </c>
      <c r="CR661" s="166">
        <v>0</v>
      </c>
      <c r="CS661" s="166">
        <v>0</v>
      </c>
      <c r="CT661" s="166">
        <v>0</v>
      </c>
      <c r="CU661" s="166">
        <v>0</v>
      </c>
      <c r="CV661" s="166">
        <v>0</v>
      </c>
      <c r="CW661" s="166">
        <v>0</v>
      </c>
      <c r="CX661" s="166">
        <v>0</v>
      </c>
      <c r="CY661" s="166">
        <v>0</v>
      </c>
      <c r="CZ661" s="166">
        <v>0</v>
      </c>
    </row>
    <row r="662" spans="1:104" x14ac:dyDescent="0.2">
      <c r="A662" s="167" t="s">
        <v>193</v>
      </c>
      <c r="B662" s="166">
        <v>0</v>
      </c>
      <c r="C662" s="166">
        <v>0</v>
      </c>
      <c r="D662" s="166">
        <v>0</v>
      </c>
      <c r="E662" s="166">
        <v>0</v>
      </c>
      <c r="F662" s="166">
        <v>0</v>
      </c>
      <c r="G662" s="166">
        <v>0</v>
      </c>
      <c r="H662" s="166">
        <v>0</v>
      </c>
      <c r="I662" s="166">
        <v>0</v>
      </c>
      <c r="J662" s="166">
        <v>0</v>
      </c>
      <c r="K662" s="166">
        <v>0</v>
      </c>
      <c r="L662" s="166">
        <v>0</v>
      </c>
      <c r="M662" s="166">
        <v>0</v>
      </c>
      <c r="N662" s="166">
        <v>0</v>
      </c>
      <c r="O662" s="166">
        <v>0</v>
      </c>
      <c r="P662" s="166">
        <v>0</v>
      </c>
      <c r="Q662" s="166">
        <v>0</v>
      </c>
      <c r="R662" s="166">
        <v>0</v>
      </c>
      <c r="S662" s="166">
        <v>0</v>
      </c>
      <c r="T662" s="166">
        <v>0</v>
      </c>
      <c r="U662" s="166">
        <v>0</v>
      </c>
      <c r="V662" s="166">
        <v>0</v>
      </c>
      <c r="W662" s="166">
        <v>0</v>
      </c>
      <c r="X662" s="166">
        <v>0</v>
      </c>
      <c r="Y662" s="166">
        <v>0</v>
      </c>
      <c r="Z662" s="166">
        <v>0</v>
      </c>
      <c r="AA662" s="166">
        <v>0</v>
      </c>
      <c r="AB662" s="166">
        <v>0</v>
      </c>
      <c r="AC662" s="166">
        <v>0</v>
      </c>
      <c r="AD662" s="166">
        <v>0</v>
      </c>
      <c r="AE662" s="166">
        <v>0</v>
      </c>
      <c r="AF662" s="166">
        <v>0</v>
      </c>
      <c r="AG662" s="166">
        <v>0</v>
      </c>
      <c r="AH662" s="166">
        <v>0</v>
      </c>
      <c r="AI662" s="166">
        <v>0</v>
      </c>
      <c r="AJ662" s="166">
        <v>0</v>
      </c>
      <c r="AK662" s="166">
        <v>0</v>
      </c>
      <c r="AL662" s="166">
        <v>0</v>
      </c>
      <c r="AM662" s="166">
        <v>0</v>
      </c>
      <c r="AN662" s="166">
        <v>0</v>
      </c>
      <c r="AO662" s="166">
        <v>0</v>
      </c>
      <c r="AP662" s="166">
        <v>0</v>
      </c>
      <c r="AQ662" s="166">
        <v>0</v>
      </c>
      <c r="AR662" s="166">
        <v>0</v>
      </c>
      <c r="AS662" s="166">
        <v>0</v>
      </c>
      <c r="AT662" s="166">
        <v>0</v>
      </c>
      <c r="AU662" s="166">
        <v>0</v>
      </c>
      <c r="AV662" s="166">
        <v>0</v>
      </c>
      <c r="AW662" s="166">
        <v>0</v>
      </c>
      <c r="AX662" s="166">
        <v>0</v>
      </c>
      <c r="AY662" s="166">
        <v>0</v>
      </c>
      <c r="AZ662" s="166">
        <v>0</v>
      </c>
      <c r="BA662" s="166">
        <v>0</v>
      </c>
      <c r="BB662" s="166">
        <v>0</v>
      </c>
      <c r="BC662" s="166">
        <v>0</v>
      </c>
      <c r="BD662" s="166">
        <v>0</v>
      </c>
      <c r="BE662" s="166">
        <v>0</v>
      </c>
      <c r="BF662" s="166">
        <v>0</v>
      </c>
      <c r="BG662" s="166">
        <v>0</v>
      </c>
      <c r="BH662" s="166">
        <v>0</v>
      </c>
      <c r="BI662" s="166">
        <v>0</v>
      </c>
      <c r="BJ662" s="166">
        <v>0</v>
      </c>
      <c r="BK662" s="166">
        <v>0</v>
      </c>
      <c r="BL662" s="166">
        <v>0</v>
      </c>
      <c r="BM662" s="166">
        <v>0</v>
      </c>
      <c r="BN662" s="166">
        <v>0</v>
      </c>
      <c r="BO662" s="166">
        <v>0</v>
      </c>
      <c r="BP662" s="166">
        <v>0</v>
      </c>
      <c r="BQ662" s="166">
        <v>0</v>
      </c>
      <c r="BR662" s="166">
        <v>0</v>
      </c>
      <c r="BS662" s="166">
        <v>0</v>
      </c>
      <c r="BT662" s="168">
        <v>0.97403133392564201</v>
      </c>
      <c r="BU662" s="166">
        <v>0</v>
      </c>
      <c r="BV662" s="166">
        <v>0</v>
      </c>
      <c r="BW662" s="166">
        <v>0</v>
      </c>
      <c r="BX662" s="166">
        <v>0</v>
      </c>
      <c r="BY662" s="166">
        <v>0</v>
      </c>
      <c r="BZ662" s="166">
        <v>0</v>
      </c>
      <c r="CA662" s="166">
        <v>0</v>
      </c>
      <c r="CB662" s="166">
        <v>0</v>
      </c>
      <c r="CC662" s="166">
        <v>0</v>
      </c>
      <c r="CD662" s="166">
        <v>0</v>
      </c>
      <c r="CE662" s="166">
        <v>0</v>
      </c>
      <c r="CF662" s="166">
        <v>0</v>
      </c>
      <c r="CG662" s="166">
        <v>0</v>
      </c>
      <c r="CH662" s="166">
        <v>0</v>
      </c>
      <c r="CI662" s="166">
        <v>0</v>
      </c>
      <c r="CJ662" s="166">
        <v>0</v>
      </c>
      <c r="CK662" s="166">
        <v>0</v>
      </c>
      <c r="CL662" s="166">
        <v>0</v>
      </c>
      <c r="CM662" s="166">
        <v>0</v>
      </c>
      <c r="CN662" s="166">
        <v>0</v>
      </c>
      <c r="CO662" s="166">
        <v>0</v>
      </c>
      <c r="CP662" s="166">
        <v>0</v>
      </c>
      <c r="CQ662" s="166">
        <v>0</v>
      </c>
      <c r="CR662" s="166">
        <v>0</v>
      </c>
      <c r="CS662" s="166">
        <v>0</v>
      </c>
      <c r="CT662" s="166">
        <v>0</v>
      </c>
      <c r="CU662" s="166">
        <v>0</v>
      </c>
      <c r="CV662" s="166">
        <v>0</v>
      </c>
      <c r="CW662" s="166">
        <v>0</v>
      </c>
      <c r="CX662" s="166">
        <v>0</v>
      </c>
      <c r="CY662" s="166">
        <v>0</v>
      </c>
      <c r="CZ662" s="166">
        <v>0</v>
      </c>
    </row>
    <row r="663" spans="1:104" x14ac:dyDescent="0.2">
      <c r="A663" s="167" t="s">
        <v>194</v>
      </c>
      <c r="B663" s="166">
        <v>0</v>
      </c>
      <c r="C663" s="166">
        <v>0</v>
      </c>
      <c r="D663" s="166">
        <v>0</v>
      </c>
      <c r="E663" s="166">
        <v>0</v>
      </c>
      <c r="F663" s="166">
        <v>0</v>
      </c>
      <c r="G663" s="166">
        <v>0</v>
      </c>
      <c r="H663" s="166">
        <v>0</v>
      </c>
      <c r="I663" s="166">
        <v>0</v>
      </c>
      <c r="J663" s="166">
        <v>0</v>
      </c>
      <c r="K663" s="166">
        <v>0</v>
      </c>
      <c r="L663" s="166">
        <v>0</v>
      </c>
      <c r="M663" s="166">
        <v>0</v>
      </c>
      <c r="N663" s="166">
        <v>0</v>
      </c>
      <c r="O663" s="166">
        <v>0</v>
      </c>
      <c r="P663" s="166">
        <v>0</v>
      </c>
      <c r="Q663" s="166">
        <v>0</v>
      </c>
      <c r="R663" s="166">
        <v>0</v>
      </c>
      <c r="S663" s="166">
        <v>0</v>
      </c>
      <c r="T663" s="166">
        <v>0</v>
      </c>
      <c r="U663" s="166">
        <v>0</v>
      </c>
      <c r="V663" s="166">
        <v>0</v>
      </c>
      <c r="W663" s="166">
        <v>0</v>
      </c>
      <c r="X663" s="166">
        <v>0</v>
      </c>
      <c r="Y663" s="166">
        <v>0</v>
      </c>
      <c r="Z663" s="166">
        <v>0</v>
      </c>
      <c r="AA663" s="166">
        <v>0</v>
      </c>
      <c r="AB663" s="166">
        <v>0</v>
      </c>
      <c r="AC663" s="166">
        <v>0</v>
      </c>
      <c r="AD663" s="166">
        <v>0</v>
      </c>
      <c r="AE663" s="166">
        <v>0</v>
      </c>
      <c r="AF663" s="166">
        <v>0</v>
      </c>
      <c r="AG663" s="166">
        <v>0</v>
      </c>
      <c r="AH663" s="166">
        <v>0</v>
      </c>
      <c r="AI663" s="166">
        <v>0</v>
      </c>
      <c r="AJ663" s="166">
        <v>0</v>
      </c>
      <c r="AK663" s="166">
        <v>0</v>
      </c>
      <c r="AL663" s="166">
        <v>0</v>
      </c>
      <c r="AM663" s="166">
        <v>0</v>
      </c>
      <c r="AN663" s="166">
        <v>0</v>
      </c>
      <c r="AO663" s="166">
        <v>0</v>
      </c>
      <c r="AP663" s="166">
        <v>0</v>
      </c>
      <c r="AQ663" s="166">
        <v>0</v>
      </c>
      <c r="AR663" s="166">
        <v>0</v>
      </c>
      <c r="AS663" s="166">
        <v>0</v>
      </c>
      <c r="AT663" s="166">
        <v>0</v>
      </c>
      <c r="AU663" s="166">
        <v>0</v>
      </c>
      <c r="AV663" s="166">
        <v>0</v>
      </c>
      <c r="AW663" s="166">
        <v>0</v>
      </c>
      <c r="AX663" s="166">
        <v>0</v>
      </c>
      <c r="AY663" s="166">
        <v>0</v>
      </c>
      <c r="AZ663" s="166">
        <v>0</v>
      </c>
      <c r="BA663" s="166">
        <v>0</v>
      </c>
      <c r="BB663" s="166">
        <v>0</v>
      </c>
      <c r="BC663" s="166">
        <v>0</v>
      </c>
      <c r="BD663" s="166">
        <v>0</v>
      </c>
      <c r="BE663" s="166">
        <v>0</v>
      </c>
      <c r="BF663" s="166">
        <v>0</v>
      </c>
      <c r="BG663" s="166">
        <v>0</v>
      </c>
      <c r="BH663" s="166">
        <v>0</v>
      </c>
      <c r="BI663" s="166">
        <v>0</v>
      </c>
      <c r="BJ663" s="166">
        <v>0</v>
      </c>
      <c r="BK663" s="166">
        <v>0</v>
      </c>
      <c r="BL663" s="166">
        <v>0</v>
      </c>
      <c r="BM663" s="166">
        <v>0</v>
      </c>
      <c r="BN663" s="166">
        <v>0</v>
      </c>
      <c r="BO663" s="166">
        <v>0</v>
      </c>
      <c r="BP663" s="166">
        <v>0</v>
      </c>
      <c r="BQ663" s="166">
        <v>0</v>
      </c>
      <c r="BR663" s="166">
        <v>0</v>
      </c>
      <c r="BS663" s="166">
        <v>0</v>
      </c>
      <c r="BT663" s="166">
        <v>1000</v>
      </c>
      <c r="BU663" s="166">
        <v>0</v>
      </c>
      <c r="BV663" s="166">
        <v>0</v>
      </c>
      <c r="BW663" s="166">
        <v>0</v>
      </c>
      <c r="BX663" s="166">
        <v>0</v>
      </c>
      <c r="BY663" s="166">
        <v>0</v>
      </c>
      <c r="BZ663" s="166">
        <v>0</v>
      </c>
      <c r="CA663" s="166">
        <v>0</v>
      </c>
      <c r="CB663" s="166">
        <v>0</v>
      </c>
      <c r="CC663" s="166">
        <v>0</v>
      </c>
      <c r="CD663" s="166">
        <v>0</v>
      </c>
      <c r="CE663" s="166">
        <v>0</v>
      </c>
      <c r="CF663" s="166">
        <v>0</v>
      </c>
      <c r="CG663" s="166">
        <v>0</v>
      </c>
      <c r="CH663" s="166">
        <v>0</v>
      </c>
      <c r="CI663" s="166">
        <v>0</v>
      </c>
      <c r="CJ663" s="166">
        <v>0</v>
      </c>
      <c r="CK663" s="166">
        <v>0</v>
      </c>
      <c r="CL663" s="166">
        <v>0</v>
      </c>
      <c r="CM663" s="166">
        <v>0</v>
      </c>
      <c r="CN663" s="166">
        <v>0</v>
      </c>
      <c r="CO663" s="166">
        <v>0</v>
      </c>
      <c r="CP663" s="166">
        <v>0</v>
      </c>
      <c r="CQ663" s="166">
        <v>0</v>
      </c>
      <c r="CR663" s="166">
        <v>0</v>
      </c>
      <c r="CS663" s="166">
        <v>0</v>
      </c>
      <c r="CT663" s="166">
        <v>0</v>
      </c>
      <c r="CU663" s="166">
        <v>0</v>
      </c>
      <c r="CV663" s="166">
        <v>0</v>
      </c>
      <c r="CW663" s="166">
        <v>0</v>
      </c>
      <c r="CX663" s="166">
        <v>0</v>
      </c>
      <c r="CY663" s="166">
        <v>0</v>
      </c>
      <c r="CZ663" s="166">
        <v>0</v>
      </c>
    </row>
    <row r="664" spans="1:104" x14ac:dyDescent="0.2">
      <c r="A664" s="167" t="s">
        <v>1068</v>
      </c>
      <c r="B664" s="166">
        <v>0</v>
      </c>
      <c r="C664" s="166">
        <v>0</v>
      </c>
      <c r="D664" s="166">
        <v>0</v>
      </c>
      <c r="E664" s="166">
        <v>0</v>
      </c>
      <c r="F664" s="166">
        <v>0</v>
      </c>
      <c r="G664" s="166">
        <v>0</v>
      </c>
      <c r="H664" s="166">
        <v>0</v>
      </c>
      <c r="I664" s="166">
        <v>0</v>
      </c>
      <c r="J664" s="166">
        <v>0</v>
      </c>
      <c r="K664" s="166">
        <v>0</v>
      </c>
      <c r="L664" s="166">
        <v>0</v>
      </c>
      <c r="M664" s="166">
        <v>0</v>
      </c>
      <c r="N664" s="166">
        <v>0</v>
      </c>
      <c r="O664" s="166">
        <v>0</v>
      </c>
      <c r="P664" s="166">
        <v>0</v>
      </c>
      <c r="Q664" s="166">
        <v>0</v>
      </c>
      <c r="R664" s="166">
        <v>0</v>
      </c>
      <c r="S664" s="166">
        <v>0</v>
      </c>
      <c r="T664" s="166">
        <v>0</v>
      </c>
      <c r="U664" s="166">
        <v>0</v>
      </c>
      <c r="V664" s="166">
        <v>0</v>
      </c>
      <c r="W664" s="166">
        <v>0</v>
      </c>
      <c r="X664" s="166">
        <v>0</v>
      </c>
      <c r="Y664" s="166">
        <v>0</v>
      </c>
      <c r="Z664" s="166">
        <v>0</v>
      </c>
      <c r="AA664" s="166">
        <v>0</v>
      </c>
      <c r="AB664" s="166">
        <v>0</v>
      </c>
      <c r="AC664" s="166">
        <v>0</v>
      </c>
      <c r="AD664" s="166">
        <v>0</v>
      </c>
      <c r="AE664" s="166">
        <v>0</v>
      </c>
      <c r="AF664" s="166">
        <v>0</v>
      </c>
      <c r="AG664" s="166">
        <v>0</v>
      </c>
      <c r="AH664" s="166">
        <v>0</v>
      </c>
      <c r="AI664" s="166">
        <v>0</v>
      </c>
      <c r="AJ664" s="166">
        <v>0</v>
      </c>
      <c r="AK664" s="166">
        <v>0</v>
      </c>
      <c r="AL664" s="166">
        <v>0</v>
      </c>
      <c r="AM664" s="166">
        <v>0</v>
      </c>
      <c r="AN664" s="166">
        <v>0</v>
      </c>
      <c r="AO664" s="166">
        <v>0</v>
      </c>
      <c r="AP664" s="166">
        <v>0</v>
      </c>
      <c r="AQ664" s="166">
        <v>0</v>
      </c>
      <c r="AR664" s="166">
        <v>0</v>
      </c>
      <c r="AS664" s="166">
        <v>0</v>
      </c>
      <c r="AT664" s="166">
        <v>0</v>
      </c>
      <c r="AU664" s="166">
        <v>0</v>
      </c>
      <c r="AV664" s="166">
        <v>0</v>
      </c>
      <c r="AW664" s="166">
        <v>0</v>
      </c>
      <c r="AX664" s="166">
        <v>0</v>
      </c>
      <c r="AY664" s="166">
        <v>0</v>
      </c>
      <c r="AZ664" s="166">
        <v>0</v>
      </c>
      <c r="BA664" s="166">
        <v>0</v>
      </c>
      <c r="BB664" s="166">
        <v>0</v>
      </c>
      <c r="BC664" s="166">
        <v>0</v>
      </c>
      <c r="BD664" s="166">
        <v>0</v>
      </c>
      <c r="BE664" s="166">
        <v>0</v>
      </c>
      <c r="BF664" s="166">
        <v>0</v>
      </c>
      <c r="BG664" s="166">
        <v>0</v>
      </c>
      <c r="BH664" s="166">
        <v>0</v>
      </c>
      <c r="BI664" s="166">
        <v>0</v>
      </c>
      <c r="BJ664" s="166">
        <v>0</v>
      </c>
      <c r="BK664" s="166">
        <v>0</v>
      </c>
      <c r="BL664" s="166">
        <v>0</v>
      </c>
      <c r="BM664" s="166">
        <v>0</v>
      </c>
      <c r="BN664" s="166">
        <v>0</v>
      </c>
      <c r="BO664" s="166">
        <v>0</v>
      </c>
      <c r="BP664" s="166">
        <v>0</v>
      </c>
      <c r="BQ664" s="166">
        <v>0</v>
      </c>
      <c r="BR664" s="166">
        <v>0</v>
      </c>
      <c r="BS664" s="166">
        <v>0</v>
      </c>
      <c r="BT664" s="168">
        <v>0.72041766170058497</v>
      </c>
      <c r="BU664" s="166">
        <v>0</v>
      </c>
      <c r="BV664" s="166">
        <v>0</v>
      </c>
      <c r="BW664" s="166">
        <v>0</v>
      </c>
      <c r="BX664" s="166">
        <v>0</v>
      </c>
      <c r="BY664" s="166">
        <v>0</v>
      </c>
      <c r="BZ664" s="166">
        <v>0</v>
      </c>
      <c r="CA664" s="166">
        <v>0</v>
      </c>
      <c r="CB664" s="166">
        <v>0</v>
      </c>
      <c r="CC664" s="166">
        <v>0</v>
      </c>
      <c r="CD664" s="166">
        <v>0</v>
      </c>
      <c r="CE664" s="166">
        <v>0</v>
      </c>
      <c r="CF664" s="166">
        <v>0</v>
      </c>
      <c r="CG664" s="166">
        <v>0</v>
      </c>
      <c r="CH664" s="166">
        <v>0</v>
      </c>
      <c r="CI664" s="166">
        <v>0</v>
      </c>
      <c r="CJ664" s="166">
        <v>0</v>
      </c>
      <c r="CK664" s="166">
        <v>0</v>
      </c>
      <c r="CL664" s="166">
        <v>0</v>
      </c>
      <c r="CM664" s="166">
        <v>0</v>
      </c>
      <c r="CN664" s="166">
        <v>0</v>
      </c>
      <c r="CO664" s="166">
        <v>0</v>
      </c>
      <c r="CP664" s="166">
        <v>0</v>
      </c>
      <c r="CQ664" s="166">
        <v>0</v>
      </c>
      <c r="CR664" s="166">
        <v>0</v>
      </c>
      <c r="CS664" s="166">
        <v>0</v>
      </c>
      <c r="CT664" s="166">
        <v>0</v>
      </c>
      <c r="CU664" s="166">
        <v>0</v>
      </c>
      <c r="CV664" s="166">
        <v>0</v>
      </c>
      <c r="CW664" s="166">
        <v>0</v>
      </c>
      <c r="CX664" s="166">
        <v>0</v>
      </c>
      <c r="CY664" s="166">
        <v>0</v>
      </c>
      <c r="CZ664" s="166">
        <v>0</v>
      </c>
    </row>
    <row r="665" spans="1:104" x14ac:dyDescent="0.2">
      <c r="A665" s="167" t="s">
        <v>1069</v>
      </c>
      <c r="B665" s="166">
        <v>0</v>
      </c>
      <c r="C665" s="166">
        <v>0</v>
      </c>
      <c r="D665" s="166">
        <v>0</v>
      </c>
      <c r="E665" s="166">
        <v>0</v>
      </c>
      <c r="F665" s="166">
        <v>0</v>
      </c>
      <c r="G665" s="166">
        <v>0</v>
      </c>
      <c r="H665" s="166">
        <v>0</v>
      </c>
      <c r="I665" s="166">
        <v>0</v>
      </c>
      <c r="J665" s="166">
        <v>0</v>
      </c>
      <c r="K665" s="166">
        <v>0</v>
      </c>
      <c r="L665" s="166">
        <v>0</v>
      </c>
      <c r="M665" s="166">
        <v>0</v>
      </c>
      <c r="N665" s="166">
        <v>0</v>
      </c>
      <c r="O665" s="166">
        <v>0</v>
      </c>
      <c r="P665" s="166">
        <v>0</v>
      </c>
      <c r="Q665" s="166">
        <v>0</v>
      </c>
      <c r="R665" s="166">
        <v>0</v>
      </c>
      <c r="S665" s="166">
        <v>0</v>
      </c>
      <c r="T665" s="166">
        <v>0</v>
      </c>
      <c r="U665" s="166">
        <v>0</v>
      </c>
      <c r="V665" s="166">
        <v>0</v>
      </c>
      <c r="W665" s="166">
        <v>0</v>
      </c>
      <c r="X665" s="166">
        <v>0</v>
      </c>
      <c r="Y665" s="166">
        <v>0</v>
      </c>
      <c r="Z665" s="166">
        <v>0</v>
      </c>
      <c r="AA665" s="166">
        <v>0</v>
      </c>
      <c r="AB665" s="166">
        <v>0</v>
      </c>
      <c r="AC665" s="166">
        <v>0</v>
      </c>
      <c r="AD665" s="166">
        <v>0</v>
      </c>
      <c r="AE665" s="166">
        <v>0</v>
      </c>
      <c r="AF665" s="166">
        <v>0</v>
      </c>
      <c r="AG665" s="166">
        <v>0</v>
      </c>
      <c r="AH665" s="166">
        <v>0</v>
      </c>
      <c r="AI665" s="166">
        <v>0</v>
      </c>
      <c r="AJ665" s="166">
        <v>0</v>
      </c>
      <c r="AK665" s="166">
        <v>0</v>
      </c>
      <c r="AL665" s="166">
        <v>0</v>
      </c>
      <c r="AM665" s="166">
        <v>0</v>
      </c>
      <c r="AN665" s="166">
        <v>0</v>
      </c>
      <c r="AO665" s="166">
        <v>0</v>
      </c>
      <c r="AP665" s="166">
        <v>0</v>
      </c>
      <c r="AQ665" s="166">
        <v>0</v>
      </c>
      <c r="AR665" s="166">
        <v>0</v>
      </c>
      <c r="AS665" s="166">
        <v>0</v>
      </c>
      <c r="AT665" s="166">
        <v>0</v>
      </c>
      <c r="AU665" s="166">
        <v>0</v>
      </c>
      <c r="AV665" s="166">
        <v>0</v>
      </c>
      <c r="AW665" s="166">
        <v>0</v>
      </c>
      <c r="AX665" s="166">
        <v>0</v>
      </c>
      <c r="AY665" s="166">
        <v>0</v>
      </c>
      <c r="AZ665" s="166">
        <v>0</v>
      </c>
      <c r="BA665" s="166">
        <v>0</v>
      </c>
      <c r="BB665" s="166">
        <v>0</v>
      </c>
      <c r="BC665" s="166">
        <v>0</v>
      </c>
      <c r="BD665" s="166">
        <v>0</v>
      </c>
      <c r="BE665" s="166">
        <v>0</v>
      </c>
      <c r="BF665" s="166">
        <v>0</v>
      </c>
      <c r="BG665" s="166">
        <v>0</v>
      </c>
      <c r="BH665" s="166">
        <v>0</v>
      </c>
      <c r="BI665" s="166">
        <v>0</v>
      </c>
      <c r="BJ665" s="166">
        <v>0</v>
      </c>
      <c r="BK665" s="166">
        <v>0</v>
      </c>
      <c r="BL665" s="166">
        <v>0</v>
      </c>
      <c r="BM665" s="166">
        <v>0</v>
      </c>
      <c r="BN665" s="166">
        <v>0</v>
      </c>
      <c r="BO665" s="166">
        <v>0</v>
      </c>
      <c r="BP665" s="166">
        <v>0</v>
      </c>
      <c r="BQ665" s="166">
        <v>0</v>
      </c>
      <c r="BR665" s="166">
        <v>0</v>
      </c>
      <c r="BS665" s="166">
        <v>0</v>
      </c>
      <c r="BT665" s="168">
        <v>0</v>
      </c>
      <c r="BU665" s="166">
        <v>0</v>
      </c>
      <c r="BV665" s="166">
        <v>0</v>
      </c>
      <c r="BW665" s="166">
        <v>0</v>
      </c>
      <c r="BX665" s="166">
        <v>0</v>
      </c>
      <c r="BY665" s="166">
        <v>0</v>
      </c>
      <c r="BZ665" s="166">
        <v>0</v>
      </c>
      <c r="CA665" s="166">
        <v>0</v>
      </c>
      <c r="CB665" s="166">
        <v>0</v>
      </c>
      <c r="CC665" s="166">
        <v>0</v>
      </c>
      <c r="CD665" s="166">
        <v>0</v>
      </c>
      <c r="CE665" s="166">
        <v>0</v>
      </c>
      <c r="CF665" s="166">
        <v>0</v>
      </c>
      <c r="CG665" s="166">
        <v>0</v>
      </c>
      <c r="CH665" s="166">
        <v>0</v>
      </c>
      <c r="CI665" s="166">
        <v>0</v>
      </c>
      <c r="CJ665" s="166">
        <v>0</v>
      </c>
      <c r="CK665" s="166">
        <v>0</v>
      </c>
      <c r="CL665" s="166">
        <v>0</v>
      </c>
      <c r="CM665" s="166">
        <v>0</v>
      </c>
      <c r="CN665" s="166">
        <v>0</v>
      </c>
      <c r="CO665" s="166">
        <v>0</v>
      </c>
      <c r="CP665" s="166">
        <v>0</v>
      </c>
      <c r="CQ665" s="166">
        <v>0</v>
      </c>
      <c r="CR665" s="166">
        <v>0</v>
      </c>
      <c r="CS665" s="166">
        <v>0</v>
      </c>
      <c r="CT665" s="166">
        <v>0</v>
      </c>
      <c r="CU665" s="166">
        <v>0</v>
      </c>
      <c r="CV665" s="166">
        <v>0</v>
      </c>
      <c r="CW665" s="166">
        <v>0</v>
      </c>
      <c r="CX665" s="166">
        <v>0</v>
      </c>
      <c r="CY665" s="166">
        <v>0</v>
      </c>
      <c r="CZ665" s="166">
        <v>0</v>
      </c>
    </row>
    <row r="666" spans="1:104" x14ac:dyDescent="0.2">
      <c r="A666" s="167" t="s">
        <v>197</v>
      </c>
    </row>
    <row r="667" spans="1:104" x14ac:dyDescent="0.2">
      <c r="A667" s="167" t="s">
        <v>1070</v>
      </c>
      <c r="B667" s="166">
        <v>4.0127999503932103E-10</v>
      </c>
      <c r="C667" s="166">
        <v>4.0127999503932103E-10</v>
      </c>
      <c r="D667" s="166">
        <v>0</v>
      </c>
      <c r="E667" s="166">
        <v>0</v>
      </c>
      <c r="F667" s="166">
        <v>0</v>
      </c>
      <c r="G667" s="166">
        <v>0</v>
      </c>
      <c r="H667" s="166">
        <v>0</v>
      </c>
      <c r="I667" s="166">
        <v>0</v>
      </c>
      <c r="J667" s="166">
        <v>0</v>
      </c>
      <c r="K667" s="166">
        <v>0</v>
      </c>
      <c r="L667" s="166">
        <v>0</v>
      </c>
      <c r="M667" s="166">
        <v>0</v>
      </c>
      <c r="N667" s="166">
        <v>0</v>
      </c>
      <c r="O667" s="166">
        <v>0</v>
      </c>
      <c r="P667" s="166">
        <v>0</v>
      </c>
      <c r="Q667" s="166">
        <v>0</v>
      </c>
      <c r="R667" s="166">
        <v>0</v>
      </c>
      <c r="S667" s="166">
        <v>0</v>
      </c>
      <c r="T667" s="166">
        <v>0</v>
      </c>
      <c r="U667" s="166">
        <v>0</v>
      </c>
      <c r="V667" s="166">
        <v>0</v>
      </c>
      <c r="W667" s="166">
        <v>0</v>
      </c>
      <c r="X667" s="166">
        <v>0</v>
      </c>
      <c r="Y667" s="166">
        <v>0</v>
      </c>
      <c r="Z667" s="166">
        <v>0</v>
      </c>
      <c r="AA667" s="166">
        <v>0</v>
      </c>
      <c r="AB667" s="166">
        <v>0</v>
      </c>
      <c r="AC667" s="166">
        <v>0</v>
      </c>
      <c r="AD667" s="166">
        <v>0</v>
      </c>
      <c r="AE667" s="166">
        <v>0</v>
      </c>
      <c r="AF667" s="166">
        <v>0</v>
      </c>
      <c r="AG667" s="166">
        <v>0</v>
      </c>
      <c r="AH667" s="166">
        <v>0</v>
      </c>
      <c r="AI667" s="166">
        <v>0</v>
      </c>
      <c r="AJ667" s="166">
        <v>0</v>
      </c>
      <c r="AK667" s="166">
        <v>0</v>
      </c>
      <c r="AL667" s="166">
        <v>0</v>
      </c>
      <c r="AM667" s="166">
        <v>0</v>
      </c>
      <c r="AN667" s="166">
        <v>0</v>
      </c>
      <c r="AO667" s="166">
        <v>0</v>
      </c>
      <c r="AP667" s="166">
        <v>0</v>
      </c>
      <c r="AQ667" s="166">
        <v>0</v>
      </c>
      <c r="AR667" s="166">
        <v>0</v>
      </c>
      <c r="AS667" s="166">
        <v>0</v>
      </c>
      <c r="AT667" s="166">
        <v>0</v>
      </c>
      <c r="AU667" s="166">
        <v>0</v>
      </c>
      <c r="AV667" s="166">
        <v>0</v>
      </c>
      <c r="AW667" s="166">
        <v>0</v>
      </c>
      <c r="AX667" s="166">
        <v>0</v>
      </c>
      <c r="AY667" s="166">
        <v>0</v>
      </c>
      <c r="AZ667" s="166">
        <v>0</v>
      </c>
      <c r="BA667" s="166">
        <v>0</v>
      </c>
      <c r="BB667" s="166">
        <v>0</v>
      </c>
      <c r="BC667" s="166">
        <v>0</v>
      </c>
      <c r="BD667" s="166">
        <v>0</v>
      </c>
      <c r="BE667" s="166">
        <v>0</v>
      </c>
      <c r="BF667" s="166">
        <v>0</v>
      </c>
      <c r="BG667" s="166">
        <v>0</v>
      </c>
      <c r="BH667" s="166">
        <v>0</v>
      </c>
      <c r="BI667" s="166">
        <v>0</v>
      </c>
      <c r="BJ667" s="166">
        <v>0</v>
      </c>
      <c r="BK667" s="166">
        <v>0</v>
      </c>
      <c r="BL667" s="166">
        <v>0</v>
      </c>
      <c r="BM667" s="166">
        <v>0</v>
      </c>
      <c r="BN667" s="166">
        <v>0</v>
      </c>
      <c r="BO667" s="166">
        <v>0</v>
      </c>
      <c r="BP667" s="166">
        <v>0</v>
      </c>
      <c r="BQ667" s="166">
        <v>0</v>
      </c>
      <c r="BR667" s="166">
        <v>4.0127999503932103E-10</v>
      </c>
      <c r="BS667" s="166">
        <v>4.0127999503932103E-10</v>
      </c>
      <c r="BT667" s="168">
        <v>0.97402999999999995</v>
      </c>
      <c r="BU667" s="166">
        <v>0</v>
      </c>
      <c r="BV667" s="166">
        <v>3.9085875356814898E-10</v>
      </c>
      <c r="BW667" s="166">
        <v>0</v>
      </c>
      <c r="BX667" s="166">
        <v>0</v>
      </c>
      <c r="BY667" s="166">
        <v>0</v>
      </c>
      <c r="BZ667" s="166">
        <v>0</v>
      </c>
      <c r="CA667" s="166">
        <v>0</v>
      </c>
      <c r="CB667" s="166">
        <v>0</v>
      </c>
      <c r="CC667" s="166">
        <v>0</v>
      </c>
      <c r="CD667" s="166">
        <v>0</v>
      </c>
      <c r="CE667" s="166">
        <v>0</v>
      </c>
      <c r="CF667" s="166">
        <v>0</v>
      </c>
      <c r="CG667" s="166">
        <v>0</v>
      </c>
      <c r="CH667" s="166">
        <v>0</v>
      </c>
      <c r="CI667" s="166">
        <v>0</v>
      </c>
      <c r="CJ667" s="166">
        <v>0</v>
      </c>
      <c r="CK667" s="166">
        <v>0</v>
      </c>
      <c r="CL667" s="166">
        <v>0</v>
      </c>
      <c r="CM667" s="166">
        <v>0</v>
      </c>
      <c r="CN667" s="166">
        <v>0</v>
      </c>
      <c r="CO667" s="166">
        <v>0</v>
      </c>
      <c r="CP667" s="166">
        <v>0</v>
      </c>
      <c r="CQ667" s="166">
        <v>0</v>
      </c>
      <c r="CR667" s="166">
        <v>0</v>
      </c>
      <c r="CS667" s="166">
        <v>0</v>
      </c>
      <c r="CT667" s="166">
        <v>0</v>
      </c>
      <c r="CU667" s="166">
        <v>0</v>
      </c>
      <c r="CV667" s="166">
        <v>0</v>
      </c>
      <c r="CW667" s="166">
        <v>0</v>
      </c>
      <c r="CX667" s="166">
        <v>0</v>
      </c>
      <c r="CY667" s="166">
        <v>3.9085875356814898E-10</v>
      </c>
      <c r="CZ667" s="166">
        <v>3.9085875356814898E-10</v>
      </c>
    </row>
    <row r="668" spans="1:104" x14ac:dyDescent="0.2">
      <c r="A668" s="167" t="s">
        <v>1071</v>
      </c>
      <c r="B668" s="166">
        <v>3.3802414168059099E-11</v>
      </c>
      <c r="C668" s="166">
        <v>3.3802414168059099E-11</v>
      </c>
      <c r="D668" s="166">
        <v>0</v>
      </c>
      <c r="E668" s="166">
        <v>0</v>
      </c>
      <c r="F668" s="166">
        <v>0</v>
      </c>
      <c r="G668" s="166">
        <v>0</v>
      </c>
      <c r="H668" s="166">
        <v>0</v>
      </c>
      <c r="I668" s="166">
        <v>0</v>
      </c>
      <c r="J668" s="166">
        <v>0</v>
      </c>
      <c r="K668" s="166">
        <v>0</v>
      </c>
      <c r="L668" s="166">
        <v>0</v>
      </c>
      <c r="M668" s="166">
        <v>0</v>
      </c>
      <c r="N668" s="166">
        <v>0</v>
      </c>
      <c r="O668" s="166">
        <v>0</v>
      </c>
      <c r="P668" s="166">
        <v>0</v>
      </c>
      <c r="Q668" s="166">
        <v>0</v>
      </c>
      <c r="R668" s="166">
        <v>0</v>
      </c>
      <c r="S668" s="166">
        <v>0</v>
      </c>
      <c r="T668" s="166">
        <v>0</v>
      </c>
      <c r="U668" s="166">
        <v>0</v>
      </c>
      <c r="V668" s="166">
        <v>0</v>
      </c>
      <c r="W668" s="166">
        <v>0</v>
      </c>
      <c r="X668" s="166">
        <v>0</v>
      </c>
      <c r="Y668" s="166">
        <v>0</v>
      </c>
      <c r="Z668" s="166">
        <v>0</v>
      </c>
      <c r="AA668" s="166">
        <v>0</v>
      </c>
      <c r="AB668" s="166">
        <v>0</v>
      </c>
      <c r="AC668" s="166">
        <v>0</v>
      </c>
      <c r="AD668" s="166">
        <v>0</v>
      </c>
      <c r="AE668" s="166">
        <v>0</v>
      </c>
      <c r="AF668" s="166">
        <v>0</v>
      </c>
      <c r="AG668" s="166">
        <v>0</v>
      </c>
      <c r="AH668" s="166">
        <v>0</v>
      </c>
      <c r="AI668" s="166">
        <v>0</v>
      </c>
      <c r="AJ668" s="166">
        <v>0</v>
      </c>
      <c r="AK668" s="166">
        <v>0</v>
      </c>
      <c r="AL668" s="166">
        <v>0</v>
      </c>
      <c r="AM668" s="166">
        <v>0</v>
      </c>
      <c r="AN668" s="166">
        <v>0</v>
      </c>
      <c r="AO668" s="166">
        <v>0</v>
      </c>
      <c r="AP668" s="166">
        <v>0</v>
      </c>
      <c r="AQ668" s="166">
        <v>0</v>
      </c>
      <c r="AR668" s="166">
        <v>0</v>
      </c>
      <c r="AS668" s="166">
        <v>0</v>
      </c>
      <c r="AT668" s="166">
        <v>0</v>
      </c>
      <c r="AU668" s="166">
        <v>0</v>
      </c>
      <c r="AV668" s="166">
        <v>0</v>
      </c>
      <c r="AW668" s="166">
        <v>0</v>
      </c>
      <c r="AX668" s="166">
        <v>0</v>
      </c>
      <c r="AY668" s="166">
        <v>0</v>
      </c>
      <c r="AZ668" s="166">
        <v>0</v>
      </c>
      <c r="BA668" s="166">
        <v>0</v>
      </c>
      <c r="BB668" s="166">
        <v>0</v>
      </c>
      <c r="BC668" s="166">
        <v>0</v>
      </c>
      <c r="BD668" s="166">
        <v>0</v>
      </c>
      <c r="BE668" s="166">
        <v>0</v>
      </c>
      <c r="BF668" s="166">
        <v>0</v>
      </c>
      <c r="BG668" s="166">
        <v>0</v>
      </c>
      <c r="BH668" s="166">
        <v>0</v>
      </c>
      <c r="BI668" s="166">
        <v>0</v>
      </c>
      <c r="BJ668" s="166">
        <v>0</v>
      </c>
      <c r="BK668" s="166">
        <v>0</v>
      </c>
      <c r="BL668" s="166">
        <v>0</v>
      </c>
      <c r="BM668" s="166">
        <v>0</v>
      </c>
      <c r="BN668" s="166">
        <v>0</v>
      </c>
      <c r="BO668" s="166">
        <v>0</v>
      </c>
      <c r="BP668" s="166">
        <v>0</v>
      </c>
      <c r="BQ668" s="166">
        <v>0</v>
      </c>
      <c r="BR668" s="166">
        <v>3.3802414168059099E-11</v>
      </c>
      <c r="BS668" s="166">
        <v>3.3802414168059099E-11</v>
      </c>
      <c r="BT668" s="168">
        <v>0.92637230841245999</v>
      </c>
      <c r="BU668" s="166">
        <v>0</v>
      </c>
      <c r="BV668" s="166">
        <v>3.1313620442778998E-11</v>
      </c>
      <c r="BW668" s="166">
        <v>0</v>
      </c>
      <c r="BX668" s="166">
        <v>0</v>
      </c>
      <c r="BY668" s="166">
        <v>0</v>
      </c>
      <c r="BZ668" s="166">
        <v>0</v>
      </c>
      <c r="CA668" s="166">
        <v>0</v>
      </c>
      <c r="CB668" s="166">
        <v>0</v>
      </c>
      <c r="CC668" s="166">
        <v>0</v>
      </c>
      <c r="CD668" s="166">
        <v>0</v>
      </c>
      <c r="CE668" s="166">
        <v>0</v>
      </c>
      <c r="CF668" s="166">
        <v>0</v>
      </c>
      <c r="CG668" s="166">
        <v>0</v>
      </c>
      <c r="CH668" s="166">
        <v>0</v>
      </c>
      <c r="CI668" s="166">
        <v>0</v>
      </c>
      <c r="CJ668" s="166">
        <v>0</v>
      </c>
      <c r="CK668" s="166">
        <v>0</v>
      </c>
      <c r="CL668" s="166">
        <v>0</v>
      </c>
      <c r="CM668" s="166">
        <v>0</v>
      </c>
      <c r="CN668" s="166">
        <v>0</v>
      </c>
      <c r="CO668" s="166">
        <v>0</v>
      </c>
      <c r="CP668" s="166">
        <v>0</v>
      </c>
      <c r="CQ668" s="166">
        <v>0</v>
      </c>
      <c r="CR668" s="166">
        <v>0</v>
      </c>
      <c r="CS668" s="166">
        <v>0</v>
      </c>
      <c r="CT668" s="166">
        <v>0</v>
      </c>
      <c r="CU668" s="166">
        <v>0</v>
      </c>
      <c r="CV668" s="166">
        <v>0</v>
      </c>
      <c r="CW668" s="166">
        <v>0</v>
      </c>
      <c r="CX668" s="166">
        <v>0</v>
      </c>
      <c r="CY668" s="166">
        <v>3.1313620442778998E-11</v>
      </c>
      <c r="CZ668" s="166">
        <v>3.1313620442778998E-11</v>
      </c>
    </row>
    <row r="669" spans="1:104" x14ac:dyDescent="0.2">
      <c r="A669" s="167" t="s">
        <v>1072</v>
      </c>
      <c r="B669" s="166">
        <v>3.7079265382719802E-11</v>
      </c>
      <c r="C669" s="166">
        <v>3.7079265382719802E-11</v>
      </c>
      <c r="D669" s="166">
        <v>0</v>
      </c>
      <c r="E669" s="166">
        <v>0</v>
      </c>
      <c r="F669" s="166">
        <v>0</v>
      </c>
      <c r="G669" s="166">
        <v>0</v>
      </c>
      <c r="H669" s="166">
        <v>0</v>
      </c>
      <c r="I669" s="166">
        <v>0</v>
      </c>
      <c r="J669" s="166">
        <v>0</v>
      </c>
      <c r="K669" s="166">
        <v>0</v>
      </c>
      <c r="L669" s="166">
        <v>0</v>
      </c>
      <c r="M669" s="166">
        <v>0</v>
      </c>
      <c r="N669" s="166">
        <v>0</v>
      </c>
      <c r="O669" s="166">
        <v>0</v>
      </c>
      <c r="P669" s="166">
        <v>0</v>
      </c>
      <c r="Q669" s="166">
        <v>0</v>
      </c>
      <c r="R669" s="166">
        <v>0</v>
      </c>
      <c r="S669" s="166">
        <v>0</v>
      </c>
      <c r="T669" s="166">
        <v>0</v>
      </c>
      <c r="U669" s="166">
        <v>0</v>
      </c>
      <c r="V669" s="166">
        <v>0</v>
      </c>
      <c r="W669" s="166">
        <v>0</v>
      </c>
      <c r="X669" s="166">
        <v>0</v>
      </c>
      <c r="Y669" s="166">
        <v>0</v>
      </c>
      <c r="Z669" s="166">
        <v>0</v>
      </c>
      <c r="AA669" s="166">
        <v>0</v>
      </c>
      <c r="AB669" s="166">
        <v>0</v>
      </c>
      <c r="AC669" s="166">
        <v>0</v>
      </c>
      <c r="AD669" s="166">
        <v>0</v>
      </c>
      <c r="AE669" s="166">
        <v>0</v>
      </c>
      <c r="AF669" s="166">
        <v>0</v>
      </c>
      <c r="AG669" s="166">
        <v>0</v>
      </c>
      <c r="AH669" s="166">
        <v>0</v>
      </c>
      <c r="AI669" s="166">
        <v>0</v>
      </c>
      <c r="AJ669" s="166">
        <v>0</v>
      </c>
      <c r="AK669" s="166">
        <v>0</v>
      </c>
      <c r="AL669" s="166">
        <v>0</v>
      </c>
      <c r="AM669" s="166">
        <v>0</v>
      </c>
      <c r="AN669" s="166">
        <v>0</v>
      </c>
      <c r="AO669" s="166">
        <v>0</v>
      </c>
      <c r="AP669" s="166">
        <v>0</v>
      </c>
      <c r="AQ669" s="166">
        <v>0</v>
      </c>
      <c r="AR669" s="166">
        <v>0</v>
      </c>
      <c r="AS669" s="166">
        <v>0</v>
      </c>
      <c r="AT669" s="166">
        <v>0</v>
      </c>
      <c r="AU669" s="166">
        <v>0</v>
      </c>
      <c r="AV669" s="166">
        <v>0</v>
      </c>
      <c r="AW669" s="166">
        <v>0</v>
      </c>
      <c r="AX669" s="166">
        <v>0</v>
      </c>
      <c r="AY669" s="166">
        <v>0</v>
      </c>
      <c r="AZ669" s="166">
        <v>0</v>
      </c>
      <c r="BA669" s="166">
        <v>0</v>
      </c>
      <c r="BB669" s="166">
        <v>0</v>
      </c>
      <c r="BC669" s="166">
        <v>0</v>
      </c>
      <c r="BD669" s="166">
        <v>0</v>
      </c>
      <c r="BE669" s="166">
        <v>0</v>
      </c>
      <c r="BF669" s="166">
        <v>0</v>
      </c>
      <c r="BG669" s="166">
        <v>0</v>
      </c>
      <c r="BH669" s="166">
        <v>0</v>
      </c>
      <c r="BI669" s="166">
        <v>0</v>
      </c>
      <c r="BJ669" s="166">
        <v>0</v>
      </c>
      <c r="BK669" s="166">
        <v>0</v>
      </c>
      <c r="BL669" s="166">
        <v>0</v>
      </c>
      <c r="BM669" s="166">
        <v>0</v>
      </c>
      <c r="BN669" s="166">
        <v>0</v>
      </c>
      <c r="BO669" s="166">
        <v>0</v>
      </c>
      <c r="BP669" s="166">
        <v>0</v>
      </c>
      <c r="BQ669" s="166">
        <v>0</v>
      </c>
      <c r="BR669" s="166">
        <v>3.7079265382719802E-11</v>
      </c>
      <c r="BS669" s="166">
        <v>3.7079265382719802E-11</v>
      </c>
      <c r="BT669" s="168">
        <v>0.95109934560116105</v>
      </c>
      <c r="BU669" s="166">
        <v>0</v>
      </c>
      <c r="BV669" s="166">
        <v>3.5266065040876598E-11</v>
      </c>
      <c r="BW669" s="166">
        <v>0</v>
      </c>
      <c r="BX669" s="166">
        <v>0</v>
      </c>
      <c r="BY669" s="166">
        <v>0</v>
      </c>
      <c r="BZ669" s="166">
        <v>0</v>
      </c>
      <c r="CA669" s="166">
        <v>0</v>
      </c>
      <c r="CB669" s="166">
        <v>0</v>
      </c>
      <c r="CC669" s="166">
        <v>0</v>
      </c>
      <c r="CD669" s="166">
        <v>0</v>
      </c>
      <c r="CE669" s="166">
        <v>0</v>
      </c>
      <c r="CF669" s="166">
        <v>0</v>
      </c>
      <c r="CG669" s="166">
        <v>0</v>
      </c>
      <c r="CH669" s="166">
        <v>0</v>
      </c>
      <c r="CI669" s="166">
        <v>0</v>
      </c>
      <c r="CJ669" s="166">
        <v>0</v>
      </c>
      <c r="CK669" s="166">
        <v>0</v>
      </c>
      <c r="CL669" s="166">
        <v>0</v>
      </c>
      <c r="CM669" s="166">
        <v>0</v>
      </c>
      <c r="CN669" s="166">
        <v>0</v>
      </c>
      <c r="CO669" s="166">
        <v>0</v>
      </c>
      <c r="CP669" s="166">
        <v>0</v>
      </c>
      <c r="CQ669" s="166">
        <v>0</v>
      </c>
      <c r="CR669" s="166">
        <v>0</v>
      </c>
      <c r="CS669" s="166">
        <v>0</v>
      </c>
      <c r="CT669" s="166">
        <v>0</v>
      </c>
      <c r="CU669" s="166">
        <v>0</v>
      </c>
      <c r="CV669" s="166">
        <v>0</v>
      </c>
      <c r="CW669" s="166">
        <v>0</v>
      </c>
      <c r="CX669" s="166">
        <v>0</v>
      </c>
      <c r="CY669" s="166">
        <v>3.5266065040876598E-11</v>
      </c>
      <c r="CZ669" s="166">
        <v>3.5266065040876598E-11</v>
      </c>
    </row>
    <row r="670" spans="1:104" x14ac:dyDescent="0.2">
      <c r="A670" s="167" t="s">
        <v>201</v>
      </c>
      <c r="B670" s="166">
        <v>9.6272514017979996E-11</v>
      </c>
      <c r="C670" s="166">
        <v>9.6272514017979996E-11</v>
      </c>
      <c r="D670" s="166">
        <v>0</v>
      </c>
      <c r="E670" s="166">
        <v>0</v>
      </c>
      <c r="F670" s="166">
        <v>0</v>
      </c>
      <c r="G670" s="166">
        <v>0</v>
      </c>
      <c r="H670" s="166">
        <v>0</v>
      </c>
      <c r="I670" s="166">
        <v>0</v>
      </c>
      <c r="J670" s="166">
        <v>0</v>
      </c>
      <c r="K670" s="166">
        <v>0</v>
      </c>
      <c r="L670" s="166">
        <v>0</v>
      </c>
      <c r="M670" s="166">
        <v>0</v>
      </c>
      <c r="N670" s="166">
        <v>0</v>
      </c>
      <c r="O670" s="166">
        <v>0</v>
      </c>
      <c r="P670" s="166">
        <v>0</v>
      </c>
      <c r="Q670" s="166">
        <v>0</v>
      </c>
      <c r="R670" s="166">
        <v>0</v>
      </c>
      <c r="S670" s="166">
        <v>0</v>
      </c>
      <c r="T670" s="166">
        <v>0</v>
      </c>
      <c r="U670" s="166">
        <v>0</v>
      </c>
      <c r="V670" s="166">
        <v>0</v>
      </c>
      <c r="W670" s="166">
        <v>0</v>
      </c>
      <c r="X670" s="166">
        <v>0</v>
      </c>
      <c r="Y670" s="166">
        <v>0</v>
      </c>
      <c r="Z670" s="166">
        <v>0</v>
      </c>
      <c r="AA670" s="166">
        <v>0</v>
      </c>
      <c r="AB670" s="166">
        <v>0</v>
      </c>
      <c r="AC670" s="166">
        <v>0</v>
      </c>
      <c r="AD670" s="166">
        <v>0</v>
      </c>
      <c r="AE670" s="166">
        <v>0</v>
      </c>
      <c r="AF670" s="166">
        <v>0</v>
      </c>
      <c r="AG670" s="166">
        <v>0</v>
      </c>
      <c r="AH670" s="166">
        <v>0</v>
      </c>
      <c r="AI670" s="166">
        <v>0</v>
      </c>
      <c r="AJ670" s="166">
        <v>0</v>
      </c>
      <c r="AK670" s="166">
        <v>0</v>
      </c>
      <c r="AL670" s="166">
        <v>0</v>
      </c>
      <c r="AM670" s="166">
        <v>0</v>
      </c>
      <c r="AN670" s="166">
        <v>0</v>
      </c>
      <c r="AO670" s="166">
        <v>0</v>
      </c>
      <c r="AP670" s="166">
        <v>0</v>
      </c>
      <c r="AQ670" s="166">
        <v>0</v>
      </c>
      <c r="AR670" s="166">
        <v>0</v>
      </c>
      <c r="AS670" s="166">
        <v>0</v>
      </c>
      <c r="AT670" s="166">
        <v>0</v>
      </c>
      <c r="AU670" s="166">
        <v>0</v>
      </c>
      <c r="AV670" s="166">
        <v>0</v>
      </c>
      <c r="AW670" s="166">
        <v>0</v>
      </c>
      <c r="AX670" s="166">
        <v>0</v>
      </c>
      <c r="AY670" s="166">
        <v>0</v>
      </c>
      <c r="AZ670" s="166">
        <v>0</v>
      </c>
      <c r="BA670" s="166">
        <v>0</v>
      </c>
      <c r="BB670" s="166">
        <v>0</v>
      </c>
      <c r="BC670" s="166">
        <v>0</v>
      </c>
      <c r="BD670" s="166">
        <v>0</v>
      </c>
      <c r="BE670" s="166">
        <v>0</v>
      </c>
      <c r="BF670" s="166">
        <v>0</v>
      </c>
      <c r="BG670" s="166">
        <v>0</v>
      </c>
      <c r="BH670" s="166">
        <v>0</v>
      </c>
      <c r="BI670" s="166">
        <v>0</v>
      </c>
      <c r="BJ670" s="166">
        <v>0</v>
      </c>
      <c r="BK670" s="166">
        <v>0</v>
      </c>
      <c r="BL670" s="166">
        <v>0</v>
      </c>
      <c r="BM670" s="166">
        <v>0</v>
      </c>
      <c r="BN670" s="166">
        <v>0</v>
      </c>
      <c r="BO670" s="166">
        <v>0</v>
      </c>
      <c r="BP670" s="166">
        <v>0</v>
      </c>
      <c r="BQ670" s="166">
        <v>0</v>
      </c>
      <c r="BR670" s="166">
        <v>9.6272514017979996E-11</v>
      </c>
      <c r="BS670" s="166">
        <v>9.6272514017979996E-11</v>
      </c>
      <c r="BT670" s="168">
        <v>0.97403133392564201</v>
      </c>
      <c r="BU670" s="166">
        <v>0</v>
      </c>
      <c r="BV670" s="166">
        <v>9.37724452493081E-11</v>
      </c>
      <c r="BW670" s="166">
        <v>0</v>
      </c>
      <c r="BX670" s="166">
        <v>0</v>
      </c>
      <c r="BY670" s="166">
        <v>0</v>
      </c>
      <c r="BZ670" s="166">
        <v>0</v>
      </c>
      <c r="CA670" s="166">
        <v>0</v>
      </c>
      <c r="CB670" s="166">
        <v>0</v>
      </c>
      <c r="CC670" s="166">
        <v>0</v>
      </c>
      <c r="CD670" s="166">
        <v>0</v>
      </c>
      <c r="CE670" s="166">
        <v>0</v>
      </c>
      <c r="CF670" s="166">
        <v>0</v>
      </c>
      <c r="CG670" s="166">
        <v>0</v>
      </c>
      <c r="CH670" s="166">
        <v>0</v>
      </c>
      <c r="CI670" s="166">
        <v>0</v>
      </c>
      <c r="CJ670" s="166">
        <v>0</v>
      </c>
      <c r="CK670" s="166">
        <v>0</v>
      </c>
      <c r="CL670" s="166">
        <v>0</v>
      </c>
      <c r="CM670" s="166">
        <v>0</v>
      </c>
      <c r="CN670" s="166">
        <v>0</v>
      </c>
      <c r="CO670" s="166">
        <v>0</v>
      </c>
      <c r="CP670" s="166">
        <v>0</v>
      </c>
      <c r="CQ670" s="166">
        <v>0</v>
      </c>
      <c r="CR670" s="166">
        <v>0</v>
      </c>
      <c r="CS670" s="166">
        <v>0</v>
      </c>
      <c r="CT670" s="166">
        <v>0</v>
      </c>
      <c r="CU670" s="166">
        <v>0</v>
      </c>
      <c r="CV670" s="166">
        <v>0</v>
      </c>
      <c r="CW670" s="166">
        <v>0</v>
      </c>
      <c r="CX670" s="166">
        <v>0</v>
      </c>
      <c r="CY670" s="166">
        <v>9.37724452493081E-11</v>
      </c>
      <c r="CZ670" s="166">
        <v>9.37724452493081E-11</v>
      </c>
    </row>
    <row r="671" spans="1:104" x14ac:dyDescent="0.2">
      <c r="A671" s="167" t="s">
        <v>202</v>
      </c>
      <c r="B671" s="166">
        <v>11541239.509999899</v>
      </c>
      <c r="C671" s="166">
        <v>11541239.509999899</v>
      </c>
      <c r="D671" s="166">
        <v>0</v>
      </c>
      <c r="E671" s="166">
        <v>0</v>
      </c>
      <c r="F671" s="166">
        <v>0</v>
      </c>
      <c r="G671" s="166">
        <v>0</v>
      </c>
      <c r="H671" s="166">
        <v>0</v>
      </c>
      <c r="I671" s="166">
        <v>0</v>
      </c>
      <c r="J671" s="166">
        <v>0</v>
      </c>
      <c r="K671" s="166">
        <v>0</v>
      </c>
      <c r="L671" s="166">
        <v>0</v>
      </c>
      <c r="M671" s="166">
        <v>0</v>
      </c>
      <c r="N671" s="166">
        <v>0</v>
      </c>
      <c r="O671" s="166">
        <v>0</v>
      </c>
      <c r="P671" s="166">
        <v>0</v>
      </c>
      <c r="Q671" s="166">
        <v>0</v>
      </c>
      <c r="R671" s="166">
        <v>0</v>
      </c>
      <c r="S671" s="166">
        <v>0</v>
      </c>
      <c r="T671" s="166">
        <v>0</v>
      </c>
      <c r="U671" s="166">
        <v>0</v>
      </c>
      <c r="V671" s="166">
        <v>0</v>
      </c>
      <c r="W671" s="166">
        <v>0</v>
      </c>
      <c r="X671" s="166">
        <v>0</v>
      </c>
      <c r="Y671" s="166">
        <v>0</v>
      </c>
      <c r="Z671" s="166">
        <v>0</v>
      </c>
      <c r="AA671" s="166">
        <v>0</v>
      </c>
      <c r="AB671" s="166">
        <v>0</v>
      </c>
      <c r="AC671" s="166">
        <v>0</v>
      </c>
      <c r="AD671" s="166">
        <v>0</v>
      </c>
      <c r="AE671" s="166">
        <v>0</v>
      </c>
      <c r="AF671" s="166">
        <v>0</v>
      </c>
      <c r="AG671" s="166">
        <v>0</v>
      </c>
      <c r="AH671" s="166">
        <v>0</v>
      </c>
      <c r="AI671" s="166">
        <v>0</v>
      </c>
      <c r="AJ671" s="166">
        <v>0</v>
      </c>
      <c r="AK671" s="166">
        <v>0</v>
      </c>
      <c r="AL671" s="166">
        <v>0</v>
      </c>
      <c r="AM671" s="166">
        <v>0</v>
      </c>
      <c r="AN671" s="166">
        <v>0</v>
      </c>
      <c r="AO671" s="166">
        <v>0</v>
      </c>
      <c r="AP671" s="166">
        <v>0</v>
      </c>
      <c r="AQ671" s="166">
        <v>0</v>
      </c>
      <c r="AR671" s="166">
        <v>0</v>
      </c>
      <c r="AS671" s="166">
        <v>0</v>
      </c>
      <c r="AT671" s="166">
        <v>0</v>
      </c>
      <c r="AU671" s="166">
        <v>0</v>
      </c>
      <c r="AV671" s="166">
        <v>0</v>
      </c>
      <c r="AW671" s="166">
        <v>0</v>
      </c>
      <c r="AX671" s="166">
        <v>0</v>
      </c>
      <c r="AY671" s="166">
        <v>0</v>
      </c>
      <c r="AZ671" s="166">
        <v>0</v>
      </c>
      <c r="BA671" s="166">
        <v>0</v>
      </c>
      <c r="BB671" s="166">
        <v>0</v>
      </c>
      <c r="BC671" s="166">
        <v>0</v>
      </c>
      <c r="BD671" s="166">
        <v>0</v>
      </c>
      <c r="BE671" s="166">
        <v>0</v>
      </c>
      <c r="BF671" s="166">
        <v>0</v>
      </c>
      <c r="BG671" s="166">
        <v>0</v>
      </c>
      <c r="BH671" s="166">
        <v>0</v>
      </c>
      <c r="BI671" s="166">
        <v>0</v>
      </c>
      <c r="BJ671" s="166">
        <v>0</v>
      </c>
      <c r="BK671" s="166">
        <v>0</v>
      </c>
      <c r="BL671" s="166">
        <v>0</v>
      </c>
      <c r="BM671" s="166">
        <v>0</v>
      </c>
      <c r="BN671" s="166">
        <v>0</v>
      </c>
      <c r="BO671" s="166">
        <v>0</v>
      </c>
      <c r="BP671" s="166">
        <v>0</v>
      </c>
      <c r="BQ671" s="166">
        <v>0</v>
      </c>
      <c r="BR671" s="166">
        <v>11541239.509999899</v>
      </c>
      <c r="BS671" s="166">
        <v>11541239.509999899</v>
      </c>
      <c r="BT671" s="168">
        <v>0.72041766170058497</v>
      </c>
      <c r="BU671" s="166">
        <v>1269643.48303598</v>
      </c>
      <c r="BV671" s="166">
        <v>8314512.7809205996</v>
      </c>
      <c r="BW671" s="166">
        <v>0</v>
      </c>
      <c r="BX671" s="166">
        <v>0</v>
      </c>
      <c r="BY671" s="166">
        <v>0</v>
      </c>
      <c r="BZ671" s="166">
        <v>0</v>
      </c>
      <c r="CA671" s="166">
        <v>0</v>
      </c>
      <c r="CB671" s="166">
        <v>0</v>
      </c>
      <c r="CC671" s="166">
        <v>0</v>
      </c>
      <c r="CD671" s="166">
        <v>0</v>
      </c>
      <c r="CE671" s="166">
        <v>0</v>
      </c>
      <c r="CF671" s="166">
        <v>0</v>
      </c>
      <c r="CG671" s="166">
        <v>0</v>
      </c>
      <c r="CH671" s="166">
        <v>0</v>
      </c>
      <c r="CI671" s="166">
        <v>0</v>
      </c>
      <c r="CJ671" s="166">
        <v>0</v>
      </c>
      <c r="CK671" s="166">
        <v>0</v>
      </c>
      <c r="CL671" s="166">
        <v>0</v>
      </c>
      <c r="CM671" s="166">
        <v>0</v>
      </c>
      <c r="CN671" s="166">
        <v>0</v>
      </c>
      <c r="CO671" s="166">
        <v>0</v>
      </c>
      <c r="CP671" s="166">
        <v>0</v>
      </c>
      <c r="CQ671" s="166">
        <v>0</v>
      </c>
      <c r="CR671" s="166">
        <v>0</v>
      </c>
      <c r="CS671" s="166">
        <v>0</v>
      </c>
      <c r="CT671" s="166">
        <v>0</v>
      </c>
      <c r="CU671" s="166">
        <v>0</v>
      </c>
      <c r="CV671" s="166">
        <v>0</v>
      </c>
      <c r="CW671" s="166">
        <v>0</v>
      </c>
      <c r="CX671" s="166">
        <v>0</v>
      </c>
      <c r="CY671" s="166">
        <v>8314512.7809205996</v>
      </c>
      <c r="CZ671" s="166">
        <v>8314512.7809205996</v>
      </c>
    </row>
    <row r="672" spans="1:104" x14ac:dyDescent="0.2">
      <c r="A672" s="167" t="s">
        <v>1073</v>
      </c>
      <c r="B672" s="166">
        <v>11541239.51</v>
      </c>
      <c r="C672" s="166">
        <v>11541239.51</v>
      </c>
      <c r="D672" s="166">
        <v>0</v>
      </c>
      <c r="E672" s="166">
        <v>0</v>
      </c>
      <c r="F672" s="166">
        <v>0</v>
      </c>
      <c r="G672" s="166">
        <v>0</v>
      </c>
      <c r="H672" s="166">
        <v>0</v>
      </c>
      <c r="I672" s="166">
        <v>0</v>
      </c>
      <c r="J672" s="166">
        <v>0</v>
      </c>
      <c r="K672" s="166">
        <v>0</v>
      </c>
      <c r="L672" s="166">
        <v>0</v>
      </c>
      <c r="M672" s="166">
        <v>0</v>
      </c>
      <c r="N672" s="166">
        <v>0</v>
      </c>
      <c r="O672" s="166">
        <v>0</v>
      </c>
      <c r="P672" s="166">
        <v>0</v>
      </c>
      <c r="Q672" s="166">
        <v>0</v>
      </c>
      <c r="R672" s="166">
        <v>0</v>
      </c>
      <c r="S672" s="166">
        <v>0</v>
      </c>
      <c r="T672" s="166">
        <v>0</v>
      </c>
      <c r="U672" s="166">
        <v>0</v>
      </c>
      <c r="V672" s="166">
        <v>0</v>
      </c>
      <c r="W672" s="166">
        <v>0</v>
      </c>
      <c r="X672" s="166">
        <v>0</v>
      </c>
      <c r="Y672" s="166">
        <v>0</v>
      </c>
      <c r="Z672" s="166">
        <v>0</v>
      </c>
      <c r="AA672" s="166">
        <v>0</v>
      </c>
      <c r="AB672" s="166">
        <v>0</v>
      </c>
      <c r="AC672" s="166">
        <v>0</v>
      </c>
      <c r="AD672" s="166">
        <v>0</v>
      </c>
      <c r="AE672" s="166">
        <v>0</v>
      </c>
      <c r="AF672" s="166">
        <v>0</v>
      </c>
      <c r="AG672" s="166">
        <v>0</v>
      </c>
      <c r="AH672" s="166">
        <v>0</v>
      </c>
      <c r="AI672" s="166">
        <v>0</v>
      </c>
      <c r="AJ672" s="166">
        <v>0</v>
      </c>
      <c r="AK672" s="166">
        <v>0</v>
      </c>
      <c r="AL672" s="166">
        <v>0</v>
      </c>
      <c r="AM672" s="166">
        <v>0</v>
      </c>
      <c r="AN672" s="166">
        <v>0</v>
      </c>
      <c r="AO672" s="166">
        <v>0</v>
      </c>
      <c r="AP672" s="166">
        <v>0</v>
      </c>
      <c r="AQ672" s="166">
        <v>0</v>
      </c>
      <c r="AR672" s="166">
        <v>0</v>
      </c>
      <c r="AS672" s="166">
        <v>0</v>
      </c>
      <c r="AT672" s="166">
        <v>0</v>
      </c>
      <c r="AU672" s="166">
        <v>0</v>
      </c>
      <c r="AV672" s="166">
        <v>0</v>
      </c>
      <c r="AW672" s="166">
        <v>0</v>
      </c>
      <c r="AX672" s="166">
        <v>0</v>
      </c>
      <c r="AY672" s="166">
        <v>0</v>
      </c>
      <c r="AZ672" s="166">
        <v>0</v>
      </c>
      <c r="BA672" s="166">
        <v>0</v>
      </c>
      <c r="BB672" s="166">
        <v>0</v>
      </c>
      <c r="BC672" s="166">
        <v>0</v>
      </c>
      <c r="BD672" s="166">
        <v>0</v>
      </c>
      <c r="BE672" s="166">
        <v>0</v>
      </c>
      <c r="BF672" s="166">
        <v>0</v>
      </c>
      <c r="BG672" s="166">
        <v>0</v>
      </c>
      <c r="BH672" s="166">
        <v>0</v>
      </c>
      <c r="BI672" s="166">
        <v>0</v>
      </c>
      <c r="BJ672" s="166">
        <v>0</v>
      </c>
      <c r="BK672" s="166">
        <v>0</v>
      </c>
      <c r="BL672" s="166">
        <v>0</v>
      </c>
      <c r="BM672" s="166">
        <v>0</v>
      </c>
      <c r="BN672" s="166">
        <v>0</v>
      </c>
      <c r="BO672" s="166">
        <v>0</v>
      </c>
      <c r="BP672" s="166">
        <v>0</v>
      </c>
      <c r="BQ672" s="166">
        <v>0</v>
      </c>
      <c r="BR672" s="166">
        <v>11541239.51</v>
      </c>
      <c r="BS672" s="166">
        <v>11541239.509999899</v>
      </c>
      <c r="BT672" s="168">
        <v>0</v>
      </c>
      <c r="BU672" s="166">
        <v>1269643.48303598</v>
      </c>
      <c r="BV672" s="166">
        <v>8314512.7809205996</v>
      </c>
      <c r="BW672" s="166">
        <v>0</v>
      </c>
      <c r="BX672" s="166">
        <v>0</v>
      </c>
      <c r="BY672" s="166">
        <v>0</v>
      </c>
      <c r="BZ672" s="166">
        <v>0</v>
      </c>
      <c r="CA672" s="166">
        <v>0</v>
      </c>
      <c r="CB672" s="166">
        <v>0</v>
      </c>
      <c r="CC672" s="166">
        <v>0</v>
      </c>
      <c r="CD672" s="166">
        <v>0</v>
      </c>
      <c r="CE672" s="166">
        <v>0</v>
      </c>
      <c r="CF672" s="166">
        <v>0</v>
      </c>
      <c r="CG672" s="166">
        <v>0</v>
      </c>
      <c r="CH672" s="166">
        <v>0</v>
      </c>
      <c r="CI672" s="166">
        <v>0</v>
      </c>
      <c r="CJ672" s="166">
        <v>0</v>
      </c>
      <c r="CK672" s="166">
        <v>0</v>
      </c>
      <c r="CL672" s="166">
        <v>0</v>
      </c>
      <c r="CM672" s="166">
        <v>0</v>
      </c>
      <c r="CN672" s="166">
        <v>0</v>
      </c>
      <c r="CO672" s="166">
        <v>0</v>
      </c>
      <c r="CP672" s="166">
        <v>0</v>
      </c>
      <c r="CQ672" s="166">
        <v>0</v>
      </c>
      <c r="CR672" s="166">
        <v>0</v>
      </c>
      <c r="CS672" s="166">
        <v>0</v>
      </c>
      <c r="CT672" s="166">
        <v>0</v>
      </c>
      <c r="CU672" s="166">
        <v>0</v>
      </c>
      <c r="CV672" s="166">
        <v>0</v>
      </c>
      <c r="CW672" s="166">
        <v>0</v>
      </c>
      <c r="CX672" s="166">
        <v>0</v>
      </c>
      <c r="CY672" s="166">
        <v>8314512.7809205996</v>
      </c>
      <c r="CZ672" s="166">
        <v>8314512.7809205996</v>
      </c>
    </row>
    <row r="673" spans="1:104" x14ac:dyDescent="0.2">
      <c r="A673" s="167" t="s">
        <v>204</v>
      </c>
    </row>
    <row r="674" spans="1:104" x14ac:dyDescent="0.2">
      <c r="A674" s="167" t="s">
        <v>1074</v>
      </c>
      <c r="B674" s="166">
        <v>8833.0477850962507</v>
      </c>
      <c r="C674" s="166">
        <v>8833.0477850962507</v>
      </c>
      <c r="D674" s="166">
        <v>0</v>
      </c>
      <c r="E674" s="166">
        <v>0</v>
      </c>
      <c r="F674" s="166">
        <v>0</v>
      </c>
      <c r="G674" s="166">
        <v>0</v>
      </c>
      <c r="H674" s="166">
        <v>0</v>
      </c>
      <c r="I674" s="166">
        <v>0</v>
      </c>
      <c r="J674" s="166">
        <v>0</v>
      </c>
      <c r="K674" s="166">
        <v>0</v>
      </c>
      <c r="L674" s="166">
        <v>0</v>
      </c>
      <c r="M674" s="166">
        <v>0</v>
      </c>
      <c r="N674" s="166">
        <v>0</v>
      </c>
      <c r="O674" s="166">
        <v>0</v>
      </c>
      <c r="P674" s="166">
        <v>0</v>
      </c>
      <c r="Q674" s="166">
        <v>0</v>
      </c>
      <c r="R674" s="166">
        <v>0</v>
      </c>
      <c r="S674" s="166">
        <v>0</v>
      </c>
      <c r="T674" s="166">
        <v>0</v>
      </c>
      <c r="U674" s="166">
        <v>0</v>
      </c>
      <c r="V674" s="166">
        <v>0</v>
      </c>
      <c r="W674" s="166">
        <v>0</v>
      </c>
      <c r="X674" s="166">
        <v>0</v>
      </c>
      <c r="Y674" s="166">
        <v>0</v>
      </c>
      <c r="Z674" s="166">
        <v>0</v>
      </c>
      <c r="AA674" s="166">
        <v>0</v>
      </c>
      <c r="AB674" s="166">
        <v>0</v>
      </c>
      <c r="AC674" s="166">
        <v>0</v>
      </c>
      <c r="AD674" s="166">
        <v>0</v>
      </c>
      <c r="AE674" s="166">
        <v>0</v>
      </c>
      <c r="AF674" s="166">
        <v>0</v>
      </c>
      <c r="AG674" s="166">
        <v>0</v>
      </c>
      <c r="AH674" s="166">
        <v>0</v>
      </c>
      <c r="AI674" s="166">
        <v>0</v>
      </c>
      <c r="AJ674" s="166">
        <v>0</v>
      </c>
      <c r="AK674" s="166">
        <v>0</v>
      </c>
      <c r="AL674" s="166">
        <v>0</v>
      </c>
      <c r="AM674" s="166">
        <v>0</v>
      </c>
      <c r="AN674" s="166">
        <v>0</v>
      </c>
      <c r="AO674" s="166">
        <v>0</v>
      </c>
      <c r="AP674" s="166">
        <v>0</v>
      </c>
      <c r="AQ674" s="166">
        <v>0</v>
      </c>
      <c r="AR674" s="166">
        <v>0</v>
      </c>
      <c r="AS674" s="166">
        <v>0</v>
      </c>
      <c r="AT674" s="166">
        <v>0</v>
      </c>
      <c r="AU674" s="166">
        <v>0</v>
      </c>
      <c r="AV674" s="166">
        <v>0</v>
      </c>
      <c r="AW674" s="166">
        <v>0</v>
      </c>
      <c r="AX674" s="166">
        <v>0</v>
      </c>
      <c r="AY674" s="166">
        <v>0</v>
      </c>
      <c r="AZ674" s="166">
        <v>0</v>
      </c>
      <c r="BA674" s="166">
        <v>0</v>
      </c>
      <c r="BB674" s="166">
        <v>0</v>
      </c>
      <c r="BC674" s="166">
        <v>0</v>
      </c>
      <c r="BD674" s="166">
        <v>0</v>
      </c>
      <c r="BE674" s="166">
        <v>0</v>
      </c>
      <c r="BF674" s="166">
        <v>0</v>
      </c>
      <c r="BG674" s="166">
        <v>0</v>
      </c>
      <c r="BH674" s="166">
        <v>0</v>
      </c>
      <c r="BI674" s="166">
        <v>0</v>
      </c>
      <c r="BJ674" s="166">
        <v>0</v>
      </c>
      <c r="BK674" s="166">
        <v>0</v>
      </c>
      <c r="BL674" s="166">
        <v>0</v>
      </c>
      <c r="BM674" s="166">
        <v>0</v>
      </c>
      <c r="BN674" s="166">
        <v>0</v>
      </c>
      <c r="BO674" s="166">
        <v>0</v>
      </c>
      <c r="BP674" s="166">
        <v>0</v>
      </c>
      <c r="BQ674" s="166">
        <v>0</v>
      </c>
      <c r="BR674" s="166">
        <v>8833.0477850962507</v>
      </c>
      <c r="BS674" s="166">
        <v>8833.0477850962507</v>
      </c>
      <c r="BT674" s="168">
        <v>0.97402999999999995</v>
      </c>
      <c r="BU674" s="166">
        <v>99.489652958147204</v>
      </c>
      <c r="BV674" s="166">
        <v>8603.6535341173003</v>
      </c>
      <c r="BW674" s="166">
        <v>0</v>
      </c>
      <c r="BX674" s="166">
        <v>0</v>
      </c>
      <c r="BY674" s="166">
        <v>0</v>
      </c>
      <c r="BZ674" s="166">
        <v>0</v>
      </c>
      <c r="CA674" s="166">
        <v>0</v>
      </c>
      <c r="CB674" s="166">
        <v>0</v>
      </c>
      <c r="CC674" s="166">
        <v>0</v>
      </c>
      <c r="CD674" s="166">
        <v>0</v>
      </c>
      <c r="CE674" s="166">
        <v>0</v>
      </c>
      <c r="CF674" s="166">
        <v>0</v>
      </c>
      <c r="CG674" s="166">
        <v>0</v>
      </c>
      <c r="CH674" s="166">
        <v>0</v>
      </c>
      <c r="CI674" s="166">
        <v>0</v>
      </c>
      <c r="CJ674" s="166">
        <v>0</v>
      </c>
      <c r="CK674" s="166">
        <v>0</v>
      </c>
      <c r="CL674" s="166">
        <v>0</v>
      </c>
      <c r="CM674" s="166">
        <v>0</v>
      </c>
      <c r="CN674" s="166">
        <v>0</v>
      </c>
      <c r="CO674" s="166">
        <v>0</v>
      </c>
      <c r="CP674" s="166">
        <v>0</v>
      </c>
      <c r="CQ674" s="166">
        <v>0</v>
      </c>
      <c r="CR674" s="166">
        <v>0</v>
      </c>
      <c r="CS674" s="166">
        <v>0</v>
      </c>
      <c r="CT674" s="166">
        <v>0</v>
      </c>
      <c r="CU674" s="166">
        <v>0</v>
      </c>
      <c r="CV674" s="166">
        <v>0</v>
      </c>
      <c r="CW674" s="166">
        <v>0</v>
      </c>
      <c r="CX674" s="166">
        <v>0</v>
      </c>
      <c r="CY674" s="166">
        <v>8603.6535341173003</v>
      </c>
      <c r="CZ674" s="166">
        <v>8603.6535341173003</v>
      </c>
    </row>
    <row r="675" spans="1:104" x14ac:dyDescent="0.2">
      <c r="A675" s="167" t="s">
        <v>1075</v>
      </c>
      <c r="B675" s="166">
        <v>279.27043267759802</v>
      </c>
      <c r="C675" s="166">
        <v>279.27043267759802</v>
      </c>
      <c r="D675" s="166">
        <v>0</v>
      </c>
      <c r="E675" s="166">
        <v>0</v>
      </c>
      <c r="F675" s="166">
        <v>0</v>
      </c>
      <c r="G675" s="166">
        <v>0</v>
      </c>
      <c r="H675" s="166">
        <v>0</v>
      </c>
      <c r="I675" s="166">
        <v>0</v>
      </c>
      <c r="J675" s="166">
        <v>0</v>
      </c>
      <c r="K675" s="166">
        <v>0</v>
      </c>
      <c r="L675" s="166">
        <v>0</v>
      </c>
      <c r="M675" s="166">
        <v>0</v>
      </c>
      <c r="N675" s="166">
        <v>0</v>
      </c>
      <c r="O675" s="166">
        <v>0</v>
      </c>
      <c r="P675" s="166">
        <v>0</v>
      </c>
      <c r="Q675" s="166">
        <v>0</v>
      </c>
      <c r="R675" s="166">
        <v>0</v>
      </c>
      <c r="S675" s="166">
        <v>0</v>
      </c>
      <c r="T675" s="166">
        <v>0</v>
      </c>
      <c r="U675" s="166">
        <v>0</v>
      </c>
      <c r="V675" s="166">
        <v>0</v>
      </c>
      <c r="W675" s="166">
        <v>0</v>
      </c>
      <c r="X675" s="166">
        <v>0</v>
      </c>
      <c r="Y675" s="166">
        <v>0</v>
      </c>
      <c r="Z675" s="166">
        <v>0</v>
      </c>
      <c r="AA675" s="166">
        <v>0</v>
      </c>
      <c r="AB675" s="166">
        <v>0</v>
      </c>
      <c r="AC675" s="166">
        <v>0</v>
      </c>
      <c r="AD675" s="166">
        <v>0</v>
      </c>
      <c r="AE675" s="166">
        <v>0</v>
      </c>
      <c r="AF675" s="166">
        <v>0</v>
      </c>
      <c r="AG675" s="166">
        <v>0</v>
      </c>
      <c r="AH675" s="166">
        <v>0</v>
      </c>
      <c r="AI675" s="166">
        <v>0</v>
      </c>
      <c r="AJ675" s="166">
        <v>0</v>
      </c>
      <c r="AK675" s="166">
        <v>0</v>
      </c>
      <c r="AL675" s="166">
        <v>0</v>
      </c>
      <c r="AM675" s="166">
        <v>0</v>
      </c>
      <c r="AN675" s="166">
        <v>0</v>
      </c>
      <c r="AO675" s="166">
        <v>0</v>
      </c>
      <c r="AP675" s="166">
        <v>0</v>
      </c>
      <c r="AQ675" s="166">
        <v>0</v>
      </c>
      <c r="AR675" s="166">
        <v>0</v>
      </c>
      <c r="AS675" s="166">
        <v>0</v>
      </c>
      <c r="AT675" s="166">
        <v>0</v>
      </c>
      <c r="AU675" s="166">
        <v>0</v>
      </c>
      <c r="AV675" s="166">
        <v>0</v>
      </c>
      <c r="AW675" s="166">
        <v>0</v>
      </c>
      <c r="AX675" s="166">
        <v>0</v>
      </c>
      <c r="AY675" s="166">
        <v>0</v>
      </c>
      <c r="AZ675" s="166">
        <v>0</v>
      </c>
      <c r="BA675" s="166">
        <v>0</v>
      </c>
      <c r="BB675" s="166">
        <v>0</v>
      </c>
      <c r="BC675" s="166">
        <v>0</v>
      </c>
      <c r="BD675" s="166">
        <v>0</v>
      </c>
      <c r="BE675" s="166">
        <v>0</v>
      </c>
      <c r="BF675" s="166">
        <v>0</v>
      </c>
      <c r="BG675" s="166">
        <v>0</v>
      </c>
      <c r="BH675" s="166">
        <v>0</v>
      </c>
      <c r="BI675" s="166">
        <v>0</v>
      </c>
      <c r="BJ675" s="166">
        <v>0</v>
      </c>
      <c r="BK675" s="166">
        <v>0</v>
      </c>
      <c r="BL675" s="166">
        <v>0</v>
      </c>
      <c r="BM675" s="166">
        <v>0</v>
      </c>
      <c r="BN675" s="166">
        <v>0</v>
      </c>
      <c r="BO675" s="166">
        <v>0</v>
      </c>
      <c r="BP675" s="166">
        <v>0</v>
      </c>
      <c r="BQ675" s="166">
        <v>0</v>
      </c>
      <c r="BR675" s="166">
        <v>279.27043267759802</v>
      </c>
      <c r="BS675" s="166">
        <v>279.27043267759802</v>
      </c>
      <c r="BT675" s="168">
        <v>0.92637230841245999</v>
      </c>
      <c r="BU675" s="166">
        <v>2.99161378044028</v>
      </c>
      <c r="BV675" s="166">
        <v>258.70839539089297</v>
      </c>
      <c r="BW675" s="166">
        <v>0</v>
      </c>
      <c r="BX675" s="166">
        <v>0</v>
      </c>
      <c r="BY675" s="166">
        <v>0</v>
      </c>
      <c r="BZ675" s="166">
        <v>0</v>
      </c>
      <c r="CA675" s="166">
        <v>0</v>
      </c>
      <c r="CB675" s="166">
        <v>0</v>
      </c>
      <c r="CC675" s="166">
        <v>0</v>
      </c>
      <c r="CD675" s="166">
        <v>0</v>
      </c>
      <c r="CE675" s="166">
        <v>0</v>
      </c>
      <c r="CF675" s="166">
        <v>0</v>
      </c>
      <c r="CG675" s="166">
        <v>0</v>
      </c>
      <c r="CH675" s="166">
        <v>0</v>
      </c>
      <c r="CI675" s="166">
        <v>0</v>
      </c>
      <c r="CJ675" s="166">
        <v>0</v>
      </c>
      <c r="CK675" s="166">
        <v>0</v>
      </c>
      <c r="CL675" s="166">
        <v>0</v>
      </c>
      <c r="CM675" s="166">
        <v>0</v>
      </c>
      <c r="CN675" s="166">
        <v>0</v>
      </c>
      <c r="CO675" s="166">
        <v>0</v>
      </c>
      <c r="CP675" s="166">
        <v>0</v>
      </c>
      <c r="CQ675" s="166">
        <v>0</v>
      </c>
      <c r="CR675" s="166">
        <v>0</v>
      </c>
      <c r="CS675" s="166">
        <v>0</v>
      </c>
      <c r="CT675" s="166">
        <v>0</v>
      </c>
      <c r="CU675" s="166">
        <v>0</v>
      </c>
      <c r="CV675" s="166">
        <v>0</v>
      </c>
      <c r="CW675" s="166">
        <v>0</v>
      </c>
      <c r="CX675" s="166">
        <v>0</v>
      </c>
      <c r="CY675" s="166">
        <v>258.70839539089297</v>
      </c>
      <c r="CZ675" s="166">
        <v>258.70839539089297</v>
      </c>
    </row>
    <row r="676" spans="1:104" x14ac:dyDescent="0.2">
      <c r="A676" s="167" t="s">
        <v>1076</v>
      </c>
      <c r="B676" s="166">
        <v>2014.60870962839</v>
      </c>
      <c r="C676" s="166">
        <v>2014.60870962839</v>
      </c>
      <c r="D676" s="166">
        <v>0</v>
      </c>
      <c r="E676" s="166">
        <v>0</v>
      </c>
      <c r="F676" s="166">
        <v>0</v>
      </c>
      <c r="G676" s="166">
        <v>0</v>
      </c>
      <c r="H676" s="166">
        <v>0</v>
      </c>
      <c r="I676" s="166">
        <v>0</v>
      </c>
      <c r="J676" s="166">
        <v>0</v>
      </c>
      <c r="K676" s="166">
        <v>0</v>
      </c>
      <c r="L676" s="166">
        <v>0</v>
      </c>
      <c r="M676" s="166">
        <v>0</v>
      </c>
      <c r="N676" s="166">
        <v>0</v>
      </c>
      <c r="O676" s="166">
        <v>0</v>
      </c>
      <c r="P676" s="166">
        <v>0</v>
      </c>
      <c r="Q676" s="166">
        <v>0</v>
      </c>
      <c r="R676" s="166">
        <v>0</v>
      </c>
      <c r="S676" s="166">
        <v>0</v>
      </c>
      <c r="T676" s="166">
        <v>0</v>
      </c>
      <c r="U676" s="166">
        <v>0</v>
      </c>
      <c r="V676" s="166">
        <v>0</v>
      </c>
      <c r="W676" s="166">
        <v>0</v>
      </c>
      <c r="X676" s="166">
        <v>0</v>
      </c>
      <c r="Y676" s="166">
        <v>0</v>
      </c>
      <c r="Z676" s="166">
        <v>0</v>
      </c>
      <c r="AA676" s="166">
        <v>0</v>
      </c>
      <c r="AB676" s="166">
        <v>0</v>
      </c>
      <c r="AC676" s="166">
        <v>0</v>
      </c>
      <c r="AD676" s="166">
        <v>0</v>
      </c>
      <c r="AE676" s="166">
        <v>0</v>
      </c>
      <c r="AF676" s="166">
        <v>0</v>
      </c>
      <c r="AG676" s="166">
        <v>0</v>
      </c>
      <c r="AH676" s="166">
        <v>0</v>
      </c>
      <c r="AI676" s="166">
        <v>0</v>
      </c>
      <c r="AJ676" s="166">
        <v>0</v>
      </c>
      <c r="AK676" s="166">
        <v>0</v>
      </c>
      <c r="AL676" s="166">
        <v>0</v>
      </c>
      <c r="AM676" s="166">
        <v>0</v>
      </c>
      <c r="AN676" s="166">
        <v>0</v>
      </c>
      <c r="AO676" s="166">
        <v>0</v>
      </c>
      <c r="AP676" s="166">
        <v>0</v>
      </c>
      <c r="AQ676" s="166">
        <v>0</v>
      </c>
      <c r="AR676" s="166">
        <v>0</v>
      </c>
      <c r="AS676" s="166">
        <v>0</v>
      </c>
      <c r="AT676" s="166">
        <v>0</v>
      </c>
      <c r="AU676" s="166">
        <v>0</v>
      </c>
      <c r="AV676" s="166">
        <v>0</v>
      </c>
      <c r="AW676" s="166">
        <v>0</v>
      </c>
      <c r="AX676" s="166">
        <v>0</v>
      </c>
      <c r="AY676" s="166">
        <v>0</v>
      </c>
      <c r="AZ676" s="166">
        <v>0</v>
      </c>
      <c r="BA676" s="166">
        <v>0</v>
      </c>
      <c r="BB676" s="166">
        <v>0</v>
      </c>
      <c r="BC676" s="166">
        <v>0</v>
      </c>
      <c r="BD676" s="166">
        <v>0</v>
      </c>
      <c r="BE676" s="166">
        <v>0</v>
      </c>
      <c r="BF676" s="166">
        <v>0</v>
      </c>
      <c r="BG676" s="166">
        <v>0</v>
      </c>
      <c r="BH676" s="166">
        <v>0</v>
      </c>
      <c r="BI676" s="166">
        <v>0</v>
      </c>
      <c r="BJ676" s="166">
        <v>0</v>
      </c>
      <c r="BK676" s="166">
        <v>0</v>
      </c>
      <c r="BL676" s="166">
        <v>0</v>
      </c>
      <c r="BM676" s="166">
        <v>0</v>
      </c>
      <c r="BN676" s="166">
        <v>0</v>
      </c>
      <c r="BO676" s="166">
        <v>0</v>
      </c>
      <c r="BP676" s="166">
        <v>0</v>
      </c>
      <c r="BQ676" s="166">
        <v>0</v>
      </c>
      <c r="BR676" s="166">
        <v>2014.60870962839</v>
      </c>
      <c r="BS676" s="166">
        <v>2014.60870962839</v>
      </c>
      <c r="BT676" s="168">
        <v>0.95109934560116105</v>
      </c>
      <c r="BU676" s="166">
        <v>22.157032401833199</v>
      </c>
      <c r="BV676" s="166">
        <v>1916.0930253699601</v>
      </c>
      <c r="BW676" s="166">
        <v>0</v>
      </c>
      <c r="BX676" s="166">
        <v>0</v>
      </c>
      <c r="BY676" s="166">
        <v>0</v>
      </c>
      <c r="BZ676" s="166">
        <v>0</v>
      </c>
      <c r="CA676" s="166">
        <v>0</v>
      </c>
      <c r="CB676" s="166">
        <v>0</v>
      </c>
      <c r="CC676" s="166">
        <v>0</v>
      </c>
      <c r="CD676" s="166">
        <v>0</v>
      </c>
      <c r="CE676" s="166">
        <v>0</v>
      </c>
      <c r="CF676" s="166">
        <v>0</v>
      </c>
      <c r="CG676" s="166">
        <v>0</v>
      </c>
      <c r="CH676" s="166">
        <v>0</v>
      </c>
      <c r="CI676" s="166">
        <v>0</v>
      </c>
      <c r="CJ676" s="166">
        <v>0</v>
      </c>
      <c r="CK676" s="166">
        <v>0</v>
      </c>
      <c r="CL676" s="166">
        <v>0</v>
      </c>
      <c r="CM676" s="166">
        <v>0</v>
      </c>
      <c r="CN676" s="166">
        <v>0</v>
      </c>
      <c r="CO676" s="166">
        <v>0</v>
      </c>
      <c r="CP676" s="166">
        <v>0</v>
      </c>
      <c r="CQ676" s="166">
        <v>0</v>
      </c>
      <c r="CR676" s="166">
        <v>0</v>
      </c>
      <c r="CS676" s="166">
        <v>0</v>
      </c>
      <c r="CT676" s="166">
        <v>0</v>
      </c>
      <c r="CU676" s="166">
        <v>0</v>
      </c>
      <c r="CV676" s="166">
        <v>0</v>
      </c>
      <c r="CW676" s="166">
        <v>0</v>
      </c>
      <c r="CX676" s="166">
        <v>0</v>
      </c>
      <c r="CY676" s="166">
        <v>1916.0930253699601</v>
      </c>
      <c r="CZ676" s="166">
        <v>1916.0930253699601</v>
      </c>
    </row>
    <row r="677" spans="1:104" x14ac:dyDescent="0.2">
      <c r="A677" s="167" t="s">
        <v>208</v>
      </c>
      <c r="B677" s="166">
        <v>6444.7231307063903</v>
      </c>
      <c r="C677" s="166">
        <v>6444.7231307063903</v>
      </c>
      <c r="D677" s="166">
        <v>0</v>
      </c>
      <c r="E677" s="166">
        <v>0</v>
      </c>
      <c r="F677" s="166">
        <v>0</v>
      </c>
      <c r="G677" s="166">
        <v>0</v>
      </c>
      <c r="H677" s="166">
        <v>0</v>
      </c>
      <c r="I677" s="166">
        <v>0</v>
      </c>
      <c r="J677" s="166">
        <v>0</v>
      </c>
      <c r="K677" s="166">
        <v>0</v>
      </c>
      <c r="L677" s="166">
        <v>0</v>
      </c>
      <c r="M677" s="166">
        <v>0</v>
      </c>
      <c r="N677" s="166">
        <v>0</v>
      </c>
      <c r="O677" s="166">
        <v>0</v>
      </c>
      <c r="P677" s="166">
        <v>0</v>
      </c>
      <c r="Q677" s="166">
        <v>0</v>
      </c>
      <c r="R677" s="166">
        <v>0</v>
      </c>
      <c r="S677" s="166">
        <v>0</v>
      </c>
      <c r="T677" s="166">
        <v>0</v>
      </c>
      <c r="U677" s="166">
        <v>0</v>
      </c>
      <c r="V677" s="166">
        <v>0</v>
      </c>
      <c r="W677" s="166">
        <v>0</v>
      </c>
      <c r="X677" s="166">
        <v>0</v>
      </c>
      <c r="Y677" s="166">
        <v>0</v>
      </c>
      <c r="Z677" s="166">
        <v>0</v>
      </c>
      <c r="AA677" s="166">
        <v>0</v>
      </c>
      <c r="AB677" s="166">
        <v>0</v>
      </c>
      <c r="AC677" s="166">
        <v>0</v>
      </c>
      <c r="AD677" s="166">
        <v>0</v>
      </c>
      <c r="AE677" s="166">
        <v>0</v>
      </c>
      <c r="AF677" s="166">
        <v>0</v>
      </c>
      <c r="AG677" s="166">
        <v>0</v>
      </c>
      <c r="AH677" s="166">
        <v>0</v>
      </c>
      <c r="AI677" s="166">
        <v>0</v>
      </c>
      <c r="AJ677" s="166">
        <v>0</v>
      </c>
      <c r="AK677" s="166">
        <v>0</v>
      </c>
      <c r="AL677" s="166">
        <v>0</v>
      </c>
      <c r="AM677" s="166">
        <v>0</v>
      </c>
      <c r="AN677" s="166">
        <v>0</v>
      </c>
      <c r="AO677" s="166">
        <v>0</v>
      </c>
      <c r="AP677" s="166">
        <v>0</v>
      </c>
      <c r="AQ677" s="166">
        <v>0</v>
      </c>
      <c r="AR677" s="166">
        <v>0</v>
      </c>
      <c r="AS677" s="166">
        <v>0</v>
      </c>
      <c r="AT677" s="166">
        <v>0</v>
      </c>
      <c r="AU677" s="166">
        <v>0</v>
      </c>
      <c r="AV677" s="166">
        <v>0</v>
      </c>
      <c r="AW677" s="166">
        <v>0</v>
      </c>
      <c r="AX677" s="166">
        <v>0</v>
      </c>
      <c r="AY677" s="166">
        <v>0</v>
      </c>
      <c r="AZ677" s="166">
        <v>0</v>
      </c>
      <c r="BA677" s="166">
        <v>0</v>
      </c>
      <c r="BB677" s="166">
        <v>0</v>
      </c>
      <c r="BC677" s="166">
        <v>0</v>
      </c>
      <c r="BD677" s="166">
        <v>0</v>
      </c>
      <c r="BE677" s="166">
        <v>0</v>
      </c>
      <c r="BF677" s="166">
        <v>0</v>
      </c>
      <c r="BG677" s="166">
        <v>0</v>
      </c>
      <c r="BH677" s="166">
        <v>0</v>
      </c>
      <c r="BI677" s="166">
        <v>0</v>
      </c>
      <c r="BJ677" s="166">
        <v>0</v>
      </c>
      <c r="BK677" s="166">
        <v>0</v>
      </c>
      <c r="BL677" s="166">
        <v>0</v>
      </c>
      <c r="BM677" s="166">
        <v>0</v>
      </c>
      <c r="BN677" s="166">
        <v>0</v>
      </c>
      <c r="BO677" s="166">
        <v>0</v>
      </c>
      <c r="BP677" s="166">
        <v>0</v>
      </c>
      <c r="BQ677" s="166">
        <v>0</v>
      </c>
      <c r="BR677" s="166">
        <v>6444.7231307063903</v>
      </c>
      <c r="BS677" s="166">
        <v>6444.7231307063903</v>
      </c>
      <c r="BT677" s="168">
        <v>0.97403133392564201</v>
      </c>
      <c r="BU677" s="166">
        <v>72.589230963077298</v>
      </c>
      <c r="BV677" s="166">
        <v>6277.36226778338</v>
      </c>
      <c r="BW677" s="166">
        <v>0</v>
      </c>
      <c r="BX677" s="166">
        <v>0</v>
      </c>
      <c r="BY677" s="166">
        <v>0</v>
      </c>
      <c r="BZ677" s="166">
        <v>0</v>
      </c>
      <c r="CA677" s="166">
        <v>0</v>
      </c>
      <c r="CB677" s="166">
        <v>0</v>
      </c>
      <c r="CC677" s="166">
        <v>0</v>
      </c>
      <c r="CD677" s="166">
        <v>0</v>
      </c>
      <c r="CE677" s="166">
        <v>0</v>
      </c>
      <c r="CF677" s="166">
        <v>0</v>
      </c>
      <c r="CG677" s="166">
        <v>0</v>
      </c>
      <c r="CH677" s="166">
        <v>0</v>
      </c>
      <c r="CI677" s="166">
        <v>0</v>
      </c>
      <c r="CJ677" s="166">
        <v>0</v>
      </c>
      <c r="CK677" s="166">
        <v>0</v>
      </c>
      <c r="CL677" s="166">
        <v>0</v>
      </c>
      <c r="CM677" s="166">
        <v>0</v>
      </c>
      <c r="CN677" s="166">
        <v>0</v>
      </c>
      <c r="CO677" s="166">
        <v>0</v>
      </c>
      <c r="CP677" s="166">
        <v>0</v>
      </c>
      <c r="CQ677" s="166">
        <v>0</v>
      </c>
      <c r="CR677" s="166">
        <v>0</v>
      </c>
      <c r="CS677" s="166">
        <v>0</v>
      </c>
      <c r="CT677" s="166">
        <v>0</v>
      </c>
      <c r="CU677" s="166">
        <v>0</v>
      </c>
      <c r="CV677" s="166">
        <v>0</v>
      </c>
      <c r="CW677" s="166">
        <v>0</v>
      </c>
      <c r="CX677" s="166">
        <v>0</v>
      </c>
      <c r="CY677" s="166">
        <v>6277.36226778338</v>
      </c>
      <c r="CZ677" s="166">
        <v>6277.36226778338</v>
      </c>
    </row>
    <row r="678" spans="1:104" x14ac:dyDescent="0.2">
      <c r="A678" s="167" t="s">
        <v>209</v>
      </c>
      <c r="B678" s="166">
        <v>5059.49716549605</v>
      </c>
      <c r="C678" s="166">
        <v>5059.49716549605</v>
      </c>
      <c r="D678" s="166">
        <v>0</v>
      </c>
      <c r="E678" s="166">
        <v>0</v>
      </c>
      <c r="F678" s="166">
        <v>0</v>
      </c>
      <c r="G678" s="166">
        <v>0</v>
      </c>
      <c r="H678" s="166">
        <v>0</v>
      </c>
      <c r="I678" s="166">
        <v>0</v>
      </c>
      <c r="J678" s="166">
        <v>0</v>
      </c>
      <c r="K678" s="166">
        <v>0</v>
      </c>
      <c r="L678" s="166">
        <v>0</v>
      </c>
      <c r="M678" s="166">
        <v>0</v>
      </c>
      <c r="N678" s="166">
        <v>0</v>
      </c>
      <c r="O678" s="166">
        <v>0</v>
      </c>
      <c r="P678" s="166">
        <v>0</v>
      </c>
      <c r="Q678" s="166">
        <v>0</v>
      </c>
      <c r="R678" s="166">
        <v>0</v>
      </c>
      <c r="S678" s="166">
        <v>0</v>
      </c>
      <c r="T678" s="166">
        <v>0</v>
      </c>
      <c r="U678" s="166">
        <v>0</v>
      </c>
      <c r="V678" s="166">
        <v>0</v>
      </c>
      <c r="W678" s="166">
        <v>0</v>
      </c>
      <c r="X678" s="166">
        <v>0</v>
      </c>
      <c r="Y678" s="166">
        <v>0</v>
      </c>
      <c r="Z678" s="166">
        <v>0</v>
      </c>
      <c r="AA678" s="166">
        <v>0</v>
      </c>
      <c r="AB678" s="166">
        <v>0</v>
      </c>
      <c r="AC678" s="166">
        <v>0</v>
      </c>
      <c r="AD678" s="166">
        <v>0</v>
      </c>
      <c r="AE678" s="166">
        <v>0</v>
      </c>
      <c r="AF678" s="166">
        <v>0</v>
      </c>
      <c r="AG678" s="166">
        <v>0</v>
      </c>
      <c r="AH678" s="166">
        <v>0</v>
      </c>
      <c r="AI678" s="166">
        <v>0</v>
      </c>
      <c r="AJ678" s="166">
        <v>0</v>
      </c>
      <c r="AK678" s="166">
        <v>0</v>
      </c>
      <c r="AL678" s="166">
        <v>0</v>
      </c>
      <c r="AM678" s="166">
        <v>0</v>
      </c>
      <c r="AN678" s="166">
        <v>0</v>
      </c>
      <c r="AO678" s="166">
        <v>0</v>
      </c>
      <c r="AP678" s="166">
        <v>0</v>
      </c>
      <c r="AQ678" s="166">
        <v>0</v>
      </c>
      <c r="AR678" s="166">
        <v>0</v>
      </c>
      <c r="AS678" s="166">
        <v>0</v>
      </c>
      <c r="AT678" s="166">
        <v>0</v>
      </c>
      <c r="AU678" s="166">
        <v>0</v>
      </c>
      <c r="AV678" s="166">
        <v>0</v>
      </c>
      <c r="AW678" s="166">
        <v>0</v>
      </c>
      <c r="AX678" s="166">
        <v>0</v>
      </c>
      <c r="AY678" s="166">
        <v>0</v>
      </c>
      <c r="AZ678" s="166">
        <v>0</v>
      </c>
      <c r="BA678" s="166">
        <v>0</v>
      </c>
      <c r="BB678" s="166">
        <v>0</v>
      </c>
      <c r="BC678" s="166">
        <v>0</v>
      </c>
      <c r="BD678" s="166">
        <v>0</v>
      </c>
      <c r="BE678" s="166">
        <v>0</v>
      </c>
      <c r="BF678" s="166">
        <v>0</v>
      </c>
      <c r="BG678" s="166">
        <v>0</v>
      </c>
      <c r="BH678" s="166">
        <v>0</v>
      </c>
      <c r="BI678" s="166">
        <v>0</v>
      </c>
      <c r="BJ678" s="166">
        <v>0</v>
      </c>
      <c r="BK678" s="166">
        <v>0</v>
      </c>
      <c r="BL678" s="166">
        <v>0</v>
      </c>
      <c r="BM678" s="166">
        <v>0</v>
      </c>
      <c r="BN678" s="166">
        <v>0</v>
      </c>
      <c r="BO678" s="166">
        <v>0</v>
      </c>
      <c r="BP678" s="166">
        <v>0</v>
      </c>
      <c r="BQ678" s="166">
        <v>0</v>
      </c>
      <c r="BR678" s="166">
        <v>5059.49716549605</v>
      </c>
      <c r="BS678" s="166">
        <v>5059.49716549605</v>
      </c>
      <c r="BT678" s="166">
        <v>1000</v>
      </c>
      <c r="BU678" s="166">
        <v>58.506263082521301</v>
      </c>
      <c r="BV678" s="166">
        <v>5059.49716549605</v>
      </c>
      <c r="BW678" s="166">
        <v>0</v>
      </c>
      <c r="BX678" s="166">
        <v>0</v>
      </c>
      <c r="BY678" s="166">
        <v>0</v>
      </c>
      <c r="BZ678" s="166">
        <v>0</v>
      </c>
      <c r="CA678" s="166">
        <v>0</v>
      </c>
      <c r="CB678" s="166">
        <v>0</v>
      </c>
      <c r="CC678" s="166">
        <v>0</v>
      </c>
      <c r="CD678" s="166">
        <v>0</v>
      </c>
      <c r="CE678" s="166">
        <v>0</v>
      </c>
      <c r="CF678" s="166">
        <v>0</v>
      </c>
      <c r="CG678" s="166">
        <v>0</v>
      </c>
      <c r="CH678" s="166">
        <v>0</v>
      </c>
      <c r="CI678" s="166">
        <v>0</v>
      </c>
      <c r="CJ678" s="166">
        <v>0</v>
      </c>
      <c r="CK678" s="166">
        <v>0</v>
      </c>
      <c r="CL678" s="166">
        <v>0</v>
      </c>
      <c r="CM678" s="166">
        <v>0</v>
      </c>
      <c r="CN678" s="166">
        <v>0</v>
      </c>
      <c r="CO678" s="166">
        <v>0</v>
      </c>
      <c r="CP678" s="166">
        <v>0</v>
      </c>
      <c r="CQ678" s="166">
        <v>0</v>
      </c>
      <c r="CR678" s="166">
        <v>0</v>
      </c>
      <c r="CS678" s="166">
        <v>0</v>
      </c>
      <c r="CT678" s="166">
        <v>0</v>
      </c>
      <c r="CU678" s="166">
        <v>0</v>
      </c>
      <c r="CV678" s="166">
        <v>0</v>
      </c>
      <c r="CW678" s="166">
        <v>0</v>
      </c>
      <c r="CX678" s="166">
        <v>0</v>
      </c>
      <c r="CY678" s="166">
        <v>5059.49716549605</v>
      </c>
      <c r="CZ678" s="166">
        <v>5059.49716549605</v>
      </c>
    </row>
    <row r="679" spans="1:104" x14ac:dyDescent="0.2">
      <c r="A679" s="167" t="s">
        <v>1077</v>
      </c>
      <c r="B679" s="166">
        <v>631624.88277639495</v>
      </c>
      <c r="C679" s="166">
        <v>631624.88277639495</v>
      </c>
      <c r="D679" s="166">
        <v>0</v>
      </c>
      <c r="E679" s="166">
        <v>0</v>
      </c>
      <c r="F679" s="166">
        <v>0</v>
      </c>
      <c r="G679" s="166">
        <v>0</v>
      </c>
      <c r="H679" s="166">
        <v>0</v>
      </c>
      <c r="I679" s="166">
        <v>0</v>
      </c>
      <c r="J679" s="166">
        <v>0</v>
      </c>
      <c r="K679" s="166">
        <v>0</v>
      </c>
      <c r="L679" s="166">
        <v>0</v>
      </c>
      <c r="M679" s="166">
        <v>0</v>
      </c>
      <c r="N679" s="166">
        <v>0</v>
      </c>
      <c r="O679" s="166">
        <v>0</v>
      </c>
      <c r="P679" s="166">
        <v>0</v>
      </c>
      <c r="Q679" s="166">
        <v>0</v>
      </c>
      <c r="R679" s="166">
        <v>0</v>
      </c>
      <c r="S679" s="166">
        <v>0</v>
      </c>
      <c r="T679" s="166">
        <v>0</v>
      </c>
      <c r="U679" s="166">
        <v>0</v>
      </c>
      <c r="V679" s="166">
        <v>0</v>
      </c>
      <c r="W679" s="166">
        <v>0</v>
      </c>
      <c r="X679" s="166">
        <v>0</v>
      </c>
      <c r="Y679" s="166">
        <v>0</v>
      </c>
      <c r="Z679" s="166">
        <v>0</v>
      </c>
      <c r="AA679" s="166">
        <v>0</v>
      </c>
      <c r="AB679" s="166">
        <v>0</v>
      </c>
      <c r="AC679" s="166">
        <v>0</v>
      </c>
      <c r="AD679" s="166">
        <v>0</v>
      </c>
      <c r="AE679" s="166">
        <v>0</v>
      </c>
      <c r="AF679" s="166">
        <v>0</v>
      </c>
      <c r="AG679" s="166">
        <v>0</v>
      </c>
      <c r="AH679" s="166">
        <v>0</v>
      </c>
      <c r="AI679" s="166">
        <v>0</v>
      </c>
      <c r="AJ679" s="166">
        <v>0</v>
      </c>
      <c r="AK679" s="166">
        <v>0</v>
      </c>
      <c r="AL679" s="166">
        <v>0</v>
      </c>
      <c r="AM679" s="166">
        <v>0</v>
      </c>
      <c r="AN679" s="166">
        <v>0</v>
      </c>
      <c r="AO679" s="166">
        <v>0</v>
      </c>
      <c r="AP679" s="166">
        <v>0</v>
      </c>
      <c r="AQ679" s="166">
        <v>0</v>
      </c>
      <c r="AR679" s="166">
        <v>0</v>
      </c>
      <c r="AS679" s="166">
        <v>0</v>
      </c>
      <c r="AT679" s="166">
        <v>0</v>
      </c>
      <c r="AU679" s="166">
        <v>0</v>
      </c>
      <c r="AV679" s="166">
        <v>0</v>
      </c>
      <c r="AW679" s="166">
        <v>0</v>
      </c>
      <c r="AX679" s="166">
        <v>0</v>
      </c>
      <c r="AY679" s="166">
        <v>0</v>
      </c>
      <c r="AZ679" s="166">
        <v>0</v>
      </c>
      <c r="BA679" s="166">
        <v>0</v>
      </c>
      <c r="BB679" s="166">
        <v>0</v>
      </c>
      <c r="BC679" s="166">
        <v>0</v>
      </c>
      <c r="BD679" s="166">
        <v>0</v>
      </c>
      <c r="BE679" s="166">
        <v>0</v>
      </c>
      <c r="BF679" s="166">
        <v>0</v>
      </c>
      <c r="BG679" s="166">
        <v>0</v>
      </c>
      <c r="BH679" s="166">
        <v>0</v>
      </c>
      <c r="BI679" s="166">
        <v>0</v>
      </c>
      <c r="BJ679" s="166">
        <v>0</v>
      </c>
      <c r="BK679" s="166">
        <v>0</v>
      </c>
      <c r="BL679" s="166">
        <v>0</v>
      </c>
      <c r="BM679" s="166">
        <v>0</v>
      </c>
      <c r="BN679" s="166">
        <v>0</v>
      </c>
      <c r="BO679" s="166">
        <v>0</v>
      </c>
      <c r="BP679" s="166">
        <v>0</v>
      </c>
      <c r="BQ679" s="166">
        <v>0</v>
      </c>
      <c r="BR679" s="166">
        <v>631624.88277639495</v>
      </c>
      <c r="BS679" s="166">
        <v>631624.88277639495</v>
      </c>
      <c r="BT679" s="168">
        <v>0.72041766170058497</v>
      </c>
      <c r="BU679" s="166">
        <v>5672.0364925057102</v>
      </c>
      <c r="BV679" s="166">
        <v>455033.72112167598</v>
      </c>
      <c r="BW679" s="166">
        <v>0</v>
      </c>
      <c r="BX679" s="166">
        <v>0</v>
      </c>
      <c r="BY679" s="166">
        <v>0</v>
      </c>
      <c r="BZ679" s="166">
        <v>0</v>
      </c>
      <c r="CA679" s="166">
        <v>0</v>
      </c>
      <c r="CB679" s="166">
        <v>0</v>
      </c>
      <c r="CC679" s="166">
        <v>0</v>
      </c>
      <c r="CD679" s="166">
        <v>0</v>
      </c>
      <c r="CE679" s="166">
        <v>0</v>
      </c>
      <c r="CF679" s="166">
        <v>0</v>
      </c>
      <c r="CG679" s="166">
        <v>0</v>
      </c>
      <c r="CH679" s="166">
        <v>0</v>
      </c>
      <c r="CI679" s="166">
        <v>0</v>
      </c>
      <c r="CJ679" s="166">
        <v>0</v>
      </c>
      <c r="CK679" s="166">
        <v>0</v>
      </c>
      <c r="CL679" s="166">
        <v>0</v>
      </c>
      <c r="CM679" s="166">
        <v>0</v>
      </c>
      <c r="CN679" s="166">
        <v>0</v>
      </c>
      <c r="CO679" s="166">
        <v>0</v>
      </c>
      <c r="CP679" s="166">
        <v>0</v>
      </c>
      <c r="CQ679" s="166">
        <v>0</v>
      </c>
      <c r="CR679" s="166">
        <v>0</v>
      </c>
      <c r="CS679" s="166">
        <v>0</v>
      </c>
      <c r="CT679" s="166">
        <v>0</v>
      </c>
      <c r="CU679" s="166">
        <v>0</v>
      </c>
      <c r="CV679" s="166">
        <v>0</v>
      </c>
      <c r="CW679" s="166">
        <v>0</v>
      </c>
      <c r="CX679" s="166">
        <v>0</v>
      </c>
      <c r="CY679" s="166">
        <v>455033.72112167598</v>
      </c>
      <c r="CZ679" s="166">
        <v>455033.72112167598</v>
      </c>
    </row>
    <row r="680" spans="1:104" x14ac:dyDescent="0.2">
      <c r="A680" s="167" t="s">
        <v>1078</v>
      </c>
      <c r="B680" s="166">
        <v>654256.02999999898</v>
      </c>
      <c r="C680" s="166">
        <v>654256.02999999898</v>
      </c>
      <c r="D680" s="166">
        <v>0</v>
      </c>
      <c r="E680" s="166">
        <v>0</v>
      </c>
      <c r="F680" s="166">
        <v>0</v>
      </c>
      <c r="G680" s="166">
        <v>0</v>
      </c>
      <c r="H680" s="166">
        <v>0</v>
      </c>
      <c r="I680" s="166">
        <v>0</v>
      </c>
      <c r="J680" s="166">
        <v>0</v>
      </c>
      <c r="K680" s="166">
        <v>0</v>
      </c>
      <c r="L680" s="166">
        <v>0</v>
      </c>
      <c r="M680" s="166">
        <v>0</v>
      </c>
      <c r="N680" s="166">
        <v>0</v>
      </c>
      <c r="O680" s="166">
        <v>0</v>
      </c>
      <c r="P680" s="166">
        <v>0</v>
      </c>
      <c r="Q680" s="166">
        <v>0</v>
      </c>
      <c r="R680" s="166">
        <v>0</v>
      </c>
      <c r="S680" s="166">
        <v>0</v>
      </c>
      <c r="T680" s="166">
        <v>0</v>
      </c>
      <c r="U680" s="166">
        <v>0</v>
      </c>
      <c r="V680" s="166">
        <v>0</v>
      </c>
      <c r="W680" s="166">
        <v>0</v>
      </c>
      <c r="X680" s="166">
        <v>0</v>
      </c>
      <c r="Y680" s="166">
        <v>0</v>
      </c>
      <c r="Z680" s="166">
        <v>0</v>
      </c>
      <c r="AA680" s="166">
        <v>0</v>
      </c>
      <c r="AB680" s="166">
        <v>0</v>
      </c>
      <c r="AC680" s="166">
        <v>0</v>
      </c>
      <c r="AD680" s="166">
        <v>0</v>
      </c>
      <c r="AE680" s="166">
        <v>0</v>
      </c>
      <c r="AF680" s="166">
        <v>0</v>
      </c>
      <c r="AG680" s="166">
        <v>0</v>
      </c>
      <c r="AH680" s="166">
        <v>0</v>
      </c>
      <c r="AI680" s="166">
        <v>0</v>
      </c>
      <c r="AJ680" s="166">
        <v>0</v>
      </c>
      <c r="AK680" s="166">
        <v>0</v>
      </c>
      <c r="AL680" s="166">
        <v>0</v>
      </c>
      <c r="AM680" s="166">
        <v>0</v>
      </c>
      <c r="AN680" s="166">
        <v>0</v>
      </c>
      <c r="AO680" s="166">
        <v>0</v>
      </c>
      <c r="AP680" s="166">
        <v>0</v>
      </c>
      <c r="AQ680" s="166">
        <v>0</v>
      </c>
      <c r="AR680" s="166">
        <v>0</v>
      </c>
      <c r="AS680" s="166">
        <v>0</v>
      </c>
      <c r="AT680" s="166">
        <v>0</v>
      </c>
      <c r="AU680" s="166">
        <v>0</v>
      </c>
      <c r="AV680" s="166">
        <v>0</v>
      </c>
      <c r="AW680" s="166">
        <v>0</v>
      </c>
      <c r="AX680" s="166">
        <v>0</v>
      </c>
      <c r="AY680" s="166">
        <v>0</v>
      </c>
      <c r="AZ680" s="166">
        <v>0</v>
      </c>
      <c r="BA680" s="166">
        <v>0</v>
      </c>
      <c r="BB680" s="166">
        <v>0</v>
      </c>
      <c r="BC680" s="166">
        <v>0</v>
      </c>
      <c r="BD680" s="166">
        <v>0</v>
      </c>
      <c r="BE680" s="166">
        <v>0</v>
      </c>
      <c r="BF680" s="166">
        <v>0</v>
      </c>
      <c r="BG680" s="166">
        <v>0</v>
      </c>
      <c r="BH680" s="166">
        <v>0</v>
      </c>
      <c r="BI680" s="166">
        <v>0</v>
      </c>
      <c r="BJ680" s="166">
        <v>0</v>
      </c>
      <c r="BK680" s="166">
        <v>0</v>
      </c>
      <c r="BL680" s="166">
        <v>0</v>
      </c>
      <c r="BM680" s="166">
        <v>0</v>
      </c>
      <c r="BN680" s="166">
        <v>0</v>
      </c>
      <c r="BO680" s="166">
        <v>0</v>
      </c>
      <c r="BP680" s="166">
        <v>0</v>
      </c>
      <c r="BQ680" s="166">
        <v>0</v>
      </c>
      <c r="BR680" s="166">
        <v>654256.02999999898</v>
      </c>
      <c r="BS680" s="166">
        <v>654256.03</v>
      </c>
      <c r="BT680" s="168">
        <v>0</v>
      </c>
      <c r="BU680" s="166">
        <v>5927.7702856917304</v>
      </c>
      <c r="BV680" s="166">
        <v>477149.03550983401</v>
      </c>
      <c r="BW680" s="166">
        <v>0</v>
      </c>
      <c r="BX680" s="166">
        <v>0</v>
      </c>
      <c r="BY680" s="166">
        <v>0</v>
      </c>
      <c r="BZ680" s="166">
        <v>0</v>
      </c>
      <c r="CA680" s="166">
        <v>0</v>
      </c>
      <c r="CB680" s="166">
        <v>0</v>
      </c>
      <c r="CC680" s="166">
        <v>0</v>
      </c>
      <c r="CD680" s="166">
        <v>0</v>
      </c>
      <c r="CE680" s="166">
        <v>0</v>
      </c>
      <c r="CF680" s="166">
        <v>0</v>
      </c>
      <c r="CG680" s="166">
        <v>0</v>
      </c>
      <c r="CH680" s="166">
        <v>0</v>
      </c>
      <c r="CI680" s="166">
        <v>0</v>
      </c>
      <c r="CJ680" s="166">
        <v>0</v>
      </c>
      <c r="CK680" s="166">
        <v>0</v>
      </c>
      <c r="CL680" s="166">
        <v>0</v>
      </c>
      <c r="CM680" s="166">
        <v>0</v>
      </c>
      <c r="CN680" s="166">
        <v>0</v>
      </c>
      <c r="CO680" s="166">
        <v>0</v>
      </c>
      <c r="CP680" s="166">
        <v>0</v>
      </c>
      <c r="CQ680" s="166">
        <v>0</v>
      </c>
      <c r="CR680" s="166">
        <v>0</v>
      </c>
      <c r="CS680" s="166">
        <v>0</v>
      </c>
      <c r="CT680" s="166">
        <v>0</v>
      </c>
      <c r="CU680" s="166">
        <v>0</v>
      </c>
      <c r="CV680" s="166">
        <v>0</v>
      </c>
      <c r="CW680" s="166">
        <v>0</v>
      </c>
      <c r="CX680" s="166">
        <v>0</v>
      </c>
      <c r="CY680" s="166">
        <v>477149.03550983401</v>
      </c>
      <c r="CZ680" s="166">
        <v>477149.03550983401</v>
      </c>
    </row>
    <row r="681" spans="1:104" x14ac:dyDescent="0.2">
      <c r="A681" s="167" t="s">
        <v>212</v>
      </c>
    </row>
    <row r="682" spans="1:104" x14ac:dyDescent="0.2">
      <c r="A682" s="167" t="s">
        <v>213</v>
      </c>
      <c r="B682" s="166">
        <v>13988.984463287799</v>
      </c>
      <c r="C682" s="166">
        <v>13988.984463287799</v>
      </c>
      <c r="D682" s="166">
        <v>0</v>
      </c>
      <c r="E682" s="166">
        <v>0</v>
      </c>
      <c r="F682" s="166">
        <v>0</v>
      </c>
      <c r="G682" s="166">
        <v>0</v>
      </c>
      <c r="H682" s="166">
        <v>0</v>
      </c>
      <c r="I682" s="166">
        <v>0</v>
      </c>
      <c r="J682" s="166">
        <v>0</v>
      </c>
      <c r="K682" s="166">
        <v>0</v>
      </c>
      <c r="L682" s="166">
        <v>0</v>
      </c>
      <c r="M682" s="166">
        <v>0</v>
      </c>
      <c r="N682" s="166">
        <v>0</v>
      </c>
      <c r="O682" s="166">
        <v>0</v>
      </c>
      <c r="P682" s="166">
        <v>0</v>
      </c>
      <c r="Q682" s="166">
        <v>0</v>
      </c>
      <c r="R682" s="166">
        <v>0</v>
      </c>
      <c r="S682" s="166">
        <v>0</v>
      </c>
      <c r="T682" s="166">
        <v>0</v>
      </c>
      <c r="U682" s="166">
        <v>0</v>
      </c>
      <c r="V682" s="166">
        <v>0</v>
      </c>
      <c r="W682" s="166">
        <v>0</v>
      </c>
      <c r="X682" s="166">
        <v>0</v>
      </c>
      <c r="Y682" s="166">
        <v>0</v>
      </c>
      <c r="Z682" s="166">
        <v>0</v>
      </c>
      <c r="AA682" s="166">
        <v>0</v>
      </c>
      <c r="AB682" s="166">
        <v>0</v>
      </c>
      <c r="AC682" s="166">
        <v>0</v>
      </c>
      <c r="AD682" s="166">
        <v>0</v>
      </c>
      <c r="AE682" s="166">
        <v>0</v>
      </c>
      <c r="AF682" s="166">
        <v>0</v>
      </c>
      <c r="AG682" s="166">
        <v>0</v>
      </c>
      <c r="AH682" s="166">
        <v>0</v>
      </c>
      <c r="AI682" s="166">
        <v>0</v>
      </c>
      <c r="AJ682" s="166">
        <v>0</v>
      </c>
      <c r="AK682" s="166">
        <v>0</v>
      </c>
      <c r="AL682" s="166">
        <v>0</v>
      </c>
      <c r="AM682" s="166">
        <v>0</v>
      </c>
      <c r="AN682" s="166">
        <v>0</v>
      </c>
      <c r="AO682" s="166">
        <v>0</v>
      </c>
      <c r="AP682" s="166">
        <v>0</v>
      </c>
      <c r="AQ682" s="166">
        <v>0</v>
      </c>
      <c r="AR682" s="166">
        <v>0</v>
      </c>
      <c r="AS682" s="166">
        <v>0</v>
      </c>
      <c r="AT682" s="166">
        <v>0</v>
      </c>
      <c r="AU682" s="166">
        <v>0</v>
      </c>
      <c r="AV682" s="166">
        <v>0</v>
      </c>
      <c r="AW682" s="166">
        <v>0</v>
      </c>
      <c r="AX682" s="166">
        <v>0</v>
      </c>
      <c r="AY682" s="166">
        <v>0</v>
      </c>
      <c r="AZ682" s="166">
        <v>0</v>
      </c>
      <c r="BA682" s="166">
        <v>0</v>
      </c>
      <c r="BB682" s="166">
        <v>0</v>
      </c>
      <c r="BC682" s="166">
        <v>0</v>
      </c>
      <c r="BD682" s="166">
        <v>0</v>
      </c>
      <c r="BE682" s="166">
        <v>0</v>
      </c>
      <c r="BF682" s="166">
        <v>0</v>
      </c>
      <c r="BG682" s="166">
        <v>0</v>
      </c>
      <c r="BH682" s="166">
        <v>0</v>
      </c>
      <c r="BI682" s="166">
        <v>0</v>
      </c>
      <c r="BJ682" s="166">
        <v>0</v>
      </c>
      <c r="BK682" s="166">
        <v>0</v>
      </c>
      <c r="BL682" s="166">
        <v>0</v>
      </c>
      <c r="BM682" s="166">
        <v>0</v>
      </c>
      <c r="BN682" s="166">
        <v>0</v>
      </c>
      <c r="BO682" s="166">
        <v>0</v>
      </c>
      <c r="BP682" s="166">
        <v>0</v>
      </c>
      <c r="BQ682" s="166">
        <v>0</v>
      </c>
      <c r="BR682" s="166">
        <v>13988.984463287799</v>
      </c>
      <c r="BS682" s="166">
        <v>13988.984463287799</v>
      </c>
      <c r="BT682" s="166">
        <v>974.03</v>
      </c>
      <c r="BU682" s="166">
        <v>921.79726361137</v>
      </c>
      <c r="BV682" s="166">
        <v>13625.690536776199</v>
      </c>
      <c r="BW682" s="166">
        <v>0</v>
      </c>
      <c r="BX682" s="166">
        <v>0</v>
      </c>
      <c r="BY682" s="166">
        <v>0</v>
      </c>
      <c r="BZ682" s="166">
        <v>0</v>
      </c>
      <c r="CA682" s="166">
        <v>0</v>
      </c>
      <c r="CB682" s="166">
        <v>0</v>
      </c>
      <c r="CC682" s="166">
        <v>0</v>
      </c>
      <c r="CD682" s="166">
        <v>0</v>
      </c>
      <c r="CE682" s="166">
        <v>0</v>
      </c>
      <c r="CF682" s="166">
        <v>0</v>
      </c>
      <c r="CG682" s="166">
        <v>0</v>
      </c>
      <c r="CH682" s="166">
        <v>0</v>
      </c>
      <c r="CI682" s="166">
        <v>0</v>
      </c>
      <c r="CJ682" s="166">
        <v>0</v>
      </c>
      <c r="CK682" s="166">
        <v>0</v>
      </c>
      <c r="CL682" s="166">
        <v>0</v>
      </c>
      <c r="CM682" s="166">
        <v>0</v>
      </c>
      <c r="CN682" s="166">
        <v>0</v>
      </c>
      <c r="CO682" s="166">
        <v>0</v>
      </c>
      <c r="CP682" s="166">
        <v>0</v>
      </c>
      <c r="CQ682" s="166">
        <v>0</v>
      </c>
      <c r="CR682" s="166">
        <v>0</v>
      </c>
      <c r="CS682" s="166">
        <v>0</v>
      </c>
      <c r="CT682" s="166">
        <v>0</v>
      </c>
      <c r="CU682" s="166">
        <v>0</v>
      </c>
      <c r="CV682" s="166">
        <v>0</v>
      </c>
      <c r="CW682" s="166">
        <v>0</v>
      </c>
      <c r="CX682" s="166">
        <v>0</v>
      </c>
      <c r="CY682" s="166">
        <v>13625.690536776199</v>
      </c>
      <c r="CZ682" s="166">
        <v>13625.690536776199</v>
      </c>
    </row>
    <row r="683" spans="1:104" x14ac:dyDescent="0.2">
      <c r="A683" s="167" t="s">
        <v>214</v>
      </c>
      <c r="B683" s="166">
        <v>442.28332494411097</v>
      </c>
      <c r="C683" s="166">
        <v>442.28332494411097</v>
      </c>
      <c r="D683" s="166">
        <v>0</v>
      </c>
      <c r="E683" s="166">
        <v>0</v>
      </c>
      <c r="F683" s="166">
        <v>0</v>
      </c>
      <c r="G683" s="166">
        <v>0</v>
      </c>
      <c r="H683" s="166">
        <v>0</v>
      </c>
      <c r="I683" s="166">
        <v>0</v>
      </c>
      <c r="J683" s="166">
        <v>0</v>
      </c>
      <c r="K683" s="166">
        <v>0</v>
      </c>
      <c r="L683" s="166">
        <v>0</v>
      </c>
      <c r="M683" s="166">
        <v>0</v>
      </c>
      <c r="N683" s="166">
        <v>0</v>
      </c>
      <c r="O683" s="166">
        <v>0</v>
      </c>
      <c r="P683" s="166">
        <v>0</v>
      </c>
      <c r="Q683" s="166">
        <v>0</v>
      </c>
      <c r="R683" s="166">
        <v>0</v>
      </c>
      <c r="S683" s="166">
        <v>0</v>
      </c>
      <c r="T683" s="166">
        <v>0</v>
      </c>
      <c r="U683" s="166">
        <v>0</v>
      </c>
      <c r="V683" s="166">
        <v>0</v>
      </c>
      <c r="W683" s="166">
        <v>0</v>
      </c>
      <c r="X683" s="166">
        <v>0</v>
      </c>
      <c r="Y683" s="166">
        <v>0</v>
      </c>
      <c r="Z683" s="166">
        <v>0</v>
      </c>
      <c r="AA683" s="166">
        <v>0</v>
      </c>
      <c r="AB683" s="166">
        <v>0</v>
      </c>
      <c r="AC683" s="166">
        <v>0</v>
      </c>
      <c r="AD683" s="166">
        <v>0</v>
      </c>
      <c r="AE683" s="166">
        <v>0</v>
      </c>
      <c r="AF683" s="166">
        <v>0</v>
      </c>
      <c r="AG683" s="166">
        <v>0</v>
      </c>
      <c r="AH683" s="166">
        <v>0</v>
      </c>
      <c r="AI683" s="166">
        <v>0</v>
      </c>
      <c r="AJ683" s="166">
        <v>0</v>
      </c>
      <c r="AK683" s="166">
        <v>0</v>
      </c>
      <c r="AL683" s="166">
        <v>0</v>
      </c>
      <c r="AM683" s="166">
        <v>0</v>
      </c>
      <c r="AN683" s="166">
        <v>0</v>
      </c>
      <c r="AO683" s="166">
        <v>0</v>
      </c>
      <c r="AP683" s="166">
        <v>0</v>
      </c>
      <c r="AQ683" s="166">
        <v>0</v>
      </c>
      <c r="AR683" s="166">
        <v>0</v>
      </c>
      <c r="AS683" s="166">
        <v>0</v>
      </c>
      <c r="AT683" s="166">
        <v>0</v>
      </c>
      <c r="AU683" s="166">
        <v>0</v>
      </c>
      <c r="AV683" s="166">
        <v>0</v>
      </c>
      <c r="AW683" s="166">
        <v>0</v>
      </c>
      <c r="AX683" s="166">
        <v>0</v>
      </c>
      <c r="AY683" s="166">
        <v>0</v>
      </c>
      <c r="AZ683" s="166">
        <v>0</v>
      </c>
      <c r="BA683" s="166">
        <v>0</v>
      </c>
      <c r="BB683" s="166">
        <v>0</v>
      </c>
      <c r="BC683" s="166">
        <v>0</v>
      </c>
      <c r="BD683" s="166">
        <v>0</v>
      </c>
      <c r="BE683" s="166">
        <v>0</v>
      </c>
      <c r="BF683" s="166">
        <v>0</v>
      </c>
      <c r="BG683" s="166">
        <v>0</v>
      </c>
      <c r="BH683" s="166">
        <v>0</v>
      </c>
      <c r="BI683" s="166">
        <v>0</v>
      </c>
      <c r="BJ683" s="166">
        <v>0</v>
      </c>
      <c r="BK683" s="166">
        <v>0</v>
      </c>
      <c r="BL683" s="166">
        <v>0</v>
      </c>
      <c r="BM683" s="166">
        <v>0</v>
      </c>
      <c r="BN683" s="166">
        <v>0</v>
      </c>
      <c r="BO683" s="166">
        <v>0</v>
      </c>
      <c r="BP683" s="166">
        <v>0</v>
      </c>
      <c r="BQ683" s="166">
        <v>0</v>
      </c>
      <c r="BR683" s="166">
        <v>442.28332494411097</v>
      </c>
      <c r="BS683" s="166">
        <v>442.28332494411097</v>
      </c>
      <c r="BT683" s="166">
        <v>926.37230841246003</v>
      </c>
      <c r="BU683" s="166">
        <v>27.718072328104299</v>
      </c>
      <c r="BV683" s="166">
        <v>409.719024700815</v>
      </c>
      <c r="BW683" s="166">
        <v>0</v>
      </c>
      <c r="BX683" s="166">
        <v>0</v>
      </c>
      <c r="BY683" s="166">
        <v>0</v>
      </c>
      <c r="BZ683" s="166">
        <v>0</v>
      </c>
      <c r="CA683" s="166">
        <v>0</v>
      </c>
      <c r="CB683" s="166">
        <v>0</v>
      </c>
      <c r="CC683" s="166">
        <v>0</v>
      </c>
      <c r="CD683" s="166">
        <v>0</v>
      </c>
      <c r="CE683" s="166">
        <v>0</v>
      </c>
      <c r="CF683" s="166">
        <v>0</v>
      </c>
      <c r="CG683" s="166">
        <v>0</v>
      </c>
      <c r="CH683" s="166">
        <v>0</v>
      </c>
      <c r="CI683" s="166">
        <v>0</v>
      </c>
      <c r="CJ683" s="166">
        <v>0</v>
      </c>
      <c r="CK683" s="166">
        <v>0</v>
      </c>
      <c r="CL683" s="166">
        <v>0</v>
      </c>
      <c r="CM683" s="166">
        <v>0</v>
      </c>
      <c r="CN683" s="166">
        <v>0</v>
      </c>
      <c r="CO683" s="166">
        <v>0</v>
      </c>
      <c r="CP683" s="166">
        <v>0</v>
      </c>
      <c r="CQ683" s="166">
        <v>0</v>
      </c>
      <c r="CR683" s="166">
        <v>0</v>
      </c>
      <c r="CS683" s="166">
        <v>0</v>
      </c>
      <c r="CT683" s="166">
        <v>0</v>
      </c>
      <c r="CU683" s="166">
        <v>0</v>
      </c>
      <c r="CV683" s="166">
        <v>0</v>
      </c>
      <c r="CW683" s="166">
        <v>0</v>
      </c>
      <c r="CX683" s="166">
        <v>0</v>
      </c>
      <c r="CY683" s="166">
        <v>409.719024700815</v>
      </c>
      <c r="CZ683" s="166">
        <v>409.719024700815</v>
      </c>
    </row>
    <row r="684" spans="1:104" x14ac:dyDescent="0.2">
      <c r="A684" s="167" t="s">
        <v>215</v>
      </c>
      <c r="B684" s="166">
        <v>3190.5555844662299</v>
      </c>
      <c r="C684" s="166">
        <v>3190.5555844662299</v>
      </c>
      <c r="D684" s="166">
        <v>0</v>
      </c>
      <c r="E684" s="166">
        <v>0</v>
      </c>
      <c r="F684" s="166">
        <v>0</v>
      </c>
      <c r="G684" s="166">
        <v>0</v>
      </c>
      <c r="H684" s="166">
        <v>0</v>
      </c>
      <c r="I684" s="166">
        <v>0</v>
      </c>
      <c r="J684" s="166">
        <v>0</v>
      </c>
      <c r="K684" s="166">
        <v>0</v>
      </c>
      <c r="L684" s="166">
        <v>0</v>
      </c>
      <c r="M684" s="166">
        <v>0</v>
      </c>
      <c r="N684" s="166">
        <v>0</v>
      </c>
      <c r="O684" s="166">
        <v>0</v>
      </c>
      <c r="P684" s="166">
        <v>0</v>
      </c>
      <c r="Q684" s="166">
        <v>0</v>
      </c>
      <c r="R684" s="166">
        <v>0</v>
      </c>
      <c r="S684" s="166">
        <v>0</v>
      </c>
      <c r="T684" s="166">
        <v>0</v>
      </c>
      <c r="U684" s="166">
        <v>0</v>
      </c>
      <c r="V684" s="166">
        <v>0</v>
      </c>
      <c r="W684" s="166">
        <v>0</v>
      </c>
      <c r="X684" s="166">
        <v>0</v>
      </c>
      <c r="Y684" s="166">
        <v>0</v>
      </c>
      <c r="Z684" s="166">
        <v>0</v>
      </c>
      <c r="AA684" s="166">
        <v>0</v>
      </c>
      <c r="AB684" s="166">
        <v>0</v>
      </c>
      <c r="AC684" s="166">
        <v>0</v>
      </c>
      <c r="AD684" s="166">
        <v>0</v>
      </c>
      <c r="AE684" s="166">
        <v>0</v>
      </c>
      <c r="AF684" s="166">
        <v>0</v>
      </c>
      <c r="AG684" s="166">
        <v>0</v>
      </c>
      <c r="AH684" s="166">
        <v>0</v>
      </c>
      <c r="AI684" s="166">
        <v>0</v>
      </c>
      <c r="AJ684" s="166">
        <v>0</v>
      </c>
      <c r="AK684" s="166">
        <v>0</v>
      </c>
      <c r="AL684" s="166">
        <v>0</v>
      </c>
      <c r="AM684" s="166">
        <v>0</v>
      </c>
      <c r="AN684" s="166">
        <v>0</v>
      </c>
      <c r="AO684" s="166">
        <v>0</v>
      </c>
      <c r="AP684" s="166">
        <v>0</v>
      </c>
      <c r="AQ684" s="166">
        <v>0</v>
      </c>
      <c r="AR684" s="166">
        <v>0</v>
      </c>
      <c r="AS684" s="166">
        <v>0</v>
      </c>
      <c r="AT684" s="166">
        <v>0</v>
      </c>
      <c r="AU684" s="166">
        <v>0</v>
      </c>
      <c r="AV684" s="166">
        <v>0</v>
      </c>
      <c r="AW684" s="166">
        <v>0</v>
      </c>
      <c r="AX684" s="166">
        <v>0</v>
      </c>
      <c r="AY684" s="166">
        <v>0</v>
      </c>
      <c r="AZ684" s="166">
        <v>0</v>
      </c>
      <c r="BA684" s="166">
        <v>0</v>
      </c>
      <c r="BB684" s="166">
        <v>0</v>
      </c>
      <c r="BC684" s="166">
        <v>0</v>
      </c>
      <c r="BD684" s="166">
        <v>0</v>
      </c>
      <c r="BE684" s="166">
        <v>0</v>
      </c>
      <c r="BF684" s="166">
        <v>0</v>
      </c>
      <c r="BG684" s="166">
        <v>0</v>
      </c>
      <c r="BH684" s="166">
        <v>0</v>
      </c>
      <c r="BI684" s="166">
        <v>0</v>
      </c>
      <c r="BJ684" s="166">
        <v>0</v>
      </c>
      <c r="BK684" s="166">
        <v>0</v>
      </c>
      <c r="BL684" s="166">
        <v>0</v>
      </c>
      <c r="BM684" s="166">
        <v>0</v>
      </c>
      <c r="BN684" s="166">
        <v>0</v>
      </c>
      <c r="BO684" s="166">
        <v>0</v>
      </c>
      <c r="BP684" s="166">
        <v>0</v>
      </c>
      <c r="BQ684" s="166">
        <v>0</v>
      </c>
      <c r="BR684" s="166">
        <v>3190.5555844662299</v>
      </c>
      <c r="BS684" s="166">
        <v>3190.5555844662299</v>
      </c>
      <c r="BT684" s="166">
        <v>951.09934560116096</v>
      </c>
      <c r="BU684" s="166">
        <v>205.29061294796401</v>
      </c>
      <c r="BV684" s="166">
        <v>3034.5353284899602</v>
      </c>
      <c r="BW684" s="166">
        <v>0</v>
      </c>
      <c r="BX684" s="166">
        <v>0</v>
      </c>
      <c r="BY684" s="166">
        <v>0</v>
      </c>
      <c r="BZ684" s="166">
        <v>0</v>
      </c>
      <c r="CA684" s="166">
        <v>0</v>
      </c>
      <c r="CB684" s="166">
        <v>0</v>
      </c>
      <c r="CC684" s="166">
        <v>0</v>
      </c>
      <c r="CD684" s="166">
        <v>0</v>
      </c>
      <c r="CE684" s="166">
        <v>0</v>
      </c>
      <c r="CF684" s="166">
        <v>0</v>
      </c>
      <c r="CG684" s="166">
        <v>0</v>
      </c>
      <c r="CH684" s="166">
        <v>0</v>
      </c>
      <c r="CI684" s="166">
        <v>0</v>
      </c>
      <c r="CJ684" s="166">
        <v>0</v>
      </c>
      <c r="CK684" s="166">
        <v>0</v>
      </c>
      <c r="CL684" s="166">
        <v>0</v>
      </c>
      <c r="CM684" s="166">
        <v>0</v>
      </c>
      <c r="CN684" s="166">
        <v>0</v>
      </c>
      <c r="CO684" s="166">
        <v>0</v>
      </c>
      <c r="CP684" s="166">
        <v>0</v>
      </c>
      <c r="CQ684" s="166">
        <v>0</v>
      </c>
      <c r="CR684" s="166">
        <v>0</v>
      </c>
      <c r="CS684" s="166">
        <v>0</v>
      </c>
      <c r="CT684" s="166">
        <v>0</v>
      </c>
      <c r="CU684" s="166">
        <v>0</v>
      </c>
      <c r="CV684" s="166">
        <v>0</v>
      </c>
      <c r="CW684" s="166">
        <v>0</v>
      </c>
      <c r="CX684" s="166">
        <v>0</v>
      </c>
      <c r="CY684" s="166">
        <v>3034.5353284899602</v>
      </c>
      <c r="CZ684" s="166">
        <v>3034.5353284899602</v>
      </c>
    </row>
    <row r="685" spans="1:104" x14ac:dyDescent="0.2">
      <c r="A685" s="167" t="s">
        <v>216</v>
      </c>
      <c r="B685" s="166">
        <v>10206.571269517999</v>
      </c>
      <c r="C685" s="166">
        <v>10206.571269517999</v>
      </c>
      <c r="D685" s="166">
        <v>0</v>
      </c>
      <c r="E685" s="166">
        <v>0</v>
      </c>
      <c r="F685" s="166">
        <v>0</v>
      </c>
      <c r="G685" s="166">
        <v>0</v>
      </c>
      <c r="H685" s="166">
        <v>0</v>
      </c>
      <c r="I685" s="166">
        <v>0</v>
      </c>
      <c r="J685" s="166">
        <v>0</v>
      </c>
      <c r="K685" s="166">
        <v>0</v>
      </c>
      <c r="L685" s="166">
        <v>0</v>
      </c>
      <c r="M685" s="166">
        <v>0</v>
      </c>
      <c r="N685" s="166">
        <v>0</v>
      </c>
      <c r="O685" s="166">
        <v>0</v>
      </c>
      <c r="P685" s="166">
        <v>0</v>
      </c>
      <c r="Q685" s="166">
        <v>0</v>
      </c>
      <c r="R685" s="166">
        <v>0</v>
      </c>
      <c r="S685" s="166">
        <v>0</v>
      </c>
      <c r="T685" s="166">
        <v>0</v>
      </c>
      <c r="U685" s="166">
        <v>0</v>
      </c>
      <c r="V685" s="166">
        <v>0</v>
      </c>
      <c r="W685" s="166">
        <v>0</v>
      </c>
      <c r="X685" s="166">
        <v>0</v>
      </c>
      <c r="Y685" s="166">
        <v>0</v>
      </c>
      <c r="Z685" s="166">
        <v>0</v>
      </c>
      <c r="AA685" s="166">
        <v>0</v>
      </c>
      <c r="AB685" s="166">
        <v>0</v>
      </c>
      <c r="AC685" s="166">
        <v>0</v>
      </c>
      <c r="AD685" s="166">
        <v>0</v>
      </c>
      <c r="AE685" s="166">
        <v>0</v>
      </c>
      <c r="AF685" s="166">
        <v>0</v>
      </c>
      <c r="AG685" s="166">
        <v>0</v>
      </c>
      <c r="AH685" s="166">
        <v>0</v>
      </c>
      <c r="AI685" s="166">
        <v>0</v>
      </c>
      <c r="AJ685" s="166">
        <v>0</v>
      </c>
      <c r="AK685" s="166">
        <v>0</v>
      </c>
      <c r="AL685" s="166">
        <v>0</v>
      </c>
      <c r="AM685" s="166">
        <v>0</v>
      </c>
      <c r="AN685" s="166">
        <v>0</v>
      </c>
      <c r="AO685" s="166">
        <v>0</v>
      </c>
      <c r="AP685" s="166">
        <v>0</v>
      </c>
      <c r="AQ685" s="166">
        <v>0</v>
      </c>
      <c r="AR685" s="166">
        <v>0</v>
      </c>
      <c r="AS685" s="166">
        <v>0</v>
      </c>
      <c r="AT685" s="166">
        <v>0</v>
      </c>
      <c r="AU685" s="166">
        <v>0</v>
      </c>
      <c r="AV685" s="166">
        <v>0</v>
      </c>
      <c r="AW685" s="166">
        <v>0</v>
      </c>
      <c r="AX685" s="166">
        <v>0</v>
      </c>
      <c r="AY685" s="166">
        <v>0</v>
      </c>
      <c r="AZ685" s="166">
        <v>0</v>
      </c>
      <c r="BA685" s="166">
        <v>0</v>
      </c>
      <c r="BB685" s="166">
        <v>0</v>
      </c>
      <c r="BC685" s="166">
        <v>0</v>
      </c>
      <c r="BD685" s="166">
        <v>0</v>
      </c>
      <c r="BE685" s="166">
        <v>0</v>
      </c>
      <c r="BF685" s="166">
        <v>0</v>
      </c>
      <c r="BG685" s="166">
        <v>0</v>
      </c>
      <c r="BH685" s="166">
        <v>0</v>
      </c>
      <c r="BI685" s="166">
        <v>0</v>
      </c>
      <c r="BJ685" s="166">
        <v>0</v>
      </c>
      <c r="BK685" s="166">
        <v>0</v>
      </c>
      <c r="BL685" s="166">
        <v>0</v>
      </c>
      <c r="BM685" s="166">
        <v>0</v>
      </c>
      <c r="BN685" s="166">
        <v>0</v>
      </c>
      <c r="BO685" s="166">
        <v>0</v>
      </c>
      <c r="BP685" s="166">
        <v>0</v>
      </c>
      <c r="BQ685" s="166">
        <v>0</v>
      </c>
      <c r="BR685" s="166">
        <v>10206.571269517999</v>
      </c>
      <c r="BS685" s="166">
        <v>10206.571269517999</v>
      </c>
      <c r="BT685" s="166">
        <v>974.031333925642</v>
      </c>
      <c r="BU685" s="166">
        <v>672.55792416490601</v>
      </c>
      <c r="BV685" s="166">
        <v>9941.5202284557909</v>
      </c>
      <c r="BW685" s="166">
        <v>0</v>
      </c>
      <c r="BX685" s="166">
        <v>0</v>
      </c>
      <c r="BY685" s="166">
        <v>0</v>
      </c>
      <c r="BZ685" s="166">
        <v>0</v>
      </c>
      <c r="CA685" s="166">
        <v>0</v>
      </c>
      <c r="CB685" s="166">
        <v>0</v>
      </c>
      <c r="CC685" s="166">
        <v>0</v>
      </c>
      <c r="CD685" s="166">
        <v>0</v>
      </c>
      <c r="CE685" s="166">
        <v>0</v>
      </c>
      <c r="CF685" s="166">
        <v>0</v>
      </c>
      <c r="CG685" s="166">
        <v>0</v>
      </c>
      <c r="CH685" s="166">
        <v>0</v>
      </c>
      <c r="CI685" s="166">
        <v>0</v>
      </c>
      <c r="CJ685" s="166">
        <v>0</v>
      </c>
      <c r="CK685" s="166">
        <v>0</v>
      </c>
      <c r="CL685" s="166">
        <v>0</v>
      </c>
      <c r="CM685" s="166">
        <v>0</v>
      </c>
      <c r="CN685" s="166">
        <v>0</v>
      </c>
      <c r="CO685" s="166">
        <v>0</v>
      </c>
      <c r="CP685" s="166">
        <v>0</v>
      </c>
      <c r="CQ685" s="166">
        <v>0</v>
      </c>
      <c r="CR685" s="166">
        <v>0</v>
      </c>
      <c r="CS685" s="166">
        <v>0</v>
      </c>
      <c r="CT685" s="166">
        <v>0</v>
      </c>
      <c r="CU685" s="166">
        <v>0</v>
      </c>
      <c r="CV685" s="166">
        <v>0</v>
      </c>
      <c r="CW685" s="166">
        <v>0</v>
      </c>
      <c r="CX685" s="166">
        <v>0</v>
      </c>
      <c r="CY685" s="166">
        <v>9941.5202284557909</v>
      </c>
      <c r="CZ685" s="166">
        <v>9941.5202284557909</v>
      </c>
    </row>
    <row r="686" spans="1:104" x14ac:dyDescent="0.2">
      <c r="A686" s="167" t="s">
        <v>217</v>
      </c>
      <c r="B686" s="166">
        <v>8012.77531404205</v>
      </c>
      <c r="C686" s="166">
        <v>8012.77531404205</v>
      </c>
      <c r="D686" s="166">
        <v>0</v>
      </c>
      <c r="E686" s="166">
        <v>0</v>
      </c>
      <c r="F686" s="166">
        <v>0</v>
      </c>
      <c r="G686" s="166">
        <v>0</v>
      </c>
      <c r="H686" s="166">
        <v>0</v>
      </c>
      <c r="I686" s="166">
        <v>0</v>
      </c>
      <c r="J686" s="166">
        <v>0</v>
      </c>
      <c r="K686" s="166">
        <v>0</v>
      </c>
      <c r="L686" s="166">
        <v>0</v>
      </c>
      <c r="M686" s="166">
        <v>0</v>
      </c>
      <c r="N686" s="166">
        <v>0</v>
      </c>
      <c r="O686" s="166">
        <v>0</v>
      </c>
      <c r="P686" s="166">
        <v>0</v>
      </c>
      <c r="Q686" s="166">
        <v>0</v>
      </c>
      <c r="R686" s="166">
        <v>0</v>
      </c>
      <c r="S686" s="166">
        <v>0</v>
      </c>
      <c r="T686" s="166">
        <v>0</v>
      </c>
      <c r="U686" s="166">
        <v>0</v>
      </c>
      <c r="V686" s="166">
        <v>0</v>
      </c>
      <c r="W686" s="166">
        <v>0</v>
      </c>
      <c r="X686" s="166">
        <v>0</v>
      </c>
      <c r="Y686" s="166">
        <v>0</v>
      </c>
      <c r="Z686" s="166">
        <v>0</v>
      </c>
      <c r="AA686" s="166">
        <v>0</v>
      </c>
      <c r="AB686" s="166">
        <v>0</v>
      </c>
      <c r="AC686" s="166">
        <v>0</v>
      </c>
      <c r="AD686" s="166">
        <v>0</v>
      </c>
      <c r="AE686" s="166">
        <v>0</v>
      </c>
      <c r="AF686" s="166">
        <v>0</v>
      </c>
      <c r="AG686" s="166">
        <v>0</v>
      </c>
      <c r="AH686" s="166">
        <v>0</v>
      </c>
      <c r="AI686" s="166">
        <v>0</v>
      </c>
      <c r="AJ686" s="166">
        <v>0</v>
      </c>
      <c r="AK686" s="166">
        <v>0</v>
      </c>
      <c r="AL686" s="166">
        <v>0</v>
      </c>
      <c r="AM686" s="166">
        <v>0</v>
      </c>
      <c r="AN686" s="166">
        <v>0</v>
      </c>
      <c r="AO686" s="166">
        <v>0</v>
      </c>
      <c r="AP686" s="166">
        <v>0</v>
      </c>
      <c r="AQ686" s="166">
        <v>0</v>
      </c>
      <c r="AR686" s="166">
        <v>0</v>
      </c>
      <c r="AS686" s="166">
        <v>0</v>
      </c>
      <c r="AT686" s="166">
        <v>0</v>
      </c>
      <c r="AU686" s="166">
        <v>0</v>
      </c>
      <c r="AV686" s="166">
        <v>0</v>
      </c>
      <c r="AW686" s="166">
        <v>0</v>
      </c>
      <c r="AX686" s="166">
        <v>0</v>
      </c>
      <c r="AY686" s="166">
        <v>0</v>
      </c>
      <c r="AZ686" s="166">
        <v>0</v>
      </c>
      <c r="BA686" s="166">
        <v>0</v>
      </c>
      <c r="BB686" s="166">
        <v>0</v>
      </c>
      <c r="BC686" s="166">
        <v>0</v>
      </c>
      <c r="BD686" s="166">
        <v>0</v>
      </c>
      <c r="BE686" s="166">
        <v>0</v>
      </c>
      <c r="BF686" s="166">
        <v>0</v>
      </c>
      <c r="BG686" s="166">
        <v>0</v>
      </c>
      <c r="BH686" s="166">
        <v>0</v>
      </c>
      <c r="BI686" s="166">
        <v>0</v>
      </c>
      <c r="BJ686" s="166">
        <v>0</v>
      </c>
      <c r="BK686" s="166">
        <v>0</v>
      </c>
      <c r="BL686" s="166">
        <v>0</v>
      </c>
      <c r="BM686" s="166">
        <v>0</v>
      </c>
      <c r="BN686" s="166">
        <v>0</v>
      </c>
      <c r="BO686" s="166">
        <v>0</v>
      </c>
      <c r="BP686" s="166">
        <v>0</v>
      </c>
      <c r="BQ686" s="166">
        <v>0</v>
      </c>
      <c r="BR686" s="166">
        <v>8012.77531404205</v>
      </c>
      <c r="BS686" s="166">
        <v>8012.77531404205</v>
      </c>
      <c r="BT686" s="166">
        <v>1000</v>
      </c>
      <c r="BU686" s="166">
        <v>542.07559891964297</v>
      </c>
      <c r="BV686" s="166">
        <v>8012.77531404205</v>
      </c>
      <c r="BW686" s="166">
        <v>0</v>
      </c>
      <c r="BX686" s="166">
        <v>0</v>
      </c>
      <c r="BY686" s="166">
        <v>0</v>
      </c>
      <c r="BZ686" s="166">
        <v>0</v>
      </c>
      <c r="CA686" s="166">
        <v>0</v>
      </c>
      <c r="CB686" s="166">
        <v>0</v>
      </c>
      <c r="CC686" s="166">
        <v>0</v>
      </c>
      <c r="CD686" s="166">
        <v>0</v>
      </c>
      <c r="CE686" s="166">
        <v>0</v>
      </c>
      <c r="CF686" s="166">
        <v>0</v>
      </c>
      <c r="CG686" s="166">
        <v>0</v>
      </c>
      <c r="CH686" s="166">
        <v>0</v>
      </c>
      <c r="CI686" s="166">
        <v>0</v>
      </c>
      <c r="CJ686" s="166">
        <v>0</v>
      </c>
      <c r="CK686" s="166">
        <v>0</v>
      </c>
      <c r="CL686" s="166">
        <v>0</v>
      </c>
      <c r="CM686" s="166">
        <v>0</v>
      </c>
      <c r="CN686" s="166">
        <v>0</v>
      </c>
      <c r="CO686" s="166">
        <v>0</v>
      </c>
      <c r="CP686" s="166">
        <v>0</v>
      </c>
      <c r="CQ686" s="166">
        <v>0</v>
      </c>
      <c r="CR686" s="166">
        <v>0</v>
      </c>
      <c r="CS686" s="166">
        <v>0</v>
      </c>
      <c r="CT686" s="166">
        <v>0</v>
      </c>
      <c r="CU686" s="166">
        <v>0</v>
      </c>
      <c r="CV686" s="166">
        <v>0</v>
      </c>
      <c r="CW686" s="166">
        <v>0</v>
      </c>
      <c r="CX686" s="166">
        <v>0</v>
      </c>
      <c r="CY686" s="166">
        <v>8012.77531404205</v>
      </c>
      <c r="CZ686" s="166">
        <v>8012.77531404205</v>
      </c>
    </row>
    <row r="687" spans="1:104" x14ac:dyDescent="0.2">
      <c r="A687" s="167" t="s">
        <v>218</v>
      </c>
      <c r="B687" s="166">
        <v>1018344.79004374</v>
      </c>
      <c r="C687" s="166">
        <v>1018344.79004374</v>
      </c>
      <c r="D687" s="166">
        <v>0</v>
      </c>
      <c r="E687" s="166">
        <v>0</v>
      </c>
      <c r="F687" s="166">
        <v>0</v>
      </c>
      <c r="G687" s="166">
        <v>0</v>
      </c>
      <c r="H687" s="166">
        <v>0</v>
      </c>
      <c r="I687" s="166">
        <v>0</v>
      </c>
      <c r="J687" s="166">
        <v>0</v>
      </c>
      <c r="K687" s="166">
        <v>0</v>
      </c>
      <c r="L687" s="166">
        <v>0</v>
      </c>
      <c r="M687" s="166">
        <v>0</v>
      </c>
      <c r="N687" s="166">
        <v>0</v>
      </c>
      <c r="O687" s="166">
        <v>0</v>
      </c>
      <c r="P687" s="166">
        <v>0</v>
      </c>
      <c r="Q687" s="166">
        <v>0</v>
      </c>
      <c r="R687" s="166">
        <v>0</v>
      </c>
      <c r="S687" s="166">
        <v>0</v>
      </c>
      <c r="T687" s="166">
        <v>0</v>
      </c>
      <c r="U687" s="166">
        <v>0</v>
      </c>
      <c r="V687" s="166">
        <v>0</v>
      </c>
      <c r="W687" s="166">
        <v>0</v>
      </c>
      <c r="X687" s="166">
        <v>0</v>
      </c>
      <c r="Y687" s="166">
        <v>0</v>
      </c>
      <c r="Z687" s="166">
        <v>0</v>
      </c>
      <c r="AA687" s="166">
        <v>0</v>
      </c>
      <c r="AB687" s="166">
        <v>0</v>
      </c>
      <c r="AC687" s="166">
        <v>0</v>
      </c>
      <c r="AD687" s="166">
        <v>0</v>
      </c>
      <c r="AE687" s="166">
        <v>0</v>
      </c>
      <c r="AF687" s="166">
        <v>0</v>
      </c>
      <c r="AG687" s="166">
        <v>0</v>
      </c>
      <c r="AH687" s="166">
        <v>0</v>
      </c>
      <c r="AI687" s="166">
        <v>0</v>
      </c>
      <c r="AJ687" s="166">
        <v>0</v>
      </c>
      <c r="AK687" s="166">
        <v>0</v>
      </c>
      <c r="AL687" s="166">
        <v>0</v>
      </c>
      <c r="AM687" s="166">
        <v>0</v>
      </c>
      <c r="AN687" s="166">
        <v>0</v>
      </c>
      <c r="AO687" s="166">
        <v>0</v>
      </c>
      <c r="AP687" s="166">
        <v>0</v>
      </c>
      <c r="AQ687" s="166">
        <v>0</v>
      </c>
      <c r="AR687" s="166">
        <v>0</v>
      </c>
      <c r="AS687" s="166">
        <v>0</v>
      </c>
      <c r="AT687" s="166">
        <v>0</v>
      </c>
      <c r="AU687" s="166">
        <v>0</v>
      </c>
      <c r="AV687" s="166">
        <v>0</v>
      </c>
      <c r="AW687" s="166">
        <v>0</v>
      </c>
      <c r="AX687" s="166">
        <v>0</v>
      </c>
      <c r="AY687" s="166">
        <v>0</v>
      </c>
      <c r="AZ687" s="166">
        <v>0</v>
      </c>
      <c r="BA687" s="166">
        <v>0</v>
      </c>
      <c r="BB687" s="166">
        <v>0</v>
      </c>
      <c r="BC687" s="166">
        <v>0</v>
      </c>
      <c r="BD687" s="166">
        <v>0</v>
      </c>
      <c r="BE687" s="166">
        <v>0</v>
      </c>
      <c r="BF687" s="166">
        <v>0</v>
      </c>
      <c r="BG687" s="166">
        <v>0</v>
      </c>
      <c r="BH687" s="166">
        <v>0</v>
      </c>
      <c r="BI687" s="166">
        <v>0</v>
      </c>
      <c r="BJ687" s="166">
        <v>0</v>
      </c>
      <c r="BK687" s="166">
        <v>0</v>
      </c>
      <c r="BL687" s="166">
        <v>0</v>
      </c>
      <c r="BM687" s="166">
        <v>0</v>
      </c>
      <c r="BN687" s="166">
        <v>0</v>
      </c>
      <c r="BO687" s="166">
        <v>0</v>
      </c>
      <c r="BP687" s="166">
        <v>0</v>
      </c>
      <c r="BQ687" s="166">
        <v>0</v>
      </c>
      <c r="BR687" s="166">
        <v>1018344.79004374</v>
      </c>
      <c r="BS687" s="166">
        <v>1018344.79004374</v>
      </c>
      <c r="BT687" s="166">
        <v>720.41766170058497</v>
      </c>
      <c r="BU687" s="166">
        <v>52552.879243584102</v>
      </c>
      <c r="BV687" s="166">
        <v>733633.57244828495</v>
      </c>
      <c r="BW687" s="166">
        <v>0</v>
      </c>
      <c r="BX687" s="166">
        <v>0</v>
      </c>
      <c r="BY687" s="166">
        <v>0</v>
      </c>
      <c r="BZ687" s="166">
        <v>0</v>
      </c>
      <c r="CA687" s="166">
        <v>0</v>
      </c>
      <c r="CB687" s="166">
        <v>0</v>
      </c>
      <c r="CC687" s="166">
        <v>0</v>
      </c>
      <c r="CD687" s="166">
        <v>0</v>
      </c>
      <c r="CE687" s="166">
        <v>0</v>
      </c>
      <c r="CF687" s="166">
        <v>0</v>
      </c>
      <c r="CG687" s="166">
        <v>0</v>
      </c>
      <c r="CH687" s="166">
        <v>0</v>
      </c>
      <c r="CI687" s="166">
        <v>0</v>
      </c>
      <c r="CJ687" s="166">
        <v>0</v>
      </c>
      <c r="CK687" s="166">
        <v>0</v>
      </c>
      <c r="CL687" s="166">
        <v>0</v>
      </c>
      <c r="CM687" s="166">
        <v>0</v>
      </c>
      <c r="CN687" s="166">
        <v>0</v>
      </c>
      <c r="CO687" s="166">
        <v>0</v>
      </c>
      <c r="CP687" s="166">
        <v>0</v>
      </c>
      <c r="CQ687" s="166">
        <v>0</v>
      </c>
      <c r="CR687" s="166">
        <v>0</v>
      </c>
      <c r="CS687" s="166">
        <v>0</v>
      </c>
      <c r="CT687" s="166">
        <v>0</v>
      </c>
      <c r="CU687" s="166">
        <v>0</v>
      </c>
      <c r="CV687" s="166">
        <v>0</v>
      </c>
      <c r="CW687" s="166">
        <v>0</v>
      </c>
      <c r="CX687" s="166">
        <v>0</v>
      </c>
      <c r="CY687" s="166">
        <v>733633.57244828495</v>
      </c>
      <c r="CZ687" s="166">
        <v>733633.57244828495</v>
      </c>
    </row>
    <row r="688" spans="1:104" x14ac:dyDescent="0.2">
      <c r="A688" s="167" t="s">
        <v>219</v>
      </c>
      <c r="B688" s="166">
        <v>1054185.95999999</v>
      </c>
      <c r="C688" s="166">
        <v>1054185.95999999</v>
      </c>
      <c r="D688" s="166">
        <v>0</v>
      </c>
      <c r="E688" s="166">
        <v>0</v>
      </c>
      <c r="F688" s="166">
        <v>0</v>
      </c>
      <c r="G688" s="166">
        <v>0</v>
      </c>
      <c r="H688" s="166">
        <v>0</v>
      </c>
      <c r="I688" s="166">
        <v>0</v>
      </c>
      <c r="J688" s="166">
        <v>0</v>
      </c>
      <c r="K688" s="166">
        <v>0</v>
      </c>
      <c r="L688" s="166">
        <v>0</v>
      </c>
      <c r="M688" s="166">
        <v>0</v>
      </c>
      <c r="N688" s="166">
        <v>0</v>
      </c>
      <c r="O688" s="166">
        <v>0</v>
      </c>
      <c r="P688" s="166">
        <v>0</v>
      </c>
      <c r="Q688" s="166">
        <v>0</v>
      </c>
      <c r="R688" s="166">
        <v>0</v>
      </c>
      <c r="S688" s="166">
        <v>0</v>
      </c>
      <c r="T688" s="166">
        <v>0</v>
      </c>
      <c r="U688" s="166">
        <v>0</v>
      </c>
      <c r="V688" s="166">
        <v>0</v>
      </c>
      <c r="W688" s="166">
        <v>0</v>
      </c>
      <c r="X688" s="166">
        <v>0</v>
      </c>
      <c r="Y688" s="166">
        <v>0</v>
      </c>
      <c r="Z688" s="166">
        <v>0</v>
      </c>
      <c r="AA688" s="166">
        <v>0</v>
      </c>
      <c r="AB688" s="166">
        <v>0</v>
      </c>
      <c r="AC688" s="166">
        <v>0</v>
      </c>
      <c r="AD688" s="166">
        <v>0</v>
      </c>
      <c r="AE688" s="166">
        <v>0</v>
      </c>
      <c r="AF688" s="166">
        <v>0</v>
      </c>
      <c r="AG688" s="166">
        <v>0</v>
      </c>
      <c r="AH688" s="166">
        <v>0</v>
      </c>
      <c r="AI688" s="166">
        <v>0</v>
      </c>
      <c r="AJ688" s="166">
        <v>0</v>
      </c>
      <c r="AK688" s="166">
        <v>0</v>
      </c>
      <c r="AL688" s="166">
        <v>0</v>
      </c>
      <c r="AM688" s="166">
        <v>0</v>
      </c>
      <c r="AN688" s="166">
        <v>0</v>
      </c>
      <c r="AO688" s="166">
        <v>0</v>
      </c>
      <c r="AP688" s="166">
        <v>0</v>
      </c>
      <c r="AQ688" s="166">
        <v>0</v>
      </c>
      <c r="AR688" s="166">
        <v>0</v>
      </c>
      <c r="AS688" s="166">
        <v>0</v>
      </c>
      <c r="AT688" s="166">
        <v>0</v>
      </c>
      <c r="AU688" s="166">
        <v>0</v>
      </c>
      <c r="AV688" s="166">
        <v>0</v>
      </c>
      <c r="AW688" s="166">
        <v>0</v>
      </c>
      <c r="AX688" s="166">
        <v>0</v>
      </c>
      <c r="AY688" s="166">
        <v>0</v>
      </c>
      <c r="AZ688" s="166">
        <v>0</v>
      </c>
      <c r="BA688" s="166">
        <v>0</v>
      </c>
      <c r="BB688" s="166">
        <v>0</v>
      </c>
      <c r="BC688" s="166">
        <v>0</v>
      </c>
      <c r="BD688" s="166">
        <v>0</v>
      </c>
      <c r="BE688" s="166">
        <v>0</v>
      </c>
      <c r="BF688" s="166">
        <v>0</v>
      </c>
      <c r="BG688" s="166">
        <v>0</v>
      </c>
      <c r="BH688" s="166">
        <v>0</v>
      </c>
      <c r="BI688" s="166">
        <v>0</v>
      </c>
      <c r="BJ688" s="166">
        <v>0</v>
      </c>
      <c r="BK688" s="166">
        <v>0</v>
      </c>
      <c r="BL688" s="166">
        <v>0</v>
      </c>
      <c r="BM688" s="166">
        <v>0</v>
      </c>
      <c r="BN688" s="166">
        <v>0</v>
      </c>
      <c r="BO688" s="166">
        <v>0</v>
      </c>
      <c r="BP688" s="166">
        <v>0</v>
      </c>
      <c r="BQ688" s="166">
        <v>0</v>
      </c>
      <c r="BR688" s="166">
        <v>1054185.95999999</v>
      </c>
      <c r="BS688" s="166">
        <v>1054185.95999999</v>
      </c>
      <c r="BT688" s="168">
        <v>0</v>
      </c>
      <c r="BU688" s="166">
        <v>54922.318715556103</v>
      </c>
      <c r="BV688" s="166">
        <v>768657.81288075005</v>
      </c>
      <c r="BW688" s="166">
        <v>0</v>
      </c>
      <c r="BX688" s="166">
        <v>0</v>
      </c>
      <c r="BY688" s="166">
        <v>0</v>
      </c>
      <c r="BZ688" s="166">
        <v>0</v>
      </c>
      <c r="CA688" s="166">
        <v>0</v>
      </c>
      <c r="CB688" s="166">
        <v>0</v>
      </c>
      <c r="CC688" s="166">
        <v>0</v>
      </c>
      <c r="CD688" s="166">
        <v>0</v>
      </c>
      <c r="CE688" s="166">
        <v>0</v>
      </c>
      <c r="CF688" s="166">
        <v>0</v>
      </c>
      <c r="CG688" s="166">
        <v>0</v>
      </c>
      <c r="CH688" s="166">
        <v>0</v>
      </c>
      <c r="CI688" s="166">
        <v>0</v>
      </c>
      <c r="CJ688" s="166">
        <v>0</v>
      </c>
      <c r="CK688" s="166">
        <v>0</v>
      </c>
      <c r="CL688" s="166">
        <v>0</v>
      </c>
      <c r="CM688" s="166">
        <v>0</v>
      </c>
      <c r="CN688" s="166">
        <v>0</v>
      </c>
      <c r="CO688" s="166">
        <v>0</v>
      </c>
      <c r="CP688" s="166">
        <v>0</v>
      </c>
      <c r="CQ688" s="166">
        <v>0</v>
      </c>
      <c r="CR688" s="166">
        <v>0</v>
      </c>
      <c r="CS688" s="166">
        <v>0</v>
      </c>
      <c r="CT688" s="166">
        <v>0</v>
      </c>
      <c r="CU688" s="166">
        <v>0</v>
      </c>
      <c r="CV688" s="166">
        <v>0</v>
      </c>
      <c r="CW688" s="166">
        <v>0</v>
      </c>
      <c r="CX688" s="166">
        <v>0</v>
      </c>
      <c r="CY688" s="166">
        <v>768657.81288075005</v>
      </c>
      <c r="CZ688" s="166">
        <v>768657.81288075005</v>
      </c>
    </row>
    <row r="689" spans="1:104" x14ac:dyDescent="0.2">
      <c r="A689" s="167" t="s">
        <v>220</v>
      </c>
    </row>
    <row r="690" spans="1:104" x14ac:dyDescent="0.2">
      <c r="A690" s="167" t="s">
        <v>221</v>
      </c>
      <c r="B690" s="166">
        <v>8277786.96</v>
      </c>
      <c r="C690" s="166">
        <v>8277786.96</v>
      </c>
      <c r="D690" s="166">
        <v>0</v>
      </c>
      <c r="E690" s="166">
        <v>0</v>
      </c>
      <c r="F690" s="166">
        <v>0</v>
      </c>
      <c r="G690" s="166">
        <v>0</v>
      </c>
      <c r="H690" s="166">
        <v>0</v>
      </c>
      <c r="I690" s="166">
        <v>0</v>
      </c>
      <c r="J690" s="166">
        <v>0</v>
      </c>
      <c r="K690" s="166">
        <v>0</v>
      </c>
      <c r="L690" s="166">
        <v>0</v>
      </c>
      <c r="M690" s="166">
        <v>0</v>
      </c>
      <c r="N690" s="166">
        <v>0</v>
      </c>
      <c r="O690" s="166">
        <v>0</v>
      </c>
      <c r="P690" s="166">
        <v>0</v>
      </c>
      <c r="Q690" s="166">
        <v>0</v>
      </c>
      <c r="R690" s="166">
        <v>0</v>
      </c>
      <c r="S690" s="166">
        <v>0</v>
      </c>
      <c r="T690" s="166">
        <v>0</v>
      </c>
      <c r="U690" s="166">
        <v>0</v>
      </c>
      <c r="V690" s="166">
        <v>0</v>
      </c>
      <c r="W690" s="166">
        <v>0</v>
      </c>
      <c r="X690" s="166">
        <v>0</v>
      </c>
      <c r="Y690" s="166">
        <v>0</v>
      </c>
      <c r="Z690" s="166">
        <v>0</v>
      </c>
      <c r="AA690" s="166">
        <v>0</v>
      </c>
      <c r="AB690" s="166">
        <v>0</v>
      </c>
      <c r="AC690" s="166">
        <v>0</v>
      </c>
      <c r="AD690" s="166">
        <v>0</v>
      </c>
      <c r="AE690" s="166">
        <v>0</v>
      </c>
      <c r="AF690" s="166">
        <v>0</v>
      </c>
      <c r="AG690" s="166">
        <v>0</v>
      </c>
      <c r="AH690" s="166">
        <v>0</v>
      </c>
      <c r="AI690" s="166">
        <v>0</v>
      </c>
      <c r="AJ690" s="166">
        <v>0</v>
      </c>
      <c r="AK690" s="166">
        <v>0</v>
      </c>
      <c r="AL690" s="166">
        <v>0</v>
      </c>
      <c r="AM690" s="166">
        <v>0</v>
      </c>
      <c r="AN690" s="166">
        <v>0</v>
      </c>
      <c r="AO690" s="166">
        <v>0</v>
      </c>
      <c r="AP690" s="166">
        <v>0</v>
      </c>
      <c r="AQ690" s="166">
        <v>0</v>
      </c>
      <c r="AR690" s="166">
        <v>0</v>
      </c>
      <c r="AS690" s="166">
        <v>0</v>
      </c>
      <c r="AT690" s="166">
        <v>0</v>
      </c>
      <c r="AU690" s="166">
        <v>0</v>
      </c>
      <c r="AV690" s="166">
        <v>0</v>
      </c>
      <c r="AW690" s="166">
        <v>0</v>
      </c>
      <c r="AX690" s="166">
        <v>0</v>
      </c>
      <c r="AY690" s="166">
        <v>0</v>
      </c>
      <c r="AZ690" s="166">
        <v>0</v>
      </c>
      <c r="BA690" s="166">
        <v>0</v>
      </c>
      <c r="BB690" s="166">
        <v>0</v>
      </c>
      <c r="BC690" s="166">
        <v>0</v>
      </c>
      <c r="BD690" s="166">
        <v>0</v>
      </c>
      <c r="BE690" s="166">
        <v>0</v>
      </c>
      <c r="BF690" s="166">
        <v>0</v>
      </c>
      <c r="BG690" s="166">
        <v>0</v>
      </c>
      <c r="BH690" s="166">
        <v>0</v>
      </c>
      <c r="BI690" s="166">
        <v>0</v>
      </c>
      <c r="BJ690" s="166">
        <v>0</v>
      </c>
      <c r="BK690" s="166">
        <v>0</v>
      </c>
      <c r="BL690" s="166">
        <v>0</v>
      </c>
      <c r="BM690" s="166">
        <v>0</v>
      </c>
      <c r="BN690" s="166">
        <v>0</v>
      </c>
      <c r="BO690" s="166">
        <v>0</v>
      </c>
      <c r="BP690" s="166">
        <v>0</v>
      </c>
      <c r="BQ690" s="166">
        <v>0</v>
      </c>
      <c r="BR690" s="166">
        <v>8277786.96</v>
      </c>
      <c r="BS690" s="166">
        <v>8277786.96</v>
      </c>
      <c r="BT690" s="168">
        <v>0.97402999999999995</v>
      </c>
      <c r="BU690" s="166">
        <v>671901.06938739901</v>
      </c>
      <c r="BV690" s="166">
        <v>8062812.8326487904</v>
      </c>
      <c r="BW690" s="166">
        <v>0</v>
      </c>
      <c r="BX690" s="166">
        <v>0</v>
      </c>
      <c r="BY690" s="166">
        <v>0</v>
      </c>
      <c r="BZ690" s="166">
        <v>0</v>
      </c>
      <c r="CA690" s="166">
        <v>0</v>
      </c>
      <c r="CB690" s="166">
        <v>0</v>
      </c>
      <c r="CC690" s="166">
        <v>0</v>
      </c>
      <c r="CD690" s="166">
        <v>0</v>
      </c>
      <c r="CE690" s="166">
        <v>0</v>
      </c>
      <c r="CF690" s="166">
        <v>0</v>
      </c>
      <c r="CG690" s="166">
        <v>0</v>
      </c>
      <c r="CH690" s="166">
        <v>0</v>
      </c>
      <c r="CI690" s="166">
        <v>0</v>
      </c>
      <c r="CJ690" s="166">
        <v>0</v>
      </c>
      <c r="CK690" s="166">
        <v>0</v>
      </c>
      <c r="CL690" s="166">
        <v>0</v>
      </c>
      <c r="CM690" s="166">
        <v>0</v>
      </c>
      <c r="CN690" s="166">
        <v>0</v>
      </c>
      <c r="CO690" s="166">
        <v>0</v>
      </c>
      <c r="CP690" s="166">
        <v>0</v>
      </c>
      <c r="CQ690" s="166">
        <v>0</v>
      </c>
      <c r="CR690" s="166">
        <v>0</v>
      </c>
      <c r="CS690" s="166">
        <v>0</v>
      </c>
      <c r="CT690" s="166">
        <v>0</v>
      </c>
      <c r="CU690" s="166">
        <v>0</v>
      </c>
      <c r="CV690" s="166">
        <v>0</v>
      </c>
      <c r="CW690" s="166">
        <v>0</v>
      </c>
      <c r="CX690" s="166">
        <v>0</v>
      </c>
      <c r="CY690" s="166">
        <v>8062812.8326487904</v>
      </c>
      <c r="CZ690" s="166">
        <v>8062812.8326487904</v>
      </c>
    </row>
    <row r="691" spans="1:104" x14ac:dyDescent="0.2">
      <c r="A691" s="167" t="s">
        <v>222</v>
      </c>
    </row>
    <row r="692" spans="1:104" x14ac:dyDescent="0.2">
      <c r="A692" s="167" t="s">
        <v>1079</v>
      </c>
      <c r="B692" s="166">
        <v>66028.780667944593</v>
      </c>
      <c r="C692" s="166">
        <v>66028.780667944593</v>
      </c>
      <c r="D692" s="166">
        <v>0</v>
      </c>
      <c r="E692" s="166">
        <v>0</v>
      </c>
      <c r="F692" s="166">
        <v>0</v>
      </c>
      <c r="G692" s="166">
        <v>0</v>
      </c>
      <c r="H692" s="166">
        <v>0</v>
      </c>
      <c r="I692" s="166">
        <v>0</v>
      </c>
      <c r="J692" s="166">
        <v>0</v>
      </c>
      <c r="K692" s="166">
        <v>0</v>
      </c>
      <c r="L692" s="166">
        <v>0</v>
      </c>
      <c r="M692" s="166">
        <v>0</v>
      </c>
      <c r="N692" s="166">
        <v>0</v>
      </c>
      <c r="O692" s="166">
        <v>0</v>
      </c>
      <c r="P692" s="166">
        <v>0</v>
      </c>
      <c r="Q692" s="166">
        <v>0</v>
      </c>
      <c r="R692" s="166">
        <v>0</v>
      </c>
      <c r="S692" s="166">
        <v>0</v>
      </c>
      <c r="T692" s="166">
        <v>0</v>
      </c>
      <c r="U692" s="166">
        <v>0</v>
      </c>
      <c r="V692" s="166">
        <v>0</v>
      </c>
      <c r="W692" s="166">
        <v>0</v>
      </c>
      <c r="X692" s="166">
        <v>0</v>
      </c>
      <c r="Y692" s="166">
        <v>0</v>
      </c>
      <c r="Z692" s="166">
        <v>0</v>
      </c>
      <c r="AA692" s="166">
        <v>0</v>
      </c>
      <c r="AB692" s="166">
        <v>0</v>
      </c>
      <c r="AC692" s="166">
        <v>0</v>
      </c>
      <c r="AD692" s="166">
        <v>0</v>
      </c>
      <c r="AE692" s="166">
        <v>0</v>
      </c>
      <c r="AF692" s="166">
        <v>0</v>
      </c>
      <c r="AG692" s="166">
        <v>0</v>
      </c>
      <c r="AH692" s="166">
        <v>0</v>
      </c>
      <c r="AI692" s="166">
        <v>0</v>
      </c>
      <c r="AJ692" s="166">
        <v>0</v>
      </c>
      <c r="AK692" s="166">
        <v>0</v>
      </c>
      <c r="AL692" s="166">
        <v>0</v>
      </c>
      <c r="AM692" s="166">
        <v>0</v>
      </c>
      <c r="AN692" s="166">
        <v>0</v>
      </c>
      <c r="AO692" s="166">
        <v>0</v>
      </c>
      <c r="AP692" s="166">
        <v>0</v>
      </c>
      <c r="AQ692" s="166">
        <v>0</v>
      </c>
      <c r="AR692" s="166">
        <v>0</v>
      </c>
      <c r="AS692" s="166">
        <v>0</v>
      </c>
      <c r="AT692" s="166">
        <v>0</v>
      </c>
      <c r="AU692" s="166">
        <v>0</v>
      </c>
      <c r="AV692" s="166">
        <v>0</v>
      </c>
      <c r="AW692" s="166">
        <v>0</v>
      </c>
      <c r="AX692" s="166">
        <v>0</v>
      </c>
      <c r="AY692" s="166">
        <v>0</v>
      </c>
      <c r="AZ692" s="166">
        <v>0</v>
      </c>
      <c r="BA692" s="166">
        <v>0</v>
      </c>
      <c r="BB692" s="166">
        <v>0</v>
      </c>
      <c r="BC692" s="166">
        <v>0</v>
      </c>
      <c r="BD692" s="166">
        <v>0</v>
      </c>
      <c r="BE692" s="166">
        <v>0</v>
      </c>
      <c r="BF692" s="166">
        <v>0</v>
      </c>
      <c r="BG692" s="166">
        <v>0</v>
      </c>
      <c r="BH692" s="166">
        <v>0</v>
      </c>
      <c r="BI692" s="166">
        <v>0</v>
      </c>
      <c r="BJ692" s="166">
        <v>0</v>
      </c>
      <c r="BK692" s="166">
        <v>0</v>
      </c>
      <c r="BL692" s="166">
        <v>0</v>
      </c>
      <c r="BM692" s="166">
        <v>0</v>
      </c>
      <c r="BN692" s="166">
        <v>0</v>
      </c>
      <c r="BO692" s="166">
        <v>0</v>
      </c>
      <c r="BP692" s="166">
        <v>0</v>
      </c>
      <c r="BQ692" s="166">
        <v>0</v>
      </c>
      <c r="BR692" s="166">
        <v>66028.780667944593</v>
      </c>
      <c r="BS692" s="166">
        <v>66028.780667944593</v>
      </c>
      <c r="BT692" s="168">
        <v>0.97402999999999995</v>
      </c>
      <c r="BU692" s="166">
        <v>3027.7099333842998</v>
      </c>
      <c r="BV692" s="166">
        <v>64314.013233998099</v>
      </c>
      <c r="BW692" s="166">
        <v>0</v>
      </c>
      <c r="BX692" s="166">
        <v>0</v>
      </c>
      <c r="BY692" s="166">
        <v>0</v>
      </c>
      <c r="BZ692" s="166">
        <v>0</v>
      </c>
      <c r="CA692" s="166">
        <v>0</v>
      </c>
      <c r="CB692" s="166">
        <v>0</v>
      </c>
      <c r="CC692" s="166">
        <v>0</v>
      </c>
      <c r="CD692" s="166">
        <v>0</v>
      </c>
      <c r="CE692" s="166">
        <v>0</v>
      </c>
      <c r="CF692" s="166">
        <v>0</v>
      </c>
      <c r="CG692" s="166">
        <v>0</v>
      </c>
      <c r="CH692" s="166">
        <v>0</v>
      </c>
      <c r="CI692" s="166">
        <v>0</v>
      </c>
      <c r="CJ692" s="166">
        <v>0</v>
      </c>
      <c r="CK692" s="166">
        <v>0</v>
      </c>
      <c r="CL692" s="166">
        <v>0</v>
      </c>
      <c r="CM692" s="166">
        <v>0</v>
      </c>
      <c r="CN692" s="166">
        <v>0</v>
      </c>
      <c r="CO692" s="166">
        <v>0</v>
      </c>
      <c r="CP692" s="166">
        <v>0</v>
      </c>
      <c r="CQ692" s="166">
        <v>0</v>
      </c>
      <c r="CR692" s="166">
        <v>0</v>
      </c>
      <c r="CS692" s="166">
        <v>0</v>
      </c>
      <c r="CT692" s="166">
        <v>0</v>
      </c>
      <c r="CU692" s="166">
        <v>0</v>
      </c>
      <c r="CV692" s="166">
        <v>0</v>
      </c>
      <c r="CW692" s="166">
        <v>0</v>
      </c>
      <c r="CX692" s="166">
        <v>0</v>
      </c>
      <c r="CY692" s="166">
        <v>64314.013233998099</v>
      </c>
      <c r="CZ692" s="166">
        <v>64314.013233998099</v>
      </c>
    </row>
    <row r="693" spans="1:104" x14ac:dyDescent="0.2">
      <c r="A693" s="167" t="s">
        <v>1080</v>
      </c>
      <c r="B693" s="166">
        <v>2087.6017649790301</v>
      </c>
      <c r="C693" s="166">
        <v>2087.6017649790301</v>
      </c>
      <c r="D693" s="166">
        <v>0</v>
      </c>
      <c r="E693" s="166">
        <v>0</v>
      </c>
      <c r="F693" s="166">
        <v>0</v>
      </c>
      <c r="G693" s="166">
        <v>0</v>
      </c>
      <c r="H693" s="166">
        <v>0</v>
      </c>
      <c r="I693" s="166">
        <v>0</v>
      </c>
      <c r="J693" s="166">
        <v>0</v>
      </c>
      <c r="K693" s="166">
        <v>0</v>
      </c>
      <c r="L693" s="166">
        <v>0</v>
      </c>
      <c r="M693" s="166">
        <v>0</v>
      </c>
      <c r="N693" s="166">
        <v>0</v>
      </c>
      <c r="O693" s="166">
        <v>0</v>
      </c>
      <c r="P693" s="166">
        <v>0</v>
      </c>
      <c r="Q693" s="166">
        <v>0</v>
      </c>
      <c r="R693" s="166">
        <v>0</v>
      </c>
      <c r="S693" s="166">
        <v>0</v>
      </c>
      <c r="T693" s="166">
        <v>0</v>
      </c>
      <c r="U693" s="166">
        <v>0</v>
      </c>
      <c r="V693" s="166">
        <v>0</v>
      </c>
      <c r="W693" s="166">
        <v>0</v>
      </c>
      <c r="X693" s="166">
        <v>0</v>
      </c>
      <c r="Y693" s="166">
        <v>0</v>
      </c>
      <c r="Z693" s="166">
        <v>0</v>
      </c>
      <c r="AA693" s="166">
        <v>0</v>
      </c>
      <c r="AB693" s="166">
        <v>0</v>
      </c>
      <c r="AC693" s="166">
        <v>0</v>
      </c>
      <c r="AD693" s="166">
        <v>0</v>
      </c>
      <c r="AE693" s="166">
        <v>0</v>
      </c>
      <c r="AF693" s="166">
        <v>0</v>
      </c>
      <c r="AG693" s="166">
        <v>0</v>
      </c>
      <c r="AH693" s="166">
        <v>0</v>
      </c>
      <c r="AI693" s="166">
        <v>0</v>
      </c>
      <c r="AJ693" s="166">
        <v>0</v>
      </c>
      <c r="AK693" s="166">
        <v>0</v>
      </c>
      <c r="AL693" s="166">
        <v>0</v>
      </c>
      <c r="AM693" s="166">
        <v>0</v>
      </c>
      <c r="AN693" s="166">
        <v>0</v>
      </c>
      <c r="AO693" s="166">
        <v>0</v>
      </c>
      <c r="AP693" s="166">
        <v>0</v>
      </c>
      <c r="AQ693" s="166">
        <v>0</v>
      </c>
      <c r="AR693" s="166">
        <v>0</v>
      </c>
      <c r="AS693" s="166">
        <v>0</v>
      </c>
      <c r="AT693" s="166">
        <v>0</v>
      </c>
      <c r="AU693" s="166">
        <v>0</v>
      </c>
      <c r="AV693" s="166">
        <v>0</v>
      </c>
      <c r="AW693" s="166">
        <v>0</v>
      </c>
      <c r="AX693" s="166">
        <v>0</v>
      </c>
      <c r="AY693" s="166">
        <v>0</v>
      </c>
      <c r="AZ693" s="166">
        <v>0</v>
      </c>
      <c r="BA693" s="166">
        <v>0</v>
      </c>
      <c r="BB693" s="166">
        <v>0</v>
      </c>
      <c r="BC693" s="166">
        <v>0</v>
      </c>
      <c r="BD693" s="166">
        <v>0</v>
      </c>
      <c r="BE693" s="166">
        <v>0</v>
      </c>
      <c r="BF693" s="166">
        <v>0</v>
      </c>
      <c r="BG693" s="166">
        <v>0</v>
      </c>
      <c r="BH693" s="166">
        <v>0</v>
      </c>
      <c r="BI693" s="166">
        <v>0</v>
      </c>
      <c r="BJ693" s="166">
        <v>0</v>
      </c>
      <c r="BK693" s="166">
        <v>0</v>
      </c>
      <c r="BL693" s="166">
        <v>0</v>
      </c>
      <c r="BM693" s="166">
        <v>0</v>
      </c>
      <c r="BN693" s="166">
        <v>0</v>
      </c>
      <c r="BO693" s="166">
        <v>0</v>
      </c>
      <c r="BP693" s="166">
        <v>0</v>
      </c>
      <c r="BQ693" s="166">
        <v>0</v>
      </c>
      <c r="BR693" s="166">
        <v>2087.6017649790301</v>
      </c>
      <c r="BS693" s="166">
        <v>2087.6017649790301</v>
      </c>
      <c r="BT693" s="168">
        <v>0.92637230841245999</v>
      </c>
      <c r="BU693" s="166">
        <v>91.042017843793104</v>
      </c>
      <c r="BV693" s="166">
        <v>1933.8964660695599</v>
      </c>
      <c r="BW693" s="166">
        <v>0</v>
      </c>
      <c r="BX693" s="166">
        <v>0</v>
      </c>
      <c r="BY693" s="166">
        <v>0</v>
      </c>
      <c r="BZ693" s="166">
        <v>0</v>
      </c>
      <c r="CA693" s="166">
        <v>0</v>
      </c>
      <c r="CB693" s="166">
        <v>0</v>
      </c>
      <c r="CC693" s="166">
        <v>0</v>
      </c>
      <c r="CD693" s="166">
        <v>0</v>
      </c>
      <c r="CE693" s="166">
        <v>0</v>
      </c>
      <c r="CF693" s="166">
        <v>0</v>
      </c>
      <c r="CG693" s="166">
        <v>0</v>
      </c>
      <c r="CH693" s="166">
        <v>0</v>
      </c>
      <c r="CI693" s="166">
        <v>0</v>
      </c>
      <c r="CJ693" s="166">
        <v>0</v>
      </c>
      <c r="CK693" s="166">
        <v>0</v>
      </c>
      <c r="CL693" s="166">
        <v>0</v>
      </c>
      <c r="CM693" s="166">
        <v>0</v>
      </c>
      <c r="CN693" s="166">
        <v>0</v>
      </c>
      <c r="CO693" s="166">
        <v>0</v>
      </c>
      <c r="CP693" s="166">
        <v>0</v>
      </c>
      <c r="CQ693" s="166">
        <v>0</v>
      </c>
      <c r="CR693" s="166">
        <v>0</v>
      </c>
      <c r="CS693" s="166">
        <v>0</v>
      </c>
      <c r="CT693" s="166">
        <v>0</v>
      </c>
      <c r="CU693" s="166">
        <v>0</v>
      </c>
      <c r="CV693" s="166">
        <v>0</v>
      </c>
      <c r="CW693" s="166">
        <v>0</v>
      </c>
      <c r="CX693" s="166">
        <v>0</v>
      </c>
      <c r="CY693" s="166">
        <v>1933.8964660695599</v>
      </c>
      <c r="CZ693" s="166">
        <v>1933.8964660695599</v>
      </c>
    </row>
    <row r="694" spans="1:104" x14ac:dyDescent="0.2">
      <c r="A694" s="167" t="s">
        <v>1081</v>
      </c>
      <c r="B694" s="166">
        <v>15059.598890003501</v>
      </c>
      <c r="C694" s="166">
        <v>15059.598890003501</v>
      </c>
      <c r="D694" s="166">
        <v>0</v>
      </c>
      <c r="E694" s="166">
        <v>0</v>
      </c>
      <c r="F694" s="166">
        <v>0</v>
      </c>
      <c r="G694" s="166">
        <v>0</v>
      </c>
      <c r="H694" s="166">
        <v>0</v>
      </c>
      <c r="I694" s="166">
        <v>0</v>
      </c>
      <c r="J694" s="166">
        <v>0</v>
      </c>
      <c r="K694" s="166">
        <v>0</v>
      </c>
      <c r="L694" s="166">
        <v>0</v>
      </c>
      <c r="M694" s="166">
        <v>0</v>
      </c>
      <c r="N694" s="166">
        <v>0</v>
      </c>
      <c r="O694" s="166">
        <v>0</v>
      </c>
      <c r="P694" s="166">
        <v>0</v>
      </c>
      <c r="Q694" s="166">
        <v>0</v>
      </c>
      <c r="R694" s="166">
        <v>0</v>
      </c>
      <c r="S694" s="166">
        <v>0</v>
      </c>
      <c r="T694" s="166">
        <v>0</v>
      </c>
      <c r="U694" s="166">
        <v>0</v>
      </c>
      <c r="V694" s="166">
        <v>0</v>
      </c>
      <c r="W694" s="166">
        <v>0</v>
      </c>
      <c r="X694" s="166">
        <v>0</v>
      </c>
      <c r="Y694" s="166">
        <v>0</v>
      </c>
      <c r="Z694" s="166">
        <v>0</v>
      </c>
      <c r="AA694" s="166">
        <v>0</v>
      </c>
      <c r="AB694" s="166">
        <v>0</v>
      </c>
      <c r="AC694" s="166">
        <v>0</v>
      </c>
      <c r="AD694" s="166">
        <v>0</v>
      </c>
      <c r="AE694" s="166">
        <v>0</v>
      </c>
      <c r="AF694" s="166">
        <v>0</v>
      </c>
      <c r="AG694" s="166">
        <v>0</v>
      </c>
      <c r="AH694" s="166">
        <v>0</v>
      </c>
      <c r="AI694" s="166">
        <v>0</v>
      </c>
      <c r="AJ694" s="166">
        <v>0</v>
      </c>
      <c r="AK694" s="166">
        <v>0</v>
      </c>
      <c r="AL694" s="166">
        <v>0</v>
      </c>
      <c r="AM694" s="166">
        <v>0</v>
      </c>
      <c r="AN694" s="166">
        <v>0</v>
      </c>
      <c r="AO694" s="166">
        <v>0</v>
      </c>
      <c r="AP694" s="166">
        <v>0</v>
      </c>
      <c r="AQ694" s="166">
        <v>0</v>
      </c>
      <c r="AR694" s="166">
        <v>0</v>
      </c>
      <c r="AS694" s="166">
        <v>0</v>
      </c>
      <c r="AT694" s="166">
        <v>0</v>
      </c>
      <c r="AU694" s="166">
        <v>0</v>
      </c>
      <c r="AV694" s="166">
        <v>0</v>
      </c>
      <c r="AW694" s="166">
        <v>0</v>
      </c>
      <c r="AX694" s="166">
        <v>0</v>
      </c>
      <c r="AY694" s="166">
        <v>0</v>
      </c>
      <c r="AZ694" s="166">
        <v>0</v>
      </c>
      <c r="BA694" s="166">
        <v>0</v>
      </c>
      <c r="BB694" s="166">
        <v>0</v>
      </c>
      <c r="BC694" s="166">
        <v>0</v>
      </c>
      <c r="BD694" s="166">
        <v>0</v>
      </c>
      <c r="BE694" s="166">
        <v>0</v>
      </c>
      <c r="BF694" s="166">
        <v>0</v>
      </c>
      <c r="BG694" s="166">
        <v>0</v>
      </c>
      <c r="BH694" s="166">
        <v>0</v>
      </c>
      <c r="BI694" s="166">
        <v>0</v>
      </c>
      <c r="BJ694" s="166">
        <v>0</v>
      </c>
      <c r="BK694" s="166">
        <v>0</v>
      </c>
      <c r="BL694" s="166">
        <v>0</v>
      </c>
      <c r="BM694" s="166">
        <v>0</v>
      </c>
      <c r="BN694" s="166">
        <v>0</v>
      </c>
      <c r="BO694" s="166">
        <v>0</v>
      </c>
      <c r="BP694" s="166">
        <v>0</v>
      </c>
      <c r="BQ694" s="166">
        <v>0</v>
      </c>
      <c r="BR694" s="166">
        <v>15059.598890003501</v>
      </c>
      <c r="BS694" s="166">
        <v>15059.598890003501</v>
      </c>
      <c r="BT694" s="168">
        <v>0.95109934560116105</v>
      </c>
      <c r="BU694" s="166">
        <v>674.29189973724499</v>
      </c>
      <c r="BV694" s="166">
        <v>14323.1746492983</v>
      </c>
      <c r="BW694" s="166">
        <v>0</v>
      </c>
      <c r="BX694" s="166">
        <v>0</v>
      </c>
      <c r="BY694" s="166">
        <v>0</v>
      </c>
      <c r="BZ694" s="166">
        <v>0</v>
      </c>
      <c r="CA694" s="166">
        <v>0</v>
      </c>
      <c r="CB694" s="166">
        <v>0</v>
      </c>
      <c r="CC694" s="166">
        <v>0</v>
      </c>
      <c r="CD694" s="166">
        <v>0</v>
      </c>
      <c r="CE694" s="166">
        <v>0</v>
      </c>
      <c r="CF694" s="166">
        <v>0</v>
      </c>
      <c r="CG694" s="166">
        <v>0</v>
      </c>
      <c r="CH694" s="166">
        <v>0</v>
      </c>
      <c r="CI694" s="166">
        <v>0</v>
      </c>
      <c r="CJ694" s="166">
        <v>0</v>
      </c>
      <c r="CK694" s="166">
        <v>0</v>
      </c>
      <c r="CL694" s="166">
        <v>0</v>
      </c>
      <c r="CM694" s="166">
        <v>0</v>
      </c>
      <c r="CN694" s="166">
        <v>0</v>
      </c>
      <c r="CO694" s="166">
        <v>0</v>
      </c>
      <c r="CP694" s="166">
        <v>0</v>
      </c>
      <c r="CQ694" s="166">
        <v>0</v>
      </c>
      <c r="CR694" s="166">
        <v>0</v>
      </c>
      <c r="CS694" s="166">
        <v>0</v>
      </c>
      <c r="CT694" s="166">
        <v>0</v>
      </c>
      <c r="CU694" s="166">
        <v>0</v>
      </c>
      <c r="CV694" s="166">
        <v>0</v>
      </c>
      <c r="CW694" s="166">
        <v>0</v>
      </c>
      <c r="CX694" s="166">
        <v>0</v>
      </c>
      <c r="CY694" s="166">
        <v>14323.1746492983</v>
      </c>
      <c r="CZ694" s="166">
        <v>14323.1746492983</v>
      </c>
    </row>
    <row r="695" spans="1:104" x14ac:dyDescent="0.2">
      <c r="A695" s="167" t="s">
        <v>226</v>
      </c>
      <c r="B695" s="166">
        <v>48175.581114939603</v>
      </c>
      <c r="C695" s="166">
        <v>48175.581114939603</v>
      </c>
      <c r="D695" s="166">
        <v>0</v>
      </c>
      <c r="E695" s="166">
        <v>0</v>
      </c>
      <c r="F695" s="166">
        <v>0</v>
      </c>
      <c r="G695" s="166">
        <v>0</v>
      </c>
      <c r="H695" s="166">
        <v>0</v>
      </c>
      <c r="I695" s="166">
        <v>0</v>
      </c>
      <c r="J695" s="166">
        <v>0</v>
      </c>
      <c r="K695" s="166">
        <v>0</v>
      </c>
      <c r="L695" s="166">
        <v>0</v>
      </c>
      <c r="M695" s="166">
        <v>0</v>
      </c>
      <c r="N695" s="166">
        <v>0</v>
      </c>
      <c r="O695" s="166">
        <v>0</v>
      </c>
      <c r="P695" s="166">
        <v>0</v>
      </c>
      <c r="Q695" s="166">
        <v>0</v>
      </c>
      <c r="R695" s="166">
        <v>0</v>
      </c>
      <c r="S695" s="166">
        <v>0</v>
      </c>
      <c r="T695" s="166">
        <v>0</v>
      </c>
      <c r="U695" s="166">
        <v>0</v>
      </c>
      <c r="V695" s="166">
        <v>0</v>
      </c>
      <c r="W695" s="166">
        <v>0</v>
      </c>
      <c r="X695" s="166">
        <v>0</v>
      </c>
      <c r="Y695" s="166">
        <v>0</v>
      </c>
      <c r="Z695" s="166">
        <v>0</v>
      </c>
      <c r="AA695" s="166">
        <v>0</v>
      </c>
      <c r="AB695" s="166">
        <v>0</v>
      </c>
      <c r="AC695" s="166">
        <v>0</v>
      </c>
      <c r="AD695" s="166">
        <v>0</v>
      </c>
      <c r="AE695" s="166">
        <v>0</v>
      </c>
      <c r="AF695" s="166">
        <v>0</v>
      </c>
      <c r="AG695" s="166">
        <v>0</v>
      </c>
      <c r="AH695" s="166">
        <v>0</v>
      </c>
      <c r="AI695" s="166">
        <v>0</v>
      </c>
      <c r="AJ695" s="166">
        <v>0</v>
      </c>
      <c r="AK695" s="166">
        <v>0</v>
      </c>
      <c r="AL695" s="166">
        <v>0</v>
      </c>
      <c r="AM695" s="166">
        <v>0</v>
      </c>
      <c r="AN695" s="166">
        <v>0</v>
      </c>
      <c r="AO695" s="166">
        <v>0</v>
      </c>
      <c r="AP695" s="166">
        <v>0</v>
      </c>
      <c r="AQ695" s="166">
        <v>0</v>
      </c>
      <c r="AR695" s="166">
        <v>0</v>
      </c>
      <c r="AS695" s="166">
        <v>0</v>
      </c>
      <c r="AT695" s="166">
        <v>0</v>
      </c>
      <c r="AU695" s="166">
        <v>0</v>
      </c>
      <c r="AV695" s="166">
        <v>0</v>
      </c>
      <c r="AW695" s="166">
        <v>0</v>
      </c>
      <c r="AX695" s="166">
        <v>0</v>
      </c>
      <c r="AY695" s="166">
        <v>0</v>
      </c>
      <c r="AZ695" s="166">
        <v>0</v>
      </c>
      <c r="BA695" s="166">
        <v>0</v>
      </c>
      <c r="BB695" s="166">
        <v>0</v>
      </c>
      <c r="BC695" s="166">
        <v>0</v>
      </c>
      <c r="BD695" s="166">
        <v>0</v>
      </c>
      <c r="BE695" s="166">
        <v>0</v>
      </c>
      <c r="BF695" s="166">
        <v>0</v>
      </c>
      <c r="BG695" s="166">
        <v>0</v>
      </c>
      <c r="BH695" s="166">
        <v>0</v>
      </c>
      <c r="BI695" s="166">
        <v>0</v>
      </c>
      <c r="BJ695" s="166">
        <v>0</v>
      </c>
      <c r="BK695" s="166">
        <v>0</v>
      </c>
      <c r="BL695" s="166">
        <v>0</v>
      </c>
      <c r="BM695" s="166">
        <v>0</v>
      </c>
      <c r="BN695" s="166">
        <v>0</v>
      </c>
      <c r="BO695" s="166">
        <v>0</v>
      </c>
      <c r="BP695" s="166">
        <v>0</v>
      </c>
      <c r="BQ695" s="166">
        <v>0</v>
      </c>
      <c r="BR695" s="166">
        <v>48175.581114939603</v>
      </c>
      <c r="BS695" s="166">
        <v>48175.581114939603</v>
      </c>
      <c r="BT695" s="168">
        <v>0.97403133392564201</v>
      </c>
      <c r="BU695" s="166">
        <v>2209.0652556210198</v>
      </c>
      <c r="BV695" s="166">
        <v>46924.525536027599</v>
      </c>
      <c r="BW695" s="166">
        <v>0</v>
      </c>
      <c r="BX695" s="166">
        <v>0</v>
      </c>
      <c r="BY695" s="166">
        <v>0</v>
      </c>
      <c r="BZ695" s="166">
        <v>0</v>
      </c>
      <c r="CA695" s="166">
        <v>0</v>
      </c>
      <c r="CB695" s="166">
        <v>0</v>
      </c>
      <c r="CC695" s="166">
        <v>0</v>
      </c>
      <c r="CD695" s="166">
        <v>0</v>
      </c>
      <c r="CE695" s="166">
        <v>0</v>
      </c>
      <c r="CF695" s="166">
        <v>0</v>
      </c>
      <c r="CG695" s="166">
        <v>0</v>
      </c>
      <c r="CH695" s="166">
        <v>0</v>
      </c>
      <c r="CI695" s="166">
        <v>0</v>
      </c>
      <c r="CJ695" s="166">
        <v>0</v>
      </c>
      <c r="CK695" s="166">
        <v>0</v>
      </c>
      <c r="CL695" s="166">
        <v>0</v>
      </c>
      <c r="CM695" s="166">
        <v>0</v>
      </c>
      <c r="CN695" s="166">
        <v>0</v>
      </c>
      <c r="CO695" s="166">
        <v>0</v>
      </c>
      <c r="CP695" s="166">
        <v>0</v>
      </c>
      <c r="CQ695" s="166">
        <v>0</v>
      </c>
      <c r="CR695" s="166">
        <v>0</v>
      </c>
      <c r="CS695" s="166">
        <v>0</v>
      </c>
      <c r="CT695" s="166">
        <v>0</v>
      </c>
      <c r="CU695" s="166">
        <v>0</v>
      </c>
      <c r="CV695" s="166">
        <v>0</v>
      </c>
      <c r="CW695" s="166">
        <v>0</v>
      </c>
      <c r="CX695" s="166">
        <v>0</v>
      </c>
      <c r="CY695" s="166">
        <v>46924.525536027599</v>
      </c>
      <c r="CZ695" s="166">
        <v>46924.525536027599</v>
      </c>
    </row>
    <row r="696" spans="1:104" x14ac:dyDescent="0.2">
      <c r="A696" s="167" t="s">
        <v>227</v>
      </c>
      <c r="B696" s="166">
        <v>37820.742823818597</v>
      </c>
      <c r="C696" s="166">
        <v>37820.742823818597</v>
      </c>
      <c r="D696" s="166">
        <v>0</v>
      </c>
      <c r="E696" s="166">
        <v>0</v>
      </c>
      <c r="F696" s="166">
        <v>0</v>
      </c>
      <c r="G696" s="166">
        <v>0</v>
      </c>
      <c r="H696" s="166">
        <v>0</v>
      </c>
      <c r="I696" s="166">
        <v>0</v>
      </c>
      <c r="J696" s="166">
        <v>0</v>
      </c>
      <c r="K696" s="166">
        <v>0</v>
      </c>
      <c r="L696" s="166">
        <v>0</v>
      </c>
      <c r="M696" s="166">
        <v>0</v>
      </c>
      <c r="N696" s="166">
        <v>0</v>
      </c>
      <c r="O696" s="166">
        <v>0</v>
      </c>
      <c r="P696" s="166">
        <v>0</v>
      </c>
      <c r="Q696" s="166">
        <v>0</v>
      </c>
      <c r="R696" s="166">
        <v>0</v>
      </c>
      <c r="S696" s="166">
        <v>0</v>
      </c>
      <c r="T696" s="166">
        <v>0</v>
      </c>
      <c r="U696" s="166">
        <v>0</v>
      </c>
      <c r="V696" s="166">
        <v>0</v>
      </c>
      <c r="W696" s="166">
        <v>0</v>
      </c>
      <c r="X696" s="166">
        <v>0</v>
      </c>
      <c r="Y696" s="166">
        <v>0</v>
      </c>
      <c r="Z696" s="166">
        <v>0</v>
      </c>
      <c r="AA696" s="166">
        <v>0</v>
      </c>
      <c r="AB696" s="166">
        <v>0</v>
      </c>
      <c r="AC696" s="166">
        <v>0</v>
      </c>
      <c r="AD696" s="166">
        <v>0</v>
      </c>
      <c r="AE696" s="166">
        <v>0</v>
      </c>
      <c r="AF696" s="166">
        <v>0</v>
      </c>
      <c r="AG696" s="166">
        <v>0</v>
      </c>
      <c r="AH696" s="166">
        <v>0</v>
      </c>
      <c r="AI696" s="166">
        <v>0</v>
      </c>
      <c r="AJ696" s="166">
        <v>0</v>
      </c>
      <c r="AK696" s="166">
        <v>0</v>
      </c>
      <c r="AL696" s="166">
        <v>0</v>
      </c>
      <c r="AM696" s="166">
        <v>0</v>
      </c>
      <c r="AN696" s="166">
        <v>0</v>
      </c>
      <c r="AO696" s="166">
        <v>0</v>
      </c>
      <c r="AP696" s="166">
        <v>0</v>
      </c>
      <c r="AQ696" s="166">
        <v>0</v>
      </c>
      <c r="AR696" s="166">
        <v>0</v>
      </c>
      <c r="AS696" s="166">
        <v>0</v>
      </c>
      <c r="AT696" s="166">
        <v>0</v>
      </c>
      <c r="AU696" s="166">
        <v>0</v>
      </c>
      <c r="AV696" s="166">
        <v>0</v>
      </c>
      <c r="AW696" s="166">
        <v>0</v>
      </c>
      <c r="AX696" s="166">
        <v>0</v>
      </c>
      <c r="AY696" s="166">
        <v>0</v>
      </c>
      <c r="AZ696" s="166">
        <v>0</v>
      </c>
      <c r="BA696" s="166">
        <v>0</v>
      </c>
      <c r="BB696" s="166">
        <v>0</v>
      </c>
      <c r="BC696" s="166">
        <v>0</v>
      </c>
      <c r="BD696" s="166">
        <v>0</v>
      </c>
      <c r="BE696" s="166">
        <v>0</v>
      </c>
      <c r="BF696" s="166">
        <v>0</v>
      </c>
      <c r="BG696" s="166">
        <v>0</v>
      </c>
      <c r="BH696" s="166">
        <v>0</v>
      </c>
      <c r="BI696" s="166">
        <v>0</v>
      </c>
      <c r="BJ696" s="166">
        <v>0</v>
      </c>
      <c r="BK696" s="166">
        <v>0</v>
      </c>
      <c r="BL696" s="166">
        <v>0</v>
      </c>
      <c r="BM696" s="166">
        <v>0</v>
      </c>
      <c r="BN696" s="166">
        <v>0</v>
      </c>
      <c r="BO696" s="166">
        <v>0</v>
      </c>
      <c r="BP696" s="166">
        <v>0</v>
      </c>
      <c r="BQ696" s="166">
        <v>0</v>
      </c>
      <c r="BR696" s="166">
        <v>37820.742823818597</v>
      </c>
      <c r="BS696" s="166">
        <v>37820.742823818597</v>
      </c>
      <c r="BT696" s="166">
        <v>1000</v>
      </c>
      <c r="BU696" s="166">
        <v>1780.48659969357</v>
      </c>
      <c r="BV696" s="166">
        <v>37820.742823818597</v>
      </c>
      <c r="BW696" s="166">
        <v>0</v>
      </c>
      <c r="BX696" s="166">
        <v>0</v>
      </c>
      <c r="BY696" s="166">
        <v>0</v>
      </c>
      <c r="BZ696" s="166">
        <v>0</v>
      </c>
      <c r="CA696" s="166">
        <v>0</v>
      </c>
      <c r="CB696" s="166">
        <v>0</v>
      </c>
      <c r="CC696" s="166">
        <v>0</v>
      </c>
      <c r="CD696" s="166">
        <v>0</v>
      </c>
      <c r="CE696" s="166">
        <v>0</v>
      </c>
      <c r="CF696" s="166">
        <v>0</v>
      </c>
      <c r="CG696" s="166">
        <v>0</v>
      </c>
      <c r="CH696" s="166">
        <v>0</v>
      </c>
      <c r="CI696" s="166">
        <v>0</v>
      </c>
      <c r="CJ696" s="166">
        <v>0</v>
      </c>
      <c r="CK696" s="166">
        <v>0</v>
      </c>
      <c r="CL696" s="166">
        <v>0</v>
      </c>
      <c r="CM696" s="166">
        <v>0</v>
      </c>
      <c r="CN696" s="166">
        <v>0</v>
      </c>
      <c r="CO696" s="166">
        <v>0</v>
      </c>
      <c r="CP696" s="166">
        <v>0</v>
      </c>
      <c r="CQ696" s="166">
        <v>0</v>
      </c>
      <c r="CR696" s="166">
        <v>0</v>
      </c>
      <c r="CS696" s="166">
        <v>0</v>
      </c>
      <c r="CT696" s="166">
        <v>0</v>
      </c>
      <c r="CU696" s="166">
        <v>0</v>
      </c>
      <c r="CV696" s="166">
        <v>0</v>
      </c>
      <c r="CW696" s="166">
        <v>0</v>
      </c>
      <c r="CX696" s="166">
        <v>0</v>
      </c>
      <c r="CY696" s="166">
        <v>37820.742823818597</v>
      </c>
      <c r="CZ696" s="166">
        <v>37820.742823818597</v>
      </c>
    </row>
    <row r="697" spans="1:104" x14ac:dyDescent="0.2">
      <c r="A697" s="167" t="s">
        <v>1082</v>
      </c>
      <c r="B697" s="166">
        <v>4758096.2347383099</v>
      </c>
      <c r="C697" s="166">
        <v>4758096.2347383099</v>
      </c>
      <c r="D697" s="166">
        <v>0</v>
      </c>
      <c r="E697" s="166">
        <v>0</v>
      </c>
      <c r="F697" s="166">
        <v>0</v>
      </c>
      <c r="G697" s="166">
        <v>0</v>
      </c>
      <c r="H697" s="166">
        <v>0</v>
      </c>
      <c r="I697" s="166">
        <v>0</v>
      </c>
      <c r="J697" s="166">
        <v>0</v>
      </c>
      <c r="K697" s="166">
        <v>0</v>
      </c>
      <c r="L697" s="166">
        <v>0</v>
      </c>
      <c r="M697" s="166">
        <v>0</v>
      </c>
      <c r="N697" s="166">
        <v>0</v>
      </c>
      <c r="O697" s="166">
        <v>0</v>
      </c>
      <c r="P697" s="166">
        <v>0</v>
      </c>
      <c r="Q697" s="166">
        <v>0</v>
      </c>
      <c r="R697" s="166">
        <v>0</v>
      </c>
      <c r="S697" s="166">
        <v>0</v>
      </c>
      <c r="T697" s="166">
        <v>0</v>
      </c>
      <c r="U697" s="166">
        <v>0</v>
      </c>
      <c r="V697" s="166">
        <v>0</v>
      </c>
      <c r="W697" s="166">
        <v>0</v>
      </c>
      <c r="X697" s="166">
        <v>0</v>
      </c>
      <c r="Y697" s="166">
        <v>0</v>
      </c>
      <c r="Z697" s="166">
        <v>0</v>
      </c>
      <c r="AA697" s="166">
        <v>0</v>
      </c>
      <c r="AB697" s="166">
        <v>0</v>
      </c>
      <c r="AC697" s="166">
        <v>0</v>
      </c>
      <c r="AD697" s="166">
        <v>0</v>
      </c>
      <c r="AE697" s="166">
        <v>0</v>
      </c>
      <c r="AF697" s="166">
        <v>0</v>
      </c>
      <c r="AG697" s="166">
        <v>0</v>
      </c>
      <c r="AH697" s="166">
        <v>0</v>
      </c>
      <c r="AI697" s="166">
        <v>0</v>
      </c>
      <c r="AJ697" s="166">
        <v>0</v>
      </c>
      <c r="AK697" s="166">
        <v>0</v>
      </c>
      <c r="AL697" s="166">
        <v>0</v>
      </c>
      <c r="AM697" s="166">
        <v>0</v>
      </c>
      <c r="AN697" s="166">
        <v>0</v>
      </c>
      <c r="AO697" s="166">
        <v>0</v>
      </c>
      <c r="AP697" s="166">
        <v>0</v>
      </c>
      <c r="AQ697" s="166">
        <v>0</v>
      </c>
      <c r="AR697" s="166">
        <v>0</v>
      </c>
      <c r="AS697" s="166">
        <v>0</v>
      </c>
      <c r="AT697" s="166">
        <v>0</v>
      </c>
      <c r="AU697" s="166">
        <v>0</v>
      </c>
      <c r="AV697" s="166">
        <v>0</v>
      </c>
      <c r="AW697" s="166">
        <v>0</v>
      </c>
      <c r="AX697" s="166">
        <v>0</v>
      </c>
      <c r="AY697" s="166">
        <v>0</v>
      </c>
      <c r="AZ697" s="166">
        <v>0</v>
      </c>
      <c r="BA697" s="166">
        <v>0</v>
      </c>
      <c r="BB697" s="166">
        <v>0</v>
      </c>
      <c r="BC697" s="166">
        <v>0</v>
      </c>
      <c r="BD697" s="166">
        <v>0</v>
      </c>
      <c r="BE697" s="166">
        <v>0</v>
      </c>
      <c r="BF697" s="166">
        <v>0</v>
      </c>
      <c r="BG697" s="166">
        <v>0</v>
      </c>
      <c r="BH697" s="166">
        <v>0</v>
      </c>
      <c r="BI697" s="166">
        <v>0</v>
      </c>
      <c r="BJ697" s="166">
        <v>0</v>
      </c>
      <c r="BK697" s="166">
        <v>0</v>
      </c>
      <c r="BL697" s="166">
        <v>0</v>
      </c>
      <c r="BM697" s="166">
        <v>0</v>
      </c>
      <c r="BN697" s="166">
        <v>0</v>
      </c>
      <c r="BO697" s="166">
        <v>0</v>
      </c>
      <c r="BP697" s="166">
        <v>0</v>
      </c>
      <c r="BQ697" s="166">
        <v>0</v>
      </c>
      <c r="BR697" s="166">
        <v>4758096.2347383099</v>
      </c>
      <c r="BS697" s="166">
        <v>4758096.2347383099</v>
      </c>
      <c r="BT697" s="168">
        <v>0.72041766170058497</v>
      </c>
      <c r="BU697" s="166">
        <v>172613.74143200699</v>
      </c>
      <c r="BV697" s="166">
        <v>3427816.5635765302</v>
      </c>
      <c r="BW697" s="166">
        <v>0</v>
      </c>
      <c r="BX697" s="166">
        <v>0</v>
      </c>
      <c r="BY697" s="166">
        <v>0</v>
      </c>
      <c r="BZ697" s="166">
        <v>0</v>
      </c>
      <c r="CA697" s="166">
        <v>0</v>
      </c>
      <c r="CB697" s="166">
        <v>0</v>
      </c>
      <c r="CC697" s="166">
        <v>0</v>
      </c>
      <c r="CD697" s="166">
        <v>0</v>
      </c>
      <c r="CE697" s="166">
        <v>0</v>
      </c>
      <c r="CF697" s="166">
        <v>0</v>
      </c>
      <c r="CG697" s="166">
        <v>0</v>
      </c>
      <c r="CH697" s="166">
        <v>0</v>
      </c>
      <c r="CI697" s="166">
        <v>0</v>
      </c>
      <c r="CJ697" s="166">
        <v>0</v>
      </c>
      <c r="CK697" s="166">
        <v>0</v>
      </c>
      <c r="CL697" s="166">
        <v>0</v>
      </c>
      <c r="CM697" s="166">
        <v>0</v>
      </c>
      <c r="CN697" s="166">
        <v>0</v>
      </c>
      <c r="CO697" s="166">
        <v>0</v>
      </c>
      <c r="CP697" s="166">
        <v>0</v>
      </c>
      <c r="CQ697" s="166">
        <v>0</v>
      </c>
      <c r="CR697" s="166">
        <v>0</v>
      </c>
      <c r="CS697" s="166">
        <v>0</v>
      </c>
      <c r="CT697" s="166">
        <v>0</v>
      </c>
      <c r="CU697" s="166">
        <v>0</v>
      </c>
      <c r="CV697" s="166">
        <v>0</v>
      </c>
      <c r="CW697" s="166">
        <v>0</v>
      </c>
      <c r="CX697" s="166">
        <v>0</v>
      </c>
      <c r="CY697" s="166">
        <v>3427816.5635765302</v>
      </c>
      <c r="CZ697" s="166">
        <v>3427816.5635765302</v>
      </c>
    </row>
    <row r="698" spans="1:104" x14ac:dyDescent="0.2">
      <c r="A698" s="167" t="s">
        <v>1083</v>
      </c>
      <c r="B698" s="166">
        <v>4927268.5399999898</v>
      </c>
      <c r="C698" s="166">
        <v>4927268.5399999898</v>
      </c>
      <c r="D698" s="166">
        <v>0</v>
      </c>
      <c r="E698" s="166">
        <v>0</v>
      </c>
      <c r="F698" s="166">
        <v>0</v>
      </c>
      <c r="G698" s="166">
        <v>0</v>
      </c>
      <c r="H698" s="166">
        <v>0</v>
      </c>
      <c r="I698" s="166">
        <v>0</v>
      </c>
      <c r="J698" s="166">
        <v>0</v>
      </c>
      <c r="K698" s="166">
        <v>0</v>
      </c>
      <c r="L698" s="166">
        <v>0</v>
      </c>
      <c r="M698" s="166">
        <v>0</v>
      </c>
      <c r="N698" s="166">
        <v>0</v>
      </c>
      <c r="O698" s="166">
        <v>0</v>
      </c>
      <c r="P698" s="166">
        <v>0</v>
      </c>
      <c r="Q698" s="166">
        <v>0</v>
      </c>
      <c r="R698" s="166">
        <v>0</v>
      </c>
      <c r="S698" s="166">
        <v>0</v>
      </c>
      <c r="T698" s="166">
        <v>0</v>
      </c>
      <c r="U698" s="166">
        <v>0</v>
      </c>
      <c r="V698" s="166">
        <v>0</v>
      </c>
      <c r="W698" s="166">
        <v>0</v>
      </c>
      <c r="X698" s="166">
        <v>0</v>
      </c>
      <c r="Y698" s="166">
        <v>0</v>
      </c>
      <c r="Z698" s="166">
        <v>0</v>
      </c>
      <c r="AA698" s="166">
        <v>0</v>
      </c>
      <c r="AB698" s="166">
        <v>0</v>
      </c>
      <c r="AC698" s="166">
        <v>0</v>
      </c>
      <c r="AD698" s="166">
        <v>0</v>
      </c>
      <c r="AE698" s="166">
        <v>0</v>
      </c>
      <c r="AF698" s="166">
        <v>0</v>
      </c>
      <c r="AG698" s="166">
        <v>0</v>
      </c>
      <c r="AH698" s="166">
        <v>0</v>
      </c>
      <c r="AI698" s="166">
        <v>0</v>
      </c>
      <c r="AJ698" s="166">
        <v>0</v>
      </c>
      <c r="AK698" s="166">
        <v>0</v>
      </c>
      <c r="AL698" s="166">
        <v>0</v>
      </c>
      <c r="AM698" s="166">
        <v>0</v>
      </c>
      <c r="AN698" s="166">
        <v>0</v>
      </c>
      <c r="AO698" s="166">
        <v>0</v>
      </c>
      <c r="AP698" s="166">
        <v>0</v>
      </c>
      <c r="AQ698" s="166">
        <v>0</v>
      </c>
      <c r="AR698" s="166">
        <v>0</v>
      </c>
      <c r="AS698" s="166">
        <v>0</v>
      </c>
      <c r="AT698" s="166">
        <v>0</v>
      </c>
      <c r="AU698" s="166">
        <v>0</v>
      </c>
      <c r="AV698" s="166">
        <v>0</v>
      </c>
      <c r="AW698" s="166">
        <v>0</v>
      </c>
      <c r="AX698" s="166">
        <v>0</v>
      </c>
      <c r="AY698" s="166">
        <v>0</v>
      </c>
      <c r="AZ698" s="166">
        <v>0</v>
      </c>
      <c r="BA698" s="166">
        <v>0</v>
      </c>
      <c r="BB698" s="166">
        <v>0</v>
      </c>
      <c r="BC698" s="166">
        <v>0</v>
      </c>
      <c r="BD698" s="166">
        <v>0</v>
      </c>
      <c r="BE698" s="166">
        <v>0</v>
      </c>
      <c r="BF698" s="166">
        <v>0</v>
      </c>
      <c r="BG698" s="166">
        <v>0</v>
      </c>
      <c r="BH698" s="166">
        <v>0</v>
      </c>
      <c r="BI698" s="166">
        <v>0</v>
      </c>
      <c r="BJ698" s="166">
        <v>0</v>
      </c>
      <c r="BK698" s="166">
        <v>0</v>
      </c>
      <c r="BL698" s="166">
        <v>0</v>
      </c>
      <c r="BM698" s="166">
        <v>0</v>
      </c>
      <c r="BN698" s="166">
        <v>0</v>
      </c>
      <c r="BO698" s="166">
        <v>0</v>
      </c>
      <c r="BP698" s="166">
        <v>0</v>
      </c>
      <c r="BQ698" s="166">
        <v>0</v>
      </c>
      <c r="BR698" s="166">
        <v>4927268.5399999898</v>
      </c>
      <c r="BS698" s="166">
        <v>4927268.5399999898</v>
      </c>
      <c r="BT698" s="168">
        <v>0</v>
      </c>
      <c r="BU698" s="166">
        <v>180396.337138287</v>
      </c>
      <c r="BV698" s="166">
        <v>3593132.9162857402</v>
      </c>
      <c r="BW698" s="166">
        <v>0</v>
      </c>
      <c r="BX698" s="166">
        <v>0</v>
      </c>
      <c r="BY698" s="166">
        <v>0</v>
      </c>
      <c r="BZ698" s="166">
        <v>0</v>
      </c>
      <c r="CA698" s="166">
        <v>0</v>
      </c>
      <c r="CB698" s="166">
        <v>0</v>
      </c>
      <c r="CC698" s="166">
        <v>0</v>
      </c>
      <c r="CD698" s="166">
        <v>0</v>
      </c>
      <c r="CE698" s="166">
        <v>0</v>
      </c>
      <c r="CF698" s="166">
        <v>0</v>
      </c>
      <c r="CG698" s="166">
        <v>0</v>
      </c>
      <c r="CH698" s="166">
        <v>0</v>
      </c>
      <c r="CI698" s="166">
        <v>0</v>
      </c>
      <c r="CJ698" s="166">
        <v>0</v>
      </c>
      <c r="CK698" s="166">
        <v>0</v>
      </c>
      <c r="CL698" s="166">
        <v>0</v>
      </c>
      <c r="CM698" s="166">
        <v>0</v>
      </c>
      <c r="CN698" s="166">
        <v>0</v>
      </c>
      <c r="CO698" s="166">
        <v>0</v>
      </c>
      <c r="CP698" s="166">
        <v>0</v>
      </c>
      <c r="CQ698" s="166">
        <v>0</v>
      </c>
      <c r="CR698" s="166">
        <v>0</v>
      </c>
      <c r="CS698" s="166">
        <v>0</v>
      </c>
      <c r="CT698" s="166">
        <v>0</v>
      </c>
      <c r="CU698" s="166">
        <v>0</v>
      </c>
      <c r="CV698" s="166">
        <v>0</v>
      </c>
      <c r="CW698" s="166">
        <v>0</v>
      </c>
      <c r="CX698" s="166">
        <v>0</v>
      </c>
      <c r="CY698" s="166">
        <v>3593132.9162857402</v>
      </c>
      <c r="CZ698" s="166">
        <v>3593132.9162857402</v>
      </c>
    </row>
    <row r="699" spans="1:104" x14ac:dyDescent="0.2">
      <c r="A699" s="167" t="s">
        <v>230</v>
      </c>
    </row>
    <row r="700" spans="1:104" x14ac:dyDescent="0.2">
      <c r="A700" s="167" t="s">
        <v>231</v>
      </c>
      <c r="B700" s="166">
        <v>430000</v>
      </c>
      <c r="C700" s="166">
        <v>430000</v>
      </c>
      <c r="D700" s="166">
        <v>0</v>
      </c>
      <c r="E700" s="166">
        <v>0</v>
      </c>
      <c r="F700" s="166">
        <v>0</v>
      </c>
      <c r="G700" s="166">
        <v>0</v>
      </c>
      <c r="H700" s="166">
        <v>0</v>
      </c>
      <c r="I700" s="166">
        <v>0</v>
      </c>
      <c r="J700" s="166">
        <v>0</v>
      </c>
      <c r="K700" s="166">
        <v>0</v>
      </c>
      <c r="L700" s="166">
        <v>0</v>
      </c>
      <c r="M700" s="166">
        <v>0</v>
      </c>
      <c r="N700" s="166">
        <v>0</v>
      </c>
      <c r="O700" s="166">
        <v>0</v>
      </c>
      <c r="P700" s="166">
        <v>0</v>
      </c>
      <c r="Q700" s="166">
        <v>0</v>
      </c>
      <c r="R700" s="166">
        <v>0</v>
      </c>
      <c r="S700" s="166">
        <v>0</v>
      </c>
      <c r="T700" s="166">
        <v>0</v>
      </c>
      <c r="U700" s="166">
        <v>0</v>
      </c>
      <c r="V700" s="166">
        <v>0</v>
      </c>
      <c r="W700" s="166">
        <v>0</v>
      </c>
      <c r="X700" s="166">
        <v>0</v>
      </c>
      <c r="Y700" s="166">
        <v>0</v>
      </c>
      <c r="Z700" s="166">
        <v>0</v>
      </c>
      <c r="AA700" s="166">
        <v>0</v>
      </c>
      <c r="AB700" s="166">
        <v>0</v>
      </c>
      <c r="AC700" s="166">
        <v>0</v>
      </c>
      <c r="AD700" s="166">
        <v>0</v>
      </c>
      <c r="AE700" s="166">
        <v>0</v>
      </c>
      <c r="AF700" s="166">
        <v>0</v>
      </c>
      <c r="AG700" s="166">
        <v>0</v>
      </c>
      <c r="AH700" s="166">
        <v>0</v>
      </c>
      <c r="AI700" s="166">
        <v>0</v>
      </c>
      <c r="AJ700" s="166">
        <v>0</v>
      </c>
      <c r="AK700" s="166">
        <v>0</v>
      </c>
      <c r="AL700" s="166">
        <v>0</v>
      </c>
      <c r="AM700" s="166">
        <v>0</v>
      </c>
      <c r="AN700" s="166">
        <v>0</v>
      </c>
      <c r="AO700" s="166">
        <v>0</v>
      </c>
      <c r="AP700" s="166">
        <v>0</v>
      </c>
      <c r="AQ700" s="166">
        <v>0</v>
      </c>
      <c r="AR700" s="166">
        <v>0</v>
      </c>
      <c r="AS700" s="166">
        <v>0</v>
      </c>
      <c r="AT700" s="166">
        <v>0</v>
      </c>
      <c r="AU700" s="166">
        <v>0</v>
      </c>
      <c r="AV700" s="166">
        <v>0</v>
      </c>
      <c r="AW700" s="166">
        <v>0</v>
      </c>
      <c r="AX700" s="166">
        <v>0</v>
      </c>
      <c r="AY700" s="166">
        <v>0</v>
      </c>
      <c r="AZ700" s="166">
        <v>0</v>
      </c>
      <c r="BA700" s="166">
        <v>0</v>
      </c>
      <c r="BB700" s="166">
        <v>0</v>
      </c>
      <c r="BC700" s="166">
        <v>0</v>
      </c>
      <c r="BD700" s="166">
        <v>0</v>
      </c>
      <c r="BE700" s="166">
        <v>0</v>
      </c>
      <c r="BF700" s="166">
        <v>0</v>
      </c>
      <c r="BG700" s="166">
        <v>0</v>
      </c>
      <c r="BH700" s="166">
        <v>0</v>
      </c>
      <c r="BI700" s="166">
        <v>0</v>
      </c>
      <c r="BJ700" s="166">
        <v>0</v>
      </c>
      <c r="BK700" s="166">
        <v>0</v>
      </c>
      <c r="BL700" s="166">
        <v>0</v>
      </c>
      <c r="BM700" s="166">
        <v>0</v>
      </c>
      <c r="BN700" s="166">
        <v>0</v>
      </c>
      <c r="BO700" s="166">
        <v>0</v>
      </c>
      <c r="BP700" s="166">
        <v>0</v>
      </c>
      <c r="BQ700" s="166">
        <v>0</v>
      </c>
      <c r="BR700" s="166">
        <v>430000</v>
      </c>
      <c r="BS700" s="166">
        <v>430000</v>
      </c>
      <c r="BT700" s="168">
        <v>0.72041766170058497</v>
      </c>
      <c r="BU700" s="166">
        <v>9005.2207712573108</v>
      </c>
      <c r="BV700" s="166">
        <v>309779.594531251</v>
      </c>
      <c r="BW700" s="166">
        <v>0</v>
      </c>
      <c r="BX700" s="166">
        <v>0</v>
      </c>
      <c r="BY700" s="166">
        <v>0</v>
      </c>
      <c r="BZ700" s="166">
        <v>0</v>
      </c>
      <c r="CA700" s="166">
        <v>0</v>
      </c>
      <c r="CB700" s="166">
        <v>0</v>
      </c>
      <c r="CC700" s="166">
        <v>0</v>
      </c>
      <c r="CD700" s="166">
        <v>0</v>
      </c>
      <c r="CE700" s="166">
        <v>0</v>
      </c>
      <c r="CF700" s="166">
        <v>0</v>
      </c>
      <c r="CG700" s="166">
        <v>0</v>
      </c>
      <c r="CH700" s="166">
        <v>0</v>
      </c>
      <c r="CI700" s="166">
        <v>0</v>
      </c>
      <c r="CJ700" s="166">
        <v>0</v>
      </c>
      <c r="CK700" s="166">
        <v>0</v>
      </c>
      <c r="CL700" s="166">
        <v>0</v>
      </c>
      <c r="CM700" s="166">
        <v>0</v>
      </c>
      <c r="CN700" s="166">
        <v>0</v>
      </c>
      <c r="CO700" s="166">
        <v>0</v>
      </c>
      <c r="CP700" s="166">
        <v>0</v>
      </c>
      <c r="CQ700" s="166">
        <v>0</v>
      </c>
      <c r="CR700" s="166">
        <v>0</v>
      </c>
      <c r="CS700" s="166">
        <v>0</v>
      </c>
      <c r="CT700" s="166">
        <v>0</v>
      </c>
      <c r="CU700" s="166">
        <v>0</v>
      </c>
      <c r="CV700" s="166">
        <v>0</v>
      </c>
      <c r="CW700" s="166">
        <v>0</v>
      </c>
      <c r="CX700" s="166">
        <v>0</v>
      </c>
      <c r="CY700" s="166">
        <v>309779.594531251</v>
      </c>
      <c r="CZ700" s="166">
        <v>309779.594531251</v>
      </c>
    </row>
    <row r="701" spans="1:104" x14ac:dyDescent="0.2">
      <c r="A701" s="170" t="s">
        <v>232</v>
      </c>
      <c r="B701" s="166">
        <v>26884736.999999899</v>
      </c>
      <c r="C701" s="166">
        <v>26884736.999999899</v>
      </c>
      <c r="D701" s="166">
        <v>0</v>
      </c>
      <c r="E701" s="166">
        <v>0</v>
      </c>
      <c r="F701" s="166">
        <v>0</v>
      </c>
      <c r="G701" s="166">
        <v>0</v>
      </c>
      <c r="H701" s="166">
        <v>0</v>
      </c>
      <c r="I701" s="166">
        <v>0</v>
      </c>
      <c r="J701" s="166">
        <v>0</v>
      </c>
      <c r="K701" s="166">
        <v>0</v>
      </c>
      <c r="L701" s="166">
        <v>0</v>
      </c>
      <c r="M701" s="166">
        <v>0</v>
      </c>
      <c r="N701" s="166">
        <v>0</v>
      </c>
      <c r="O701" s="166">
        <v>0</v>
      </c>
      <c r="P701" s="166">
        <v>0</v>
      </c>
      <c r="Q701" s="166">
        <v>0</v>
      </c>
      <c r="R701" s="166">
        <v>0</v>
      </c>
      <c r="S701" s="166">
        <v>0</v>
      </c>
      <c r="T701" s="166">
        <v>0</v>
      </c>
      <c r="U701" s="166">
        <v>0</v>
      </c>
      <c r="V701" s="166">
        <v>0</v>
      </c>
      <c r="W701" s="166">
        <v>0</v>
      </c>
      <c r="X701" s="166">
        <v>0</v>
      </c>
      <c r="Y701" s="166">
        <v>0</v>
      </c>
      <c r="Z701" s="166">
        <v>0</v>
      </c>
      <c r="AA701" s="166">
        <v>0</v>
      </c>
      <c r="AB701" s="166">
        <v>0</v>
      </c>
      <c r="AC701" s="166">
        <v>0</v>
      </c>
      <c r="AD701" s="166">
        <v>0</v>
      </c>
      <c r="AE701" s="166">
        <v>0</v>
      </c>
      <c r="AF701" s="166">
        <v>0</v>
      </c>
      <c r="AG701" s="166">
        <v>0</v>
      </c>
      <c r="AH701" s="166">
        <v>0</v>
      </c>
      <c r="AI701" s="166">
        <v>0</v>
      </c>
      <c r="AJ701" s="166">
        <v>0</v>
      </c>
      <c r="AK701" s="166">
        <v>0</v>
      </c>
      <c r="AL701" s="166">
        <v>0</v>
      </c>
      <c r="AM701" s="166">
        <v>0</v>
      </c>
      <c r="AN701" s="166">
        <v>0</v>
      </c>
      <c r="AO701" s="166">
        <v>0</v>
      </c>
      <c r="AP701" s="166">
        <v>0</v>
      </c>
      <c r="AQ701" s="166">
        <v>0</v>
      </c>
      <c r="AR701" s="166">
        <v>0</v>
      </c>
      <c r="AS701" s="166">
        <v>0</v>
      </c>
      <c r="AT701" s="166">
        <v>0</v>
      </c>
      <c r="AU701" s="166">
        <v>0</v>
      </c>
      <c r="AV701" s="166">
        <v>0</v>
      </c>
      <c r="AW701" s="166">
        <v>0</v>
      </c>
      <c r="AX701" s="166">
        <v>0</v>
      </c>
      <c r="AY701" s="166">
        <v>0</v>
      </c>
      <c r="AZ701" s="166">
        <v>0</v>
      </c>
      <c r="BA701" s="166">
        <v>0</v>
      </c>
      <c r="BB701" s="166">
        <v>0</v>
      </c>
      <c r="BC701" s="166">
        <v>0</v>
      </c>
      <c r="BD701" s="166">
        <v>0</v>
      </c>
      <c r="BE701" s="166">
        <v>0</v>
      </c>
      <c r="BF701" s="166">
        <v>0</v>
      </c>
      <c r="BG701" s="166">
        <v>0</v>
      </c>
      <c r="BH701" s="166">
        <v>0</v>
      </c>
      <c r="BI701" s="166">
        <v>0</v>
      </c>
      <c r="BJ701" s="166">
        <v>0</v>
      </c>
      <c r="BK701" s="166">
        <v>0</v>
      </c>
      <c r="BL701" s="166">
        <v>0</v>
      </c>
      <c r="BM701" s="166">
        <v>0</v>
      </c>
      <c r="BN701" s="166">
        <v>0</v>
      </c>
      <c r="BO701" s="166">
        <v>0</v>
      </c>
      <c r="BP701" s="166">
        <v>0</v>
      </c>
      <c r="BQ701" s="166">
        <v>0</v>
      </c>
      <c r="BR701" s="166">
        <v>26884736.999999899</v>
      </c>
      <c r="BS701" s="166">
        <v>26884736.999999899</v>
      </c>
      <c r="BT701" s="168">
        <v>0</v>
      </c>
      <c r="BU701" s="166">
        <v>2191796.1993341702</v>
      </c>
      <c r="BV701" s="166">
        <v>21526044.972776901</v>
      </c>
      <c r="BW701" s="166">
        <v>0</v>
      </c>
      <c r="BX701" s="166">
        <v>0</v>
      </c>
      <c r="BY701" s="166">
        <v>0</v>
      </c>
      <c r="BZ701" s="166">
        <v>0</v>
      </c>
      <c r="CA701" s="166">
        <v>0</v>
      </c>
      <c r="CB701" s="166">
        <v>0</v>
      </c>
      <c r="CC701" s="166">
        <v>0</v>
      </c>
      <c r="CD701" s="166">
        <v>0</v>
      </c>
      <c r="CE701" s="166">
        <v>0</v>
      </c>
      <c r="CF701" s="166">
        <v>0</v>
      </c>
      <c r="CG701" s="166">
        <v>0</v>
      </c>
      <c r="CH701" s="166">
        <v>0</v>
      </c>
      <c r="CI701" s="166">
        <v>0</v>
      </c>
      <c r="CJ701" s="166">
        <v>0</v>
      </c>
      <c r="CK701" s="166">
        <v>0</v>
      </c>
      <c r="CL701" s="166">
        <v>0</v>
      </c>
      <c r="CM701" s="166">
        <v>0</v>
      </c>
      <c r="CN701" s="166">
        <v>0</v>
      </c>
      <c r="CO701" s="166">
        <v>0</v>
      </c>
      <c r="CP701" s="166">
        <v>0</v>
      </c>
      <c r="CQ701" s="166">
        <v>0</v>
      </c>
      <c r="CR701" s="166">
        <v>0</v>
      </c>
      <c r="CS701" s="166">
        <v>0</v>
      </c>
      <c r="CT701" s="166">
        <v>0</v>
      </c>
      <c r="CU701" s="166">
        <v>0</v>
      </c>
      <c r="CV701" s="166">
        <v>0</v>
      </c>
      <c r="CW701" s="166">
        <v>0</v>
      </c>
      <c r="CX701" s="166">
        <v>0</v>
      </c>
      <c r="CY701" s="166">
        <v>21526044.972776901</v>
      </c>
      <c r="CZ701" s="166">
        <v>21526044.972776901</v>
      </c>
    </row>
    <row r="702" spans="1:104" x14ac:dyDescent="0.2">
      <c r="A702" s="170" t="s">
        <v>233</v>
      </c>
    </row>
    <row r="703" spans="1:104" x14ac:dyDescent="0.2">
      <c r="A703" s="167" t="s">
        <v>1084</v>
      </c>
      <c r="B703" s="166">
        <v>0</v>
      </c>
      <c r="C703" s="166">
        <v>0</v>
      </c>
      <c r="D703" s="166">
        <v>0</v>
      </c>
      <c r="E703" s="166">
        <v>0</v>
      </c>
      <c r="F703" s="166">
        <v>0</v>
      </c>
      <c r="G703" s="166">
        <v>0</v>
      </c>
      <c r="H703" s="166">
        <v>0</v>
      </c>
      <c r="I703" s="166">
        <v>0</v>
      </c>
      <c r="J703" s="166">
        <v>0</v>
      </c>
      <c r="K703" s="166">
        <v>0</v>
      </c>
      <c r="L703" s="166">
        <v>0</v>
      </c>
      <c r="M703" s="166">
        <v>0</v>
      </c>
      <c r="N703" s="166">
        <v>0</v>
      </c>
      <c r="O703" s="166">
        <v>0</v>
      </c>
      <c r="P703" s="166">
        <v>0</v>
      </c>
      <c r="Q703" s="166">
        <v>0</v>
      </c>
      <c r="R703" s="166">
        <v>0</v>
      </c>
      <c r="S703" s="166">
        <v>0</v>
      </c>
      <c r="T703" s="166">
        <v>0</v>
      </c>
      <c r="U703" s="166">
        <v>0</v>
      </c>
      <c r="V703" s="166">
        <v>0</v>
      </c>
      <c r="W703" s="166">
        <v>0</v>
      </c>
      <c r="X703" s="166">
        <v>0</v>
      </c>
      <c r="Y703" s="166">
        <v>0</v>
      </c>
      <c r="Z703" s="166">
        <v>0</v>
      </c>
      <c r="AA703" s="166">
        <v>0</v>
      </c>
      <c r="AB703" s="166">
        <v>0</v>
      </c>
      <c r="AC703" s="166">
        <v>0</v>
      </c>
      <c r="AD703" s="166">
        <v>0</v>
      </c>
      <c r="AE703" s="166">
        <v>0</v>
      </c>
      <c r="AF703" s="166">
        <v>0</v>
      </c>
      <c r="AG703" s="166">
        <v>0</v>
      </c>
      <c r="AH703" s="166">
        <v>0</v>
      </c>
      <c r="AI703" s="166">
        <v>0</v>
      </c>
      <c r="AJ703" s="166">
        <v>0</v>
      </c>
      <c r="AK703" s="166">
        <v>0</v>
      </c>
      <c r="AL703" s="166">
        <v>0</v>
      </c>
      <c r="AM703" s="166">
        <v>0</v>
      </c>
      <c r="AN703" s="166">
        <v>0</v>
      </c>
      <c r="AO703" s="166">
        <v>0</v>
      </c>
      <c r="AP703" s="166">
        <v>0</v>
      </c>
      <c r="AQ703" s="166">
        <v>0</v>
      </c>
      <c r="AR703" s="166">
        <v>0</v>
      </c>
      <c r="AS703" s="166">
        <v>0</v>
      </c>
      <c r="AT703" s="166">
        <v>0</v>
      </c>
      <c r="AU703" s="166">
        <v>0</v>
      </c>
      <c r="AV703" s="166">
        <v>0</v>
      </c>
      <c r="AW703" s="166">
        <v>0</v>
      </c>
      <c r="AX703" s="166">
        <v>0</v>
      </c>
      <c r="AY703" s="166">
        <v>0</v>
      </c>
      <c r="AZ703" s="166">
        <v>0</v>
      </c>
      <c r="BA703" s="166">
        <v>0</v>
      </c>
      <c r="BB703" s="166">
        <v>0</v>
      </c>
      <c r="BC703" s="166">
        <v>0</v>
      </c>
      <c r="BD703" s="166">
        <v>0</v>
      </c>
      <c r="BE703" s="166">
        <v>0</v>
      </c>
      <c r="BF703" s="166">
        <v>0</v>
      </c>
      <c r="BG703" s="166">
        <v>0</v>
      </c>
      <c r="BH703" s="166">
        <v>0</v>
      </c>
      <c r="BI703" s="166">
        <v>0</v>
      </c>
      <c r="BJ703" s="166">
        <v>0</v>
      </c>
      <c r="BK703" s="166">
        <v>0</v>
      </c>
      <c r="BL703" s="166">
        <v>0</v>
      </c>
      <c r="BM703" s="166">
        <v>0</v>
      </c>
      <c r="BN703" s="166">
        <v>0</v>
      </c>
      <c r="BO703" s="166">
        <v>0</v>
      </c>
      <c r="BP703" s="166">
        <v>0</v>
      </c>
      <c r="BQ703" s="166">
        <v>0</v>
      </c>
      <c r="BR703" s="166">
        <v>0</v>
      </c>
      <c r="BS703" s="166">
        <v>0</v>
      </c>
      <c r="BT703" s="168">
        <v>0.97402999999999995</v>
      </c>
      <c r="BU703" s="166">
        <v>0</v>
      </c>
      <c r="BV703" s="166">
        <v>0</v>
      </c>
      <c r="BW703" s="166">
        <v>0</v>
      </c>
      <c r="BX703" s="166">
        <v>0</v>
      </c>
      <c r="BY703" s="166">
        <v>0</v>
      </c>
      <c r="BZ703" s="166">
        <v>0</v>
      </c>
      <c r="CA703" s="166">
        <v>0</v>
      </c>
      <c r="CB703" s="166">
        <v>0</v>
      </c>
      <c r="CC703" s="166">
        <v>0</v>
      </c>
      <c r="CD703" s="166">
        <v>0</v>
      </c>
      <c r="CE703" s="166">
        <v>0</v>
      </c>
      <c r="CF703" s="166">
        <v>0</v>
      </c>
      <c r="CG703" s="166">
        <v>0</v>
      </c>
      <c r="CH703" s="166">
        <v>0</v>
      </c>
      <c r="CI703" s="166">
        <v>0</v>
      </c>
      <c r="CJ703" s="166">
        <v>0</v>
      </c>
      <c r="CK703" s="166">
        <v>0</v>
      </c>
      <c r="CL703" s="166">
        <v>0</v>
      </c>
      <c r="CM703" s="166">
        <v>0</v>
      </c>
      <c r="CN703" s="166">
        <v>0</v>
      </c>
      <c r="CO703" s="166">
        <v>0</v>
      </c>
      <c r="CP703" s="166">
        <v>0</v>
      </c>
      <c r="CQ703" s="166">
        <v>0</v>
      </c>
      <c r="CR703" s="166">
        <v>0</v>
      </c>
      <c r="CS703" s="166">
        <v>0</v>
      </c>
      <c r="CT703" s="166">
        <v>0</v>
      </c>
      <c r="CU703" s="166">
        <v>0</v>
      </c>
      <c r="CV703" s="166">
        <v>0</v>
      </c>
      <c r="CW703" s="166">
        <v>0</v>
      </c>
      <c r="CX703" s="166">
        <v>0</v>
      </c>
      <c r="CY703" s="166">
        <v>0</v>
      </c>
      <c r="CZ703" s="166">
        <v>0</v>
      </c>
    </row>
    <row r="704" spans="1:104" x14ac:dyDescent="0.2">
      <c r="A704" s="167" t="s">
        <v>1085</v>
      </c>
      <c r="B704" s="166">
        <v>0</v>
      </c>
      <c r="C704" s="166">
        <v>0</v>
      </c>
      <c r="D704" s="166">
        <v>0</v>
      </c>
      <c r="E704" s="166">
        <v>0</v>
      </c>
      <c r="F704" s="166">
        <v>0</v>
      </c>
      <c r="G704" s="166">
        <v>0</v>
      </c>
      <c r="H704" s="166">
        <v>0</v>
      </c>
      <c r="I704" s="166">
        <v>0</v>
      </c>
      <c r="J704" s="166">
        <v>0</v>
      </c>
      <c r="K704" s="166">
        <v>0</v>
      </c>
      <c r="L704" s="166">
        <v>0</v>
      </c>
      <c r="M704" s="166">
        <v>0</v>
      </c>
      <c r="N704" s="166">
        <v>0</v>
      </c>
      <c r="O704" s="166">
        <v>0</v>
      </c>
      <c r="P704" s="166">
        <v>0</v>
      </c>
      <c r="Q704" s="166">
        <v>0</v>
      </c>
      <c r="R704" s="166">
        <v>0</v>
      </c>
      <c r="S704" s="166">
        <v>0</v>
      </c>
      <c r="T704" s="166">
        <v>0</v>
      </c>
      <c r="U704" s="166">
        <v>0</v>
      </c>
      <c r="V704" s="166">
        <v>0</v>
      </c>
      <c r="W704" s="166">
        <v>0</v>
      </c>
      <c r="X704" s="166">
        <v>0</v>
      </c>
      <c r="Y704" s="166">
        <v>0</v>
      </c>
      <c r="Z704" s="166">
        <v>0</v>
      </c>
      <c r="AA704" s="166">
        <v>0</v>
      </c>
      <c r="AB704" s="166">
        <v>0</v>
      </c>
      <c r="AC704" s="166">
        <v>0</v>
      </c>
      <c r="AD704" s="166">
        <v>0</v>
      </c>
      <c r="AE704" s="166">
        <v>0</v>
      </c>
      <c r="AF704" s="166">
        <v>0</v>
      </c>
      <c r="AG704" s="166">
        <v>0</v>
      </c>
      <c r="AH704" s="166">
        <v>0</v>
      </c>
      <c r="AI704" s="166">
        <v>0</v>
      </c>
      <c r="AJ704" s="166">
        <v>0</v>
      </c>
      <c r="AK704" s="166">
        <v>0</v>
      </c>
      <c r="AL704" s="166">
        <v>0</v>
      </c>
      <c r="AM704" s="166">
        <v>0</v>
      </c>
      <c r="AN704" s="166">
        <v>0</v>
      </c>
      <c r="AO704" s="166">
        <v>0</v>
      </c>
      <c r="AP704" s="166">
        <v>0</v>
      </c>
      <c r="AQ704" s="166">
        <v>0</v>
      </c>
      <c r="AR704" s="166">
        <v>0</v>
      </c>
      <c r="AS704" s="166">
        <v>0</v>
      </c>
      <c r="AT704" s="166">
        <v>0</v>
      </c>
      <c r="AU704" s="166">
        <v>0</v>
      </c>
      <c r="AV704" s="166">
        <v>0</v>
      </c>
      <c r="AW704" s="166">
        <v>0</v>
      </c>
      <c r="AX704" s="166">
        <v>0</v>
      </c>
      <c r="AY704" s="166">
        <v>0</v>
      </c>
      <c r="AZ704" s="166">
        <v>0</v>
      </c>
      <c r="BA704" s="166">
        <v>0</v>
      </c>
      <c r="BB704" s="166">
        <v>0</v>
      </c>
      <c r="BC704" s="166">
        <v>0</v>
      </c>
      <c r="BD704" s="166">
        <v>0</v>
      </c>
      <c r="BE704" s="166">
        <v>0</v>
      </c>
      <c r="BF704" s="166">
        <v>0</v>
      </c>
      <c r="BG704" s="166">
        <v>0</v>
      </c>
      <c r="BH704" s="166">
        <v>0</v>
      </c>
      <c r="BI704" s="166">
        <v>0</v>
      </c>
      <c r="BJ704" s="166">
        <v>0</v>
      </c>
      <c r="BK704" s="166">
        <v>0</v>
      </c>
      <c r="BL704" s="166">
        <v>0</v>
      </c>
      <c r="BM704" s="166">
        <v>0</v>
      </c>
      <c r="BN704" s="166">
        <v>0</v>
      </c>
      <c r="BO704" s="166">
        <v>0</v>
      </c>
      <c r="BP704" s="166">
        <v>0</v>
      </c>
      <c r="BQ704" s="166">
        <v>0</v>
      </c>
      <c r="BR704" s="166">
        <v>0</v>
      </c>
      <c r="BS704" s="166">
        <v>0</v>
      </c>
      <c r="BT704" s="168">
        <v>0.92637230841245999</v>
      </c>
      <c r="BU704" s="166">
        <v>0</v>
      </c>
      <c r="BV704" s="166">
        <v>0</v>
      </c>
      <c r="BW704" s="166">
        <v>0</v>
      </c>
      <c r="BX704" s="166">
        <v>0</v>
      </c>
      <c r="BY704" s="166">
        <v>0</v>
      </c>
      <c r="BZ704" s="166">
        <v>0</v>
      </c>
      <c r="CA704" s="166">
        <v>0</v>
      </c>
      <c r="CB704" s="166">
        <v>0</v>
      </c>
      <c r="CC704" s="166">
        <v>0</v>
      </c>
      <c r="CD704" s="166">
        <v>0</v>
      </c>
      <c r="CE704" s="166">
        <v>0</v>
      </c>
      <c r="CF704" s="166">
        <v>0</v>
      </c>
      <c r="CG704" s="166">
        <v>0</v>
      </c>
      <c r="CH704" s="166">
        <v>0</v>
      </c>
      <c r="CI704" s="166">
        <v>0</v>
      </c>
      <c r="CJ704" s="166">
        <v>0</v>
      </c>
      <c r="CK704" s="166">
        <v>0</v>
      </c>
      <c r="CL704" s="166">
        <v>0</v>
      </c>
      <c r="CM704" s="166">
        <v>0</v>
      </c>
      <c r="CN704" s="166">
        <v>0</v>
      </c>
      <c r="CO704" s="166">
        <v>0</v>
      </c>
      <c r="CP704" s="166">
        <v>0</v>
      </c>
      <c r="CQ704" s="166">
        <v>0</v>
      </c>
      <c r="CR704" s="166">
        <v>0</v>
      </c>
      <c r="CS704" s="166">
        <v>0</v>
      </c>
      <c r="CT704" s="166">
        <v>0</v>
      </c>
      <c r="CU704" s="166">
        <v>0</v>
      </c>
      <c r="CV704" s="166">
        <v>0</v>
      </c>
      <c r="CW704" s="166">
        <v>0</v>
      </c>
      <c r="CX704" s="166">
        <v>0</v>
      </c>
      <c r="CY704" s="166">
        <v>0</v>
      </c>
      <c r="CZ704" s="166">
        <v>0</v>
      </c>
    </row>
    <row r="705" spans="1:104" x14ac:dyDescent="0.2">
      <c r="A705" s="167" t="s">
        <v>1086</v>
      </c>
      <c r="B705" s="166">
        <v>0</v>
      </c>
      <c r="C705" s="166">
        <v>0</v>
      </c>
      <c r="D705" s="166">
        <v>0</v>
      </c>
      <c r="E705" s="166">
        <v>0</v>
      </c>
      <c r="F705" s="166">
        <v>0</v>
      </c>
      <c r="G705" s="166">
        <v>0</v>
      </c>
      <c r="H705" s="166">
        <v>0</v>
      </c>
      <c r="I705" s="166">
        <v>0</v>
      </c>
      <c r="J705" s="166">
        <v>0</v>
      </c>
      <c r="K705" s="166">
        <v>0</v>
      </c>
      <c r="L705" s="166">
        <v>0</v>
      </c>
      <c r="M705" s="166">
        <v>0</v>
      </c>
      <c r="N705" s="166">
        <v>0</v>
      </c>
      <c r="O705" s="166">
        <v>0</v>
      </c>
      <c r="P705" s="166">
        <v>0</v>
      </c>
      <c r="Q705" s="166">
        <v>0</v>
      </c>
      <c r="R705" s="166">
        <v>0</v>
      </c>
      <c r="S705" s="166">
        <v>0</v>
      </c>
      <c r="T705" s="166">
        <v>0</v>
      </c>
      <c r="U705" s="166">
        <v>0</v>
      </c>
      <c r="V705" s="166">
        <v>0</v>
      </c>
      <c r="W705" s="166">
        <v>0</v>
      </c>
      <c r="X705" s="166">
        <v>0</v>
      </c>
      <c r="Y705" s="166">
        <v>0</v>
      </c>
      <c r="Z705" s="166">
        <v>0</v>
      </c>
      <c r="AA705" s="166">
        <v>0</v>
      </c>
      <c r="AB705" s="166">
        <v>0</v>
      </c>
      <c r="AC705" s="166">
        <v>0</v>
      </c>
      <c r="AD705" s="166">
        <v>0</v>
      </c>
      <c r="AE705" s="166">
        <v>0</v>
      </c>
      <c r="AF705" s="166">
        <v>0</v>
      </c>
      <c r="AG705" s="166">
        <v>0</v>
      </c>
      <c r="AH705" s="166">
        <v>0</v>
      </c>
      <c r="AI705" s="166">
        <v>0</v>
      </c>
      <c r="AJ705" s="166">
        <v>0</v>
      </c>
      <c r="AK705" s="166">
        <v>0</v>
      </c>
      <c r="AL705" s="166">
        <v>0</v>
      </c>
      <c r="AM705" s="166">
        <v>0</v>
      </c>
      <c r="AN705" s="166">
        <v>0</v>
      </c>
      <c r="AO705" s="166">
        <v>0</v>
      </c>
      <c r="AP705" s="166">
        <v>0</v>
      </c>
      <c r="AQ705" s="166">
        <v>0</v>
      </c>
      <c r="AR705" s="166">
        <v>0</v>
      </c>
      <c r="AS705" s="166">
        <v>0</v>
      </c>
      <c r="AT705" s="166">
        <v>0</v>
      </c>
      <c r="AU705" s="166">
        <v>0</v>
      </c>
      <c r="AV705" s="166">
        <v>0</v>
      </c>
      <c r="AW705" s="166">
        <v>0</v>
      </c>
      <c r="AX705" s="166">
        <v>0</v>
      </c>
      <c r="AY705" s="166">
        <v>0</v>
      </c>
      <c r="AZ705" s="166">
        <v>0</v>
      </c>
      <c r="BA705" s="166">
        <v>0</v>
      </c>
      <c r="BB705" s="166">
        <v>0</v>
      </c>
      <c r="BC705" s="166">
        <v>0</v>
      </c>
      <c r="BD705" s="166">
        <v>0</v>
      </c>
      <c r="BE705" s="166">
        <v>0</v>
      </c>
      <c r="BF705" s="166">
        <v>0</v>
      </c>
      <c r="BG705" s="166">
        <v>0</v>
      </c>
      <c r="BH705" s="166">
        <v>0</v>
      </c>
      <c r="BI705" s="166">
        <v>0</v>
      </c>
      <c r="BJ705" s="166">
        <v>0</v>
      </c>
      <c r="BK705" s="166">
        <v>0</v>
      </c>
      <c r="BL705" s="166">
        <v>0</v>
      </c>
      <c r="BM705" s="166">
        <v>0</v>
      </c>
      <c r="BN705" s="166">
        <v>0</v>
      </c>
      <c r="BO705" s="166">
        <v>0</v>
      </c>
      <c r="BP705" s="166">
        <v>0</v>
      </c>
      <c r="BQ705" s="166">
        <v>0</v>
      </c>
      <c r="BR705" s="166">
        <v>0</v>
      </c>
      <c r="BS705" s="166">
        <v>0</v>
      </c>
      <c r="BT705" s="168">
        <v>0.95109934560116105</v>
      </c>
      <c r="BU705" s="166">
        <v>0</v>
      </c>
      <c r="BV705" s="166">
        <v>0</v>
      </c>
      <c r="BW705" s="166">
        <v>0</v>
      </c>
      <c r="BX705" s="166">
        <v>0</v>
      </c>
      <c r="BY705" s="166">
        <v>0</v>
      </c>
      <c r="BZ705" s="166">
        <v>0</v>
      </c>
      <c r="CA705" s="166">
        <v>0</v>
      </c>
      <c r="CB705" s="166">
        <v>0</v>
      </c>
      <c r="CC705" s="166">
        <v>0</v>
      </c>
      <c r="CD705" s="166">
        <v>0</v>
      </c>
      <c r="CE705" s="166">
        <v>0</v>
      </c>
      <c r="CF705" s="166">
        <v>0</v>
      </c>
      <c r="CG705" s="166">
        <v>0</v>
      </c>
      <c r="CH705" s="166">
        <v>0</v>
      </c>
      <c r="CI705" s="166">
        <v>0</v>
      </c>
      <c r="CJ705" s="166">
        <v>0</v>
      </c>
      <c r="CK705" s="166">
        <v>0</v>
      </c>
      <c r="CL705" s="166">
        <v>0</v>
      </c>
      <c r="CM705" s="166">
        <v>0</v>
      </c>
      <c r="CN705" s="166">
        <v>0</v>
      </c>
      <c r="CO705" s="166">
        <v>0</v>
      </c>
      <c r="CP705" s="166">
        <v>0</v>
      </c>
      <c r="CQ705" s="166">
        <v>0</v>
      </c>
      <c r="CR705" s="166">
        <v>0</v>
      </c>
      <c r="CS705" s="166">
        <v>0</v>
      </c>
      <c r="CT705" s="166">
        <v>0</v>
      </c>
      <c r="CU705" s="166">
        <v>0</v>
      </c>
      <c r="CV705" s="166">
        <v>0</v>
      </c>
      <c r="CW705" s="166">
        <v>0</v>
      </c>
      <c r="CX705" s="166">
        <v>0</v>
      </c>
      <c r="CY705" s="166">
        <v>0</v>
      </c>
      <c r="CZ705" s="166">
        <v>0</v>
      </c>
    </row>
    <row r="706" spans="1:104" x14ac:dyDescent="0.2">
      <c r="A706" s="167" t="s">
        <v>237</v>
      </c>
      <c r="B706" s="166">
        <v>0</v>
      </c>
      <c r="C706" s="166">
        <v>0</v>
      </c>
      <c r="D706" s="166">
        <v>0</v>
      </c>
      <c r="E706" s="166">
        <v>0</v>
      </c>
      <c r="F706" s="166">
        <v>0</v>
      </c>
      <c r="G706" s="166">
        <v>0</v>
      </c>
      <c r="H706" s="166">
        <v>0</v>
      </c>
      <c r="I706" s="166">
        <v>0</v>
      </c>
      <c r="J706" s="166">
        <v>0</v>
      </c>
      <c r="K706" s="166">
        <v>0</v>
      </c>
      <c r="L706" s="166">
        <v>0</v>
      </c>
      <c r="M706" s="166">
        <v>0</v>
      </c>
      <c r="N706" s="166">
        <v>0</v>
      </c>
      <c r="O706" s="166">
        <v>0</v>
      </c>
      <c r="P706" s="166">
        <v>0</v>
      </c>
      <c r="Q706" s="166">
        <v>0</v>
      </c>
      <c r="R706" s="166">
        <v>0</v>
      </c>
      <c r="S706" s="166">
        <v>0</v>
      </c>
      <c r="T706" s="166">
        <v>0</v>
      </c>
      <c r="U706" s="166">
        <v>0</v>
      </c>
      <c r="V706" s="166">
        <v>0</v>
      </c>
      <c r="W706" s="166">
        <v>0</v>
      </c>
      <c r="X706" s="166">
        <v>0</v>
      </c>
      <c r="Y706" s="166">
        <v>0</v>
      </c>
      <c r="Z706" s="166">
        <v>0</v>
      </c>
      <c r="AA706" s="166">
        <v>0</v>
      </c>
      <c r="AB706" s="166">
        <v>0</v>
      </c>
      <c r="AC706" s="166">
        <v>0</v>
      </c>
      <c r="AD706" s="166">
        <v>0</v>
      </c>
      <c r="AE706" s="166">
        <v>0</v>
      </c>
      <c r="AF706" s="166">
        <v>0</v>
      </c>
      <c r="AG706" s="166">
        <v>0</v>
      </c>
      <c r="AH706" s="166">
        <v>0</v>
      </c>
      <c r="AI706" s="166">
        <v>0</v>
      </c>
      <c r="AJ706" s="166">
        <v>0</v>
      </c>
      <c r="AK706" s="166">
        <v>0</v>
      </c>
      <c r="AL706" s="166">
        <v>0</v>
      </c>
      <c r="AM706" s="166">
        <v>0</v>
      </c>
      <c r="AN706" s="166">
        <v>0</v>
      </c>
      <c r="AO706" s="166">
        <v>0</v>
      </c>
      <c r="AP706" s="166">
        <v>0</v>
      </c>
      <c r="AQ706" s="166">
        <v>0</v>
      </c>
      <c r="AR706" s="166">
        <v>0</v>
      </c>
      <c r="AS706" s="166">
        <v>0</v>
      </c>
      <c r="AT706" s="166">
        <v>0</v>
      </c>
      <c r="AU706" s="166">
        <v>0</v>
      </c>
      <c r="AV706" s="166">
        <v>0</v>
      </c>
      <c r="AW706" s="166">
        <v>0</v>
      </c>
      <c r="AX706" s="166">
        <v>0</v>
      </c>
      <c r="AY706" s="166">
        <v>0</v>
      </c>
      <c r="AZ706" s="166">
        <v>0</v>
      </c>
      <c r="BA706" s="166">
        <v>0</v>
      </c>
      <c r="BB706" s="166">
        <v>0</v>
      </c>
      <c r="BC706" s="166">
        <v>0</v>
      </c>
      <c r="BD706" s="166">
        <v>0</v>
      </c>
      <c r="BE706" s="166">
        <v>0</v>
      </c>
      <c r="BF706" s="166">
        <v>0</v>
      </c>
      <c r="BG706" s="166">
        <v>0</v>
      </c>
      <c r="BH706" s="166">
        <v>0</v>
      </c>
      <c r="BI706" s="166">
        <v>0</v>
      </c>
      <c r="BJ706" s="166">
        <v>0</v>
      </c>
      <c r="BK706" s="166">
        <v>0</v>
      </c>
      <c r="BL706" s="166">
        <v>0</v>
      </c>
      <c r="BM706" s="166">
        <v>0</v>
      </c>
      <c r="BN706" s="166">
        <v>0</v>
      </c>
      <c r="BO706" s="166">
        <v>0</v>
      </c>
      <c r="BP706" s="166">
        <v>0</v>
      </c>
      <c r="BQ706" s="166">
        <v>0</v>
      </c>
      <c r="BR706" s="166">
        <v>0</v>
      </c>
      <c r="BS706" s="166">
        <v>0</v>
      </c>
      <c r="BT706" s="168">
        <v>0.97403133392564201</v>
      </c>
      <c r="BU706" s="166">
        <v>0</v>
      </c>
      <c r="BV706" s="166">
        <v>0</v>
      </c>
      <c r="BW706" s="166">
        <v>0</v>
      </c>
      <c r="BX706" s="166">
        <v>0</v>
      </c>
      <c r="BY706" s="166">
        <v>0</v>
      </c>
      <c r="BZ706" s="166">
        <v>0</v>
      </c>
      <c r="CA706" s="166">
        <v>0</v>
      </c>
      <c r="CB706" s="166">
        <v>0</v>
      </c>
      <c r="CC706" s="166">
        <v>0</v>
      </c>
      <c r="CD706" s="166">
        <v>0</v>
      </c>
      <c r="CE706" s="166">
        <v>0</v>
      </c>
      <c r="CF706" s="166">
        <v>0</v>
      </c>
      <c r="CG706" s="166">
        <v>0</v>
      </c>
      <c r="CH706" s="166">
        <v>0</v>
      </c>
      <c r="CI706" s="166">
        <v>0</v>
      </c>
      <c r="CJ706" s="166">
        <v>0</v>
      </c>
      <c r="CK706" s="166">
        <v>0</v>
      </c>
      <c r="CL706" s="166">
        <v>0</v>
      </c>
      <c r="CM706" s="166">
        <v>0</v>
      </c>
      <c r="CN706" s="166">
        <v>0</v>
      </c>
      <c r="CO706" s="166">
        <v>0</v>
      </c>
      <c r="CP706" s="166">
        <v>0</v>
      </c>
      <c r="CQ706" s="166">
        <v>0</v>
      </c>
      <c r="CR706" s="166">
        <v>0</v>
      </c>
      <c r="CS706" s="166">
        <v>0</v>
      </c>
      <c r="CT706" s="166">
        <v>0</v>
      </c>
      <c r="CU706" s="166">
        <v>0</v>
      </c>
      <c r="CV706" s="166">
        <v>0</v>
      </c>
      <c r="CW706" s="166">
        <v>0</v>
      </c>
      <c r="CX706" s="166">
        <v>0</v>
      </c>
      <c r="CY706" s="166">
        <v>0</v>
      </c>
      <c r="CZ706" s="166">
        <v>0</v>
      </c>
    </row>
    <row r="707" spans="1:104" x14ac:dyDescent="0.2">
      <c r="A707" s="167" t="s">
        <v>238</v>
      </c>
      <c r="B707" s="166">
        <v>0</v>
      </c>
      <c r="C707" s="166">
        <v>0</v>
      </c>
      <c r="D707" s="166">
        <v>0</v>
      </c>
      <c r="E707" s="166">
        <v>0</v>
      </c>
      <c r="F707" s="166">
        <v>0</v>
      </c>
      <c r="G707" s="166">
        <v>0</v>
      </c>
      <c r="H707" s="166">
        <v>0</v>
      </c>
      <c r="I707" s="166">
        <v>0</v>
      </c>
      <c r="J707" s="166">
        <v>0</v>
      </c>
      <c r="K707" s="166">
        <v>0</v>
      </c>
      <c r="L707" s="166">
        <v>0</v>
      </c>
      <c r="M707" s="166">
        <v>0</v>
      </c>
      <c r="N707" s="166">
        <v>0</v>
      </c>
      <c r="O707" s="166">
        <v>0</v>
      </c>
      <c r="P707" s="166">
        <v>0</v>
      </c>
      <c r="Q707" s="166">
        <v>0</v>
      </c>
      <c r="R707" s="166">
        <v>0</v>
      </c>
      <c r="S707" s="166">
        <v>0</v>
      </c>
      <c r="T707" s="166">
        <v>0</v>
      </c>
      <c r="U707" s="166">
        <v>0</v>
      </c>
      <c r="V707" s="166">
        <v>0</v>
      </c>
      <c r="W707" s="166">
        <v>0</v>
      </c>
      <c r="X707" s="166">
        <v>0</v>
      </c>
      <c r="Y707" s="166">
        <v>0</v>
      </c>
      <c r="Z707" s="166">
        <v>0</v>
      </c>
      <c r="AA707" s="166">
        <v>0</v>
      </c>
      <c r="AB707" s="166">
        <v>0</v>
      </c>
      <c r="AC707" s="166">
        <v>0</v>
      </c>
      <c r="AD707" s="166">
        <v>0</v>
      </c>
      <c r="AE707" s="166">
        <v>0</v>
      </c>
      <c r="AF707" s="166">
        <v>0</v>
      </c>
      <c r="AG707" s="166">
        <v>0</v>
      </c>
      <c r="AH707" s="166">
        <v>0</v>
      </c>
      <c r="AI707" s="166">
        <v>0</v>
      </c>
      <c r="AJ707" s="166">
        <v>0</v>
      </c>
      <c r="AK707" s="166">
        <v>0</v>
      </c>
      <c r="AL707" s="166">
        <v>0</v>
      </c>
      <c r="AM707" s="166">
        <v>0</v>
      </c>
      <c r="AN707" s="166">
        <v>0</v>
      </c>
      <c r="AO707" s="166">
        <v>0</v>
      </c>
      <c r="AP707" s="166">
        <v>0</v>
      </c>
      <c r="AQ707" s="166">
        <v>0</v>
      </c>
      <c r="AR707" s="166">
        <v>0</v>
      </c>
      <c r="AS707" s="166">
        <v>0</v>
      </c>
      <c r="AT707" s="166">
        <v>0</v>
      </c>
      <c r="AU707" s="166">
        <v>0</v>
      </c>
      <c r="AV707" s="166">
        <v>0</v>
      </c>
      <c r="AW707" s="166">
        <v>0</v>
      </c>
      <c r="AX707" s="166">
        <v>0</v>
      </c>
      <c r="AY707" s="166">
        <v>0</v>
      </c>
      <c r="AZ707" s="166">
        <v>0</v>
      </c>
      <c r="BA707" s="166">
        <v>0</v>
      </c>
      <c r="BB707" s="166">
        <v>0</v>
      </c>
      <c r="BC707" s="166">
        <v>0</v>
      </c>
      <c r="BD707" s="166">
        <v>0</v>
      </c>
      <c r="BE707" s="166">
        <v>0</v>
      </c>
      <c r="BF707" s="166">
        <v>0</v>
      </c>
      <c r="BG707" s="166">
        <v>0</v>
      </c>
      <c r="BH707" s="166">
        <v>0</v>
      </c>
      <c r="BI707" s="166">
        <v>0</v>
      </c>
      <c r="BJ707" s="166">
        <v>0</v>
      </c>
      <c r="BK707" s="166">
        <v>0</v>
      </c>
      <c r="BL707" s="166">
        <v>0</v>
      </c>
      <c r="BM707" s="166">
        <v>0</v>
      </c>
      <c r="BN707" s="166">
        <v>0</v>
      </c>
      <c r="BO707" s="166">
        <v>0</v>
      </c>
      <c r="BP707" s="166">
        <v>0</v>
      </c>
      <c r="BQ707" s="166">
        <v>0</v>
      </c>
      <c r="BR707" s="166">
        <v>0</v>
      </c>
      <c r="BS707" s="166">
        <v>0</v>
      </c>
      <c r="BT707" s="166">
        <v>1000</v>
      </c>
      <c r="BU707" s="166">
        <v>0</v>
      </c>
      <c r="BV707" s="166">
        <v>0</v>
      </c>
      <c r="BW707" s="166">
        <v>0</v>
      </c>
      <c r="BX707" s="166">
        <v>0</v>
      </c>
      <c r="BY707" s="166">
        <v>0</v>
      </c>
      <c r="BZ707" s="166">
        <v>0</v>
      </c>
      <c r="CA707" s="166">
        <v>0</v>
      </c>
      <c r="CB707" s="166">
        <v>0</v>
      </c>
      <c r="CC707" s="166">
        <v>0</v>
      </c>
      <c r="CD707" s="166">
        <v>0</v>
      </c>
      <c r="CE707" s="166">
        <v>0</v>
      </c>
      <c r="CF707" s="166">
        <v>0</v>
      </c>
      <c r="CG707" s="166">
        <v>0</v>
      </c>
      <c r="CH707" s="166">
        <v>0</v>
      </c>
      <c r="CI707" s="166">
        <v>0</v>
      </c>
      <c r="CJ707" s="166">
        <v>0</v>
      </c>
      <c r="CK707" s="166">
        <v>0</v>
      </c>
      <c r="CL707" s="166">
        <v>0</v>
      </c>
      <c r="CM707" s="166">
        <v>0</v>
      </c>
      <c r="CN707" s="166">
        <v>0</v>
      </c>
      <c r="CO707" s="166">
        <v>0</v>
      </c>
      <c r="CP707" s="166">
        <v>0</v>
      </c>
      <c r="CQ707" s="166">
        <v>0</v>
      </c>
      <c r="CR707" s="166">
        <v>0</v>
      </c>
      <c r="CS707" s="166">
        <v>0</v>
      </c>
      <c r="CT707" s="166">
        <v>0</v>
      </c>
      <c r="CU707" s="166">
        <v>0</v>
      </c>
      <c r="CV707" s="166">
        <v>0</v>
      </c>
      <c r="CW707" s="166">
        <v>0</v>
      </c>
      <c r="CX707" s="166">
        <v>0</v>
      </c>
      <c r="CY707" s="166">
        <v>0</v>
      </c>
      <c r="CZ707" s="166">
        <v>0</v>
      </c>
    </row>
    <row r="708" spans="1:104" x14ac:dyDescent="0.2">
      <c r="A708" s="167" t="s">
        <v>1087</v>
      </c>
      <c r="B708" s="166">
        <v>0</v>
      </c>
      <c r="C708" s="166">
        <v>0</v>
      </c>
      <c r="D708" s="166">
        <v>0</v>
      </c>
      <c r="E708" s="166">
        <v>0</v>
      </c>
      <c r="F708" s="166">
        <v>0</v>
      </c>
      <c r="G708" s="166">
        <v>0</v>
      </c>
      <c r="H708" s="166">
        <v>0</v>
      </c>
      <c r="I708" s="166">
        <v>0</v>
      </c>
      <c r="J708" s="166">
        <v>0</v>
      </c>
      <c r="K708" s="166">
        <v>0</v>
      </c>
      <c r="L708" s="166">
        <v>0</v>
      </c>
      <c r="M708" s="166">
        <v>0</v>
      </c>
      <c r="N708" s="166">
        <v>0</v>
      </c>
      <c r="O708" s="166">
        <v>0</v>
      </c>
      <c r="P708" s="166">
        <v>0</v>
      </c>
      <c r="Q708" s="166">
        <v>0</v>
      </c>
      <c r="R708" s="166">
        <v>0</v>
      </c>
      <c r="S708" s="166">
        <v>0</v>
      </c>
      <c r="T708" s="166">
        <v>0</v>
      </c>
      <c r="U708" s="166">
        <v>0</v>
      </c>
      <c r="V708" s="166">
        <v>0</v>
      </c>
      <c r="W708" s="166">
        <v>0</v>
      </c>
      <c r="X708" s="166">
        <v>0</v>
      </c>
      <c r="Y708" s="166">
        <v>0</v>
      </c>
      <c r="Z708" s="166">
        <v>0</v>
      </c>
      <c r="AA708" s="166">
        <v>0</v>
      </c>
      <c r="AB708" s="166">
        <v>0</v>
      </c>
      <c r="AC708" s="166">
        <v>0</v>
      </c>
      <c r="AD708" s="166">
        <v>0</v>
      </c>
      <c r="AE708" s="166">
        <v>0</v>
      </c>
      <c r="AF708" s="166">
        <v>0</v>
      </c>
      <c r="AG708" s="166">
        <v>0</v>
      </c>
      <c r="AH708" s="166">
        <v>0</v>
      </c>
      <c r="AI708" s="166">
        <v>0</v>
      </c>
      <c r="AJ708" s="166">
        <v>0</v>
      </c>
      <c r="AK708" s="166">
        <v>0</v>
      </c>
      <c r="AL708" s="166">
        <v>0</v>
      </c>
      <c r="AM708" s="166">
        <v>0</v>
      </c>
      <c r="AN708" s="166">
        <v>0</v>
      </c>
      <c r="AO708" s="166">
        <v>0</v>
      </c>
      <c r="AP708" s="166">
        <v>0</v>
      </c>
      <c r="AQ708" s="166">
        <v>0</v>
      </c>
      <c r="AR708" s="166">
        <v>0</v>
      </c>
      <c r="AS708" s="166">
        <v>0</v>
      </c>
      <c r="AT708" s="166">
        <v>0</v>
      </c>
      <c r="AU708" s="166">
        <v>0</v>
      </c>
      <c r="AV708" s="166">
        <v>0</v>
      </c>
      <c r="AW708" s="166">
        <v>0</v>
      </c>
      <c r="AX708" s="166">
        <v>0</v>
      </c>
      <c r="AY708" s="166">
        <v>0</v>
      </c>
      <c r="AZ708" s="166">
        <v>0</v>
      </c>
      <c r="BA708" s="166">
        <v>0</v>
      </c>
      <c r="BB708" s="166">
        <v>0</v>
      </c>
      <c r="BC708" s="166">
        <v>0</v>
      </c>
      <c r="BD708" s="166">
        <v>0</v>
      </c>
      <c r="BE708" s="166">
        <v>0</v>
      </c>
      <c r="BF708" s="166">
        <v>0</v>
      </c>
      <c r="BG708" s="166">
        <v>0</v>
      </c>
      <c r="BH708" s="166">
        <v>0</v>
      </c>
      <c r="BI708" s="166">
        <v>0</v>
      </c>
      <c r="BJ708" s="166">
        <v>0</v>
      </c>
      <c r="BK708" s="166">
        <v>0</v>
      </c>
      <c r="BL708" s="166">
        <v>0</v>
      </c>
      <c r="BM708" s="166">
        <v>0</v>
      </c>
      <c r="BN708" s="166">
        <v>0</v>
      </c>
      <c r="BO708" s="166">
        <v>0</v>
      </c>
      <c r="BP708" s="166">
        <v>0</v>
      </c>
      <c r="BQ708" s="166">
        <v>0</v>
      </c>
      <c r="BR708" s="166">
        <v>0</v>
      </c>
      <c r="BS708" s="166">
        <v>0</v>
      </c>
      <c r="BT708" s="168">
        <v>0.72041766170058497</v>
      </c>
      <c r="BU708" s="166">
        <v>0</v>
      </c>
      <c r="BV708" s="166">
        <v>0</v>
      </c>
      <c r="BW708" s="166">
        <v>0</v>
      </c>
      <c r="BX708" s="166">
        <v>0</v>
      </c>
      <c r="BY708" s="166">
        <v>0</v>
      </c>
      <c r="BZ708" s="166">
        <v>0</v>
      </c>
      <c r="CA708" s="166">
        <v>0</v>
      </c>
      <c r="CB708" s="166">
        <v>0</v>
      </c>
      <c r="CC708" s="166">
        <v>0</v>
      </c>
      <c r="CD708" s="166">
        <v>0</v>
      </c>
      <c r="CE708" s="166">
        <v>0</v>
      </c>
      <c r="CF708" s="166">
        <v>0</v>
      </c>
      <c r="CG708" s="166">
        <v>0</v>
      </c>
      <c r="CH708" s="166">
        <v>0</v>
      </c>
      <c r="CI708" s="166">
        <v>0</v>
      </c>
      <c r="CJ708" s="166">
        <v>0</v>
      </c>
      <c r="CK708" s="166">
        <v>0</v>
      </c>
      <c r="CL708" s="166">
        <v>0</v>
      </c>
      <c r="CM708" s="166">
        <v>0</v>
      </c>
      <c r="CN708" s="166">
        <v>0</v>
      </c>
      <c r="CO708" s="166">
        <v>0</v>
      </c>
      <c r="CP708" s="166">
        <v>0</v>
      </c>
      <c r="CQ708" s="166">
        <v>0</v>
      </c>
      <c r="CR708" s="166">
        <v>0</v>
      </c>
      <c r="CS708" s="166">
        <v>0</v>
      </c>
      <c r="CT708" s="166">
        <v>0</v>
      </c>
      <c r="CU708" s="166">
        <v>0</v>
      </c>
      <c r="CV708" s="166">
        <v>0</v>
      </c>
      <c r="CW708" s="166">
        <v>0</v>
      </c>
      <c r="CX708" s="166">
        <v>0</v>
      </c>
      <c r="CY708" s="166">
        <v>0</v>
      </c>
      <c r="CZ708" s="166">
        <v>0</v>
      </c>
    </row>
    <row r="709" spans="1:104" x14ac:dyDescent="0.2">
      <c r="A709" s="167" t="s">
        <v>1088</v>
      </c>
      <c r="B709" s="166">
        <v>0</v>
      </c>
      <c r="C709" s="166">
        <v>0</v>
      </c>
      <c r="D709" s="166">
        <v>0</v>
      </c>
      <c r="E709" s="166">
        <v>0</v>
      </c>
      <c r="F709" s="166">
        <v>0</v>
      </c>
      <c r="G709" s="166">
        <v>0</v>
      </c>
      <c r="H709" s="166">
        <v>0</v>
      </c>
      <c r="I709" s="166">
        <v>0</v>
      </c>
      <c r="J709" s="166">
        <v>0</v>
      </c>
      <c r="K709" s="166">
        <v>0</v>
      </c>
      <c r="L709" s="166">
        <v>0</v>
      </c>
      <c r="M709" s="166">
        <v>0</v>
      </c>
      <c r="N709" s="166">
        <v>0</v>
      </c>
      <c r="O709" s="166">
        <v>0</v>
      </c>
      <c r="P709" s="166">
        <v>0</v>
      </c>
      <c r="Q709" s="166">
        <v>0</v>
      </c>
      <c r="R709" s="166">
        <v>0</v>
      </c>
      <c r="S709" s="166">
        <v>0</v>
      </c>
      <c r="T709" s="166">
        <v>0</v>
      </c>
      <c r="U709" s="166">
        <v>0</v>
      </c>
      <c r="V709" s="166">
        <v>0</v>
      </c>
      <c r="W709" s="166">
        <v>0</v>
      </c>
      <c r="X709" s="166">
        <v>0</v>
      </c>
      <c r="Y709" s="166">
        <v>0</v>
      </c>
      <c r="Z709" s="166">
        <v>0</v>
      </c>
      <c r="AA709" s="166">
        <v>0</v>
      </c>
      <c r="AB709" s="166">
        <v>0</v>
      </c>
      <c r="AC709" s="166">
        <v>0</v>
      </c>
      <c r="AD709" s="166">
        <v>0</v>
      </c>
      <c r="AE709" s="166">
        <v>0</v>
      </c>
      <c r="AF709" s="166">
        <v>0</v>
      </c>
      <c r="AG709" s="166">
        <v>0</v>
      </c>
      <c r="AH709" s="166">
        <v>0</v>
      </c>
      <c r="AI709" s="166">
        <v>0</v>
      </c>
      <c r="AJ709" s="166">
        <v>0</v>
      </c>
      <c r="AK709" s="166">
        <v>0</v>
      </c>
      <c r="AL709" s="166">
        <v>0</v>
      </c>
      <c r="AM709" s="166">
        <v>0</v>
      </c>
      <c r="AN709" s="166">
        <v>0</v>
      </c>
      <c r="AO709" s="166">
        <v>0</v>
      </c>
      <c r="AP709" s="166">
        <v>0</v>
      </c>
      <c r="AQ709" s="166">
        <v>0</v>
      </c>
      <c r="AR709" s="166">
        <v>0</v>
      </c>
      <c r="AS709" s="166">
        <v>0</v>
      </c>
      <c r="AT709" s="166">
        <v>0</v>
      </c>
      <c r="AU709" s="166">
        <v>0</v>
      </c>
      <c r="AV709" s="166">
        <v>0</v>
      </c>
      <c r="AW709" s="166">
        <v>0</v>
      </c>
      <c r="AX709" s="166">
        <v>0</v>
      </c>
      <c r="AY709" s="166">
        <v>0</v>
      </c>
      <c r="AZ709" s="166">
        <v>0</v>
      </c>
      <c r="BA709" s="166">
        <v>0</v>
      </c>
      <c r="BB709" s="166">
        <v>0</v>
      </c>
      <c r="BC709" s="166">
        <v>0</v>
      </c>
      <c r="BD709" s="166">
        <v>0</v>
      </c>
      <c r="BE709" s="166">
        <v>0</v>
      </c>
      <c r="BF709" s="166">
        <v>0</v>
      </c>
      <c r="BG709" s="166">
        <v>0</v>
      </c>
      <c r="BH709" s="166">
        <v>0</v>
      </c>
      <c r="BI709" s="166">
        <v>0</v>
      </c>
      <c r="BJ709" s="166">
        <v>0</v>
      </c>
      <c r="BK709" s="166">
        <v>0</v>
      </c>
      <c r="BL709" s="166">
        <v>0</v>
      </c>
      <c r="BM709" s="166">
        <v>0</v>
      </c>
      <c r="BN709" s="166">
        <v>0</v>
      </c>
      <c r="BO709" s="166">
        <v>0</v>
      </c>
      <c r="BP709" s="166">
        <v>0</v>
      </c>
      <c r="BQ709" s="166">
        <v>0</v>
      </c>
      <c r="BR709" s="166">
        <v>0</v>
      </c>
      <c r="BS709" s="166">
        <v>0</v>
      </c>
      <c r="BT709" s="168">
        <v>0</v>
      </c>
      <c r="BU709" s="166">
        <v>0</v>
      </c>
      <c r="BV709" s="166">
        <v>0</v>
      </c>
      <c r="BW709" s="166">
        <v>0</v>
      </c>
      <c r="BX709" s="166">
        <v>0</v>
      </c>
      <c r="BY709" s="166">
        <v>0</v>
      </c>
      <c r="BZ709" s="166">
        <v>0</v>
      </c>
      <c r="CA709" s="166">
        <v>0</v>
      </c>
      <c r="CB709" s="166">
        <v>0</v>
      </c>
      <c r="CC709" s="166">
        <v>0</v>
      </c>
      <c r="CD709" s="166">
        <v>0</v>
      </c>
      <c r="CE709" s="166">
        <v>0</v>
      </c>
      <c r="CF709" s="166">
        <v>0</v>
      </c>
      <c r="CG709" s="166">
        <v>0</v>
      </c>
      <c r="CH709" s="166">
        <v>0</v>
      </c>
      <c r="CI709" s="166">
        <v>0</v>
      </c>
      <c r="CJ709" s="166">
        <v>0</v>
      </c>
      <c r="CK709" s="166">
        <v>0</v>
      </c>
      <c r="CL709" s="166">
        <v>0</v>
      </c>
      <c r="CM709" s="166">
        <v>0</v>
      </c>
      <c r="CN709" s="166">
        <v>0</v>
      </c>
      <c r="CO709" s="166">
        <v>0</v>
      </c>
      <c r="CP709" s="166">
        <v>0</v>
      </c>
      <c r="CQ709" s="166">
        <v>0</v>
      </c>
      <c r="CR709" s="166">
        <v>0</v>
      </c>
      <c r="CS709" s="166">
        <v>0</v>
      </c>
      <c r="CT709" s="166">
        <v>0</v>
      </c>
      <c r="CU709" s="166">
        <v>0</v>
      </c>
      <c r="CV709" s="166">
        <v>0</v>
      </c>
      <c r="CW709" s="166">
        <v>0</v>
      </c>
      <c r="CX709" s="166">
        <v>0</v>
      </c>
      <c r="CY709" s="166">
        <v>0</v>
      </c>
      <c r="CZ709" s="166">
        <v>0</v>
      </c>
    </row>
    <row r="710" spans="1:104" x14ac:dyDescent="0.2">
      <c r="A710" s="167" t="s">
        <v>241</v>
      </c>
    </row>
    <row r="711" spans="1:104" x14ac:dyDescent="0.2">
      <c r="A711" s="167" t="s">
        <v>1089</v>
      </c>
      <c r="B711" s="166">
        <v>34351.691060374003</v>
      </c>
      <c r="C711" s="166">
        <v>34351.691060374003</v>
      </c>
      <c r="D711" s="166">
        <v>0</v>
      </c>
      <c r="E711" s="166">
        <v>0</v>
      </c>
      <c r="F711" s="166">
        <v>0</v>
      </c>
      <c r="G711" s="166">
        <v>0</v>
      </c>
      <c r="H711" s="166">
        <v>0</v>
      </c>
      <c r="I711" s="166">
        <v>0</v>
      </c>
      <c r="J711" s="166">
        <v>0</v>
      </c>
      <c r="K711" s="166">
        <v>0</v>
      </c>
      <c r="L711" s="166">
        <v>0</v>
      </c>
      <c r="M711" s="166">
        <v>0</v>
      </c>
      <c r="N711" s="166">
        <v>0</v>
      </c>
      <c r="O711" s="166">
        <v>0</v>
      </c>
      <c r="P711" s="166">
        <v>0</v>
      </c>
      <c r="Q711" s="166">
        <v>0</v>
      </c>
      <c r="R711" s="166">
        <v>0</v>
      </c>
      <c r="S711" s="166">
        <v>0</v>
      </c>
      <c r="T711" s="166">
        <v>0</v>
      </c>
      <c r="U711" s="166">
        <v>0</v>
      </c>
      <c r="V711" s="166">
        <v>0</v>
      </c>
      <c r="W711" s="166">
        <v>0</v>
      </c>
      <c r="X711" s="166">
        <v>0</v>
      </c>
      <c r="Y711" s="166">
        <v>0</v>
      </c>
      <c r="Z711" s="166">
        <v>0</v>
      </c>
      <c r="AA711" s="166">
        <v>0</v>
      </c>
      <c r="AB711" s="166">
        <v>0</v>
      </c>
      <c r="AC711" s="166">
        <v>0</v>
      </c>
      <c r="AD711" s="166">
        <v>0</v>
      </c>
      <c r="AE711" s="166">
        <v>0</v>
      </c>
      <c r="AF711" s="166">
        <v>0</v>
      </c>
      <c r="AG711" s="166">
        <v>0</v>
      </c>
      <c r="AH711" s="166">
        <v>0</v>
      </c>
      <c r="AI711" s="166">
        <v>0</v>
      </c>
      <c r="AJ711" s="166">
        <v>0</v>
      </c>
      <c r="AK711" s="166">
        <v>0</v>
      </c>
      <c r="AL711" s="166">
        <v>0</v>
      </c>
      <c r="AM711" s="166">
        <v>0</v>
      </c>
      <c r="AN711" s="166">
        <v>0</v>
      </c>
      <c r="AO711" s="166">
        <v>0</v>
      </c>
      <c r="AP711" s="166">
        <v>0</v>
      </c>
      <c r="AQ711" s="166">
        <v>0</v>
      </c>
      <c r="AR711" s="166">
        <v>0</v>
      </c>
      <c r="AS711" s="166">
        <v>0</v>
      </c>
      <c r="AT711" s="166">
        <v>0</v>
      </c>
      <c r="AU711" s="166">
        <v>0</v>
      </c>
      <c r="AV711" s="166">
        <v>0</v>
      </c>
      <c r="AW711" s="166">
        <v>0</v>
      </c>
      <c r="AX711" s="166">
        <v>0</v>
      </c>
      <c r="AY711" s="166">
        <v>0</v>
      </c>
      <c r="AZ711" s="166">
        <v>0</v>
      </c>
      <c r="BA711" s="166">
        <v>0</v>
      </c>
      <c r="BB711" s="166">
        <v>0</v>
      </c>
      <c r="BC711" s="166">
        <v>0</v>
      </c>
      <c r="BD711" s="166">
        <v>0</v>
      </c>
      <c r="BE711" s="166">
        <v>0</v>
      </c>
      <c r="BF711" s="166">
        <v>0</v>
      </c>
      <c r="BG711" s="166">
        <v>0</v>
      </c>
      <c r="BH711" s="166">
        <v>0</v>
      </c>
      <c r="BI711" s="166">
        <v>0</v>
      </c>
      <c r="BJ711" s="166">
        <v>0</v>
      </c>
      <c r="BK711" s="166">
        <v>0</v>
      </c>
      <c r="BL711" s="166">
        <v>0</v>
      </c>
      <c r="BM711" s="166">
        <v>0</v>
      </c>
      <c r="BN711" s="166">
        <v>0</v>
      </c>
      <c r="BO711" s="166">
        <v>0</v>
      </c>
      <c r="BP711" s="166">
        <v>0</v>
      </c>
      <c r="BQ711" s="166">
        <v>0</v>
      </c>
      <c r="BR711" s="166">
        <v>34351.691060374003</v>
      </c>
      <c r="BS711" s="166">
        <v>34351.691060374003</v>
      </c>
      <c r="BT711" s="168">
        <v>0.97402999999999995</v>
      </c>
      <c r="BU711" s="166">
        <v>1827.86493395508</v>
      </c>
      <c r="BV711" s="166">
        <v>33459.577643536097</v>
      </c>
      <c r="BW711" s="166">
        <v>0</v>
      </c>
      <c r="BX711" s="166">
        <v>0</v>
      </c>
      <c r="BY711" s="166">
        <v>0</v>
      </c>
      <c r="BZ711" s="166">
        <v>0</v>
      </c>
      <c r="CA711" s="166">
        <v>0</v>
      </c>
      <c r="CB711" s="166">
        <v>0</v>
      </c>
      <c r="CC711" s="166">
        <v>0</v>
      </c>
      <c r="CD711" s="166">
        <v>0</v>
      </c>
      <c r="CE711" s="166">
        <v>0</v>
      </c>
      <c r="CF711" s="166">
        <v>0</v>
      </c>
      <c r="CG711" s="166">
        <v>0</v>
      </c>
      <c r="CH711" s="166">
        <v>0</v>
      </c>
      <c r="CI711" s="166">
        <v>0</v>
      </c>
      <c r="CJ711" s="166">
        <v>0</v>
      </c>
      <c r="CK711" s="166">
        <v>0</v>
      </c>
      <c r="CL711" s="166">
        <v>0</v>
      </c>
      <c r="CM711" s="166">
        <v>0</v>
      </c>
      <c r="CN711" s="166">
        <v>0</v>
      </c>
      <c r="CO711" s="166">
        <v>0</v>
      </c>
      <c r="CP711" s="166">
        <v>0</v>
      </c>
      <c r="CQ711" s="166">
        <v>0</v>
      </c>
      <c r="CR711" s="166">
        <v>0</v>
      </c>
      <c r="CS711" s="166">
        <v>0</v>
      </c>
      <c r="CT711" s="166">
        <v>0</v>
      </c>
      <c r="CU711" s="166">
        <v>0</v>
      </c>
      <c r="CV711" s="166">
        <v>0</v>
      </c>
      <c r="CW711" s="166">
        <v>0</v>
      </c>
      <c r="CX711" s="166">
        <v>0</v>
      </c>
      <c r="CY711" s="166">
        <v>33459.577643536097</v>
      </c>
      <c r="CZ711" s="166">
        <v>33459.577643536097</v>
      </c>
    </row>
    <row r="712" spans="1:104" x14ac:dyDescent="0.2">
      <c r="A712" s="167" t="s">
        <v>1090</v>
      </c>
      <c r="B712" s="166">
        <v>1086.08170804017</v>
      </c>
      <c r="C712" s="166">
        <v>1086.08170804017</v>
      </c>
      <c r="D712" s="166">
        <v>0</v>
      </c>
      <c r="E712" s="166">
        <v>0</v>
      </c>
      <c r="F712" s="166">
        <v>0</v>
      </c>
      <c r="G712" s="166">
        <v>0</v>
      </c>
      <c r="H712" s="166">
        <v>0</v>
      </c>
      <c r="I712" s="166">
        <v>0</v>
      </c>
      <c r="J712" s="166">
        <v>0</v>
      </c>
      <c r="K712" s="166">
        <v>0</v>
      </c>
      <c r="L712" s="166">
        <v>0</v>
      </c>
      <c r="M712" s="166">
        <v>0</v>
      </c>
      <c r="N712" s="166">
        <v>0</v>
      </c>
      <c r="O712" s="166">
        <v>0</v>
      </c>
      <c r="P712" s="166">
        <v>0</v>
      </c>
      <c r="Q712" s="166">
        <v>0</v>
      </c>
      <c r="R712" s="166">
        <v>0</v>
      </c>
      <c r="S712" s="166">
        <v>0</v>
      </c>
      <c r="T712" s="166">
        <v>0</v>
      </c>
      <c r="U712" s="166">
        <v>0</v>
      </c>
      <c r="V712" s="166">
        <v>0</v>
      </c>
      <c r="W712" s="166">
        <v>0</v>
      </c>
      <c r="X712" s="166">
        <v>0</v>
      </c>
      <c r="Y712" s="166">
        <v>0</v>
      </c>
      <c r="Z712" s="166">
        <v>0</v>
      </c>
      <c r="AA712" s="166">
        <v>0</v>
      </c>
      <c r="AB712" s="166">
        <v>0</v>
      </c>
      <c r="AC712" s="166">
        <v>0</v>
      </c>
      <c r="AD712" s="166">
        <v>0</v>
      </c>
      <c r="AE712" s="166">
        <v>0</v>
      </c>
      <c r="AF712" s="166">
        <v>0</v>
      </c>
      <c r="AG712" s="166">
        <v>0</v>
      </c>
      <c r="AH712" s="166">
        <v>0</v>
      </c>
      <c r="AI712" s="166">
        <v>0</v>
      </c>
      <c r="AJ712" s="166">
        <v>0</v>
      </c>
      <c r="AK712" s="166">
        <v>0</v>
      </c>
      <c r="AL712" s="166">
        <v>0</v>
      </c>
      <c r="AM712" s="166">
        <v>0</v>
      </c>
      <c r="AN712" s="166">
        <v>0</v>
      </c>
      <c r="AO712" s="166">
        <v>0</v>
      </c>
      <c r="AP712" s="166">
        <v>0</v>
      </c>
      <c r="AQ712" s="166">
        <v>0</v>
      </c>
      <c r="AR712" s="166">
        <v>0</v>
      </c>
      <c r="AS712" s="166">
        <v>0</v>
      </c>
      <c r="AT712" s="166">
        <v>0</v>
      </c>
      <c r="AU712" s="166">
        <v>0</v>
      </c>
      <c r="AV712" s="166">
        <v>0</v>
      </c>
      <c r="AW712" s="166">
        <v>0</v>
      </c>
      <c r="AX712" s="166">
        <v>0</v>
      </c>
      <c r="AY712" s="166">
        <v>0</v>
      </c>
      <c r="AZ712" s="166">
        <v>0</v>
      </c>
      <c r="BA712" s="166">
        <v>0</v>
      </c>
      <c r="BB712" s="166">
        <v>0</v>
      </c>
      <c r="BC712" s="166">
        <v>0</v>
      </c>
      <c r="BD712" s="166">
        <v>0</v>
      </c>
      <c r="BE712" s="166">
        <v>0</v>
      </c>
      <c r="BF712" s="166">
        <v>0</v>
      </c>
      <c r="BG712" s="166">
        <v>0</v>
      </c>
      <c r="BH712" s="166">
        <v>0</v>
      </c>
      <c r="BI712" s="166">
        <v>0</v>
      </c>
      <c r="BJ712" s="166">
        <v>0</v>
      </c>
      <c r="BK712" s="166">
        <v>0</v>
      </c>
      <c r="BL712" s="166">
        <v>0</v>
      </c>
      <c r="BM712" s="166">
        <v>0</v>
      </c>
      <c r="BN712" s="166">
        <v>0</v>
      </c>
      <c r="BO712" s="166">
        <v>0</v>
      </c>
      <c r="BP712" s="166">
        <v>0</v>
      </c>
      <c r="BQ712" s="166">
        <v>0</v>
      </c>
      <c r="BR712" s="166">
        <v>1086.08170804017</v>
      </c>
      <c r="BS712" s="166">
        <v>1086.08170804017</v>
      </c>
      <c r="BT712" s="168">
        <v>0.92637230841245999</v>
      </c>
      <c r="BU712" s="166">
        <v>54.963162124044899</v>
      </c>
      <c r="BV712" s="166">
        <v>1006.11601900172</v>
      </c>
      <c r="BW712" s="166">
        <v>0</v>
      </c>
      <c r="BX712" s="166">
        <v>0</v>
      </c>
      <c r="BY712" s="166">
        <v>0</v>
      </c>
      <c r="BZ712" s="166">
        <v>0</v>
      </c>
      <c r="CA712" s="166">
        <v>0</v>
      </c>
      <c r="CB712" s="166">
        <v>0</v>
      </c>
      <c r="CC712" s="166">
        <v>0</v>
      </c>
      <c r="CD712" s="166">
        <v>0</v>
      </c>
      <c r="CE712" s="166">
        <v>0</v>
      </c>
      <c r="CF712" s="166">
        <v>0</v>
      </c>
      <c r="CG712" s="166">
        <v>0</v>
      </c>
      <c r="CH712" s="166">
        <v>0</v>
      </c>
      <c r="CI712" s="166">
        <v>0</v>
      </c>
      <c r="CJ712" s="166">
        <v>0</v>
      </c>
      <c r="CK712" s="166">
        <v>0</v>
      </c>
      <c r="CL712" s="166">
        <v>0</v>
      </c>
      <c r="CM712" s="166">
        <v>0</v>
      </c>
      <c r="CN712" s="166">
        <v>0</v>
      </c>
      <c r="CO712" s="166">
        <v>0</v>
      </c>
      <c r="CP712" s="166">
        <v>0</v>
      </c>
      <c r="CQ712" s="166">
        <v>0</v>
      </c>
      <c r="CR712" s="166">
        <v>0</v>
      </c>
      <c r="CS712" s="166">
        <v>0</v>
      </c>
      <c r="CT712" s="166">
        <v>0</v>
      </c>
      <c r="CU712" s="166">
        <v>0</v>
      </c>
      <c r="CV712" s="166">
        <v>0</v>
      </c>
      <c r="CW712" s="166">
        <v>0</v>
      </c>
      <c r="CX712" s="166">
        <v>0</v>
      </c>
      <c r="CY712" s="166">
        <v>1006.11601900172</v>
      </c>
      <c r="CZ712" s="166">
        <v>1006.11601900172</v>
      </c>
    </row>
    <row r="713" spans="1:104" x14ac:dyDescent="0.2">
      <c r="A713" s="167" t="s">
        <v>1091</v>
      </c>
      <c r="B713" s="166">
        <v>7834.8060244235603</v>
      </c>
      <c r="C713" s="166">
        <v>7834.8060244235603</v>
      </c>
      <c r="D713" s="166">
        <v>0</v>
      </c>
      <c r="E713" s="166">
        <v>0</v>
      </c>
      <c r="F713" s="166">
        <v>0</v>
      </c>
      <c r="G713" s="166">
        <v>0</v>
      </c>
      <c r="H713" s="166">
        <v>0</v>
      </c>
      <c r="I713" s="166">
        <v>0</v>
      </c>
      <c r="J713" s="166">
        <v>0</v>
      </c>
      <c r="K713" s="166">
        <v>0</v>
      </c>
      <c r="L713" s="166">
        <v>0</v>
      </c>
      <c r="M713" s="166">
        <v>0</v>
      </c>
      <c r="N713" s="166">
        <v>0</v>
      </c>
      <c r="O713" s="166">
        <v>0</v>
      </c>
      <c r="P713" s="166">
        <v>0</v>
      </c>
      <c r="Q713" s="166">
        <v>0</v>
      </c>
      <c r="R713" s="166">
        <v>0</v>
      </c>
      <c r="S713" s="166">
        <v>0</v>
      </c>
      <c r="T713" s="166">
        <v>0</v>
      </c>
      <c r="U713" s="166">
        <v>0</v>
      </c>
      <c r="V713" s="166">
        <v>0</v>
      </c>
      <c r="W713" s="166">
        <v>0</v>
      </c>
      <c r="X713" s="166">
        <v>0</v>
      </c>
      <c r="Y713" s="166">
        <v>0</v>
      </c>
      <c r="Z713" s="166">
        <v>0</v>
      </c>
      <c r="AA713" s="166">
        <v>0</v>
      </c>
      <c r="AB713" s="166">
        <v>0</v>
      </c>
      <c r="AC713" s="166">
        <v>0</v>
      </c>
      <c r="AD713" s="166">
        <v>0</v>
      </c>
      <c r="AE713" s="166">
        <v>0</v>
      </c>
      <c r="AF713" s="166">
        <v>0</v>
      </c>
      <c r="AG713" s="166">
        <v>0</v>
      </c>
      <c r="AH713" s="166">
        <v>0</v>
      </c>
      <c r="AI713" s="166">
        <v>0</v>
      </c>
      <c r="AJ713" s="166">
        <v>0</v>
      </c>
      <c r="AK713" s="166">
        <v>0</v>
      </c>
      <c r="AL713" s="166">
        <v>0</v>
      </c>
      <c r="AM713" s="166">
        <v>0</v>
      </c>
      <c r="AN713" s="166">
        <v>0</v>
      </c>
      <c r="AO713" s="166">
        <v>0</v>
      </c>
      <c r="AP713" s="166">
        <v>0</v>
      </c>
      <c r="AQ713" s="166">
        <v>0</v>
      </c>
      <c r="AR713" s="166">
        <v>0</v>
      </c>
      <c r="AS713" s="166">
        <v>0</v>
      </c>
      <c r="AT713" s="166">
        <v>0</v>
      </c>
      <c r="AU713" s="166">
        <v>0</v>
      </c>
      <c r="AV713" s="166">
        <v>0</v>
      </c>
      <c r="AW713" s="166">
        <v>0</v>
      </c>
      <c r="AX713" s="166">
        <v>0</v>
      </c>
      <c r="AY713" s="166">
        <v>0</v>
      </c>
      <c r="AZ713" s="166">
        <v>0</v>
      </c>
      <c r="BA713" s="166">
        <v>0</v>
      </c>
      <c r="BB713" s="166">
        <v>0</v>
      </c>
      <c r="BC713" s="166">
        <v>0</v>
      </c>
      <c r="BD713" s="166">
        <v>0</v>
      </c>
      <c r="BE713" s="166">
        <v>0</v>
      </c>
      <c r="BF713" s="166">
        <v>0</v>
      </c>
      <c r="BG713" s="166">
        <v>0</v>
      </c>
      <c r="BH713" s="166">
        <v>0</v>
      </c>
      <c r="BI713" s="166">
        <v>0</v>
      </c>
      <c r="BJ713" s="166">
        <v>0</v>
      </c>
      <c r="BK713" s="166">
        <v>0</v>
      </c>
      <c r="BL713" s="166">
        <v>0</v>
      </c>
      <c r="BM713" s="166">
        <v>0</v>
      </c>
      <c r="BN713" s="166">
        <v>0</v>
      </c>
      <c r="BO713" s="166">
        <v>0</v>
      </c>
      <c r="BP713" s="166">
        <v>0</v>
      </c>
      <c r="BQ713" s="166">
        <v>0</v>
      </c>
      <c r="BR713" s="166">
        <v>7834.8060244235603</v>
      </c>
      <c r="BS713" s="166">
        <v>7834.8060244235603</v>
      </c>
      <c r="BT713" s="168">
        <v>0.95109934560116105</v>
      </c>
      <c r="BU713" s="166">
        <v>407.07813690791397</v>
      </c>
      <c r="BV713" s="166">
        <v>7451.6788827412902</v>
      </c>
      <c r="BW713" s="166">
        <v>0</v>
      </c>
      <c r="BX713" s="166">
        <v>0</v>
      </c>
      <c r="BY713" s="166">
        <v>0</v>
      </c>
      <c r="BZ713" s="166">
        <v>0</v>
      </c>
      <c r="CA713" s="166">
        <v>0</v>
      </c>
      <c r="CB713" s="166">
        <v>0</v>
      </c>
      <c r="CC713" s="166">
        <v>0</v>
      </c>
      <c r="CD713" s="166">
        <v>0</v>
      </c>
      <c r="CE713" s="166">
        <v>0</v>
      </c>
      <c r="CF713" s="166">
        <v>0</v>
      </c>
      <c r="CG713" s="166">
        <v>0</v>
      </c>
      <c r="CH713" s="166">
        <v>0</v>
      </c>
      <c r="CI713" s="166">
        <v>0</v>
      </c>
      <c r="CJ713" s="166">
        <v>0</v>
      </c>
      <c r="CK713" s="166">
        <v>0</v>
      </c>
      <c r="CL713" s="166">
        <v>0</v>
      </c>
      <c r="CM713" s="166">
        <v>0</v>
      </c>
      <c r="CN713" s="166">
        <v>0</v>
      </c>
      <c r="CO713" s="166">
        <v>0</v>
      </c>
      <c r="CP713" s="166">
        <v>0</v>
      </c>
      <c r="CQ713" s="166">
        <v>0</v>
      </c>
      <c r="CR713" s="166">
        <v>0</v>
      </c>
      <c r="CS713" s="166">
        <v>0</v>
      </c>
      <c r="CT713" s="166">
        <v>0</v>
      </c>
      <c r="CU713" s="166">
        <v>0</v>
      </c>
      <c r="CV713" s="166">
        <v>0</v>
      </c>
      <c r="CW713" s="166">
        <v>0</v>
      </c>
      <c r="CX713" s="166">
        <v>0</v>
      </c>
      <c r="CY713" s="166">
        <v>7451.6788827412902</v>
      </c>
      <c r="CZ713" s="166">
        <v>7451.6788827412902</v>
      </c>
    </row>
    <row r="714" spans="1:104" x14ac:dyDescent="0.2">
      <c r="A714" s="167" t="s">
        <v>245</v>
      </c>
      <c r="B714" s="166">
        <v>25063.505071172902</v>
      </c>
      <c r="C714" s="166">
        <v>25063.505071172902</v>
      </c>
      <c r="D714" s="166">
        <v>0</v>
      </c>
      <c r="E714" s="166">
        <v>0</v>
      </c>
      <c r="F714" s="166">
        <v>0</v>
      </c>
      <c r="G714" s="166">
        <v>0</v>
      </c>
      <c r="H714" s="166">
        <v>0</v>
      </c>
      <c r="I714" s="166">
        <v>0</v>
      </c>
      <c r="J714" s="166">
        <v>0</v>
      </c>
      <c r="K714" s="166">
        <v>0</v>
      </c>
      <c r="L714" s="166">
        <v>0</v>
      </c>
      <c r="M714" s="166">
        <v>0</v>
      </c>
      <c r="N714" s="166">
        <v>0</v>
      </c>
      <c r="O714" s="166">
        <v>0</v>
      </c>
      <c r="P714" s="166">
        <v>0</v>
      </c>
      <c r="Q714" s="166">
        <v>0</v>
      </c>
      <c r="R714" s="166">
        <v>0</v>
      </c>
      <c r="S714" s="166">
        <v>0</v>
      </c>
      <c r="T714" s="166">
        <v>0</v>
      </c>
      <c r="U714" s="166">
        <v>0</v>
      </c>
      <c r="V714" s="166">
        <v>0</v>
      </c>
      <c r="W714" s="166">
        <v>0</v>
      </c>
      <c r="X714" s="166">
        <v>0</v>
      </c>
      <c r="Y714" s="166">
        <v>0</v>
      </c>
      <c r="Z714" s="166">
        <v>0</v>
      </c>
      <c r="AA714" s="166">
        <v>0</v>
      </c>
      <c r="AB714" s="166">
        <v>0</v>
      </c>
      <c r="AC714" s="166">
        <v>0</v>
      </c>
      <c r="AD714" s="166">
        <v>0</v>
      </c>
      <c r="AE714" s="166">
        <v>0</v>
      </c>
      <c r="AF714" s="166">
        <v>0</v>
      </c>
      <c r="AG714" s="166">
        <v>0</v>
      </c>
      <c r="AH714" s="166">
        <v>0</v>
      </c>
      <c r="AI714" s="166">
        <v>0</v>
      </c>
      <c r="AJ714" s="166">
        <v>0</v>
      </c>
      <c r="AK714" s="166">
        <v>0</v>
      </c>
      <c r="AL714" s="166">
        <v>0</v>
      </c>
      <c r="AM714" s="166">
        <v>0</v>
      </c>
      <c r="AN714" s="166">
        <v>0</v>
      </c>
      <c r="AO714" s="166">
        <v>0</v>
      </c>
      <c r="AP714" s="166">
        <v>0</v>
      </c>
      <c r="AQ714" s="166">
        <v>0</v>
      </c>
      <c r="AR714" s="166">
        <v>0</v>
      </c>
      <c r="AS714" s="166">
        <v>0</v>
      </c>
      <c r="AT714" s="166">
        <v>0</v>
      </c>
      <c r="AU714" s="166">
        <v>0</v>
      </c>
      <c r="AV714" s="166">
        <v>0</v>
      </c>
      <c r="AW714" s="166">
        <v>0</v>
      </c>
      <c r="AX714" s="166">
        <v>0</v>
      </c>
      <c r="AY714" s="166">
        <v>0</v>
      </c>
      <c r="AZ714" s="166">
        <v>0</v>
      </c>
      <c r="BA714" s="166">
        <v>0</v>
      </c>
      <c r="BB714" s="166">
        <v>0</v>
      </c>
      <c r="BC714" s="166">
        <v>0</v>
      </c>
      <c r="BD714" s="166">
        <v>0</v>
      </c>
      <c r="BE714" s="166">
        <v>0</v>
      </c>
      <c r="BF714" s="166">
        <v>0</v>
      </c>
      <c r="BG714" s="166">
        <v>0</v>
      </c>
      <c r="BH714" s="166">
        <v>0</v>
      </c>
      <c r="BI714" s="166">
        <v>0</v>
      </c>
      <c r="BJ714" s="166">
        <v>0</v>
      </c>
      <c r="BK714" s="166">
        <v>0</v>
      </c>
      <c r="BL714" s="166">
        <v>0</v>
      </c>
      <c r="BM714" s="166">
        <v>0</v>
      </c>
      <c r="BN714" s="166">
        <v>0</v>
      </c>
      <c r="BO714" s="166">
        <v>0</v>
      </c>
      <c r="BP714" s="166">
        <v>0</v>
      </c>
      <c r="BQ714" s="166">
        <v>0</v>
      </c>
      <c r="BR714" s="166">
        <v>25063.505071172902</v>
      </c>
      <c r="BS714" s="166">
        <v>25063.505071172902</v>
      </c>
      <c r="BT714" s="168">
        <v>0.97403133392564201</v>
      </c>
      <c r="BU714" s="166">
        <v>1333.6392872532399</v>
      </c>
      <c r="BV714" s="166">
        <v>24412.639277326602</v>
      </c>
      <c r="BW714" s="166">
        <v>0</v>
      </c>
      <c r="BX714" s="166">
        <v>0</v>
      </c>
      <c r="BY714" s="166">
        <v>0</v>
      </c>
      <c r="BZ714" s="166">
        <v>0</v>
      </c>
      <c r="CA714" s="166">
        <v>0</v>
      </c>
      <c r="CB714" s="166">
        <v>0</v>
      </c>
      <c r="CC714" s="166">
        <v>0</v>
      </c>
      <c r="CD714" s="166">
        <v>0</v>
      </c>
      <c r="CE714" s="166">
        <v>0</v>
      </c>
      <c r="CF714" s="166">
        <v>0</v>
      </c>
      <c r="CG714" s="166">
        <v>0</v>
      </c>
      <c r="CH714" s="166">
        <v>0</v>
      </c>
      <c r="CI714" s="166">
        <v>0</v>
      </c>
      <c r="CJ714" s="166">
        <v>0</v>
      </c>
      <c r="CK714" s="166">
        <v>0</v>
      </c>
      <c r="CL714" s="166">
        <v>0</v>
      </c>
      <c r="CM714" s="166">
        <v>0</v>
      </c>
      <c r="CN714" s="166">
        <v>0</v>
      </c>
      <c r="CO714" s="166">
        <v>0</v>
      </c>
      <c r="CP714" s="166">
        <v>0</v>
      </c>
      <c r="CQ714" s="166">
        <v>0</v>
      </c>
      <c r="CR714" s="166">
        <v>0</v>
      </c>
      <c r="CS714" s="166">
        <v>0</v>
      </c>
      <c r="CT714" s="166">
        <v>0</v>
      </c>
      <c r="CU714" s="166">
        <v>0</v>
      </c>
      <c r="CV714" s="166">
        <v>0</v>
      </c>
      <c r="CW714" s="166">
        <v>0</v>
      </c>
      <c r="CX714" s="166">
        <v>0</v>
      </c>
      <c r="CY714" s="166">
        <v>24412.639277326602</v>
      </c>
      <c r="CZ714" s="166">
        <v>24412.639277326602</v>
      </c>
    </row>
    <row r="715" spans="1:104" x14ac:dyDescent="0.2">
      <c r="A715" s="167" t="s">
        <v>246</v>
      </c>
      <c r="B715" s="166">
        <v>19676.3662756597</v>
      </c>
      <c r="C715" s="166">
        <v>19676.3662756597</v>
      </c>
      <c r="D715" s="166">
        <v>0</v>
      </c>
      <c r="E715" s="166">
        <v>0</v>
      </c>
      <c r="F715" s="166">
        <v>0</v>
      </c>
      <c r="G715" s="166">
        <v>0</v>
      </c>
      <c r="H715" s="166">
        <v>0</v>
      </c>
      <c r="I715" s="166">
        <v>0</v>
      </c>
      <c r="J715" s="166">
        <v>0</v>
      </c>
      <c r="K715" s="166">
        <v>0</v>
      </c>
      <c r="L715" s="166">
        <v>0</v>
      </c>
      <c r="M715" s="166">
        <v>0</v>
      </c>
      <c r="N715" s="166">
        <v>0</v>
      </c>
      <c r="O715" s="166">
        <v>0</v>
      </c>
      <c r="P715" s="166">
        <v>0</v>
      </c>
      <c r="Q715" s="166">
        <v>0</v>
      </c>
      <c r="R715" s="166">
        <v>0</v>
      </c>
      <c r="S715" s="166">
        <v>0</v>
      </c>
      <c r="T715" s="166">
        <v>0</v>
      </c>
      <c r="U715" s="166">
        <v>0</v>
      </c>
      <c r="V715" s="166">
        <v>0</v>
      </c>
      <c r="W715" s="166">
        <v>0</v>
      </c>
      <c r="X715" s="166">
        <v>0</v>
      </c>
      <c r="Y715" s="166">
        <v>0</v>
      </c>
      <c r="Z715" s="166">
        <v>0</v>
      </c>
      <c r="AA715" s="166">
        <v>0</v>
      </c>
      <c r="AB715" s="166">
        <v>0</v>
      </c>
      <c r="AC715" s="166">
        <v>0</v>
      </c>
      <c r="AD715" s="166">
        <v>0</v>
      </c>
      <c r="AE715" s="166">
        <v>0</v>
      </c>
      <c r="AF715" s="166">
        <v>0</v>
      </c>
      <c r="AG715" s="166">
        <v>0</v>
      </c>
      <c r="AH715" s="166">
        <v>0</v>
      </c>
      <c r="AI715" s="166">
        <v>0</v>
      </c>
      <c r="AJ715" s="166">
        <v>0</v>
      </c>
      <c r="AK715" s="166">
        <v>0</v>
      </c>
      <c r="AL715" s="166">
        <v>0</v>
      </c>
      <c r="AM715" s="166">
        <v>0</v>
      </c>
      <c r="AN715" s="166">
        <v>0</v>
      </c>
      <c r="AO715" s="166">
        <v>0</v>
      </c>
      <c r="AP715" s="166">
        <v>0</v>
      </c>
      <c r="AQ715" s="166">
        <v>0</v>
      </c>
      <c r="AR715" s="166">
        <v>0</v>
      </c>
      <c r="AS715" s="166">
        <v>0</v>
      </c>
      <c r="AT715" s="166">
        <v>0</v>
      </c>
      <c r="AU715" s="166">
        <v>0</v>
      </c>
      <c r="AV715" s="166">
        <v>0</v>
      </c>
      <c r="AW715" s="166">
        <v>0</v>
      </c>
      <c r="AX715" s="166">
        <v>0</v>
      </c>
      <c r="AY715" s="166">
        <v>0</v>
      </c>
      <c r="AZ715" s="166">
        <v>0</v>
      </c>
      <c r="BA715" s="166">
        <v>0</v>
      </c>
      <c r="BB715" s="166">
        <v>0</v>
      </c>
      <c r="BC715" s="166">
        <v>0</v>
      </c>
      <c r="BD715" s="166">
        <v>0</v>
      </c>
      <c r="BE715" s="166">
        <v>0</v>
      </c>
      <c r="BF715" s="166">
        <v>0</v>
      </c>
      <c r="BG715" s="166">
        <v>0</v>
      </c>
      <c r="BH715" s="166">
        <v>0</v>
      </c>
      <c r="BI715" s="166">
        <v>0</v>
      </c>
      <c r="BJ715" s="166">
        <v>0</v>
      </c>
      <c r="BK715" s="166">
        <v>0</v>
      </c>
      <c r="BL715" s="166">
        <v>0</v>
      </c>
      <c r="BM715" s="166">
        <v>0</v>
      </c>
      <c r="BN715" s="166">
        <v>0</v>
      </c>
      <c r="BO715" s="166">
        <v>0</v>
      </c>
      <c r="BP715" s="166">
        <v>0</v>
      </c>
      <c r="BQ715" s="166">
        <v>0</v>
      </c>
      <c r="BR715" s="166">
        <v>19676.3662756597</v>
      </c>
      <c r="BS715" s="166">
        <v>19676.3662756597</v>
      </c>
      <c r="BT715" s="166">
        <v>1000</v>
      </c>
      <c r="BU715" s="166">
        <v>1074.90119349676</v>
      </c>
      <c r="BV715" s="166">
        <v>19676.3662756597</v>
      </c>
      <c r="BW715" s="166">
        <v>0</v>
      </c>
      <c r="BX715" s="166">
        <v>0</v>
      </c>
      <c r="BY715" s="166">
        <v>0</v>
      </c>
      <c r="BZ715" s="166">
        <v>0</v>
      </c>
      <c r="CA715" s="166">
        <v>0</v>
      </c>
      <c r="CB715" s="166">
        <v>0</v>
      </c>
      <c r="CC715" s="166">
        <v>0</v>
      </c>
      <c r="CD715" s="166">
        <v>0</v>
      </c>
      <c r="CE715" s="166">
        <v>0</v>
      </c>
      <c r="CF715" s="166">
        <v>0</v>
      </c>
      <c r="CG715" s="166">
        <v>0</v>
      </c>
      <c r="CH715" s="166">
        <v>0</v>
      </c>
      <c r="CI715" s="166">
        <v>0</v>
      </c>
      <c r="CJ715" s="166">
        <v>0</v>
      </c>
      <c r="CK715" s="166">
        <v>0</v>
      </c>
      <c r="CL715" s="166">
        <v>0</v>
      </c>
      <c r="CM715" s="166">
        <v>0</v>
      </c>
      <c r="CN715" s="166">
        <v>0</v>
      </c>
      <c r="CO715" s="166">
        <v>0</v>
      </c>
      <c r="CP715" s="166">
        <v>0</v>
      </c>
      <c r="CQ715" s="166">
        <v>0</v>
      </c>
      <c r="CR715" s="166">
        <v>0</v>
      </c>
      <c r="CS715" s="166">
        <v>0</v>
      </c>
      <c r="CT715" s="166">
        <v>0</v>
      </c>
      <c r="CU715" s="166">
        <v>0</v>
      </c>
      <c r="CV715" s="166">
        <v>0</v>
      </c>
      <c r="CW715" s="166">
        <v>0</v>
      </c>
      <c r="CX715" s="166">
        <v>0</v>
      </c>
      <c r="CY715" s="166">
        <v>19676.3662756597</v>
      </c>
      <c r="CZ715" s="166">
        <v>19676.3662756597</v>
      </c>
    </row>
    <row r="716" spans="1:104" x14ac:dyDescent="0.2">
      <c r="A716" s="167" t="s">
        <v>1092</v>
      </c>
      <c r="B716" s="166">
        <v>2457074.77986032</v>
      </c>
      <c r="C716" s="166">
        <v>2457074.77986032</v>
      </c>
      <c r="D716" s="166">
        <v>0</v>
      </c>
      <c r="E716" s="166">
        <v>0</v>
      </c>
      <c r="F716" s="166">
        <v>0</v>
      </c>
      <c r="G716" s="166">
        <v>0</v>
      </c>
      <c r="H716" s="166">
        <v>0</v>
      </c>
      <c r="I716" s="166">
        <v>0</v>
      </c>
      <c r="J716" s="166">
        <v>0</v>
      </c>
      <c r="K716" s="166">
        <v>0</v>
      </c>
      <c r="L716" s="166">
        <v>0</v>
      </c>
      <c r="M716" s="166">
        <v>0</v>
      </c>
      <c r="N716" s="166">
        <v>0</v>
      </c>
      <c r="O716" s="166">
        <v>0</v>
      </c>
      <c r="P716" s="166">
        <v>0</v>
      </c>
      <c r="Q716" s="166">
        <v>0</v>
      </c>
      <c r="R716" s="166">
        <v>0</v>
      </c>
      <c r="S716" s="166">
        <v>0</v>
      </c>
      <c r="T716" s="166">
        <v>0</v>
      </c>
      <c r="U716" s="166">
        <v>0</v>
      </c>
      <c r="V716" s="166">
        <v>0</v>
      </c>
      <c r="W716" s="166">
        <v>0</v>
      </c>
      <c r="X716" s="166">
        <v>0</v>
      </c>
      <c r="Y716" s="166">
        <v>0</v>
      </c>
      <c r="Z716" s="166">
        <v>0</v>
      </c>
      <c r="AA716" s="166">
        <v>0</v>
      </c>
      <c r="AB716" s="166">
        <v>0</v>
      </c>
      <c r="AC716" s="166">
        <v>0</v>
      </c>
      <c r="AD716" s="166">
        <v>0</v>
      </c>
      <c r="AE716" s="166">
        <v>0</v>
      </c>
      <c r="AF716" s="166">
        <v>0</v>
      </c>
      <c r="AG716" s="166">
        <v>0</v>
      </c>
      <c r="AH716" s="166">
        <v>0</v>
      </c>
      <c r="AI716" s="166">
        <v>0</v>
      </c>
      <c r="AJ716" s="166">
        <v>0</v>
      </c>
      <c r="AK716" s="166">
        <v>0</v>
      </c>
      <c r="AL716" s="166">
        <v>0</v>
      </c>
      <c r="AM716" s="166">
        <v>0</v>
      </c>
      <c r="AN716" s="166">
        <v>0</v>
      </c>
      <c r="AO716" s="166">
        <v>0</v>
      </c>
      <c r="AP716" s="166">
        <v>0</v>
      </c>
      <c r="AQ716" s="166">
        <v>0</v>
      </c>
      <c r="AR716" s="166">
        <v>0</v>
      </c>
      <c r="AS716" s="166">
        <v>0</v>
      </c>
      <c r="AT716" s="166">
        <v>0</v>
      </c>
      <c r="AU716" s="166">
        <v>0</v>
      </c>
      <c r="AV716" s="166">
        <v>0</v>
      </c>
      <c r="AW716" s="166">
        <v>0</v>
      </c>
      <c r="AX716" s="166">
        <v>0</v>
      </c>
      <c r="AY716" s="166">
        <v>0</v>
      </c>
      <c r="AZ716" s="166">
        <v>0</v>
      </c>
      <c r="BA716" s="166">
        <v>0</v>
      </c>
      <c r="BB716" s="166">
        <v>0</v>
      </c>
      <c r="BC716" s="166">
        <v>0</v>
      </c>
      <c r="BD716" s="166">
        <v>0</v>
      </c>
      <c r="BE716" s="166">
        <v>0</v>
      </c>
      <c r="BF716" s="166">
        <v>0</v>
      </c>
      <c r="BG716" s="166">
        <v>0</v>
      </c>
      <c r="BH716" s="166">
        <v>0</v>
      </c>
      <c r="BI716" s="166">
        <v>0</v>
      </c>
      <c r="BJ716" s="166">
        <v>0</v>
      </c>
      <c r="BK716" s="166">
        <v>0</v>
      </c>
      <c r="BL716" s="166">
        <v>0</v>
      </c>
      <c r="BM716" s="166">
        <v>0</v>
      </c>
      <c r="BN716" s="166">
        <v>0</v>
      </c>
      <c r="BO716" s="166">
        <v>0</v>
      </c>
      <c r="BP716" s="166">
        <v>0</v>
      </c>
      <c r="BQ716" s="166">
        <v>0</v>
      </c>
      <c r="BR716" s="166">
        <v>2457074.77986032</v>
      </c>
      <c r="BS716" s="166">
        <v>2457074.77986032</v>
      </c>
      <c r="BT716" s="168">
        <v>0.72041766170058497</v>
      </c>
      <c r="BU716" s="166">
        <v>104208.993603849</v>
      </c>
      <c r="BV716" s="166">
        <v>1770120.0675304499</v>
      </c>
      <c r="BW716" s="166">
        <v>0</v>
      </c>
      <c r="BX716" s="166">
        <v>0</v>
      </c>
      <c r="BY716" s="166">
        <v>0</v>
      </c>
      <c r="BZ716" s="166">
        <v>0</v>
      </c>
      <c r="CA716" s="166">
        <v>0</v>
      </c>
      <c r="CB716" s="166">
        <v>0</v>
      </c>
      <c r="CC716" s="166">
        <v>0</v>
      </c>
      <c r="CD716" s="166">
        <v>0</v>
      </c>
      <c r="CE716" s="166">
        <v>0</v>
      </c>
      <c r="CF716" s="166">
        <v>0</v>
      </c>
      <c r="CG716" s="166">
        <v>0</v>
      </c>
      <c r="CH716" s="166">
        <v>0</v>
      </c>
      <c r="CI716" s="166">
        <v>0</v>
      </c>
      <c r="CJ716" s="166">
        <v>0</v>
      </c>
      <c r="CK716" s="166">
        <v>0</v>
      </c>
      <c r="CL716" s="166">
        <v>0</v>
      </c>
      <c r="CM716" s="166">
        <v>0</v>
      </c>
      <c r="CN716" s="166">
        <v>0</v>
      </c>
      <c r="CO716" s="166">
        <v>0</v>
      </c>
      <c r="CP716" s="166">
        <v>0</v>
      </c>
      <c r="CQ716" s="166">
        <v>0</v>
      </c>
      <c r="CR716" s="166">
        <v>0</v>
      </c>
      <c r="CS716" s="166">
        <v>0</v>
      </c>
      <c r="CT716" s="166">
        <v>0</v>
      </c>
      <c r="CU716" s="166">
        <v>0</v>
      </c>
      <c r="CV716" s="166">
        <v>0</v>
      </c>
      <c r="CW716" s="166">
        <v>0</v>
      </c>
      <c r="CX716" s="166">
        <v>0</v>
      </c>
      <c r="CY716" s="166">
        <v>1770120.0675304499</v>
      </c>
      <c r="CZ716" s="166">
        <v>1770120.0675304499</v>
      </c>
    </row>
    <row r="717" spans="1:104" x14ac:dyDescent="0.2">
      <c r="A717" s="167" t="s">
        <v>1093</v>
      </c>
      <c r="B717" s="166">
        <v>2545087.2299999902</v>
      </c>
      <c r="C717" s="166">
        <v>2545087.2299999902</v>
      </c>
      <c r="D717" s="166">
        <v>0</v>
      </c>
      <c r="E717" s="166">
        <v>0</v>
      </c>
      <c r="F717" s="166">
        <v>0</v>
      </c>
      <c r="G717" s="166">
        <v>0</v>
      </c>
      <c r="H717" s="166">
        <v>0</v>
      </c>
      <c r="I717" s="166">
        <v>0</v>
      </c>
      <c r="J717" s="166">
        <v>0</v>
      </c>
      <c r="K717" s="166">
        <v>0</v>
      </c>
      <c r="L717" s="166">
        <v>0</v>
      </c>
      <c r="M717" s="166">
        <v>0</v>
      </c>
      <c r="N717" s="166">
        <v>0</v>
      </c>
      <c r="O717" s="166">
        <v>0</v>
      </c>
      <c r="P717" s="166">
        <v>0</v>
      </c>
      <c r="Q717" s="166">
        <v>0</v>
      </c>
      <c r="R717" s="166">
        <v>0</v>
      </c>
      <c r="S717" s="166">
        <v>0</v>
      </c>
      <c r="T717" s="166">
        <v>0</v>
      </c>
      <c r="U717" s="166">
        <v>0</v>
      </c>
      <c r="V717" s="166">
        <v>0</v>
      </c>
      <c r="W717" s="166">
        <v>0</v>
      </c>
      <c r="X717" s="166">
        <v>0</v>
      </c>
      <c r="Y717" s="166">
        <v>0</v>
      </c>
      <c r="Z717" s="166">
        <v>0</v>
      </c>
      <c r="AA717" s="166">
        <v>0</v>
      </c>
      <c r="AB717" s="166">
        <v>0</v>
      </c>
      <c r="AC717" s="166">
        <v>0</v>
      </c>
      <c r="AD717" s="166">
        <v>0</v>
      </c>
      <c r="AE717" s="166">
        <v>0</v>
      </c>
      <c r="AF717" s="166">
        <v>0</v>
      </c>
      <c r="AG717" s="166">
        <v>0</v>
      </c>
      <c r="AH717" s="166">
        <v>0</v>
      </c>
      <c r="AI717" s="166">
        <v>0</v>
      </c>
      <c r="AJ717" s="166">
        <v>0</v>
      </c>
      <c r="AK717" s="166">
        <v>0</v>
      </c>
      <c r="AL717" s="166">
        <v>0</v>
      </c>
      <c r="AM717" s="166">
        <v>0</v>
      </c>
      <c r="AN717" s="166">
        <v>0</v>
      </c>
      <c r="AO717" s="166">
        <v>0</v>
      </c>
      <c r="AP717" s="166">
        <v>0</v>
      </c>
      <c r="AQ717" s="166">
        <v>0</v>
      </c>
      <c r="AR717" s="166">
        <v>0</v>
      </c>
      <c r="AS717" s="166">
        <v>0</v>
      </c>
      <c r="AT717" s="166">
        <v>0</v>
      </c>
      <c r="AU717" s="166">
        <v>0</v>
      </c>
      <c r="AV717" s="166">
        <v>0</v>
      </c>
      <c r="AW717" s="166">
        <v>0</v>
      </c>
      <c r="AX717" s="166">
        <v>0</v>
      </c>
      <c r="AY717" s="166">
        <v>0</v>
      </c>
      <c r="AZ717" s="166">
        <v>0</v>
      </c>
      <c r="BA717" s="166">
        <v>0</v>
      </c>
      <c r="BB717" s="166">
        <v>0</v>
      </c>
      <c r="BC717" s="166">
        <v>0</v>
      </c>
      <c r="BD717" s="166">
        <v>0</v>
      </c>
      <c r="BE717" s="166">
        <v>0</v>
      </c>
      <c r="BF717" s="166">
        <v>0</v>
      </c>
      <c r="BG717" s="166">
        <v>0</v>
      </c>
      <c r="BH717" s="166">
        <v>0</v>
      </c>
      <c r="BI717" s="166">
        <v>0</v>
      </c>
      <c r="BJ717" s="166">
        <v>0</v>
      </c>
      <c r="BK717" s="166">
        <v>0</v>
      </c>
      <c r="BL717" s="166">
        <v>0</v>
      </c>
      <c r="BM717" s="166">
        <v>0</v>
      </c>
      <c r="BN717" s="166">
        <v>0</v>
      </c>
      <c r="BO717" s="166">
        <v>0</v>
      </c>
      <c r="BP717" s="166">
        <v>0</v>
      </c>
      <c r="BQ717" s="166">
        <v>0</v>
      </c>
      <c r="BR717" s="166">
        <v>2545087.2299999902</v>
      </c>
      <c r="BS717" s="166">
        <v>2545087.2299999902</v>
      </c>
      <c r="BT717" s="168">
        <v>0</v>
      </c>
      <c r="BU717" s="166">
        <v>108907.44031758601</v>
      </c>
      <c r="BV717" s="166">
        <v>1856126.4456287201</v>
      </c>
      <c r="BW717" s="166">
        <v>0</v>
      </c>
      <c r="BX717" s="166">
        <v>0</v>
      </c>
      <c r="BY717" s="166">
        <v>0</v>
      </c>
      <c r="BZ717" s="166">
        <v>0</v>
      </c>
      <c r="CA717" s="166">
        <v>0</v>
      </c>
      <c r="CB717" s="166">
        <v>0</v>
      </c>
      <c r="CC717" s="166">
        <v>0</v>
      </c>
      <c r="CD717" s="166">
        <v>0</v>
      </c>
      <c r="CE717" s="166">
        <v>0</v>
      </c>
      <c r="CF717" s="166">
        <v>0</v>
      </c>
      <c r="CG717" s="166">
        <v>0</v>
      </c>
      <c r="CH717" s="166">
        <v>0</v>
      </c>
      <c r="CI717" s="166">
        <v>0</v>
      </c>
      <c r="CJ717" s="166">
        <v>0</v>
      </c>
      <c r="CK717" s="166">
        <v>0</v>
      </c>
      <c r="CL717" s="166">
        <v>0</v>
      </c>
      <c r="CM717" s="166">
        <v>0</v>
      </c>
      <c r="CN717" s="166">
        <v>0</v>
      </c>
      <c r="CO717" s="166">
        <v>0</v>
      </c>
      <c r="CP717" s="166">
        <v>0</v>
      </c>
      <c r="CQ717" s="166">
        <v>0</v>
      </c>
      <c r="CR717" s="166">
        <v>0</v>
      </c>
      <c r="CS717" s="166">
        <v>0</v>
      </c>
      <c r="CT717" s="166">
        <v>0</v>
      </c>
      <c r="CU717" s="166">
        <v>0</v>
      </c>
      <c r="CV717" s="166">
        <v>0</v>
      </c>
      <c r="CW717" s="166">
        <v>0</v>
      </c>
      <c r="CX717" s="166">
        <v>0</v>
      </c>
      <c r="CY717" s="166">
        <v>1856126.4456287201</v>
      </c>
      <c r="CZ717" s="166">
        <v>1856126.4456287201</v>
      </c>
    </row>
    <row r="718" spans="1:104" x14ac:dyDescent="0.2">
      <c r="A718" s="167" t="s">
        <v>249</v>
      </c>
    </row>
    <row r="719" spans="1:104" x14ac:dyDescent="0.2">
      <c r="A719" s="167" t="s">
        <v>1094</v>
      </c>
      <c r="B719" s="166">
        <v>73319.053543845701</v>
      </c>
      <c r="C719" s="166">
        <v>73319.053543845701</v>
      </c>
      <c r="D719" s="166">
        <v>0</v>
      </c>
      <c r="E719" s="166">
        <v>0</v>
      </c>
      <c r="F719" s="166">
        <v>0</v>
      </c>
      <c r="G719" s="166">
        <v>0</v>
      </c>
      <c r="H719" s="166">
        <v>0</v>
      </c>
      <c r="I719" s="166">
        <v>0</v>
      </c>
      <c r="J719" s="166">
        <v>0</v>
      </c>
      <c r="K719" s="166">
        <v>0</v>
      </c>
      <c r="L719" s="166">
        <v>0</v>
      </c>
      <c r="M719" s="166">
        <v>0</v>
      </c>
      <c r="N719" s="166">
        <v>0</v>
      </c>
      <c r="O719" s="166">
        <v>0</v>
      </c>
      <c r="P719" s="166">
        <v>0</v>
      </c>
      <c r="Q719" s="166">
        <v>0</v>
      </c>
      <c r="R719" s="166">
        <v>0</v>
      </c>
      <c r="S719" s="166">
        <v>0</v>
      </c>
      <c r="T719" s="166">
        <v>0</v>
      </c>
      <c r="U719" s="166">
        <v>0</v>
      </c>
      <c r="V719" s="166">
        <v>0</v>
      </c>
      <c r="W719" s="166">
        <v>0</v>
      </c>
      <c r="X719" s="166">
        <v>0</v>
      </c>
      <c r="Y719" s="166">
        <v>0</v>
      </c>
      <c r="Z719" s="166">
        <v>0</v>
      </c>
      <c r="AA719" s="166">
        <v>0</v>
      </c>
      <c r="AB719" s="166">
        <v>0</v>
      </c>
      <c r="AC719" s="166">
        <v>0</v>
      </c>
      <c r="AD719" s="166">
        <v>0</v>
      </c>
      <c r="AE719" s="166">
        <v>0</v>
      </c>
      <c r="AF719" s="166">
        <v>0</v>
      </c>
      <c r="AG719" s="166">
        <v>0</v>
      </c>
      <c r="AH719" s="166">
        <v>0</v>
      </c>
      <c r="AI719" s="166">
        <v>0</v>
      </c>
      <c r="AJ719" s="166">
        <v>0</v>
      </c>
      <c r="AK719" s="166">
        <v>0</v>
      </c>
      <c r="AL719" s="166">
        <v>0</v>
      </c>
      <c r="AM719" s="166">
        <v>0</v>
      </c>
      <c r="AN719" s="166">
        <v>0</v>
      </c>
      <c r="AO719" s="166">
        <v>0</v>
      </c>
      <c r="AP719" s="166">
        <v>0</v>
      </c>
      <c r="AQ719" s="166">
        <v>0</v>
      </c>
      <c r="AR719" s="166">
        <v>0</v>
      </c>
      <c r="AS719" s="166">
        <v>0</v>
      </c>
      <c r="AT719" s="166">
        <v>0</v>
      </c>
      <c r="AU719" s="166">
        <v>0</v>
      </c>
      <c r="AV719" s="166">
        <v>0</v>
      </c>
      <c r="AW719" s="166">
        <v>0</v>
      </c>
      <c r="AX719" s="166">
        <v>0</v>
      </c>
      <c r="AY719" s="166">
        <v>0</v>
      </c>
      <c r="AZ719" s="166">
        <v>0</v>
      </c>
      <c r="BA719" s="166">
        <v>0</v>
      </c>
      <c r="BB719" s="166">
        <v>0</v>
      </c>
      <c r="BC719" s="166">
        <v>0</v>
      </c>
      <c r="BD719" s="166">
        <v>0</v>
      </c>
      <c r="BE719" s="166">
        <v>0</v>
      </c>
      <c r="BF719" s="166">
        <v>0</v>
      </c>
      <c r="BG719" s="166">
        <v>0</v>
      </c>
      <c r="BH719" s="166">
        <v>0</v>
      </c>
      <c r="BI719" s="166">
        <v>0</v>
      </c>
      <c r="BJ719" s="166">
        <v>0</v>
      </c>
      <c r="BK719" s="166">
        <v>0</v>
      </c>
      <c r="BL719" s="166">
        <v>0</v>
      </c>
      <c r="BM719" s="166">
        <v>0</v>
      </c>
      <c r="BN719" s="166">
        <v>0</v>
      </c>
      <c r="BO719" s="166">
        <v>0</v>
      </c>
      <c r="BP719" s="166">
        <v>0</v>
      </c>
      <c r="BQ719" s="166">
        <v>0</v>
      </c>
      <c r="BR719" s="166">
        <v>73319.053543845701</v>
      </c>
      <c r="BS719" s="166">
        <v>73319.053543845701</v>
      </c>
      <c r="BT719" s="168">
        <v>0.97402999999999995</v>
      </c>
      <c r="BU719" s="166">
        <v>1912.03714088473</v>
      </c>
      <c r="BV719" s="166">
        <v>71414.957723312007</v>
      </c>
      <c r="BW719" s="166">
        <v>0</v>
      </c>
      <c r="BX719" s="166">
        <v>0</v>
      </c>
      <c r="BY719" s="166">
        <v>0</v>
      </c>
      <c r="BZ719" s="166">
        <v>0</v>
      </c>
      <c r="CA719" s="166">
        <v>0</v>
      </c>
      <c r="CB719" s="166">
        <v>0</v>
      </c>
      <c r="CC719" s="166">
        <v>0</v>
      </c>
      <c r="CD719" s="166">
        <v>0</v>
      </c>
      <c r="CE719" s="166">
        <v>0</v>
      </c>
      <c r="CF719" s="166">
        <v>0</v>
      </c>
      <c r="CG719" s="166">
        <v>0</v>
      </c>
      <c r="CH719" s="166">
        <v>0</v>
      </c>
      <c r="CI719" s="166">
        <v>0</v>
      </c>
      <c r="CJ719" s="166">
        <v>0</v>
      </c>
      <c r="CK719" s="166">
        <v>0</v>
      </c>
      <c r="CL719" s="166">
        <v>0</v>
      </c>
      <c r="CM719" s="166">
        <v>0</v>
      </c>
      <c r="CN719" s="166">
        <v>0</v>
      </c>
      <c r="CO719" s="166">
        <v>0</v>
      </c>
      <c r="CP719" s="166">
        <v>0</v>
      </c>
      <c r="CQ719" s="166">
        <v>0</v>
      </c>
      <c r="CR719" s="166">
        <v>0</v>
      </c>
      <c r="CS719" s="166">
        <v>0</v>
      </c>
      <c r="CT719" s="166">
        <v>0</v>
      </c>
      <c r="CU719" s="166">
        <v>0</v>
      </c>
      <c r="CV719" s="166">
        <v>0</v>
      </c>
      <c r="CW719" s="166">
        <v>0</v>
      </c>
      <c r="CX719" s="166">
        <v>0</v>
      </c>
      <c r="CY719" s="166">
        <v>71414.957723312007</v>
      </c>
      <c r="CZ719" s="166">
        <v>71414.957723312007</v>
      </c>
    </row>
    <row r="720" spans="1:104" x14ac:dyDescent="0.2">
      <c r="A720" s="167" t="s">
        <v>1095</v>
      </c>
      <c r="B720" s="166">
        <v>2318.0949888270802</v>
      </c>
      <c r="C720" s="166">
        <v>2318.0949888270802</v>
      </c>
      <c r="D720" s="166">
        <v>0</v>
      </c>
      <c r="E720" s="166">
        <v>0</v>
      </c>
      <c r="F720" s="166">
        <v>0</v>
      </c>
      <c r="G720" s="166">
        <v>0</v>
      </c>
      <c r="H720" s="166">
        <v>0</v>
      </c>
      <c r="I720" s="166">
        <v>0</v>
      </c>
      <c r="J720" s="166">
        <v>0</v>
      </c>
      <c r="K720" s="166">
        <v>0</v>
      </c>
      <c r="L720" s="166">
        <v>0</v>
      </c>
      <c r="M720" s="166">
        <v>0</v>
      </c>
      <c r="N720" s="166">
        <v>0</v>
      </c>
      <c r="O720" s="166">
        <v>0</v>
      </c>
      <c r="P720" s="166">
        <v>0</v>
      </c>
      <c r="Q720" s="166">
        <v>0</v>
      </c>
      <c r="R720" s="166">
        <v>0</v>
      </c>
      <c r="S720" s="166">
        <v>0</v>
      </c>
      <c r="T720" s="166">
        <v>0</v>
      </c>
      <c r="U720" s="166">
        <v>0</v>
      </c>
      <c r="V720" s="166">
        <v>0</v>
      </c>
      <c r="W720" s="166">
        <v>0</v>
      </c>
      <c r="X720" s="166">
        <v>0</v>
      </c>
      <c r="Y720" s="166">
        <v>0</v>
      </c>
      <c r="Z720" s="166">
        <v>0</v>
      </c>
      <c r="AA720" s="166">
        <v>0</v>
      </c>
      <c r="AB720" s="166">
        <v>0</v>
      </c>
      <c r="AC720" s="166">
        <v>0</v>
      </c>
      <c r="AD720" s="166">
        <v>0</v>
      </c>
      <c r="AE720" s="166">
        <v>0</v>
      </c>
      <c r="AF720" s="166">
        <v>0</v>
      </c>
      <c r="AG720" s="166">
        <v>0</v>
      </c>
      <c r="AH720" s="166">
        <v>0</v>
      </c>
      <c r="AI720" s="166">
        <v>0</v>
      </c>
      <c r="AJ720" s="166">
        <v>0</v>
      </c>
      <c r="AK720" s="166">
        <v>0</v>
      </c>
      <c r="AL720" s="166">
        <v>0</v>
      </c>
      <c r="AM720" s="166">
        <v>0</v>
      </c>
      <c r="AN720" s="166">
        <v>0</v>
      </c>
      <c r="AO720" s="166">
        <v>0</v>
      </c>
      <c r="AP720" s="166">
        <v>0</v>
      </c>
      <c r="AQ720" s="166">
        <v>0</v>
      </c>
      <c r="AR720" s="166">
        <v>0</v>
      </c>
      <c r="AS720" s="166">
        <v>0</v>
      </c>
      <c r="AT720" s="166">
        <v>0</v>
      </c>
      <c r="AU720" s="166">
        <v>0</v>
      </c>
      <c r="AV720" s="166">
        <v>0</v>
      </c>
      <c r="AW720" s="166">
        <v>0</v>
      </c>
      <c r="AX720" s="166">
        <v>0</v>
      </c>
      <c r="AY720" s="166">
        <v>0</v>
      </c>
      <c r="AZ720" s="166">
        <v>0</v>
      </c>
      <c r="BA720" s="166">
        <v>0</v>
      </c>
      <c r="BB720" s="166">
        <v>0</v>
      </c>
      <c r="BC720" s="166">
        <v>0</v>
      </c>
      <c r="BD720" s="166">
        <v>0</v>
      </c>
      <c r="BE720" s="166">
        <v>0</v>
      </c>
      <c r="BF720" s="166">
        <v>0</v>
      </c>
      <c r="BG720" s="166">
        <v>0</v>
      </c>
      <c r="BH720" s="166">
        <v>0</v>
      </c>
      <c r="BI720" s="166">
        <v>0</v>
      </c>
      <c r="BJ720" s="166">
        <v>0</v>
      </c>
      <c r="BK720" s="166">
        <v>0</v>
      </c>
      <c r="BL720" s="166">
        <v>0</v>
      </c>
      <c r="BM720" s="166">
        <v>0</v>
      </c>
      <c r="BN720" s="166">
        <v>0</v>
      </c>
      <c r="BO720" s="166">
        <v>0</v>
      </c>
      <c r="BP720" s="166">
        <v>0</v>
      </c>
      <c r="BQ720" s="166">
        <v>0</v>
      </c>
      <c r="BR720" s="166">
        <v>2318.0949888270802</v>
      </c>
      <c r="BS720" s="166">
        <v>2318.0949888270802</v>
      </c>
      <c r="BT720" s="168">
        <v>0.92637230841245999</v>
      </c>
      <c r="BU720" s="166">
        <v>57.494186473750403</v>
      </c>
      <c r="BV720" s="166">
        <v>2147.4190059191001</v>
      </c>
      <c r="BW720" s="166">
        <v>0</v>
      </c>
      <c r="BX720" s="166">
        <v>0</v>
      </c>
      <c r="BY720" s="166">
        <v>0</v>
      </c>
      <c r="BZ720" s="166">
        <v>0</v>
      </c>
      <c r="CA720" s="166">
        <v>0</v>
      </c>
      <c r="CB720" s="166">
        <v>0</v>
      </c>
      <c r="CC720" s="166">
        <v>0</v>
      </c>
      <c r="CD720" s="166">
        <v>0</v>
      </c>
      <c r="CE720" s="166">
        <v>0</v>
      </c>
      <c r="CF720" s="166">
        <v>0</v>
      </c>
      <c r="CG720" s="166">
        <v>0</v>
      </c>
      <c r="CH720" s="166">
        <v>0</v>
      </c>
      <c r="CI720" s="166">
        <v>0</v>
      </c>
      <c r="CJ720" s="166">
        <v>0</v>
      </c>
      <c r="CK720" s="166">
        <v>0</v>
      </c>
      <c r="CL720" s="166">
        <v>0</v>
      </c>
      <c r="CM720" s="166">
        <v>0</v>
      </c>
      <c r="CN720" s="166">
        <v>0</v>
      </c>
      <c r="CO720" s="166">
        <v>0</v>
      </c>
      <c r="CP720" s="166">
        <v>0</v>
      </c>
      <c r="CQ720" s="166">
        <v>0</v>
      </c>
      <c r="CR720" s="166">
        <v>0</v>
      </c>
      <c r="CS720" s="166">
        <v>0</v>
      </c>
      <c r="CT720" s="166">
        <v>0</v>
      </c>
      <c r="CU720" s="166">
        <v>0</v>
      </c>
      <c r="CV720" s="166">
        <v>0</v>
      </c>
      <c r="CW720" s="166">
        <v>0</v>
      </c>
      <c r="CX720" s="166">
        <v>0</v>
      </c>
      <c r="CY720" s="166">
        <v>2147.4190059191001</v>
      </c>
      <c r="CZ720" s="166">
        <v>2147.4190059191001</v>
      </c>
    </row>
    <row r="721" spans="1:104" x14ac:dyDescent="0.2">
      <c r="A721" s="167" t="s">
        <v>1096</v>
      </c>
      <c r="B721" s="166">
        <v>16722.3372322707</v>
      </c>
      <c r="C721" s="166">
        <v>16722.3372322707</v>
      </c>
      <c r="D721" s="166">
        <v>0</v>
      </c>
      <c r="E721" s="166">
        <v>0</v>
      </c>
      <c r="F721" s="166">
        <v>0</v>
      </c>
      <c r="G721" s="166">
        <v>0</v>
      </c>
      <c r="H721" s="166">
        <v>0</v>
      </c>
      <c r="I721" s="166">
        <v>0</v>
      </c>
      <c r="J721" s="166">
        <v>0</v>
      </c>
      <c r="K721" s="166">
        <v>0</v>
      </c>
      <c r="L721" s="166">
        <v>0</v>
      </c>
      <c r="M721" s="166">
        <v>0</v>
      </c>
      <c r="N721" s="166">
        <v>0</v>
      </c>
      <c r="O721" s="166">
        <v>0</v>
      </c>
      <c r="P721" s="166">
        <v>0</v>
      </c>
      <c r="Q721" s="166">
        <v>0</v>
      </c>
      <c r="R721" s="166">
        <v>0</v>
      </c>
      <c r="S721" s="166">
        <v>0</v>
      </c>
      <c r="T721" s="166">
        <v>0</v>
      </c>
      <c r="U721" s="166">
        <v>0</v>
      </c>
      <c r="V721" s="166">
        <v>0</v>
      </c>
      <c r="W721" s="166">
        <v>0</v>
      </c>
      <c r="X721" s="166">
        <v>0</v>
      </c>
      <c r="Y721" s="166">
        <v>0</v>
      </c>
      <c r="Z721" s="166">
        <v>0</v>
      </c>
      <c r="AA721" s="166">
        <v>0</v>
      </c>
      <c r="AB721" s="166">
        <v>0</v>
      </c>
      <c r="AC721" s="166">
        <v>0</v>
      </c>
      <c r="AD721" s="166">
        <v>0</v>
      </c>
      <c r="AE721" s="166">
        <v>0</v>
      </c>
      <c r="AF721" s="166">
        <v>0</v>
      </c>
      <c r="AG721" s="166">
        <v>0</v>
      </c>
      <c r="AH721" s="166">
        <v>0</v>
      </c>
      <c r="AI721" s="166">
        <v>0</v>
      </c>
      <c r="AJ721" s="166">
        <v>0</v>
      </c>
      <c r="AK721" s="166">
        <v>0</v>
      </c>
      <c r="AL721" s="166">
        <v>0</v>
      </c>
      <c r="AM721" s="166">
        <v>0</v>
      </c>
      <c r="AN721" s="166">
        <v>0</v>
      </c>
      <c r="AO721" s="166">
        <v>0</v>
      </c>
      <c r="AP721" s="166">
        <v>0</v>
      </c>
      <c r="AQ721" s="166">
        <v>0</v>
      </c>
      <c r="AR721" s="166">
        <v>0</v>
      </c>
      <c r="AS721" s="166">
        <v>0</v>
      </c>
      <c r="AT721" s="166">
        <v>0</v>
      </c>
      <c r="AU721" s="166">
        <v>0</v>
      </c>
      <c r="AV721" s="166">
        <v>0</v>
      </c>
      <c r="AW721" s="166">
        <v>0</v>
      </c>
      <c r="AX721" s="166">
        <v>0</v>
      </c>
      <c r="AY721" s="166">
        <v>0</v>
      </c>
      <c r="AZ721" s="166">
        <v>0</v>
      </c>
      <c r="BA721" s="166">
        <v>0</v>
      </c>
      <c r="BB721" s="166">
        <v>0</v>
      </c>
      <c r="BC721" s="166">
        <v>0</v>
      </c>
      <c r="BD721" s="166">
        <v>0</v>
      </c>
      <c r="BE721" s="166">
        <v>0</v>
      </c>
      <c r="BF721" s="166">
        <v>0</v>
      </c>
      <c r="BG721" s="166">
        <v>0</v>
      </c>
      <c r="BH721" s="166">
        <v>0</v>
      </c>
      <c r="BI721" s="166">
        <v>0</v>
      </c>
      <c r="BJ721" s="166">
        <v>0</v>
      </c>
      <c r="BK721" s="166">
        <v>0</v>
      </c>
      <c r="BL721" s="166">
        <v>0</v>
      </c>
      <c r="BM721" s="166">
        <v>0</v>
      </c>
      <c r="BN721" s="166">
        <v>0</v>
      </c>
      <c r="BO721" s="166">
        <v>0</v>
      </c>
      <c r="BP721" s="166">
        <v>0</v>
      </c>
      <c r="BQ721" s="166">
        <v>0</v>
      </c>
      <c r="BR721" s="166">
        <v>16722.3372322707</v>
      </c>
      <c r="BS721" s="166">
        <v>16722.3372322707</v>
      </c>
      <c r="BT721" s="168">
        <v>0.95109934560116105</v>
      </c>
      <c r="BU721" s="166">
        <v>425.82386835657701</v>
      </c>
      <c r="BV721" s="166">
        <v>15904.6039985346</v>
      </c>
      <c r="BW721" s="166">
        <v>0</v>
      </c>
      <c r="BX721" s="166">
        <v>0</v>
      </c>
      <c r="BY721" s="166">
        <v>0</v>
      </c>
      <c r="BZ721" s="166">
        <v>0</v>
      </c>
      <c r="CA721" s="166">
        <v>0</v>
      </c>
      <c r="CB721" s="166">
        <v>0</v>
      </c>
      <c r="CC721" s="166">
        <v>0</v>
      </c>
      <c r="CD721" s="166">
        <v>0</v>
      </c>
      <c r="CE721" s="166">
        <v>0</v>
      </c>
      <c r="CF721" s="166">
        <v>0</v>
      </c>
      <c r="CG721" s="166">
        <v>0</v>
      </c>
      <c r="CH721" s="166">
        <v>0</v>
      </c>
      <c r="CI721" s="166">
        <v>0</v>
      </c>
      <c r="CJ721" s="166">
        <v>0</v>
      </c>
      <c r="CK721" s="166">
        <v>0</v>
      </c>
      <c r="CL721" s="166">
        <v>0</v>
      </c>
      <c r="CM721" s="166">
        <v>0</v>
      </c>
      <c r="CN721" s="166">
        <v>0</v>
      </c>
      <c r="CO721" s="166">
        <v>0</v>
      </c>
      <c r="CP721" s="166">
        <v>0</v>
      </c>
      <c r="CQ721" s="166">
        <v>0</v>
      </c>
      <c r="CR721" s="166">
        <v>0</v>
      </c>
      <c r="CS721" s="166">
        <v>0</v>
      </c>
      <c r="CT721" s="166">
        <v>0</v>
      </c>
      <c r="CU721" s="166">
        <v>0</v>
      </c>
      <c r="CV721" s="166">
        <v>0</v>
      </c>
      <c r="CW721" s="166">
        <v>0</v>
      </c>
      <c r="CX721" s="166">
        <v>0</v>
      </c>
      <c r="CY721" s="166">
        <v>15904.6039985346</v>
      </c>
      <c r="CZ721" s="166">
        <v>15904.6039985346</v>
      </c>
    </row>
    <row r="722" spans="1:104" x14ac:dyDescent="0.2">
      <c r="A722" s="167" t="s">
        <v>253</v>
      </c>
      <c r="B722" s="166">
        <v>53494.672710000901</v>
      </c>
      <c r="C722" s="166">
        <v>53494.672710000901</v>
      </c>
      <c r="D722" s="166">
        <v>0</v>
      </c>
      <c r="E722" s="166">
        <v>0</v>
      </c>
      <c r="F722" s="166">
        <v>0</v>
      </c>
      <c r="G722" s="166">
        <v>0</v>
      </c>
      <c r="H722" s="166">
        <v>0</v>
      </c>
      <c r="I722" s="166">
        <v>0</v>
      </c>
      <c r="J722" s="166">
        <v>0</v>
      </c>
      <c r="K722" s="166">
        <v>0</v>
      </c>
      <c r="L722" s="166">
        <v>0</v>
      </c>
      <c r="M722" s="166">
        <v>0</v>
      </c>
      <c r="N722" s="166">
        <v>0</v>
      </c>
      <c r="O722" s="166">
        <v>0</v>
      </c>
      <c r="P722" s="166">
        <v>0</v>
      </c>
      <c r="Q722" s="166">
        <v>0</v>
      </c>
      <c r="R722" s="166">
        <v>0</v>
      </c>
      <c r="S722" s="166">
        <v>0</v>
      </c>
      <c r="T722" s="166">
        <v>0</v>
      </c>
      <c r="U722" s="166">
        <v>0</v>
      </c>
      <c r="V722" s="166">
        <v>0</v>
      </c>
      <c r="W722" s="166">
        <v>0</v>
      </c>
      <c r="X722" s="166">
        <v>0</v>
      </c>
      <c r="Y722" s="166">
        <v>0</v>
      </c>
      <c r="Z722" s="166">
        <v>0</v>
      </c>
      <c r="AA722" s="166">
        <v>0</v>
      </c>
      <c r="AB722" s="166">
        <v>0</v>
      </c>
      <c r="AC722" s="166">
        <v>0</v>
      </c>
      <c r="AD722" s="166">
        <v>0</v>
      </c>
      <c r="AE722" s="166">
        <v>0</v>
      </c>
      <c r="AF722" s="166">
        <v>0</v>
      </c>
      <c r="AG722" s="166">
        <v>0</v>
      </c>
      <c r="AH722" s="166">
        <v>0</v>
      </c>
      <c r="AI722" s="166">
        <v>0</v>
      </c>
      <c r="AJ722" s="166">
        <v>0</v>
      </c>
      <c r="AK722" s="166">
        <v>0</v>
      </c>
      <c r="AL722" s="166">
        <v>0</v>
      </c>
      <c r="AM722" s="166">
        <v>0</v>
      </c>
      <c r="AN722" s="166">
        <v>0</v>
      </c>
      <c r="AO722" s="166">
        <v>0</v>
      </c>
      <c r="AP722" s="166">
        <v>0</v>
      </c>
      <c r="AQ722" s="166">
        <v>0</v>
      </c>
      <c r="AR722" s="166">
        <v>0</v>
      </c>
      <c r="AS722" s="166">
        <v>0</v>
      </c>
      <c r="AT722" s="166">
        <v>0</v>
      </c>
      <c r="AU722" s="166">
        <v>0</v>
      </c>
      <c r="AV722" s="166">
        <v>0</v>
      </c>
      <c r="AW722" s="166">
        <v>0</v>
      </c>
      <c r="AX722" s="166">
        <v>0</v>
      </c>
      <c r="AY722" s="166">
        <v>0</v>
      </c>
      <c r="AZ722" s="166">
        <v>0</v>
      </c>
      <c r="BA722" s="166">
        <v>0</v>
      </c>
      <c r="BB722" s="166">
        <v>0</v>
      </c>
      <c r="BC722" s="166">
        <v>0</v>
      </c>
      <c r="BD722" s="166">
        <v>0</v>
      </c>
      <c r="BE722" s="166">
        <v>0</v>
      </c>
      <c r="BF722" s="166">
        <v>0</v>
      </c>
      <c r="BG722" s="166">
        <v>0</v>
      </c>
      <c r="BH722" s="166">
        <v>0</v>
      </c>
      <c r="BI722" s="166">
        <v>0</v>
      </c>
      <c r="BJ722" s="166">
        <v>0</v>
      </c>
      <c r="BK722" s="166">
        <v>0</v>
      </c>
      <c r="BL722" s="166">
        <v>0</v>
      </c>
      <c r="BM722" s="166">
        <v>0</v>
      </c>
      <c r="BN722" s="166">
        <v>0</v>
      </c>
      <c r="BO722" s="166">
        <v>0</v>
      </c>
      <c r="BP722" s="166">
        <v>0</v>
      </c>
      <c r="BQ722" s="166">
        <v>0</v>
      </c>
      <c r="BR722" s="166">
        <v>53494.672710000901</v>
      </c>
      <c r="BS722" s="166">
        <v>53494.672710000901</v>
      </c>
      <c r="BT722" s="168">
        <v>0.97403133392564201</v>
      </c>
      <c r="BU722" s="166">
        <v>1395.0526663114499</v>
      </c>
      <c r="BV722" s="166">
        <v>52105.487417637902</v>
      </c>
      <c r="BW722" s="166">
        <v>0</v>
      </c>
      <c r="BX722" s="166">
        <v>0</v>
      </c>
      <c r="BY722" s="166">
        <v>0</v>
      </c>
      <c r="BZ722" s="166">
        <v>0</v>
      </c>
      <c r="CA722" s="166">
        <v>0</v>
      </c>
      <c r="CB722" s="166">
        <v>0</v>
      </c>
      <c r="CC722" s="166">
        <v>0</v>
      </c>
      <c r="CD722" s="166">
        <v>0</v>
      </c>
      <c r="CE722" s="166">
        <v>0</v>
      </c>
      <c r="CF722" s="166">
        <v>0</v>
      </c>
      <c r="CG722" s="166">
        <v>0</v>
      </c>
      <c r="CH722" s="166">
        <v>0</v>
      </c>
      <c r="CI722" s="166">
        <v>0</v>
      </c>
      <c r="CJ722" s="166">
        <v>0</v>
      </c>
      <c r="CK722" s="166">
        <v>0</v>
      </c>
      <c r="CL722" s="166">
        <v>0</v>
      </c>
      <c r="CM722" s="166">
        <v>0</v>
      </c>
      <c r="CN722" s="166">
        <v>0</v>
      </c>
      <c r="CO722" s="166">
        <v>0</v>
      </c>
      <c r="CP722" s="166">
        <v>0</v>
      </c>
      <c r="CQ722" s="166">
        <v>0</v>
      </c>
      <c r="CR722" s="166">
        <v>0</v>
      </c>
      <c r="CS722" s="166">
        <v>0</v>
      </c>
      <c r="CT722" s="166">
        <v>0</v>
      </c>
      <c r="CU722" s="166">
        <v>0</v>
      </c>
      <c r="CV722" s="166">
        <v>0</v>
      </c>
      <c r="CW722" s="166">
        <v>0</v>
      </c>
      <c r="CX722" s="166">
        <v>0</v>
      </c>
      <c r="CY722" s="166">
        <v>52105.487417637902</v>
      </c>
      <c r="CZ722" s="166">
        <v>52105.487417637902</v>
      </c>
    </row>
    <row r="723" spans="1:104" x14ac:dyDescent="0.2">
      <c r="A723" s="167" t="s">
        <v>254</v>
      </c>
      <c r="B723" s="166">
        <v>41996.551202615097</v>
      </c>
      <c r="C723" s="166">
        <v>41996.551202615097</v>
      </c>
      <c r="D723" s="166">
        <v>0</v>
      </c>
      <c r="E723" s="166">
        <v>0</v>
      </c>
      <c r="F723" s="166">
        <v>0</v>
      </c>
      <c r="G723" s="166">
        <v>0</v>
      </c>
      <c r="H723" s="166">
        <v>0</v>
      </c>
      <c r="I723" s="166">
        <v>0</v>
      </c>
      <c r="J723" s="166">
        <v>0</v>
      </c>
      <c r="K723" s="166">
        <v>0</v>
      </c>
      <c r="L723" s="166">
        <v>0</v>
      </c>
      <c r="M723" s="166">
        <v>0</v>
      </c>
      <c r="N723" s="166">
        <v>0</v>
      </c>
      <c r="O723" s="166">
        <v>0</v>
      </c>
      <c r="P723" s="166">
        <v>0</v>
      </c>
      <c r="Q723" s="166">
        <v>0</v>
      </c>
      <c r="R723" s="166">
        <v>0</v>
      </c>
      <c r="S723" s="166">
        <v>0</v>
      </c>
      <c r="T723" s="166">
        <v>0</v>
      </c>
      <c r="U723" s="166">
        <v>0</v>
      </c>
      <c r="V723" s="166">
        <v>0</v>
      </c>
      <c r="W723" s="166">
        <v>0</v>
      </c>
      <c r="X723" s="166">
        <v>0</v>
      </c>
      <c r="Y723" s="166">
        <v>0</v>
      </c>
      <c r="Z723" s="166">
        <v>0</v>
      </c>
      <c r="AA723" s="166">
        <v>0</v>
      </c>
      <c r="AB723" s="166">
        <v>0</v>
      </c>
      <c r="AC723" s="166">
        <v>0</v>
      </c>
      <c r="AD723" s="166">
        <v>0</v>
      </c>
      <c r="AE723" s="166">
        <v>0</v>
      </c>
      <c r="AF723" s="166">
        <v>0</v>
      </c>
      <c r="AG723" s="166">
        <v>0</v>
      </c>
      <c r="AH723" s="166">
        <v>0</v>
      </c>
      <c r="AI723" s="166">
        <v>0</v>
      </c>
      <c r="AJ723" s="166">
        <v>0</v>
      </c>
      <c r="AK723" s="166">
        <v>0</v>
      </c>
      <c r="AL723" s="166">
        <v>0</v>
      </c>
      <c r="AM723" s="166">
        <v>0</v>
      </c>
      <c r="AN723" s="166">
        <v>0</v>
      </c>
      <c r="AO723" s="166">
        <v>0</v>
      </c>
      <c r="AP723" s="166">
        <v>0</v>
      </c>
      <c r="AQ723" s="166">
        <v>0</v>
      </c>
      <c r="AR723" s="166">
        <v>0</v>
      </c>
      <c r="AS723" s="166">
        <v>0</v>
      </c>
      <c r="AT723" s="166">
        <v>0</v>
      </c>
      <c r="AU723" s="166">
        <v>0</v>
      </c>
      <c r="AV723" s="166">
        <v>0</v>
      </c>
      <c r="AW723" s="166">
        <v>0</v>
      </c>
      <c r="AX723" s="166">
        <v>0</v>
      </c>
      <c r="AY723" s="166">
        <v>0</v>
      </c>
      <c r="AZ723" s="166">
        <v>0</v>
      </c>
      <c r="BA723" s="166">
        <v>0</v>
      </c>
      <c r="BB723" s="166">
        <v>0</v>
      </c>
      <c r="BC723" s="166">
        <v>0</v>
      </c>
      <c r="BD723" s="166">
        <v>0</v>
      </c>
      <c r="BE723" s="166">
        <v>0</v>
      </c>
      <c r="BF723" s="166">
        <v>0</v>
      </c>
      <c r="BG723" s="166">
        <v>0</v>
      </c>
      <c r="BH723" s="166">
        <v>0</v>
      </c>
      <c r="BI723" s="166">
        <v>0</v>
      </c>
      <c r="BJ723" s="166">
        <v>0</v>
      </c>
      <c r="BK723" s="166">
        <v>0</v>
      </c>
      <c r="BL723" s="166">
        <v>0</v>
      </c>
      <c r="BM723" s="166">
        <v>0</v>
      </c>
      <c r="BN723" s="166">
        <v>0</v>
      </c>
      <c r="BO723" s="166">
        <v>0</v>
      </c>
      <c r="BP723" s="166">
        <v>0</v>
      </c>
      <c r="BQ723" s="166">
        <v>0</v>
      </c>
      <c r="BR723" s="166">
        <v>41996.551202615097</v>
      </c>
      <c r="BS723" s="166">
        <v>41996.551202615097</v>
      </c>
      <c r="BT723" s="166">
        <v>1000</v>
      </c>
      <c r="BU723" s="166">
        <v>1124.3998211071601</v>
      </c>
      <c r="BV723" s="166">
        <v>41996.551202615097</v>
      </c>
      <c r="BW723" s="166">
        <v>0</v>
      </c>
      <c r="BX723" s="166">
        <v>0</v>
      </c>
      <c r="BY723" s="166">
        <v>0</v>
      </c>
      <c r="BZ723" s="166">
        <v>0</v>
      </c>
      <c r="CA723" s="166">
        <v>0</v>
      </c>
      <c r="CB723" s="166">
        <v>0</v>
      </c>
      <c r="CC723" s="166">
        <v>0</v>
      </c>
      <c r="CD723" s="166">
        <v>0</v>
      </c>
      <c r="CE723" s="166">
        <v>0</v>
      </c>
      <c r="CF723" s="166">
        <v>0</v>
      </c>
      <c r="CG723" s="166">
        <v>0</v>
      </c>
      <c r="CH723" s="166">
        <v>0</v>
      </c>
      <c r="CI723" s="166">
        <v>0</v>
      </c>
      <c r="CJ723" s="166">
        <v>0</v>
      </c>
      <c r="CK723" s="166">
        <v>0</v>
      </c>
      <c r="CL723" s="166">
        <v>0</v>
      </c>
      <c r="CM723" s="166">
        <v>0</v>
      </c>
      <c r="CN723" s="166">
        <v>0</v>
      </c>
      <c r="CO723" s="166">
        <v>0</v>
      </c>
      <c r="CP723" s="166">
        <v>0</v>
      </c>
      <c r="CQ723" s="166">
        <v>0</v>
      </c>
      <c r="CR723" s="166">
        <v>0</v>
      </c>
      <c r="CS723" s="166">
        <v>0</v>
      </c>
      <c r="CT723" s="166">
        <v>0</v>
      </c>
      <c r="CU723" s="166">
        <v>0</v>
      </c>
      <c r="CV723" s="166">
        <v>0</v>
      </c>
      <c r="CW723" s="166">
        <v>0</v>
      </c>
      <c r="CX723" s="166">
        <v>0</v>
      </c>
      <c r="CY723" s="166">
        <v>41996.551202615097</v>
      </c>
      <c r="CZ723" s="166">
        <v>41996.551202615097</v>
      </c>
    </row>
    <row r="724" spans="1:104" x14ac:dyDescent="0.2">
      <c r="A724" s="167" t="s">
        <v>1097</v>
      </c>
      <c r="B724" s="166">
        <v>5272685.4103224399</v>
      </c>
      <c r="C724" s="166">
        <v>5272685.4103224399</v>
      </c>
      <c r="D724" s="166">
        <v>0</v>
      </c>
      <c r="E724" s="166">
        <v>0</v>
      </c>
      <c r="F724" s="166">
        <v>0</v>
      </c>
      <c r="G724" s="166">
        <v>0</v>
      </c>
      <c r="H724" s="166">
        <v>0</v>
      </c>
      <c r="I724" s="166">
        <v>0</v>
      </c>
      <c r="J724" s="166">
        <v>0</v>
      </c>
      <c r="K724" s="166">
        <v>0</v>
      </c>
      <c r="L724" s="166">
        <v>0</v>
      </c>
      <c r="M724" s="166">
        <v>0</v>
      </c>
      <c r="N724" s="166">
        <v>0</v>
      </c>
      <c r="O724" s="166">
        <v>0</v>
      </c>
      <c r="P724" s="166">
        <v>0</v>
      </c>
      <c r="Q724" s="166">
        <v>0</v>
      </c>
      <c r="R724" s="166">
        <v>0</v>
      </c>
      <c r="S724" s="166">
        <v>0</v>
      </c>
      <c r="T724" s="166">
        <v>0</v>
      </c>
      <c r="U724" s="166">
        <v>0</v>
      </c>
      <c r="V724" s="166">
        <v>0</v>
      </c>
      <c r="W724" s="166">
        <v>0</v>
      </c>
      <c r="X724" s="166">
        <v>0</v>
      </c>
      <c r="Y724" s="166">
        <v>0</v>
      </c>
      <c r="Z724" s="166">
        <v>0</v>
      </c>
      <c r="AA724" s="166">
        <v>0</v>
      </c>
      <c r="AB724" s="166">
        <v>0</v>
      </c>
      <c r="AC724" s="166">
        <v>0</v>
      </c>
      <c r="AD724" s="166">
        <v>0</v>
      </c>
      <c r="AE724" s="166">
        <v>0</v>
      </c>
      <c r="AF724" s="166">
        <v>0</v>
      </c>
      <c r="AG724" s="166">
        <v>0</v>
      </c>
      <c r="AH724" s="166">
        <v>0</v>
      </c>
      <c r="AI724" s="166">
        <v>0</v>
      </c>
      <c r="AJ724" s="166">
        <v>0</v>
      </c>
      <c r="AK724" s="166">
        <v>0</v>
      </c>
      <c r="AL724" s="166">
        <v>0</v>
      </c>
      <c r="AM724" s="166">
        <v>0</v>
      </c>
      <c r="AN724" s="166">
        <v>0</v>
      </c>
      <c r="AO724" s="166">
        <v>0</v>
      </c>
      <c r="AP724" s="166">
        <v>0</v>
      </c>
      <c r="AQ724" s="166">
        <v>0</v>
      </c>
      <c r="AR724" s="166">
        <v>0</v>
      </c>
      <c r="AS724" s="166">
        <v>0</v>
      </c>
      <c r="AT724" s="166">
        <v>0</v>
      </c>
      <c r="AU724" s="166">
        <v>0</v>
      </c>
      <c r="AV724" s="166">
        <v>0</v>
      </c>
      <c r="AW724" s="166">
        <v>0</v>
      </c>
      <c r="AX724" s="166">
        <v>0</v>
      </c>
      <c r="AY724" s="166">
        <v>0</v>
      </c>
      <c r="AZ724" s="166">
        <v>0</v>
      </c>
      <c r="BA724" s="166">
        <v>0</v>
      </c>
      <c r="BB724" s="166">
        <v>0</v>
      </c>
      <c r="BC724" s="166">
        <v>0</v>
      </c>
      <c r="BD724" s="166">
        <v>0</v>
      </c>
      <c r="BE724" s="166">
        <v>0</v>
      </c>
      <c r="BF724" s="166">
        <v>0</v>
      </c>
      <c r="BG724" s="166">
        <v>0</v>
      </c>
      <c r="BH724" s="166">
        <v>0</v>
      </c>
      <c r="BI724" s="166">
        <v>0</v>
      </c>
      <c r="BJ724" s="166">
        <v>0</v>
      </c>
      <c r="BK724" s="166">
        <v>0</v>
      </c>
      <c r="BL724" s="166">
        <v>0</v>
      </c>
      <c r="BM724" s="166">
        <v>0</v>
      </c>
      <c r="BN724" s="166">
        <v>0</v>
      </c>
      <c r="BO724" s="166">
        <v>0</v>
      </c>
      <c r="BP724" s="166">
        <v>0</v>
      </c>
      <c r="BQ724" s="166">
        <v>0</v>
      </c>
      <c r="BR724" s="166">
        <v>5272685.4103224399</v>
      </c>
      <c r="BS724" s="166">
        <v>5272685.4103224399</v>
      </c>
      <c r="BT724" s="168">
        <v>0.72041766170058497</v>
      </c>
      <c r="BU724" s="166">
        <v>109007.76227138699</v>
      </c>
      <c r="BV724" s="166">
        <v>3798535.6941872798</v>
      </c>
      <c r="BW724" s="166">
        <v>0</v>
      </c>
      <c r="BX724" s="166">
        <v>0</v>
      </c>
      <c r="BY724" s="166">
        <v>0</v>
      </c>
      <c r="BZ724" s="166">
        <v>0</v>
      </c>
      <c r="CA724" s="166">
        <v>0</v>
      </c>
      <c r="CB724" s="166">
        <v>0</v>
      </c>
      <c r="CC724" s="166">
        <v>0</v>
      </c>
      <c r="CD724" s="166">
        <v>0</v>
      </c>
      <c r="CE724" s="166">
        <v>0</v>
      </c>
      <c r="CF724" s="166">
        <v>0</v>
      </c>
      <c r="CG724" s="166">
        <v>0</v>
      </c>
      <c r="CH724" s="166">
        <v>0</v>
      </c>
      <c r="CI724" s="166">
        <v>0</v>
      </c>
      <c r="CJ724" s="166">
        <v>0</v>
      </c>
      <c r="CK724" s="166">
        <v>0</v>
      </c>
      <c r="CL724" s="166">
        <v>0</v>
      </c>
      <c r="CM724" s="166">
        <v>0</v>
      </c>
      <c r="CN724" s="166">
        <v>0</v>
      </c>
      <c r="CO724" s="166">
        <v>0</v>
      </c>
      <c r="CP724" s="166">
        <v>0</v>
      </c>
      <c r="CQ724" s="166">
        <v>0</v>
      </c>
      <c r="CR724" s="166">
        <v>0</v>
      </c>
      <c r="CS724" s="166">
        <v>0</v>
      </c>
      <c r="CT724" s="166">
        <v>0</v>
      </c>
      <c r="CU724" s="166">
        <v>0</v>
      </c>
      <c r="CV724" s="166">
        <v>0</v>
      </c>
      <c r="CW724" s="166">
        <v>0</v>
      </c>
      <c r="CX724" s="166">
        <v>0</v>
      </c>
      <c r="CY724" s="166">
        <v>3798535.6941872798</v>
      </c>
      <c r="CZ724" s="166">
        <v>3798535.6941872798</v>
      </c>
    </row>
    <row r="725" spans="1:104" x14ac:dyDescent="0.2">
      <c r="A725" s="167" t="s">
        <v>1098</v>
      </c>
      <c r="B725" s="166">
        <v>5460536.1200000001</v>
      </c>
      <c r="C725" s="166">
        <v>5460536.1200000001</v>
      </c>
      <c r="D725" s="166">
        <v>0</v>
      </c>
      <c r="E725" s="166">
        <v>0</v>
      </c>
      <c r="F725" s="166">
        <v>0</v>
      </c>
      <c r="G725" s="166">
        <v>0</v>
      </c>
      <c r="H725" s="166">
        <v>0</v>
      </c>
      <c r="I725" s="166">
        <v>0</v>
      </c>
      <c r="J725" s="166">
        <v>0</v>
      </c>
      <c r="K725" s="166">
        <v>0</v>
      </c>
      <c r="L725" s="166">
        <v>0</v>
      </c>
      <c r="M725" s="166">
        <v>0</v>
      </c>
      <c r="N725" s="166">
        <v>0</v>
      </c>
      <c r="O725" s="166">
        <v>0</v>
      </c>
      <c r="P725" s="166">
        <v>0</v>
      </c>
      <c r="Q725" s="166">
        <v>0</v>
      </c>
      <c r="R725" s="166">
        <v>0</v>
      </c>
      <c r="S725" s="166">
        <v>0</v>
      </c>
      <c r="T725" s="166">
        <v>0</v>
      </c>
      <c r="U725" s="166">
        <v>0</v>
      </c>
      <c r="V725" s="166">
        <v>0</v>
      </c>
      <c r="W725" s="166">
        <v>0</v>
      </c>
      <c r="X725" s="166">
        <v>0</v>
      </c>
      <c r="Y725" s="166">
        <v>0</v>
      </c>
      <c r="Z725" s="166">
        <v>0</v>
      </c>
      <c r="AA725" s="166">
        <v>0</v>
      </c>
      <c r="AB725" s="166">
        <v>0</v>
      </c>
      <c r="AC725" s="166">
        <v>0</v>
      </c>
      <c r="AD725" s="166">
        <v>0</v>
      </c>
      <c r="AE725" s="166">
        <v>0</v>
      </c>
      <c r="AF725" s="166">
        <v>0</v>
      </c>
      <c r="AG725" s="166">
        <v>0</v>
      </c>
      <c r="AH725" s="166">
        <v>0</v>
      </c>
      <c r="AI725" s="166">
        <v>0</v>
      </c>
      <c r="AJ725" s="166">
        <v>0</v>
      </c>
      <c r="AK725" s="166">
        <v>0</v>
      </c>
      <c r="AL725" s="166">
        <v>0</v>
      </c>
      <c r="AM725" s="166">
        <v>0</v>
      </c>
      <c r="AN725" s="166">
        <v>0</v>
      </c>
      <c r="AO725" s="166">
        <v>0</v>
      </c>
      <c r="AP725" s="166">
        <v>0</v>
      </c>
      <c r="AQ725" s="166">
        <v>0</v>
      </c>
      <c r="AR725" s="166">
        <v>0</v>
      </c>
      <c r="AS725" s="166">
        <v>0</v>
      </c>
      <c r="AT725" s="166">
        <v>0</v>
      </c>
      <c r="AU725" s="166">
        <v>0</v>
      </c>
      <c r="AV725" s="166">
        <v>0</v>
      </c>
      <c r="AW725" s="166">
        <v>0</v>
      </c>
      <c r="AX725" s="166">
        <v>0</v>
      </c>
      <c r="AY725" s="166">
        <v>0</v>
      </c>
      <c r="AZ725" s="166">
        <v>0</v>
      </c>
      <c r="BA725" s="166">
        <v>0</v>
      </c>
      <c r="BB725" s="166">
        <v>0</v>
      </c>
      <c r="BC725" s="166">
        <v>0</v>
      </c>
      <c r="BD725" s="166">
        <v>0</v>
      </c>
      <c r="BE725" s="166">
        <v>0</v>
      </c>
      <c r="BF725" s="166">
        <v>0</v>
      </c>
      <c r="BG725" s="166">
        <v>0</v>
      </c>
      <c r="BH725" s="166">
        <v>0</v>
      </c>
      <c r="BI725" s="166">
        <v>0</v>
      </c>
      <c r="BJ725" s="166">
        <v>0</v>
      </c>
      <c r="BK725" s="166">
        <v>0</v>
      </c>
      <c r="BL725" s="166">
        <v>0</v>
      </c>
      <c r="BM725" s="166">
        <v>0</v>
      </c>
      <c r="BN725" s="166">
        <v>0</v>
      </c>
      <c r="BO725" s="166">
        <v>0</v>
      </c>
      <c r="BP725" s="166">
        <v>0</v>
      </c>
      <c r="BQ725" s="166">
        <v>0</v>
      </c>
      <c r="BR725" s="166">
        <v>5460536.1200000001</v>
      </c>
      <c r="BS725" s="166">
        <v>5460536.1200000001</v>
      </c>
      <c r="BT725" s="168">
        <v>0</v>
      </c>
      <c r="BU725" s="166">
        <v>113922.56995452</v>
      </c>
      <c r="BV725" s="166">
        <v>3982104.7135353</v>
      </c>
      <c r="BW725" s="166">
        <v>0</v>
      </c>
      <c r="BX725" s="166">
        <v>0</v>
      </c>
      <c r="BY725" s="166">
        <v>0</v>
      </c>
      <c r="BZ725" s="166">
        <v>0</v>
      </c>
      <c r="CA725" s="166">
        <v>0</v>
      </c>
      <c r="CB725" s="166">
        <v>0</v>
      </c>
      <c r="CC725" s="166">
        <v>0</v>
      </c>
      <c r="CD725" s="166">
        <v>0</v>
      </c>
      <c r="CE725" s="166">
        <v>0</v>
      </c>
      <c r="CF725" s="166">
        <v>0</v>
      </c>
      <c r="CG725" s="166">
        <v>0</v>
      </c>
      <c r="CH725" s="166">
        <v>0</v>
      </c>
      <c r="CI725" s="166">
        <v>0</v>
      </c>
      <c r="CJ725" s="166">
        <v>0</v>
      </c>
      <c r="CK725" s="166">
        <v>0</v>
      </c>
      <c r="CL725" s="166">
        <v>0</v>
      </c>
      <c r="CM725" s="166">
        <v>0</v>
      </c>
      <c r="CN725" s="166">
        <v>0</v>
      </c>
      <c r="CO725" s="166">
        <v>0</v>
      </c>
      <c r="CP725" s="166">
        <v>0</v>
      </c>
      <c r="CQ725" s="166">
        <v>0</v>
      </c>
      <c r="CR725" s="166">
        <v>0</v>
      </c>
      <c r="CS725" s="166">
        <v>0</v>
      </c>
      <c r="CT725" s="166">
        <v>0</v>
      </c>
      <c r="CU725" s="166">
        <v>0</v>
      </c>
      <c r="CV725" s="166">
        <v>0</v>
      </c>
      <c r="CW725" s="166">
        <v>0</v>
      </c>
      <c r="CX725" s="166">
        <v>0</v>
      </c>
      <c r="CY725" s="166">
        <v>3982104.7135353</v>
      </c>
      <c r="CZ725" s="166">
        <v>3982104.7135353</v>
      </c>
    </row>
    <row r="726" spans="1:104" x14ac:dyDescent="0.2">
      <c r="A726" s="167" t="s">
        <v>257</v>
      </c>
    </row>
    <row r="727" spans="1:104" x14ac:dyDescent="0.2">
      <c r="A727" s="167" t="s">
        <v>1099</v>
      </c>
      <c r="B727" s="166">
        <v>82830.708039825593</v>
      </c>
      <c r="C727" s="166">
        <v>82830.708039825593</v>
      </c>
      <c r="D727" s="166">
        <v>0</v>
      </c>
      <c r="E727" s="166">
        <v>0</v>
      </c>
      <c r="F727" s="166">
        <v>0</v>
      </c>
      <c r="G727" s="166">
        <v>0</v>
      </c>
      <c r="H727" s="166">
        <v>0</v>
      </c>
      <c r="I727" s="166">
        <v>0</v>
      </c>
      <c r="J727" s="166">
        <v>0</v>
      </c>
      <c r="K727" s="166">
        <v>0</v>
      </c>
      <c r="L727" s="166">
        <v>0</v>
      </c>
      <c r="M727" s="166">
        <v>0</v>
      </c>
      <c r="N727" s="166">
        <v>0</v>
      </c>
      <c r="O727" s="166">
        <v>0</v>
      </c>
      <c r="P727" s="166">
        <v>0</v>
      </c>
      <c r="Q727" s="166">
        <v>0</v>
      </c>
      <c r="R727" s="166">
        <v>0</v>
      </c>
      <c r="S727" s="166">
        <v>0</v>
      </c>
      <c r="T727" s="166">
        <v>0</v>
      </c>
      <c r="U727" s="166">
        <v>0</v>
      </c>
      <c r="V727" s="166">
        <v>0</v>
      </c>
      <c r="W727" s="166">
        <v>0</v>
      </c>
      <c r="X727" s="166">
        <v>0</v>
      </c>
      <c r="Y727" s="166">
        <v>0</v>
      </c>
      <c r="Z727" s="166">
        <v>0</v>
      </c>
      <c r="AA727" s="166">
        <v>0</v>
      </c>
      <c r="AB727" s="166">
        <v>0</v>
      </c>
      <c r="AC727" s="166">
        <v>0</v>
      </c>
      <c r="AD727" s="166">
        <v>0</v>
      </c>
      <c r="AE727" s="166">
        <v>0</v>
      </c>
      <c r="AF727" s="166">
        <v>0</v>
      </c>
      <c r="AG727" s="166">
        <v>0</v>
      </c>
      <c r="AH727" s="166">
        <v>0</v>
      </c>
      <c r="AI727" s="166">
        <v>0</v>
      </c>
      <c r="AJ727" s="166">
        <v>0</v>
      </c>
      <c r="AK727" s="166">
        <v>0</v>
      </c>
      <c r="AL727" s="166">
        <v>0</v>
      </c>
      <c r="AM727" s="166">
        <v>0</v>
      </c>
      <c r="AN727" s="166">
        <v>0</v>
      </c>
      <c r="AO727" s="166">
        <v>0</v>
      </c>
      <c r="AP727" s="166">
        <v>0</v>
      </c>
      <c r="AQ727" s="166">
        <v>0</v>
      </c>
      <c r="AR727" s="166">
        <v>0</v>
      </c>
      <c r="AS727" s="166">
        <v>0</v>
      </c>
      <c r="AT727" s="166">
        <v>0</v>
      </c>
      <c r="AU727" s="166">
        <v>0</v>
      </c>
      <c r="AV727" s="166">
        <v>0</v>
      </c>
      <c r="AW727" s="166">
        <v>0</v>
      </c>
      <c r="AX727" s="166">
        <v>0</v>
      </c>
      <c r="AY727" s="166">
        <v>0</v>
      </c>
      <c r="AZ727" s="166">
        <v>0</v>
      </c>
      <c r="BA727" s="166">
        <v>0</v>
      </c>
      <c r="BB727" s="166">
        <v>0</v>
      </c>
      <c r="BC727" s="166">
        <v>0</v>
      </c>
      <c r="BD727" s="166">
        <v>0</v>
      </c>
      <c r="BE727" s="166">
        <v>0</v>
      </c>
      <c r="BF727" s="166">
        <v>0</v>
      </c>
      <c r="BG727" s="166">
        <v>0</v>
      </c>
      <c r="BH727" s="166">
        <v>0</v>
      </c>
      <c r="BI727" s="166">
        <v>0</v>
      </c>
      <c r="BJ727" s="166">
        <v>0</v>
      </c>
      <c r="BK727" s="166">
        <v>0</v>
      </c>
      <c r="BL727" s="166">
        <v>0</v>
      </c>
      <c r="BM727" s="166">
        <v>0</v>
      </c>
      <c r="BN727" s="166">
        <v>0</v>
      </c>
      <c r="BO727" s="166">
        <v>0</v>
      </c>
      <c r="BP727" s="166">
        <v>0</v>
      </c>
      <c r="BQ727" s="166">
        <v>0</v>
      </c>
      <c r="BR727" s="166">
        <v>82830.708039825593</v>
      </c>
      <c r="BS727" s="166">
        <v>82830.708039825593</v>
      </c>
      <c r="BT727" s="168">
        <v>0.97402999999999995</v>
      </c>
      <c r="BU727" s="166">
        <v>2995.99049482378</v>
      </c>
      <c r="BV727" s="166">
        <v>80679.594552031296</v>
      </c>
      <c r="BW727" s="166">
        <v>0</v>
      </c>
      <c r="BX727" s="166">
        <v>0</v>
      </c>
      <c r="BY727" s="166">
        <v>0</v>
      </c>
      <c r="BZ727" s="166">
        <v>0</v>
      </c>
      <c r="CA727" s="166">
        <v>0</v>
      </c>
      <c r="CB727" s="166">
        <v>0</v>
      </c>
      <c r="CC727" s="166">
        <v>0</v>
      </c>
      <c r="CD727" s="166">
        <v>0</v>
      </c>
      <c r="CE727" s="166">
        <v>0</v>
      </c>
      <c r="CF727" s="166">
        <v>0</v>
      </c>
      <c r="CG727" s="166">
        <v>0</v>
      </c>
      <c r="CH727" s="166">
        <v>0</v>
      </c>
      <c r="CI727" s="166">
        <v>0</v>
      </c>
      <c r="CJ727" s="166">
        <v>0</v>
      </c>
      <c r="CK727" s="166">
        <v>0</v>
      </c>
      <c r="CL727" s="166">
        <v>0</v>
      </c>
      <c r="CM727" s="166">
        <v>0</v>
      </c>
      <c r="CN727" s="166">
        <v>0</v>
      </c>
      <c r="CO727" s="166">
        <v>0</v>
      </c>
      <c r="CP727" s="166">
        <v>0</v>
      </c>
      <c r="CQ727" s="166">
        <v>0</v>
      </c>
      <c r="CR727" s="166">
        <v>0</v>
      </c>
      <c r="CS727" s="166">
        <v>0</v>
      </c>
      <c r="CT727" s="166">
        <v>0</v>
      </c>
      <c r="CU727" s="166">
        <v>0</v>
      </c>
      <c r="CV727" s="166">
        <v>0</v>
      </c>
      <c r="CW727" s="166">
        <v>0</v>
      </c>
      <c r="CX727" s="166">
        <v>0</v>
      </c>
      <c r="CY727" s="166">
        <v>80679.594552031296</v>
      </c>
      <c r="CZ727" s="166">
        <v>80679.594552031296</v>
      </c>
    </row>
    <row r="728" spans="1:104" x14ac:dyDescent="0.2">
      <c r="A728" s="167" t="s">
        <v>1100</v>
      </c>
      <c r="B728" s="166">
        <v>2618.8206195718899</v>
      </c>
      <c r="C728" s="166">
        <v>2618.8206195718899</v>
      </c>
      <c r="D728" s="166">
        <v>0</v>
      </c>
      <c r="E728" s="166">
        <v>0</v>
      </c>
      <c r="F728" s="166">
        <v>0</v>
      </c>
      <c r="G728" s="166">
        <v>0</v>
      </c>
      <c r="H728" s="166">
        <v>0</v>
      </c>
      <c r="I728" s="166">
        <v>0</v>
      </c>
      <c r="J728" s="166">
        <v>0</v>
      </c>
      <c r="K728" s="166">
        <v>0</v>
      </c>
      <c r="L728" s="166">
        <v>0</v>
      </c>
      <c r="M728" s="166">
        <v>0</v>
      </c>
      <c r="N728" s="166">
        <v>0</v>
      </c>
      <c r="O728" s="166">
        <v>0</v>
      </c>
      <c r="P728" s="166">
        <v>0</v>
      </c>
      <c r="Q728" s="166">
        <v>0</v>
      </c>
      <c r="R728" s="166">
        <v>0</v>
      </c>
      <c r="S728" s="166">
        <v>0</v>
      </c>
      <c r="T728" s="166">
        <v>0</v>
      </c>
      <c r="U728" s="166">
        <v>0</v>
      </c>
      <c r="V728" s="166">
        <v>0</v>
      </c>
      <c r="W728" s="166">
        <v>0</v>
      </c>
      <c r="X728" s="166">
        <v>0</v>
      </c>
      <c r="Y728" s="166">
        <v>0</v>
      </c>
      <c r="Z728" s="166">
        <v>0</v>
      </c>
      <c r="AA728" s="166">
        <v>0</v>
      </c>
      <c r="AB728" s="166">
        <v>0</v>
      </c>
      <c r="AC728" s="166">
        <v>0</v>
      </c>
      <c r="AD728" s="166">
        <v>0</v>
      </c>
      <c r="AE728" s="166">
        <v>0</v>
      </c>
      <c r="AF728" s="166">
        <v>0</v>
      </c>
      <c r="AG728" s="166">
        <v>0</v>
      </c>
      <c r="AH728" s="166">
        <v>0</v>
      </c>
      <c r="AI728" s="166">
        <v>0</v>
      </c>
      <c r="AJ728" s="166">
        <v>0</v>
      </c>
      <c r="AK728" s="166">
        <v>0</v>
      </c>
      <c r="AL728" s="166">
        <v>0</v>
      </c>
      <c r="AM728" s="166">
        <v>0</v>
      </c>
      <c r="AN728" s="166">
        <v>0</v>
      </c>
      <c r="AO728" s="166">
        <v>0</v>
      </c>
      <c r="AP728" s="166">
        <v>0</v>
      </c>
      <c r="AQ728" s="166">
        <v>0</v>
      </c>
      <c r="AR728" s="166">
        <v>0</v>
      </c>
      <c r="AS728" s="166">
        <v>0</v>
      </c>
      <c r="AT728" s="166">
        <v>0</v>
      </c>
      <c r="AU728" s="166">
        <v>0</v>
      </c>
      <c r="AV728" s="166">
        <v>0</v>
      </c>
      <c r="AW728" s="166">
        <v>0</v>
      </c>
      <c r="AX728" s="166">
        <v>0</v>
      </c>
      <c r="AY728" s="166">
        <v>0</v>
      </c>
      <c r="AZ728" s="166">
        <v>0</v>
      </c>
      <c r="BA728" s="166">
        <v>0</v>
      </c>
      <c r="BB728" s="166">
        <v>0</v>
      </c>
      <c r="BC728" s="166">
        <v>0</v>
      </c>
      <c r="BD728" s="166">
        <v>0</v>
      </c>
      <c r="BE728" s="166">
        <v>0</v>
      </c>
      <c r="BF728" s="166">
        <v>0</v>
      </c>
      <c r="BG728" s="166">
        <v>0</v>
      </c>
      <c r="BH728" s="166">
        <v>0</v>
      </c>
      <c r="BI728" s="166">
        <v>0</v>
      </c>
      <c r="BJ728" s="166">
        <v>0</v>
      </c>
      <c r="BK728" s="166">
        <v>0</v>
      </c>
      <c r="BL728" s="166">
        <v>0</v>
      </c>
      <c r="BM728" s="166">
        <v>0</v>
      </c>
      <c r="BN728" s="166">
        <v>0</v>
      </c>
      <c r="BO728" s="166">
        <v>0</v>
      </c>
      <c r="BP728" s="166">
        <v>0</v>
      </c>
      <c r="BQ728" s="166">
        <v>0</v>
      </c>
      <c r="BR728" s="166">
        <v>2618.8206195718899</v>
      </c>
      <c r="BS728" s="166">
        <v>2618.8206195718899</v>
      </c>
      <c r="BT728" s="168">
        <v>0.92637230841245999</v>
      </c>
      <c r="BU728" s="166">
        <v>90.0882271059223</v>
      </c>
      <c r="BV728" s="166">
        <v>2426.0029026709599</v>
      </c>
      <c r="BW728" s="166">
        <v>0</v>
      </c>
      <c r="BX728" s="166">
        <v>0</v>
      </c>
      <c r="BY728" s="166">
        <v>0</v>
      </c>
      <c r="BZ728" s="166">
        <v>0</v>
      </c>
      <c r="CA728" s="166">
        <v>0</v>
      </c>
      <c r="CB728" s="166">
        <v>0</v>
      </c>
      <c r="CC728" s="166">
        <v>0</v>
      </c>
      <c r="CD728" s="166">
        <v>0</v>
      </c>
      <c r="CE728" s="166">
        <v>0</v>
      </c>
      <c r="CF728" s="166">
        <v>0</v>
      </c>
      <c r="CG728" s="166">
        <v>0</v>
      </c>
      <c r="CH728" s="166">
        <v>0</v>
      </c>
      <c r="CI728" s="166">
        <v>0</v>
      </c>
      <c r="CJ728" s="166">
        <v>0</v>
      </c>
      <c r="CK728" s="166">
        <v>0</v>
      </c>
      <c r="CL728" s="166">
        <v>0</v>
      </c>
      <c r="CM728" s="166">
        <v>0</v>
      </c>
      <c r="CN728" s="166">
        <v>0</v>
      </c>
      <c r="CO728" s="166">
        <v>0</v>
      </c>
      <c r="CP728" s="166">
        <v>0</v>
      </c>
      <c r="CQ728" s="166">
        <v>0</v>
      </c>
      <c r="CR728" s="166">
        <v>0</v>
      </c>
      <c r="CS728" s="166">
        <v>0</v>
      </c>
      <c r="CT728" s="166">
        <v>0</v>
      </c>
      <c r="CU728" s="166">
        <v>0</v>
      </c>
      <c r="CV728" s="166">
        <v>0</v>
      </c>
      <c r="CW728" s="166">
        <v>0</v>
      </c>
      <c r="CX728" s="166">
        <v>0</v>
      </c>
      <c r="CY728" s="166">
        <v>2426.0029026709599</v>
      </c>
      <c r="CZ728" s="166">
        <v>2426.0029026709599</v>
      </c>
    </row>
    <row r="729" spans="1:104" x14ac:dyDescent="0.2">
      <c r="A729" s="167" t="s">
        <v>1101</v>
      </c>
      <c r="B729" s="166">
        <v>18891.7200383854</v>
      </c>
      <c r="C729" s="166">
        <v>18891.7200383854</v>
      </c>
      <c r="D729" s="166">
        <v>0</v>
      </c>
      <c r="E729" s="166">
        <v>0</v>
      </c>
      <c r="F729" s="166">
        <v>0</v>
      </c>
      <c r="G729" s="166">
        <v>0</v>
      </c>
      <c r="H729" s="166">
        <v>0</v>
      </c>
      <c r="I729" s="166">
        <v>0</v>
      </c>
      <c r="J729" s="166">
        <v>0</v>
      </c>
      <c r="K729" s="166">
        <v>0</v>
      </c>
      <c r="L729" s="166">
        <v>0</v>
      </c>
      <c r="M729" s="166">
        <v>0</v>
      </c>
      <c r="N729" s="166">
        <v>0</v>
      </c>
      <c r="O729" s="166">
        <v>0</v>
      </c>
      <c r="P729" s="166">
        <v>0</v>
      </c>
      <c r="Q729" s="166">
        <v>0</v>
      </c>
      <c r="R729" s="166">
        <v>0</v>
      </c>
      <c r="S729" s="166">
        <v>0</v>
      </c>
      <c r="T729" s="166">
        <v>0</v>
      </c>
      <c r="U729" s="166">
        <v>0</v>
      </c>
      <c r="V729" s="166">
        <v>0</v>
      </c>
      <c r="W729" s="166">
        <v>0</v>
      </c>
      <c r="X729" s="166">
        <v>0</v>
      </c>
      <c r="Y729" s="166">
        <v>0</v>
      </c>
      <c r="Z729" s="166">
        <v>0</v>
      </c>
      <c r="AA729" s="166">
        <v>0</v>
      </c>
      <c r="AB729" s="166">
        <v>0</v>
      </c>
      <c r="AC729" s="166">
        <v>0</v>
      </c>
      <c r="AD729" s="166">
        <v>0</v>
      </c>
      <c r="AE729" s="166">
        <v>0</v>
      </c>
      <c r="AF729" s="166">
        <v>0</v>
      </c>
      <c r="AG729" s="166">
        <v>0</v>
      </c>
      <c r="AH729" s="166">
        <v>0</v>
      </c>
      <c r="AI729" s="166">
        <v>0</v>
      </c>
      <c r="AJ729" s="166">
        <v>0</v>
      </c>
      <c r="AK729" s="166">
        <v>0</v>
      </c>
      <c r="AL729" s="166">
        <v>0</v>
      </c>
      <c r="AM729" s="166">
        <v>0</v>
      </c>
      <c r="AN729" s="166">
        <v>0</v>
      </c>
      <c r="AO729" s="166">
        <v>0</v>
      </c>
      <c r="AP729" s="166">
        <v>0</v>
      </c>
      <c r="AQ729" s="166">
        <v>0</v>
      </c>
      <c r="AR729" s="166">
        <v>0</v>
      </c>
      <c r="AS729" s="166">
        <v>0</v>
      </c>
      <c r="AT729" s="166">
        <v>0</v>
      </c>
      <c r="AU729" s="166">
        <v>0</v>
      </c>
      <c r="AV729" s="166">
        <v>0</v>
      </c>
      <c r="AW729" s="166">
        <v>0</v>
      </c>
      <c r="AX729" s="166">
        <v>0</v>
      </c>
      <c r="AY729" s="166">
        <v>0</v>
      </c>
      <c r="AZ729" s="166">
        <v>0</v>
      </c>
      <c r="BA729" s="166">
        <v>0</v>
      </c>
      <c r="BB729" s="166">
        <v>0</v>
      </c>
      <c r="BC729" s="166">
        <v>0</v>
      </c>
      <c r="BD729" s="166">
        <v>0</v>
      </c>
      <c r="BE729" s="166">
        <v>0</v>
      </c>
      <c r="BF729" s="166">
        <v>0</v>
      </c>
      <c r="BG729" s="166">
        <v>0</v>
      </c>
      <c r="BH729" s="166">
        <v>0</v>
      </c>
      <c r="BI729" s="166">
        <v>0</v>
      </c>
      <c r="BJ729" s="166">
        <v>0</v>
      </c>
      <c r="BK729" s="166">
        <v>0</v>
      </c>
      <c r="BL729" s="166">
        <v>0</v>
      </c>
      <c r="BM729" s="166">
        <v>0</v>
      </c>
      <c r="BN729" s="166">
        <v>0</v>
      </c>
      <c r="BO729" s="166">
        <v>0</v>
      </c>
      <c r="BP729" s="166">
        <v>0</v>
      </c>
      <c r="BQ729" s="166">
        <v>0</v>
      </c>
      <c r="BR729" s="166">
        <v>18891.7200383854</v>
      </c>
      <c r="BS729" s="166">
        <v>18891.7200383854</v>
      </c>
      <c r="BT729" s="168">
        <v>0.95109934560116105</v>
      </c>
      <c r="BU729" s="166">
        <v>667.22776183891597</v>
      </c>
      <c r="BV729" s="166">
        <v>17967.9025657887</v>
      </c>
      <c r="BW729" s="166">
        <v>0</v>
      </c>
      <c r="BX729" s="166">
        <v>0</v>
      </c>
      <c r="BY729" s="166">
        <v>0</v>
      </c>
      <c r="BZ729" s="166">
        <v>0</v>
      </c>
      <c r="CA729" s="166">
        <v>0</v>
      </c>
      <c r="CB729" s="166">
        <v>0</v>
      </c>
      <c r="CC729" s="166">
        <v>0</v>
      </c>
      <c r="CD729" s="166">
        <v>0</v>
      </c>
      <c r="CE729" s="166">
        <v>0</v>
      </c>
      <c r="CF729" s="166">
        <v>0</v>
      </c>
      <c r="CG729" s="166">
        <v>0</v>
      </c>
      <c r="CH729" s="166">
        <v>0</v>
      </c>
      <c r="CI729" s="166">
        <v>0</v>
      </c>
      <c r="CJ729" s="166">
        <v>0</v>
      </c>
      <c r="CK729" s="166">
        <v>0</v>
      </c>
      <c r="CL729" s="166">
        <v>0</v>
      </c>
      <c r="CM729" s="166">
        <v>0</v>
      </c>
      <c r="CN729" s="166">
        <v>0</v>
      </c>
      <c r="CO729" s="166">
        <v>0</v>
      </c>
      <c r="CP729" s="166">
        <v>0</v>
      </c>
      <c r="CQ729" s="166">
        <v>0</v>
      </c>
      <c r="CR729" s="166">
        <v>0</v>
      </c>
      <c r="CS729" s="166">
        <v>0</v>
      </c>
      <c r="CT729" s="166">
        <v>0</v>
      </c>
      <c r="CU729" s="166">
        <v>0</v>
      </c>
      <c r="CV729" s="166">
        <v>0</v>
      </c>
      <c r="CW729" s="166">
        <v>0</v>
      </c>
      <c r="CX729" s="166">
        <v>0</v>
      </c>
      <c r="CY729" s="166">
        <v>17967.9025657887</v>
      </c>
      <c r="CZ729" s="166">
        <v>17967.9025657887</v>
      </c>
    </row>
    <row r="730" spans="1:104" x14ac:dyDescent="0.2">
      <c r="A730" s="167" t="s">
        <v>261</v>
      </c>
      <c r="B730" s="166">
        <v>60434.517397013602</v>
      </c>
      <c r="C730" s="166">
        <v>60434.517397013602</v>
      </c>
      <c r="D730" s="166">
        <v>0</v>
      </c>
      <c r="E730" s="166">
        <v>0</v>
      </c>
      <c r="F730" s="166">
        <v>0</v>
      </c>
      <c r="G730" s="166">
        <v>0</v>
      </c>
      <c r="H730" s="166">
        <v>0</v>
      </c>
      <c r="I730" s="166">
        <v>0</v>
      </c>
      <c r="J730" s="166">
        <v>0</v>
      </c>
      <c r="K730" s="166">
        <v>0</v>
      </c>
      <c r="L730" s="166">
        <v>0</v>
      </c>
      <c r="M730" s="166">
        <v>0</v>
      </c>
      <c r="N730" s="166">
        <v>0</v>
      </c>
      <c r="O730" s="166">
        <v>0</v>
      </c>
      <c r="P730" s="166">
        <v>0</v>
      </c>
      <c r="Q730" s="166">
        <v>0</v>
      </c>
      <c r="R730" s="166">
        <v>0</v>
      </c>
      <c r="S730" s="166">
        <v>0</v>
      </c>
      <c r="T730" s="166">
        <v>0</v>
      </c>
      <c r="U730" s="166">
        <v>0</v>
      </c>
      <c r="V730" s="166">
        <v>0</v>
      </c>
      <c r="W730" s="166">
        <v>0</v>
      </c>
      <c r="X730" s="166">
        <v>0</v>
      </c>
      <c r="Y730" s="166">
        <v>0</v>
      </c>
      <c r="Z730" s="166">
        <v>0</v>
      </c>
      <c r="AA730" s="166">
        <v>0</v>
      </c>
      <c r="AB730" s="166">
        <v>0</v>
      </c>
      <c r="AC730" s="166">
        <v>0</v>
      </c>
      <c r="AD730" s="166">
        <v>0</v>
      </c>
      <c r="AE730" s="166">
        <v>0</v>
      </c>
      <c r="AF730" s="166">
        <v>0</v>
      </c>
      <c r="AG730" s="166">
        <v>0</v>
      </c>
      <c r="AH730" s="166">
        <v>0</v>
      </c>
      <c r="AI730" s="166">
        <v>0</v>
      </c>
      <c r="AJ730" s="166">
        <v>0</v>
      </c>
      <c r="AK730" s="166">
        <v>0</v>
      </c>
      <c r="AL730" s="166">
        <v>0</v>
      </c>
      <c r="AM730" s="166">
        <v>0</v>
      </c>
      <c r="AN730" s="166">
        <v>0</v>
      </c>
      <c r="AO730" s="166">
        <v>0</v>
      </c>
      <c r="AP730" s="166">
        <v>0</v>
      </c>
      <c r="AQ730" s="166">
        <v>0</v>
      </c>
      <c r="AR730" s="166">
        <v>0</v>
      </c>
      <c r="AS730" s="166">
        <v>0</v>
      </c>
      <c r="AT730" s="166">
        <v>0</v>
      </c>
      <c r="AU730" s="166">
        <v>0</v>
      </c>
      <c r="AV730" s="166">
        <v>0</v>
      </c>
      <c r="AW730" s="166">
        <v>0</v>
      </c>
      <c r="AX730" s="166">
        <v>0</v>
      </c>
      <c r="AY730" s="166">
        <v>0</v>
      </c>
      <c r="AZ730" s="166">
        <v>0</v>
      </c>
      <c r="BA730" s="166">
        <v>0</v>
      </c>
      <c r="BB730" s="166">
        <v>0</v>
      </c>
      <c r="BC730" s="166">
        <v>0</v>
      </c>
      <c r="BD730" s="166">
        <v>0</v>
      </c>
      <c r="BE730" s="166">
        <v>0</v>
      </c>
      <c r="BF730" s="166">
        <v>0</v>
      </c>
      <c r="BG730" s="166">
        <v>0</v>
      </c>
      <c r="BH730" s="166">
        <v>0</v>
      </c>
      <c r="BI730" s="166">
        <v>0</v>
      </c>
      <c r="BJ730" s="166">
        <v>0</v>
      </c>
      <c r="BK730" s="166">
        <v>0</v>
      </c>
      <c r="BL730" s="166">
        <v>0</v>
      </c>
      <c r="BM730" s="166">
        <v>0</v>
      </c>
      <c r="BN730" s="166">
        <v>0</v>
      </c>
      <c r="BO730" s="166">
        <v>0</v>
      </c>
      <c r="BP730" s="166">
        <v>0</v>
      </c>
      <c r="BQ730" s="166">
        <v>0</v>
      </c>
      <c r="BR730" s="166">
        <v>60434.517397013602</v>
      </c>
      <c r="BS730" s="166">
        <v>60434.517397013602</v>
      </c>
      <c r="BT730" s="168">
        <v>0.97403133392564201</v>
      </c>
      <c r="BU730" s="166">
        <v>2185.9222494567798</v>
      </c>
      <c r="BV730" s="166">
        <v>58865.113595365598</v>
      </c>
      <c r="BW730" s="166">
        <v>0</v>
      </c>
      <c r="BX730" s="166">
        <v>0</v>
      </c>
      <c r="BY730" s="166">
        <v>0</v>
      </c>
      <c r="BZ730" s="166">
        <v>0</v>
      </c>
      <c r="CA730" s="166">
        <v>0</v>
      </c>
      <c r="CB730" s="166">
        <v>0</v>
      </c>
      <c r="CC730" s="166">
        <v>0</v>
      </c>
      <c r="CD730" s="166">
        <v>0</v>
      </c>
      <c r="CE730" s="166">
        <v>0</v>
      </c>
      <c r="CF730" s="166">
        <v>0</v>
      </c>
      <c r="CG730" s="166">
        <v>0</v>
      </c>
      <c r="CH730" s="166">
        <v>0</v>
      </c>
      <c r="CI730" s="166">
        <v>0</v>
      </c>
      <c r="CJ730" s="166">
        <v>0</v>
      </c>
      <c r="CK730" s="166">
        <v>0</v>
      </c>
      <c r="CL730" s="166">
        <v>0</v>
      </c>
      <c r="CM730" s="166">
        <v>0</v>
      </c>
      <c r="CN730" s="166">
        <v>0</v>
      </c>
      <c r="CO730" s="166">
        <v>0</v>
      </c>
      <c r="CP730" s="166">
        <v>0</v>
      </c>
      <c r="CQ730" s="166">
        <v>0</v>
      </c>
      <c r="CR730" s="166">
        <v>0</v>
      </c>
      <c r="CS730" s="166">
        <v>0</v>
      </c>
      <c r="CT730" s="166">
        <v>0</v>
      </c>
      <c r="CU730" s="166">
        <v>0</v>
      </c>
      <c r="CV730" s="166">
        <v>0</v>
      </c>
      <c r="CW730" s="166">
        <v>0</v>
      </c>
      <c r="CX730" s="166">
        <v>0</v>
      </c>
      <c r="CY730" s="166">
        <v>58865.113595365598</v>
      </c>
      <c r="CZ730" s="166">
        <v>58865.113595365598</v>
      </c>
    </row>
    <row r="731" spans="1:104" x14ac:dyDescent="0.2">
      <c r="A731" s="167" t="s">
        <v>262</v>
      </c>
      <c r="B731" s="166">
        <v>47444.7487140999</v>
      </c>
      <c r="C731" s="166">
        <v>47444.7487140999</v>
      </c>
      <c r="D731" s="166">
        <v>0</v>
      </c>
      <c r="E731" s="166">
        <v>0</v>
      </c>
      <c r="F731" s="166">
        <v>0</v>
      </c>
      <c r="G731" s="166">
        <v>0</v>
      </c>
      <c r="H731" s="166">
        <v>0</v>
      </c>
      <c r="I731" s="166">
        <v>0</v>
      </c>
      <c r="J731" s="166">
        <v>0</v>
      </c>
      <c r="K731" s="166">
        <v>0</v>
      </c>
      <c r="L731" s="166">
        <v>0</v>
      </c>
      <c r="M731" s="166">
        <v>0</v>
      </c>
      <c r="N731" s="166">
        <v>0</v>
      </c>
      <c r="O731" s="166">
        <v>0</v>
      </c>
      <c r="P731" s="166">
        <v>0</v>
      </c>
      <c r="Q731" s="166">
        <v>0</v>
      </c>
      <c r="R731" s="166">
        <v>0</v>
      </c>
      <c r="S731" s="166">
        <v>0</v>
      </c>
      <c r="T731" s="166">
        <v>0</v>
      </c>
      <c r="U731" s="166">
        <v>0</v>
      </c>
      <c r="V731" s="166">
        <v>0</v>
      </c>
      <c r="W731" s="166">
        <v>0</v>
      </c>
      <c r="X731" s="166">
        <v>0</v>
      </c>
      <c r="Y731" s="166">
        <v>0</v>
      </c>
      <c r="Z731" s="166">
        <v>0</v>
      </c>
      <c r="AA731" s="166">
        <v>0</v>
      </c>
      <c r="AB731" s="166">
        <v>0</v>
      </c>
      <c r="AC731" s="166">
        <v>0</v>
      </c>
      <c r="AD731" s="166">
        <v>0</v>
      </c>
      <c r="AE731" s="166">
        <v>0</v>
      </c>
      <c r="AF731" s="166">
        <v>0</v>
      </c>
      <c r="AG731" s="166">
        <v>0</v>
      </c>
      <c r="AH731" s="166">
        <v>0</v>
      </c>
      <c r="AI731" s="166">
        <v>0</v>
      </c>
      <c r="AJ731" s="166">
        <v>0</v>
      </c>
      <c r="AK731" s="166">
        <v>0</v>
      </c>
      <c r="AL731" s="166">
        <v>0</v>
      </c>
      <c r="AM731" s="166">
        <v>0</v>
      </c>
      <c r="AN731" s="166">
        <v>0</v>
      </c>
      <c r="AO731" s="166">
        <v>0</v>
      </c>
      <c r="AP731" s="166">
        <v>0</v>
      </c>
      <c r="AQ731" s="166">
        <v>0</v>
      </c>
      <c r="AR731" s="166">
        <v>0</v>
      </c>
      <c r="AS731" s="166">
        <v>0</v>
      </c>
      <c r="AT731" s="166">
        <v>0</v>
      </c>
      <c r="AU731" s="166">
        <v>0</v>
      </c>
      <c r="AV731" s="166">
        <v>0</v>
      </c>
      <c r="AW731" s="166">
        <v>0</v>
      </c>
      <c r="AX731" s="166">
        <v>0</v>
      </c>
      <c r="AY731" s="166">
        <v>0</v>
      </c>
      <c r="AZ731" s="166">
        <v>0</v>
      </c>
      <c r="BA731" s="166">
        <v>0</v>
      </c>
      <c r="BB731" s="166">
        <v>0</v>
      </c>
      <c r="BC731" s="166">
        <v>0</v>
      </c>
      <c r="BD731" s="166">
        <v>0</v>
      </c>
      <c r="BE731" s="166">
        <v>0</v>
      </c>
      <c r="BF731" s="166">
        <v>0</v>
      </c>
      <c r="BG731" s="166">
        <v>0</v>
      </c>
      <c r="BH731" s="166">
        <v>0</v>
      </c>
      <c r="BI731" s="166">
        <v>0</v>
      </c>
      <c r="BJ731" s="166">
        <v>0</v>
      </c>
      <c r="BK731" s="166">
        <v>0</v>
      </c>
      <c r="BL731" s="166">
        <v>0</v>
      </c>
      <c r="BM731" s="166">
        <v>0</v>
      </c>
      <c r="BN731" s="166">
        <v>0</v>
      </c>
      <c r="BO731" s="166">
        <v>0</v>
      </c>
      <c r="BP731" s="166">
        <v>0</v>
      </c>
      <c r="BQ731" s="166">
        <v>0</v>
      </c>
      <c r="BR731" s="166">
        <v>47444.7487140999</v>
      </c>
      <c r="BS731" s="166">
        <v>47444.7487140999</v>
      </c>
      <c r="BT731" s="166">
        <v>1000</v>
      </c>
      <c r="BU731" s="166">
        <v>1761.83354621441</v>
      </c>
      <c r="BV731" s="166">
        <v>47444.7487140999</v>
      </c>
      <c r="BW731" s="166">
        <v>0</v>
      </c>
      <c r="BX731" s="166">
        <v>0</v>
      </c>
      <c r="BY731" s="166">
        <v>0</v>
      </c>
      <c r="BZ731" s="166">
        <v>0</v>
      </c>
      <c r="CA731" s="166">
        <v>0</v>
      </c>
      <c r="CB731" s="166">
        <v>0</v>
      </c>
      <c r="CC731" s="166">
        <v>0</v>
      </c>
      <c r="CD731" s="166">
        <v>0</v>
      </c>
      <c r="CE731" s="166">
        <v>0</v>
      </c>
      <c r="CF731" s="166">
        <v>0</v>
      </c>
      <c r="CG731" s="166">
        <v>0</v>
      </c>
      <c r="CH731" s="166">
        <v>0</v>
      </c>
      <c r="CI731" s="166">
        <v>0</v>
      </c>
      <c r="CJ731" s="166">
        <v>0</v>
      </c>
      <c r="CK731" s="166">
        <v>0</v>
      </c>
      <c r="CL731" s="166">
        <v>0</v>
      </c>
      <c r="CM731" s="166">
        <v>0</v>
      </c>
      <c r="CN731" s="166">
        <v>0</v>
      </c>
      <c r="CO731" s="166">
        <v>0</v>
      </c>
      <c r="CP731" s="166">
        <v>0</v>
      </c>
      <c r="CQ731" s="166">
        <v>0</v>
      </c>
      <c r="CR731" s="166">
        <v>0</v>
      </c>
      <c r="CS731" s="166">
        <v>0</v>
      </c>
      <c r="CT731" s="166">
        <v>0</v>
      </c>
      <c r="CU731" s="166">
        <v>0</v>
      </c>
      <c r="CV731" s="166">
        <v>0</v>
      </c>
      <c r="CW731" s="166">
        <v>0</v>
      </c>
      <c r="CX731" s="166">
        <v>0</v>
      </c>
      <c r="CY731" s="166">
        <v>47444.7487140999</v>
      </c>
      <c r="CZ731" s="166">
        <v>47444.7487140999</v>
      </c>
    </row>
    <row r="732" spans="1:104" x14ac:dyDescent="0.2">
      <c r="A732" s="167" t="s">
        <v>1102</v>
      </c>
      <c r="B732" s="166">
        <v>5968446.2551910998</v>
      </c>
      <c r="C732" s="166">
        <v>5968446.2551910998</v>
      </c>
      <c r="D732" s="166">
        <v>0</v>
      </c>
      <c r="E732" s="166">
        <v>0</v>
      </c>
      <c r="F732" s="166">
        <v>0</v>
      </c>
      <c r="G732" s="166">
        <v>0</v>
      </c>
      <c r="H732" s="166">
        <v>0</v>
      </c>
      <c r="I732" s="166">
        <v>0</v>
      </c>
      <c r="J732" s="166">
        <v>0</v>
      </c>
      <c r="K732" s="166">
        <v>0</v>
      </c>
      <c r="L732" s="166">
        <v>0</v>
      </c>
      <c r="M732" s="166">
        <v>0</v>
      </c>
      <c r="N732" s="166">
        <v>0</v>
      </c>
      <c r="O732" s="166">
        <v>0</v>
      </c>
      <c r="P732" s="166">
        <v>0</v>
      </c>
      <c r="Q732" s="166">
        <v>0</v>
      </c>
      <c r="R732" s="166">
        <v>0</v>
      </c>
      <c r="S732" s="166">
        <v>0</v>
      </c>
      <c r="T732" s="166">
        <v>0</v>
      </c>
      <c r="U732" s="166">
        <v>0</v>
      </c>
      <c r="V732" s="166">
        <v>0</v>
      </c>
      <c r="W732" s="166">
        <v>0</v>
      </c>
      <c r="X732" s="166">
        <v>0</v>
      </c>
      <c r="Y732" s="166">
        <v>0</v>
      </c>
      <c r="Z732" s="166">
        <v>0</v>
      </c>
      <c r="AA732" s="166">
        <v>0</v>
      </c>
      <c r="AB732" s="166">
        <v>0</v>
      </c>
      <c r="AC732" s="166">
        <v>0</v>
      </c>
      <c r="AD732" s="166">
        <v>0</v>
      </c>
      <c r="AE732" s="166">
        <v>0</v>
      </c>
      <c r="AF732" s="166">
        <v>0</v>
      </c>
      <c r="AG732" s="166">
        <v>0</v>
      </c>
      <c r="AH732" s="166">
        <v>0</v>
      </c>
      <c r="AI732" s="166">
        <v>0</v>
      </c>
      <c r="AJ732" s="166">
        <v>0</v>
      </c>
      <c r="AK732" s="166">
        <v>0</v>
      </c>
      <c r="AL732" s="166">
        <v>0</v>
      </c>
      <c r="AM732" s="166">
        <v>0</v>
      </c>
      <c r="AN732" s="166">
        <v>0</v>
      </c>
      <c r="AO732" s="166">
        <v>0</v>
      </c>
      <c r="AP732" s="166">
        <v>0</v>
      </c>
      <c r="AQ732" s="166">
        <v>0</v>
      </c>
      <c r="AR732" s="166">
        <v>0</v>
      </c>
      <c r="AS732" s="166">
        <v>0</v>
      </c>
      <c r="AT732" s="166">
        <v>0</v>
      </c>
      <c r="AU732" s="166">
        <v>0</v>
      </c>
      <c r="AV732" s="166">
        <v>0</v>
      </c>
      <c r="AW732" s="166">
        <v>0</v>
      </c>
      <c r="AX732" s="166">
        <v>0</v>
      </c>
      <c r="AY732" s="166">
        <v>0</v>
      </c>
      <c r="AZ732" s="166">
        <v>0</v>
      </c>
      <c r="BA732" s="166">
        <v>0</v>
      </c>
      <c r="BB732" s="166">
        <v>0</v>
      </c>
      <c r="BC732" s="166">
        <v>0</v>
      </c>
      <c r="BD732" s="166">
        <v>0</v>
      </c>
      <c r="BE732" s="166">
        <v>0</v>
      </c>
      <c r="BF732" s="166">
        <v>0</v>
      </c>
      <c r="BG732" s="166">
        <v>0</v>
      </c>
      <c r="BH732" s="166">
        <v>0</v>
      </c>
      <c r="BI732" s="166">
        <v>0</v>
      </c>
      <c r="BJ732" s="166">
        <v>0</v>
      </c>
      <c r="BK732" s="166">
        <v>0</v>
      </c>
      <c r="BL732" s="166">
        <v>0</v>
      </c>
      <c r="BM732" s="166">
        <v>0</v>
      </c>
      <c r="BN732" s="166">
        <v>0</v>
      </c>
      <c r="BO732" s="166">
        <v>0</v>
      </c>
      <c r="BP732" s="166">
        <v>0</v>
      </c>
      <c r="BQ732" s="166">
        <v>0</v>
      </c>
      <c r="BR732" s="166">
        <v>5968446.2551910998</v>
      </c>
      <c r="BS732" s="166">
        <v>5968446.2551910998</v>
      </c>
      <c r="BT732" s="168">
        <v>0.72041766170058497</v>
      </c>
      <c r="BU732" s="166">
        <v>170805.374353747</v>
      </c>
      <c r="BV732" s="166">
        <v>4299774.0951503804</v>
      </c>
      <c r="BW732" s="166">
        <v>0</v>
      </c>
      <c r="BX732" s="166">
        <v>0</v>
      </c>
      <c r="BY732" s="166">
        <v>0</v>
      </c>
      <c r="BZ732" s="166">
        <v>0</v>
      </c>
      <c r="CA732" s="166">
        <v>0</v>
      </c>
      <c r="CB732" s="166">
        <v>0</v>
      </c>
      <c r="CC732" s="166">
        <v>0</v>
      </c>
      <c r="CD732" s="166">
        <v>0</v>
      </c>
      <c r="CE732" s="166">
        <v>0</v>
      </c>
      <c r="CF732" s="166">
        <v>0</v>
      </c>
      <c r="CG732" s="166">
        <v>0</v>
      </c>
      <c r="CH732" s="166">
        <v>0</v>
      </c>
      <c r="CI732" s="166">
        <v>0</v>
      </c>
      <c r="CJ732" s="166">
        <v>0</v>
      </c>
      <c r="CK732" s="166">
        <v>0</v>
      </c>
      <c r="CL732" s="166">
        <v>0</v>
      </c>
      <c r="CM732" s="166">
        <v>0</v>
      </c>
      <c r="CN732" s="166">
        <v>0</v>
      </c>
      <c r="CO732" s="166">
        <v>0</v>
      </c>
      <c r="CP732" s="166">
        <v>0</v>
      </c>
      <c r="CQ732" s="166">
        <v>0</v>
      </c>
      <c r="CR732" s="166">
        <v>0</v>
      </c>
      <c r="CS732" s="166">
        <v>0</v>
      </c>
      <c r="CT732" s="166">
        <v>0</v>
      </c>
      <c r="CU732" s="166">
        <v>0</v>
      </c>
      <c r="CV732" s="166">
        <v>0</v>
      </c>
      <c r="CW732" s="166">
        <v>0</v>
      </c>
      <c r="CX732" s="166">
        <v>0</v>
      </c>
      <c r="CY732" s="166">
        <v>4299774.0951503804</v>
      </c>
      <c r="CZ732" s="166">
        <v>4299774.0951503804</v>
      </c>
    </row>
    <row r="733" spans="1:104" x14ac:dyDescent="0.2">
      <c r="A733" s="167" t="s">
        <v>1103</v>
      </c>
      <c r="B733" s="166">
        <v>6180666.7699999902</v>
      </c>
      <c r="C733" s="166">
        <v>6180666.7699999902</v>
      </c>
      <c r="D733" s="166">
        <v>0</v>
      </c>
      <c r="E733" s="166">
        <v>0</v>
      </c>
      <c r="F733" s="166">
        <v>0</v>
      </c>
      <c r="G733" s="166">
        <v>0</v>
      </c>
      <c r="H733" s="166">
        <v>0</v>
      </c>
      <c r="I733" s="166">
        <v>0</v>
      </c>
      <c r="J733" s="166">
        <v>0</v>
      </c>
      <c r="K733" s="166">
        <v>0</v>
      </c>
      <c r="L733" s="166">
        <v>0</v>
      </c>
      <c r="M733" s="166">
        <v>0</v>
      </c>
      <c r="N733" s="166">
        <v>0</v>
      </c>
      <c r="O733" s="166">
        <v>0</v>
      </c>
      <c r="P733" s="166">
        <v>0</v>
      </c>
      <c r="Q733" s="166">
        <v>0</v>
      </c>
      <c r="R733" s="166">
        <v>0</v>
      </c>
      <c r="S733" s="166">
        <v>0</v>
      </c>
      <c r="T733" s="166">
        <v>0</v>
      </c>
      <c r="U733" s="166">
        <v>0</v>
      </c>
      <c r="V733" s="166">
        <v>0</v>
      </c>
      <c r="W733" s="166">
        <v>0</v>
      </c>
      <c r="X733" s="166">
        <v>0</v>
      </c>
      <c r="Y733" s="166">
        <v>0</v>
      </c>
      <c r="Z733" s="166">
        <v>0</v>
      </c>
      <c r="AA733" s="166">
        <v>0</v>
      </c>
      <c r="AB733" s="166">
        <v>0</v>
      </c>
      <c r="AC733" s="166">
        <v>0</v>
      </c>
      <c r="AD733" s="166">
        <v>0</v>
      </c>
      <c r="AE733" s="166">
        <v>0</v>
      </c>
      <c r="AF733" s="166">
        <v>0</v>
      </c>
      <c r="AG733" s="166">
        <v>0</v>
      </c>
      <c r="AH733" s="166">
        <v>0</v>
      </c>
      <c r="AI733" s="166">
        <v>0</v>
      </c>
      <c r="AJ733" s="166">
        <v>0</v>
      </c>
      <c r="AK733" s="166">
        <v>0</v>
      </c>
      <c r="AL733" s="166">
        <v>0</v>
      </c>
      <c r="AM733" s="166">
        <v>0</v>
      </c>
      <c r="AN733" s="166">
        <v>0</v>
      </c>
      <c r="AO733" s="166">
        <v>0</v>
      </c>
      <c r="AP733" s="166">
        <v>0</v>
      </c>
      <c r="AQ733" s="166">
        <v>0</v>
      </c>
      <c r="AR733" s="166">
        <v>0</v>
      </c>
      <c r="AS733" s="166">
        <v>0</v>
      </c>
      <c r="AT733" s="166">
        <v>0</v>
      </c>
      <c r="AU733" s="166">
        <v>0</v>
      </c>
      <c r="AV733" s="166">
        <v>0</v>
      </c>
      <c r="AW733" s="166">
        <v>0</v>
      </c>
      <c r="AX733" s="166">
        <v>0</v>
      </c>
      <c r="AY733" s="166">
        <v>0</v>
      </c>
      <c r="AZ733" s="166">
        <v>0</v>
      </c>
      <c r="BA733" s="166">
        <v>0</v>
      </c>
      <c r="BB733" s="166">
        <v>0</v>
      </c>
      <c r="BC733" s="166">
        <v>0</v>
      </c>
      <c r="BD733" s="166">
        <v>0</v>
      </c>
      <c r="BE733" s="166">
        <v>0</v>
      </c>
      <c r="BF733" s="166">
        <v>0</v>
      </c>
      <c r="BG733" s="166">
        <v>0</v>
      </c>
      <c r="BH733" s="166">
        <v>0</v>
      </c>
      <c r="BI733" s="166">
        <v>0</v>
      </c>
      <c r="BJ733" s="166">
        <v>0</v>
      </c>
      <c r="BK733" s="166">
        <v>0</v>
      </c>
      <c r="BL733" s="166">
        <v>0</v>
      </c>
      <c r="BM733" s="166">
        <v>0</v>
      </c>
      <c r="BN733" s="166">
        <v>0</v>
      </c>
      <c r="BO733" s="166">
        <v>0</v>
      </c>
      <c r="BP733" s="166">
        <v>0</v>
      </c>
      <c r="BQ733" s="166">
        <v>0</v>
      </c>
      <c r="BR733" s="166">
        <v>6180666.7699999902</v>
      </c>
      <c r="BS733" s="166">
        <v>6180666.7699999902</v>
      </c>
      <c r="BT733" s="168">
        <v>0</v>
      </c>
      <c r="BU733" s="166">
        <v>178506.436633187</v>
      </c>
      <c r="BV733" s="166">
        <v>4507157.4574803403</v>
      </c>
      <c r="BW733" s="166">
        <v>0</v>
      </c>
      <c r="BX733" s="166">
        <v>0</v>
      </c>
      <c r="BY733" s="166">
        <v>0</v>
      </c>
      <c r="BZ733" s="166">
        <v>0</v>
      </c>
      <c r="CA733" s="166">
        <v>0</v>
      </c>
      <c r="CB733" s="166">
        <v>0</v>
      </c>
      <c r="CC733" s="166">
        <v>0</v>
      </c>
      <c r="CD733" s="166">
        <v>0</v>
      </c>
      <c r="CE733" s="166">
        <v>0</v>
      </c>
      <c r="CF733" s="166">
        <v>0</v>
      </c>
      <c r="CG733" s="166">
        <v>0</v>
      </c>
      <c r="CH733" s="166">
        <v>0</v>
      </c>
      <c r="CI733" s="166">
        <v>0</v>
      </c>
      <c r="CJ733" s="166">
        <v>0</v>
      </c>
      <c r="CK733" s="166">
        <v>0</v>
      </c>
      <c r="CL733" s="166">
        <v>0</v>
      </c>
      <c r="CM733" s="166">
        <v>0</v>
      </c>
      <c r="CN733" s="166">
        <v>0</v>
      </c>
      <c r="CO733" s="166">
        <v>0</v>
      </c>
      <c r="CP733" s="166">
        <v>0</v>
      </c>
      <c r="CQ733" s="166">
        <v>0</v>
      </c>
      <c r="CR733" s="166">
        <v>0</v>
      </c>
      <c r="CS733" s="166">
        <v>0</v>
      </c>
      <c r="CT733" s="166">
        <v>0</v>
      </c>
      <c r="CU733" s="166">
        <v>0</v>
      </c>
      <c r="CV733" s="166">
        <v>0</v>
      </c>
      <c r="CW733" s="166">
        <v>0</v>
      </c>
      <c r="CX733" s="166">
        <v>0</v>
      </c>
      <c r="CY733" s="166">
        <v>4507157.4574803403</v>
      </c>
      <c r="CZ733" s="166">
        <v>4507157.4574803403</v>
      </c>
    </row>
    <row r="734" spans="1:104" x14ac:dyDescent="0.2">
      <c r="A734" s="167" t="s">
        <v>265</v>
      </c>
    </row>
    <row r="735" spans="1:104" x14ac:dyDescent="0.2">
      <c r="A735" s="167" t="s">
        <v>266</v>
      </c>
      <c r="B735" s="166">
        <v>1.13117207185456E-11</v>
      </c>
      <c r="C735" s="166">
        <v>1.13117207185456E-11</v>
      </c>
      <c r="D735" s="166">
        <v>0</v>
      </c>
      <c r="E735" s="166">
        <v>0</v>
      </c>
      <c r="F735" s="166">
        <v>0</v>
      </c>
      <c r="G735" s="166">
        <v>0</v>
      </c>
      <c r="H735" s="166">
        <v>0</v>
      </c>
      <c r="I735" s="166">
        <v>0</v>
      </c>
      <c r="J735" s="166">
        <v>0</v>
      </c>
      <c r="K735" s="166">
        <v>0</v>
      </c>
      <c r="L735" s="166">
        <v>0</v>
      </c>
      <c r="M735" s="166">
        <v>0</v>
      </c>
      <c r="N735" s="166">
        <v>0</v>
      </c>
      <c r="O735" s="166">
        <v>0</v>
      </c>
      <c r="P735" s="166">
        <v>0</v>
      </c>
      <c r="Q735" s="166">
        <v>0</v>
      </c>
      <c r="R735" s="166">
        <v>0</v>
      </c>
      <c r="S735" s="166">
        <v>0</v>
      </c>
      <c r="T735" s="166">
        <v>0</v>
      </c>
      <c r="U735" s="166">
        <v>0</v>
      </c>
      <c r="V735" s="166">
        <v>0</v>
      </c>
      <c r="W735" s="166">
        <v>0</v>
      </c>
      <c r="X735" s="166">
        <v>0</v>
      </c>
      <c r="Y735" s="166">
        <v>0</v>
      </c>
      <c r="Z735" s="166">
        <v>0</v>
      </c>
      <c r="AA735" s="166">
        <v>0</v>
      </c>
      <c r="AB735" s="166">
        <v>0</v>
      </c>
      <c r="AC735" s="166">
        <v>0</v>
      </c>
      <c r="AD735" s="166">
        <v>0</v>
      </c>
      <c r="AE735" s="166">
        <v>0</v>
      </c>
      <c r="AF735" s="166">
        <v>0</v>
      </c>
      <c r="AG735" s="166">
        <v>0</v>
      </c>
      <c r="AH735" s="166">
        <v>0</v>
      </c>
      <c r="AI735" s="166">
        <v>0</v>
      </c>
      <c r="AJ735" s="166">
        <v>0</v>
      </c>
      <c r="AK735" s="166">
        <v>0</v>
      </c>
      <c r="AL735" s="166">
        <v>0</v>
      </c>
      <c r="AM735" s="166">
        <v>0</v>
      </c>
      <c r="AN735" s="166">
        <v>0</v>
      </c>
      <c r="AO735" s="166">
        <v>0</v>
      </c>
      <c r="AP735" s="166">
        <v>0</v>
      </c>
      <c r="AQ735" s="166">
        <v>0</v>
      </c>
      <c r="AR735" s="166">
        <v>0</v>
      </c>
      <c r="AS735" s="166">
        <v>0</v>
      </c>
      <c r="AT735" s="166">
        <v>0</v>
      </c>
      <c r="AU735" s="166">
        <v>0</v>
      </c>
      <c r="AV735" s="166">
        <v>0</v>
      </c>
      <c r="AW735" s="166">
        <v>0</v>
      </c>
      <c r="AX735" s="166">
        <v>0</v>
      </c>
      <c r="AY735" s="166">
        <v>0</v>
      </c>
      <c r="AZ735" s="166">
        <v>0</v>
      </c>
      <c r="BA735" s="166">
        <v>0</v>
      </c>
      <c r="BB735" s="166">
        <v>0</v>
      </c>
      <c r="BC735" s="166">
        <v>0</v>
      </c>
      <c r="BD735" s="166">
        <v>0</v>
      </c>
      <c r="BE735" s="166">
        <v>0</v>
      </c>
      <c r="BF735" s="166">
        <v>0</v>
      </c>
      <c r="BG735" s="166">
        <v>0</v>
      </c>
      <c r="BH735" s="166">
        <v>0</v>
      </c>
      <c r="BI735" s="166">
        <v>0</v>
      </c>
      <c r="BJ735" s="166">
        <v>0</v>
      </c>
      <c r="BK735" s="166">
        <v>0</v>
      </c>
      <c r="BL735" s="166">
        <v>0</v>
      </c>
      <c r="BM735" s="166">
        <v>0</v>
      </c>
      <c r="BN735" s="166">
        <v>0</v>
      </c>
      <c r="BO735" s="166">
        <v>0</v>
      </c>
      <c r="BP735" s="166">
        <v>0</v>
      </c>
      <c r="BQ735" s="166">
        <v>0</v>
      </c>
      <c r="BR735" s="166">
        <v>1.13117207185456E-11</v>
      </c>
      <c r="BS735" s="166">
        <v>1.13117207185456E-11</v>
      </c>
      <c r="BT735" s="168">
        <v>0.97402999999999995</v>
      </c>
      <c r="BU735" s="166">
        <v>0</v>
      </c>
      <c r="BV735" s="166">
        <v>1.1017955331485E-11</v>
      </c>
      <c r="BW735" s="166">
        <v>0</v>
      </c>
      <c r="BX735" s="166">
        <v>0</v>
      </c>
      <c r="BY735" s="166">
        <v>0</v>
      </c>
      <c r="BZ735" s="166">
        <v>0</v>
      </c>
      <c r="CA735" s="166">
        <v>0</v>
      </c>
      <c r="CB735" s="166">
        <v>0</v>
      </c>
      <c r="CC735" s="166">
        <v>0</v>
      </c>
      <c r="CD735" s="166">
        <v>0</v>
      </c>
      <c r="CE735" s="166">
        <v>0</v>
      </c>
      <c r="CF735" s="166">
        <v>0</v>
      </c>
      <c r="CG735" s="166">
        <v>0</v>
      </c>
      <c r="CH735" s="166">
        <v>0</v>
      </c>
      <c r="CI735" s="166">
        <v>0</v>
      </c>
      <c r="CJ735" s="166">
        <v>0</v>
      </c>
      <c r="CK735" s="166">
        <v>0</v>
      </c>
      <c r="CL735" s="166">
        <v>0</v>
      </c>
      <c r="CM735" s="166">
        <v>0</v>
      </c>
      <c r="CN735" s="166">
        <v>0</v>
      </c>
      <c r="CO735" s="166">
        <v>0</v>
      </c>
      <c r="CP735" s="166">
        <v>0</v>
      </c>
      <c r="CQ735" s="166">
        <v>0</v>
      </c>
      <c r="CR735" s="166">
        <v>0</v>
      </c>
      <c r="CS735" s="166">
        <v>0</v>
      </c>
      <c r="CT735" s="166">
        <v>0</v>
      </c>
      <c r="CU735" s="166">
        <v>0</v>
      </c>
      <c r="CV735" s="166">
        <v>0</v>
      </c>
      <c r="CW735" s="166">
        <v>0</v>
      </c>
      <c r="CX735" s="166">
        <v>0</v>
      </c>
      <c r="CY735" s="166">
        <v>1.1017955331485E-11</v>
      </c>
      <c r="CZ735" s="166">
        <v>1.1017955331485E-11</v>
      </c>
    </row>
    <row r="736" spans="1:104" x14ac:dyDescent="0.2">
      <c r="A736" s="167" t="s">
        <v>267</v>
      </c>
      <c r="B736" s="166">
        <v>9.4997533792681701E-13</v>
      </c>
      <c r="C736" s="166">
        <v>9.4997533792681701E-13</v>
      </c>
      <c r="D736" s="166">
        <v>0</v>
      </c>
      <c r="E736" s="166">
        <v>0</v>
      </c>
      <c r="F736" s="166">
        <v>0</v>
      </c>
      <c r="G736" s="166">
        <v>0</v>
      </c>
      <c r="H736" s="166">
        <v>0</v>
      </c>
      <c r="I736" s="166">
        <v>0</v>
      </c>
      <c r="J736" s="166">
        <v>0</v>
      </c>
      <c r="K736" s="166">
        <v>0</v>
      </c>
      <c r="L736" s="166">
        <v>0</v>
      </c>
      <c r="M736" s="166">
        <v>0</v>
      </c>
      <c r="N736" s="166">
        <v>0</v>
      </c>
      <c r="O736" s="166">
        <v>0</v>
      </c>
      <c r="P736" s="166">
        <v>0</v>
      </c>
      <c r="Q736" s="166">
        <v>0</v>
      </c>
      <c r="R736" s="166">
        <v>0</v>
      </c>
      <c r="S736" s="166">
        <v>0</v>
      </c>
      <c r="T736" s="166">
        <v>0</v>
      </c>
      <c r="U736" s="166">
        <v>0</v>
      </c>
      <c r="V736" s="166">
        <v>0</v>
      </c>
      <c r="W736" s="166">
        <v>0</v>
      </c>
      <c r="X736" s="166">
        <v>0</v>
      </c>
      <c r="Y736" s="166">
        <v>0</v>
      </c>
      <c r="Z736" s="166">
        <v>0</v>
      </c>
      <c r="AA736" s="166">
        <v>0</v>
      </c>
      <c r="AB736" s="166">
        <v>0</v>
      </c>
      <c r="AC736" s="166">
        <v>0</v>
      </c>
      <c r="AD736" s="166">
        <v>0</v>
      </c>
      <c r="AE736" s="166">
        <v>0</v>
      </c>
      <c r="AF736" s="166">
        <v>0</v>
      </c>
      <c r="AG736" s="166">
        <v>0</v>
      </c>
      <c r="AH736" s="166">
        <v>0</v>
      </c>
      <c r="AI736" s="166">
        <v>0</v>
      </c>
      <c r="AJ736" s="166">
        <v>0</v>
      </c>
      <c r="AK736" s="166">
        <v>0</v>
      </c>
      <c r="AL736" s="166">
        <v>0</v>
      </c>
      <c r="AM736" s="166">
        <v>0</v>
      </c>
      <c r="AN736" s="166">
        <v>0</v>
      </c>
      <c r="AO736" s="166">
        <v>0</v>
      </c>
      <c r="AP736" s="166">
        <v>0</v>
      </c>
      <c r="AQ736" s="166">
        <v>0</v>
      </c>
      <c r="AR736" s="166">
        <v>0</v>
      </c>
      <c r="AS736" s="166">
        <v>0</v>
      </c>
      <c r="AT736" s="166">
        <v>0</v>
      </c>
      <c r="AU736" s="166">
        <v>0</v>
      </c>
      <c r="AV736" s="166">
        <v>0</v>
      </c>
      <c r="AW736" s="166">
        <v>0</v>
      </c>
      <c r="AX736" s="166">
        <v>0</v>
      </c>
      <c r="AY736" s="166">
        <v>0</v>
      </c>
      <c r="AZ736" s="166">
        <v>0</v>
      </c>
      <c r="BA736" s="166">
        <v>0</v>
      </c>
      <c r="BB736" s="166">
        <v>0</v>
      </c>
      <c r="BC736" s="166">
        <v>0</v>
      </c>
      <c r="BD736" s="166">
        <v>0</v>
      </c>
      <c r="BE736" s="166">
        <v>0</v>
      </c>
      <c r="BF736" s="166">
        <v>0</v>
      </c>
      <c r="BG736" s="166">
        <v>0</v>
      </c>
      <c r="BH736" s="166">
        <v>0</v>
      </c>
      <c r="BI736" s="166">
        <v>0</v>
      </c>
      <c r="BJ736" s="166">
        <v>0</v>
      </c>
      <c r="BK736" s="166">
        <v>0</v>
      </c>
      <c r="BL736" s="166">
        <v>0</v>
      </c>
      <c r="BM736" s="166">
        <v>0</v>
      </c>
      <c r="BN736" s="166">
        <v>0</v>
      </c>
      <c r="BO736" s="166">
        <v>0</v>
      </c>
      <c r="BP736" s="166">
        <v>0</v>
      </c>
      <c r="BQ736" s="166">
        <v>0</v>
      </c>
      <c r="BR736" s="166">
        <v>9.4997533792681701E-13</v>
      </c>
      <c r="BS736" s="166">
        <v>9.4997533792681701E-13</v>
      </c>
      <c r="BT736" s="168">
        <v>0.92637230841245999</v>
      </c>
      <c r="BU736" s="166">
        <v>0</v>
      </c>
      <c r="BV736" s="166">
        <v>8.8003084673017304E-13</v>
      </c>
      <c r="BW736" s="166">
        <v>0</v>
      </c>
      <c r="BX736" s="166">
        <v>0</v>
      </c>
      <c r="BY736" s="166">
        <v>0</v>
      </c>
      <c r="BZ736" s="166">
        <v>0</v>
      </c>
      <c r="CA736" s="166">
        <v>0</v>
      </c>
      <c r="CB736" s="166">
        <v>0</v>
      </c>
      <c r="CC736" s="166">
        <v>0</v>
      </c>
      <c r="CD736" s="166">
        <v>0</v>
      </c>
      <c r="CE736" s="166">
        <v>0</v>
      </c>
      <c r="CF736" s="166">
        <v>0</v>
      </c>
      <c r="CG736" s="166">
        <v>0</v>
      </c>
      <c r="CH736" s="166">
        <v>0</v>
      </c>
      <c r="CI736" s="166">
        <v>0</v>
      </c>
      <c r="CJ736" s="166">
        <v>0</v>
      </c>
      <c r="CK736" s="166">
        <v>0</v>
      </c>
      <c r="CL736" s="166">
        <v>0</v>
      </c>
      <c r="CM736" s="166">
        <v>0</v>
      </c>
      <c r="CN736" s="166">
        <v>0</v>
      </c>
      <c r="CO736" s="166">
        <v>0</v>
      </c>
      <c r="CP736" s="166">
        <v>0</v>
      </c>
      <c r="CQ736" s="166">
        <v>0</v>
      </c>
      <c r="CR736" s="166">
        <v>0</v>
      </c>
      <c r="CS736" s="166">
        <v>0</v>
      </c>
      <c r="CT736" s="166">
        <v>0</v>
      </c>
      <c r="CU736" s="166">
        <v>0</v>
      </c>
      <c r="CV736" s="166">
        <v>0</v>
      </c>
      <c r="CW736" s="166">
        <v>0</v>
      </c>
      <c r="CX736" s="166">
        <v>0</v>
      </c>
      <c r="CY736" s="166">
        <v>8.8003084673017304E-13</v>
      </c>
      <c r="CZ736" s="166">
        <v>8.8003084673017304E-13</v>
      </c>
    </row>
    <row r="737" spans="1:104" x14ac:dyDescent="0.2">
      <c r="A737" s="167" t="s">
        <v>268</v>
      </c>
      <c r="B737" s="166">
        <v>1.0444217922625501E-12</v>
      </c>
      <c r="C737" s="166">
        <v>1.0444217922625501E-12</v>
      </c>
      <c r="D737" s="166">
        <v>0</v>
      </c>
      <c r="E737" s="166">
        <v>0</v>
      </c>
      <c r="F737" s="166">
        <v>0</v>
      </c>
      <c r="G737" s="166">
        <v>0</v>
      </c>
      <c r="H737" s="166">
        <v>0</v>
      </c>
      <c r="I737" s="166">
        <v>0</v>
      </c>
      <c r="J737" s="166">
        <v>0</v>
      </c>
      <c r="K737" s="166">
        <v>0</v>
      </c>
      <c r="L737" s="166">
        <v>0</v>
      </c>
      <c r="M737" s="166">
        <v>0</v>
      </c>
      <c r="N737" s="166">
        <v>0</v>
      </c>
      <c r="O737" s="166">
        <v>0</v>
      </c>
      <c r="P737" s="166">
        <v>0</v>
      </c>
      <c r="Q737" s="166">
        <v>0</v>
      </c>
      <c r="R737" s="166">
        <v>0</v>
      </c>
      <c r="S737" s="166">
        <v>0</v>
      </c>
      <c r="T737" s="166">
        <v>0</v>
      </c>
      <c r="U737" s="166">
        <v>0</v>
      </c>
      <c r="V737" s="166">
        <v>0</v>
      </c>
      <c r="W737" s="166">
        <v>0</v>
      </c>
      <c r="X737" s="166">
        <v>0</v>
      </c>
      <c r="Y737" s="166">
        <v>0</v>
      </c>
      <c r="Z737" s="166">
        <v>0</v>
      </c>
      <c r="AA737" s="166">
        <v>0</v>
      </c>
      <c r="AB737" s="166">
        <v>0</v>
      </c>
      <c r="AC737" s="166">
        <v>0</v>
      </c>
      <c r="AD737" s="166">
        <v>0</v>
      </c>
      <c r="AE737" s="166">
        <v>0</v>
      </c>
      <c r="AF737" s="166">
        <v>0</v>
      </c>
      <c r="AG737" s="166">
        <v>0</v>
      </c>
      <c r="AH737" s="166">
        <v>0</v>
      </c>
      <c r="AI737" s="166">
        <v>0</v>
      </c>
      <c r="AJ737" s="166">
        <v>0</v>
      </c>
      <c r="AK737" s="166">
        <v>0</v>
      </c>
      <c r="AL737" s="166">
        <v>0</v>
      </c>
      <c r="AM737" s="166">
        <v>0</v>
      </c>
      <c r="AN737" s="166">
        <v>0</v>
      </c>
      <c r="AO737" s="166">
        <v>0</v>
      </c>
      <c r="AP737" s="166">
        <v>0</v>
      </c>
      <c r="AQ737" s="166">
        <v>0</v>
      </c>
      <c r="AR737" s="166">
        <v>0</v>
      </c>
      <c r="AS737" s="166">
        <v>0</v>
      </c>
      <c r="AT737" s="166">
        <v>0</v>
      </c>
      <c r="AU737" s="166">
        <v>0</v>
      </c>
      <c r="AV737" s="166">
        <v>0</v>
      </c>
      <c r="AW737" s="166">
        <v>0</v>
      </c>
      <c r="AX737" s="166">
        <v>0</v>
      </c>
      <c r="AY737" s="166">
        <v>0</v>
      </c>
      <c r="AZ737" s="166">
        <v>0</v>
      </c>
      <c r="BA737" s="166">
        <v>0</v>
      </c>
      <c r="BB737" s="166">
        <v>0</v>
      </c>
      <c r="BC737" s="166">
        <v>0</v>
      </c>
      <c r="BD737" s="166">
        <v>0</v>
      </c>
      <c r="BE737" s="166">
        <v>0</v>
      </c>
      <c r="BF737" s="166">
        <v>0</v>
      </c>
      <c r="BG737" s="166">
        <v>0</v>
      </c>
      <c r="BH737" s="166">
        <v>0</v>
      </c>
      <c r="BI737" s="166">
        <v>0</v>
      </c>
      <c r="BJ737" s="166">
        <v>0</v>
      </c>
      <c r="BK737" s="166">
        <v>0</v>
      </c>
      <c r="BL737" s="166">
        <v>0</v>
      </c>
      <c r="BM737" s="166">
        <v>0</v>
      </c>
      <c r="BN737" s="166">
        <v>0</v>
      </c>
      <c r="BO737" s="166">
        <v>0</v>
      </c>
      <c r="BP737" s="166">
        <v>0</v>
      </c>
      <c r="BQ737" s="166">
        <v>0</v>
      </c>
      <c r="BR737" s="166">
        <v>1.0444217922625501E-12</v>
      </c>
      <c r="BS737" s="166">
        <v>1.0444217922625501E-12</v>
      </c>
      <c r="BT737" s="168">
        <v>0.95109934560116105</v>
      </c>
      <c r="BU737" s="166">
        <v>0</v>
      </c>
      <c r="BV737" s="166">
        <v>9.9334888315251194E-13</v>
      </c>
      <c r="BW737" s="166">
        <v>0</v>
      </c>
      <c r="BX737" s="166">
        <v>0</v>
      </c>
      <c r="BY737" s="166">
        <v>0</v>
      </c>
      <c r="BZ737" s="166">
        <v>0</v>
      </c>
      <c r="CA737" s="166">
        <v>0</v>
      </c>
      <c r="CB737" s="166">
        <v>0</v>
      </c>
      <c r="CC737" s="166">
        <v>0</v>
      </c>
      <c r="CD737" s="166">
        <v>0</v>
      </c>
      <c r="CE737" s="166">
        <v>0</v>
      </c>
      <c r="CF737" s="166">
        <v>0</v>
      </c>
      <c r="CG737" s="166">
        <v>0</v>
      </c>
      <c r="CH737" s="166">
        <v>0</v>
      </c>
      <c r="CI737" s="166">
        <v>0</v>
      </c>
      <c r="CJ737" s="166">
        <v>0</v>
      </c>
      <c r="CK737" s="166">
        <v>0</v>
      </c>
      <c r="CL737" s="166">
        <v>0</v>
      </c>
      <c r="CM737" s="166">
        <v>0</v>
      </c>
      <c r="CN737" s="166">
        <v>0</v>
      </c>
      <c r="CO737" s="166">
        <v>0</v>
      </c>
      <c r="CP737" s="166">
        <v>0</v>
      </c>
      <c r="CQ737" s="166">
        <v>0</v>
      </c>
      <c r="CR737" s="166">
        <v>0</v>
      </c>
      <c r="CS737" s="166">
        <v>0</v>
      </c>
      <c r="CT737" s="166">
        <v>0</v>
      </c>
      <c r="CU737" s="166">
        <v>0</v>
      </c>
      <c r="CV737" s="166">
        <v>0</v>
      </c>
      <c r="CW737" s="166">
        <v>0</v>
      </c>
      <c r="CX737" s="166">
        <v>0</v>
      </c>
      <c r="CY737" s="166">
        <v>9.9334888315251194E-13</v>
      </c>
      <c r="CZ737" s="166">
        <v>9.9334888315251194E-13</v>
      </c>
    </row>
    <row r="738" spans="1:104" x14ac:dyDescent="0.2">
      <c r="A738" s="167" t="s">
        <v>269</v>
      </c>
      <c r="B738" s="166">
        <v>2.68109370586723E-12</v>
      </c>
      <c r="C738" s="166">
        <v>2.68109370586723E-12</v>
      </c>
      <c r="D738" s="166">
        <v>0</v>
      </c>
      <c r="E738" s="166">
        <v>0</v>
      </c>
      <c r="F738" s="166">
        <v>0</v>
      </c>
      <c r="G738" s="166">
        <v>0</v>
      </c>
      <c r="H738" s="166">
        <v>0</v>
      </c>
      <c r="I738" s="166">
        <v>0</v>
      </c>
      <c r="J738" s="166">
        <v>0</v>
      </c>
      <c r="K738" s="166">
        <v>0</v>
      </c>
      <c r="L738" s="166">
        <v>0</v>
      </c>
      <c r="M738" s="166">
        <v>0</v>
      </c>
      <c r="N738" s="166">
        <v>0</v>
      </c>
      <c r="O738" s="166">
        <v>0</v>
      </c>
      <c r="P738" s="166">
        <v>0</v>
      </c>
      <c r="Q738" s="166">
        <v>0</v>
      </c>
      <c r="R738" s="166">
        <v>0</v>
      </c>
      <c r="S738" s="166">
        <v>0</v>
      </c>
      <c r="T738" s="166">
        <v>0</v>
      </c>
      <c r="U738" s="166">
        <v>0</v>
      </c>
      <c r="V738" s="166">
        <v>0</v>
      </c>
      <c r="W738" s="166">
        <v>0</v>
      </c>
      <c r="X738" s="166">
        <v>0</v>
      </c>
      <c r="Y738" s="166">
        <v>0</v>
      </c>
      <c r="Z738" s="166">
        <v>0</v>
      </c>
      <c r="AA738" s="166">
        <v>0</v>
      </c>
      <c r="AB738" s="166">
        <v>0</v>
      </c>
      <c r="AC738" s="166">
        <v>0</v>
      </c>
      <c r="AD738" s="166">
        <v>0</v>
      </c>
      <c r="AE738" s="166">
        <v>0</v>
      </c>
      <c r="AF738" s="166">
        <v>0</v>
      </c>
      <c r="AG738" s="166">
        <v>0</v>
      </c>
      <c r="AH738" s="166">
        <v>0</v>
      </c>
      <c r="AI738" s="166">
        <v>0</v>
      </c>
      <c r="AJ738" s="166">
        <v>0</v>
      </c>
      <c r="AK738" s="166">
        <v>0</v>
      </c>
      <c r="AL738" s="166">
        <v>0</v>
      </c>
      <c r="AM738" s="166">
        <v>0</v>
      </c>
      <c r="AN738" s="166">
        <v>0</v>
      </c>
      <c r="AO738" s="166">
        <v>0</v>
      </c>
      <c r="AP738" s="166">
        <v>0</v>
      </c>
      <c r="AQ738" s="166">
        <v>0</v>
      </c>
      <c r="AR738" s="166">
        <v>0</v>
      </c>
      <c r="AS738" s="166">
        <v>0</v>
      </c>
      <c r="AT738" s="166">
        <v>0</v>
      </c>
      <c r="AU738" s="166">
        <v>0</v>
      </c>
      <c r="AV738" s="166">
        <v>0</v>
      </c>
      <c r="AW738" s="166">
        <v>0</v>
      </c>
      <c r="AX738" s="166">
        <v>0</v>
      </c>
      <c r="AY738" s="166">
        <v>0</v>
      </c>
      <c r="AZ738" s="166">
        <v>0</v>
      </c>
      <c r="BA738" s="166">
        <v>0</v>
      </c>
      <c r="BB738" s="166">
        <v>0</v>
      </c>
      <c r="BC738" s="166">
        <v>0</v>
      </c>
      <c r="BD738" s="166">
        <v>0</v>
      </c>
      <c r="BE738" s="166">
        <v>0</v>
      </c>
      <c r="BF738" s="166">
        <v>0</v>
      </c>
      <c r="BG738" s="166">
        <v>0</v>
      </c>
      <c r="BH738" s="166">
        <v>0</v>
      </c>
      <c r="BI738" s="166">
        <v>0</v>
      </c>
      <c r="BJ738" s="166">
        <v>0</v>
      </c>
      <c r="BK738" s="166">
        <v>0</v>
      </c>
      <c r="BL738" s="166">
        <v>0</v>
      </c>
      <c r="BM738" s="166">
        <v>0</v>
      </c>
      <c r="BN738" s="166">
        <v>0</v>
      </c>
      <c r="BO738" s="166">
        <v>0</v>
      </c>
      <c r="BP738" s="166">
        <v>0</v>
      </c>
      <c r="BQ738" s="166">
        <v>0</v>
      </c>
      <c r="BR738" s="166">
        <v>2.68109370586723E-12</v>
      </c>
      <c r="BS738" s="166">
        <v>2.68109370586723E-12</v>
      </c>
      <c r="BT738" s="168">
        <v>0.97403133392564201</v>
      </c>
      <c r="BU738" s="166">
        <v>0</v>
      </c>
      <c r="BV738" s="166">
        <v>2.6114692787055098E-12</v>
      </c>
      <c r="BW738" s="166">
        <v>0</v>
      </c>
      <c r="BX738" s="166">
        <v>0</v>
      </c>
      <c r="BY738" s="166">
        <v>0</v>
      </c>
      <c r="BZ738" s="166">
        <v>0</v>
      </c>
      <c r="CA738" s="166">
        <v>0</v>
      </c>
      <c r="CB738" s="166">
        <v>0</v>
      </c>
      <c r="CC738" s="166">
        <v>0</v>
      </c>
      <c r="CD738" s="166">
        <v>0</v>
      </c>
      <c r="CE738" s="166">
        <v>0</v>
      </c>
      <c r="CF738" s="166">
        <v>0</v>
      </c>
      <c r="CG738" s="166">
        <v>0</v>
      </c>
      <c r="CH738" s="166">
        <v>0</v>
      </c>
      <c r="CI738" s="166">
        <v>0</v>
      </c>
      <c r="CJ738" s="166">
        <v>0</v>
      </c>
      <c r="CK738" s="166">
        <v>0</v>
      </c>
      <c r="CL738" s="166">
        <v>0</v>
      </c>
      <c r="CM738" s="166">
        <v>0</v>
      </c>
      <c r="CN738" s="166">
        <v>0</v>
      </c>
      <c r="CO738" s="166">
        <v>0</v>
      </c>
      <c r="CP738" s="166">
        <v>0</v>
      </c>
      <c r="CQ738" s="166">
        <v>0</v>
      </c>
      <c r="CR738" s="166">
        <v>0</v>
      </c>
      <c r="CS738" s="166">
        <v>0</v>
      </c>
      <c r="CT738" s="166">
        <v>0</v>
      </c>
      <c r="CU738" s="166">
        <v>0</v>
      </c>
      <c r="CV738" s="166">
        <v>0</v>
      </c>
      <c r="CW738" s="166">
        <v>0</v>
      </c>
      <c r="CX738" s="166">
        <v>0</v>
      </c>
      <c r="CY738" s="166">
        <v>2.6114692787055098E-12</v>
      </c>
      <c r="CZ738" s="166">
        <v>2.6114692787055098E-12</v>
      </c>
    </row>
    <row r="739" spans="1:104" x14ac:dyDescent="0.2">
      <c r="A739" s="167" t="s">
        <v>1104</v>
      </c>
      <c r="B739" s="166">
        <v>396723.47</v>
      </c>
      <c r="C739" s="166">
        <v>396723.47</v>
      </c>
      <c r="D739" s="166">
        <v>0</v>
      </c>
      <c r="E739" s="166">
        <v>0</v>
      </c>
      <c r="F739" s="166">
        <v>0</v>
      </c>
      <c r="G739" s="166">
        <v>0</v>
      </c>
      <c r="H739" s="166">
        <v>0</v>
      </c>
      <c r="I739" s="166">
        <v>0</v>
      </c>
      <c r="J739" s="166">
        <v>0</v>
      </c>
      <c r="K739" s="166">
        <v>0</v>
      </c>
      <c r="L739" s="166">
        <v>0</v>
      </c>
      <c r="M739" s="166">
        <v>0</v>
      </c>
      <c r="N739" s="166">
        <v>0</v>
      </c>
      <c r="O739" s="166">
        <v>0</v>
      </c>
      <c r="P739" s="166">
        <v>0</v>
      </c>
      <c r="Q739" s="166">
        <v>0</v>
      </c>
      <c r="R739" s="166">
        <v>0</v>
      </c>
      <c r="S739" s="166">
        <v>0</v>
      </c>
      <c r="T739" s="166">
        <v>0</v>
      </c>
      <c r="U739" s="166">
        <v>0</v>
      </c>
      <c r="V739" s="166">
        <v>0</v>
      </c>
      <c r="W739" s="166">
        <v>0</v>
      </c>
      <c r="X739" s="166">
        <v>0</v>
      </c>
      <c r="Y739" s="166">
        <v>0</v>
      </c>
      <c r="Z739" s="166">
        <v>0</v>
      </c>
      <c r="AA739" s="166">
        <v>0</v>
      </c>
      <c r="AB739" s="166">
        <v>0</v>
      </c>
      <c r="AC739" s="166">
        <v>0</v>
      </c>
      <c r="AD739" s="166">
        <v>0</v>
      </c>
      <c r="AE739" s="166">
        <v>0</v>
      </c>
      <c r="AF739" s="166">
        <v>0</v>
      </c>
      <c r="AG739" s="166">
        <v>0</v>
      </c>
      <c r="AH739" s="166">
        <v>0</v>
      </c>
      <c r="AI739" s="166">
        <v>0</v>
      </c>
      <c r="AJ739" s="166">
        <v>0</v>
      </c>
      <c r="AK739" s="166">
        <v>0</v>
      </c>
      <c r="AL739" s="166">
        <v>0</v>
      </c>
      <c r="AM739" s="166">
        <v>0</v>
      </c>
      <c r="AN739" s="166">
        <v>0</v>
      </c>
      <c r="AO739" s="166">
        <v>0</v>
      </c>
      <c r="AP739" s="166">
        <v>0</v>
      </c>
      <c r="AQ739" s="166">
        <v>0</v>
      </c>
      <c r="AR739" s="166">
        <v>0</v>
      </c>
      <c r="AS739" s="166">
        <v>0</v>
      </c>
      <c r="AT739" s="166">
        <v>0</v>
      </c>
      <c r="AU739" s="166">
        <v>0</v>
      </c>
      <c r="AV739" s="166">
        <v>0</v>
      </c>
      <c r="AW739" s="166">
        <v>0</v>
      </c>
      <c r="AX739" s="166">
        <v>0</v>
      </c>
      <c r="AY739" s="166">
        <v>0</v>
      </c>
      <c r="AZ739" s="166">
        <v>0</v>
      </c>
      <c r="BA739" s="166">
        <v>0</v>
      </c>
      <c r="BB739" s="166">
        <v>0</v>
      </c>
      <c r="BC739" s="166">
        <v>0</v>
      </c>
      <c r="BD739" s="166">
        <v>0</v>
      </c>
      <c r="BE739" s="166">
        <v>0</v>
      </c>
      <c r="BF739" s="166">
        <v>0</v>
      </c>
      <c r="BG739" s="166">
        <v>0</v>
      </c>
      <c r="BH739" s="166">
        <v>0</v>
      </c>
      <c r="BI739" s="166">
        <v>0</v>
      </c>
      <c r="BJ739" s="166">
        <v>0</v>
      </c>
      <c r="BK739" s="166">
        <v>0</v>
      </c>
      <c r="BL739" s="166">
        <v>0</v>
      </c>
      <c r="BM739" s="166">
        <v>0</v>
      </c>
      <c r="BN739" s="166">
        <v>0</v>
      </c>
      <c r="BO739" s="166">
        <v>0</v>
      </c>
      <c r="BP739" s="166">
        <v>0</v>
      </c>
      <c r="BQ739" s="166">
        <v>0</v>
      </c>
      <c r="BR739" s="166">
        <v>396723.47</v>
      </c>
      <c r="BS739" s="166">
        <v>396723.47</v>
      </c>
      <c r="BT739" s="168">
        <v>0.72041766170058497</v>
      </c>
      <c r="BU739" s="166">
        <v>28747.2798179653</v>
      </c>
      <c r="BV739" s="166">
        <v>285806.59459914197</v>
      </c>
      <c r="BW739" s="166">
        <v>0</v>
      </c>
      <c r="BX739" s="166">
        <v>0</v>
      </c>
      <c r="BY739" s="166">
        <v>0</v>
      </c>
      <c r="BZ739" s="166">
        <v>0</v>
      </c>
      <c r="CA739" s="166">
        <v>0</v>
      </c>
      <c r="CB739" s="166">
        <v>0</v>
      </c>
      <c r="CC739" s="166">
        <v>0</v>
      </c>
      <c r="CD739" s="166">
        <v>0</v>
      </c>
      <c r="CE739" s="166">
        <v>0</v>
      </c>
      <c r="CF739" s="166">
        <v>0</v>
      </c>
      <c r="CG739" s="166">
        <v>0</v>
      </c>
      <c r="CH739" s="166">
        <v>0</v>
      </c>
      <c r="CI739" s="166">
        <v>0</v>
      </c>
      <c r="CJ739" s="166">
        <v>0</v>
      </c>
      <c r="CK739" s="166">
        <v>0</v>
      </c>
      <c r="CL739" s="166">
        <v>0</v>
      </c>
      <c r="CM739" s="166">
        <v>0</v>
      </c>
      <c r="CN739" s="166">
        <v>0</v>
      </c>
      <c r="CO739" s="166">
        <v>0</v>
      </c>
      <c r="CP739" s="166">
        <v>0</v>
      </c>
      <c r="CQ739" s="166">
        <v>0</v>
      </c>
      <c r="CR739" s="166">
        <v>0</v>
      </c>
      <c r="CS739" s="166">
        <v>0</v>
      </c>
      <c r="CT739" s="166">
        <v>0</v>
      </c>
      <c r="CU739" s="166">
        <v>0</v>
      </c>
      <c r="CV739" s="166">
        <v>0</v>
      </c>
      <c r="CW739" s="166">
        <v>0</v>
      </c>
      <c r="CX739" s="166">
        <v>0</v>
      </c>
      <c r="CY739" s="166">
        <v>285806.59459914197</v>
      </c>
      <c r="CZ739" s="166">
        <v>285806.59459914197</v>
      </c>
    </row>
    <row r="740" spans="1:104" x14ac:dyDescent="0.2">
      <c r="A740" s="167" t="s">
        <v>271</v>
      </c>
      <c r="B740" s="166">
        <v>396723.47</v>
      </c>
      <c r="C740" s="166">
        <v>396723.47</v>
      </c>
      <c r="D740" s="166">
        <v>0</v>
      </c>
      <c r="E740" s="166">
        <v>0</v>
      </c>
      <c r="F740" s="166">
        <v>0</v>
      </c>
      <c r="G740" s="166">
        <v>0</v>
      </c>
      <c r="H740" s="166">
        <v>0</v>
      </c>
      <c r="I740" s="166">
        <v>0</v>
      </c>
      <c r="J740" s="166">
        <v>0</v>
      </c>
      <c r="K740" s="166">
        <v>0</v>
      </c>
      <c r="L740" s="166">
        <v>0</v>
      </c>
      <c r="M740" s="166">
        <v>0</v>
      </c>
      <c r="N740" s="166">
        <v>0</v>
      </c>
      <c r="O740" s="166">
        <v>0</v>
      </c>
      <c r="P740" s="166">
        <v>0</v>
      </c>
      <c r="Q740" s="166">
        <v>0</v>
      </c>
      <c r="R740" s="166">
        <v>0</v>
      </c>
      <c r="S740" s="166">
        <v>0</v>
      </c>
      <c r="T740" s="166">
        <v>0</v>
      </c>
      <c r="U740" s="166">
        <v>0</v>
      </c>
      <c r="V740" s="166">
        <v>0</v>
      </c>
      <c r="W740" s="166">
        <v>0</v>
      </c>
      <c r="X740" s="166">
        <v>0</v>
      </c>
      <c r="Y740" s="166">
        <v>0</v>
      </c>
      <c r="Z740" s="166">
        <v>0</v>
      </c>
      <c r="AA740" s="166">
        <v>0</v>
      </c>
      <c r="AB740" s="166">
        <v>0</v>
      </c>
      <c r="AC740" s="166">
        <v>0</v>
      </c>
      <c r="AD740" s="166">
        <v>0</v>
      </c>
      <c r="AE740" s="166">
        <v>0</v>
      </c>
      <c r="AF740" s="166">
        <v>0</v>
      </c>
      <c r="AG740" s="166">
        <v>0</v>
      </c>
      <c r="AH740" s="166">
        <v>0</v>
      </c>
      <c r="AI740" s="166">
        <v>0</v>
      </c>
      <c r="AJ740" s="166">
        <v>0</v>
      </c>
      <c r="AK740" s="166">
        <v>0</v>
      </c>
      <c r="AL740" s="166">
        <v>0</v>
      </c>
      <c r="AM740" s="166">
        <v>0</v>
      </c>
      <c r="AN740" s="166">
        <v>0</v>
      </c>
      <c r="AO740" s="166">
        <v>0</v>
      </c>
      <c r="AP740" s="166">
        <v>0</v>
      </c>
      <c r="AQ740" s="166">
        <v>0</v>
      </c>
      <c r="AR740" s="166">
        <v>0</v>
      </c>
      <c r="AS740" s="166">
        <v>0</v>
      </c>
      <c r="AT740" s="166">
        <v>0</v>
      </c>
      <c r="AU740" s="166">
        <v>0</v>
      </c>
      <c r="AV740" s="166">
        <v>0</v>
      </c>
      <c r="AW740" s="166">
        <v>0</v>
      </c>
      <c r="AX740" s="166">
        <v>0</v>
      </c>
      <c r="AY740" s="166">
        <v>0</v>
      </c>
      <c r="AZ740" s="166">
        <v>0</v>
      </c>
      <c r="BA740" s="166">
        <v>0</v>
      </c>
      <c r="BB740" s="166">
        <v>0</v>
      </c>
      <c r="BC740" s="166">
        <v>0</v>
      </c>
      <c r="BD740" s="166">
        <v>0</v>
      </c>
      <c r="BE740" s="166">
        <v>0</v>
      </c>
      <c r="BF740" s="166">
        <v>0</v>
      </c>
      <c r="BG740" s="166">
        <v>0</v>
      </c>
      <c r="BH740" s="166">
        <v>0</v>
      </c>
      <c r="BI740" s="166">
        <v>0</v>
      </c>
      <c r="BJ740" s="166">
        <v>0</v>
      </c>
      <c r="BK740" s="166">
        <v>0</v>
      </c>
      <c r="BL740" s="166">
        <v>0</v>
      </c>
      <c r="BM740" s="166">
        <v>0</v>
      </c>
      <c r="BN740" s="166">
        <v>0</v>
      </c>
      <c r="BO740" s="166">
        <v>0</v>
      </c>
      <c r="BP740" s="166">
        <v>0</v>
      </c>
      <c r="BQ740" s="166">
        <v>0</v>
      </c>
      <c r="BR740" s="166">
        <v>396723.47</v>
      </c>
      <c r="BS740" s="166">
        <v>396723.47</v>
      </c>
      <c r="BT740" s="168">
        <v>0</v>
      </c>
      <c r="BU740" s="166">
        <v>28747.2798179653</v>
      </c>
      <c r="BV740" s="166">
        <v>285806.59459914197</v>
      </c>
      <c r="BW740" s="166">
        <v>0</v>
      </c>
      <c r="BX740" s="166">
        <v>0</v>
      </c>
      <c r="BY740" s="166">
        <v>0</v>
      </c>
      <c r="BZ740" s="166">
        <v>0</v>
      </c>
      <c r="CA740" s="166">
        <v>0</v>
      </c>
      <c r="CB740" s="166">
        <v>0</v>
      </c>
      <c r="CC740" s="166">
        <v>0</v>
      </c>
      <c r="CD740" s="166">
        <v>0</v>
      </c>
      <c r="CE740" s="166">
        <v>0</v>
      </c>
      <c r="CF740" s="166">
        <v>0</v>
      </c>
      <c r="CG740" s="166">
        <v>0</v>
      </c>
      <c r="CH740" s="166">
        <v>0</v>
      </c>
      <c r="CI740" s="166">
        <v>0</v>
      </c>
      <c r="CJ740" s="166">
        <v>0</v>
      </c>
      <c r="CK740" s="166">
        <v>0</v>
      </c>
      <c r="CL740" s="166">
        <v>0</v>
      </c>
      <c r="CM740" s="166">
        <v>0</v>
      </c>
      <c r="CN740" s="166">
        <v>0</v>
      </c>
      <c r="CO740" s="166">
        <v>0</v>
      </c>
      <c r="CP740" s="166">
        <v>0</v>
      </c>
      <c r="CQ740" s="166">
        <v>0</v>
      </c>
      <c r="CR740" s="166">
        <v>0</v>
      </c>
      <c r="CS740" s="166">
        <v>0</v>
      </c>
      <c r="CT740" s="166">
        <v>0</v>
      </c>
      <c r="CU740" s="166">
        <v>0</v>
      </c>
      <c r="CV740" s="166">
        <v>0</v>
      </c>
      <c r="CW740" s="166">
        <v>0</v>
      </c>
      <c r="CX740" s="166">
        <v>0</v>
      </c>
      <c r="CY740" s="166">
        <v>285806.59459914197</v>
      </c>
      <c r="CZ740" s="166">
        <v>285806.59459914197</v>
      </c>
    </row>
    <row r="741" spans="1:104" x14ac:dyDescent="0.2">
      <c r="A741" s="167" t="s">
        <v>272</v>
      </c>
    </row>
    <row r="742" spans="1:104" x14ac:dyDescent="0.2">
      <c r="A742" s="167" t="s">
        <v>1105</v>
      </c>
      <c r="B742" s="166">
        <v>0</v>
      </c>
      <c r="C742" s="166">
        <v>0</v>
      </c>
      <c r="D742" s="166">
        <v>0</v>
      </c>
      <c r="E742" s="166">
        <v>0</v>
      </c>
      <c r="F742" s="166">
        <v>0</v>
      </c>
      <c r="G742" s="166">
        <v>0</v>
      </c>
      <c r="H742" s="166">
        <v>0</v>
      </c>
      <c r="I742" s="166">
        <v>0</v>
      </c>
      <c r="J742" s="166">
        <v>0</v>
      </c>
      <c r="K742" s="166">
        <v>0</v>
      </c>
      <c r="L742" s="166">
        <v>0</v>
      </c>
      <c r="M742" s="166">
        <v>0</v>
      </c>
      <c r="N742" s="166">
        <v>0</v>
      </c>
      <c r="O742" s="166">
        <v>0</v>
      </c>
      <c r="P742" s="166">
        <v>0</v>
      </c>
      <c r="Q742" s="166">
        <v>0</v>
      </c>
      <c r="R742" s="166">
        <v>0</v>
      </c>
      <c r="S742" s="166">
        <v>0</v>
      </c>
      <c r="T742" s="166">
        <v>0</v>
      </c>
      <c r="U742" s="166">
        <v>0</v>
      </c>
      <c r="V742" s="166">
        <v>0</v>
      </c>
      <c r="W742" s="166">
        <v>0</v>
      </c>
      <c r="X742" s="166">
        <v>0</v>
      </c>
      <c r="Y742" s="166">
        <v>0</v>
      </c>
      <c r="Z742" s="166">
        <v>0</v>
      </c>
      <c r="AA742" s="166">
        <v>0</v>
      </c>
      <c r="AB742" s="166">
        <v>0</v>
      </c>
      <c r="AC742" s="166">
        <v>0</v>
      </c>
      <c r="AD742" s="166">
        <v>0</v>
      </c>
      <c r="AE742" s="166">
        <v>0</v>
      </c>
      <c r="AF742" s="166">
        <v>0</v>
      </c>
      <c r="AG742" s="166">
        <v>0</v>
      </c>
      <c r="AH742" s="166">
        <v>0</v>
      </c>
      <c r="AI742" s="166">
        <v>0</v>
      </c>
      <c r="AJ742" s="166">
        <v>0</v>
      </c>
      <c r="AK742" s="166">
        <v>0</v>
      </c>
      <c r="AL742" s="166">
        <v>0</v>
      </c>
      <c r="AM742" s="166">
        <v>0</v>
      </c>
      <c r="AN742" s="166">
        <v>0</v>
      </c>
      <c r="AO742" s="166">
        <v>0</v>
      </c>
      <c r="AP742" s="166">
        <v>0</v>
      </c>
      <c r="AQ742" s="166">
        <v>0</v>
      </c>
      <c r="AR742" s="166">
        <v>0</v>
      </c>
      <c r="AS742" s="166">
        <v>0</v>
      </c>
      <c r="AT742" s="166">
        <v>0</v>
      </c>
      <c r="AU742" s="166">
        <v>0</v>
      </c>
      <c r="AV742" s="166">
        <v>0</v>
      </c>
      <c r="AW742" s="166">
        <v>0</v>
      </c>
      <c r="AX742" s="166">
        <v>0</v>
      </c>
      <c r="AY742" s="166">
        <v>0</v>
      </c>
      <c r="AZ742" s="166">
        <v>0</v>
      </c>
      <c r="BA742" s="166">
        <v>0</v>
      </c>
      <c r="BB742" s="166">
        <v>0</v>
      </c>
      <c r="BC742" s="166">
        <v>0</v>
      </c>
      <c r="BD742" s="166">
        <v>0</v>
      </c>
      <c r="BE742" s="166">
        <v>0</v>
      </c>
      <c r="BF742" s="166">
        <v>0</v>
      </c>
      <c r="BG742" s="166">
        <v>0</v>
      </c>
      <c r="BH742" s="166">
        <v>0</v>
      </c>
      <c r="BI742" s="166">
        <v>0</v>
      </c>
      <c r="BJ742" s="166">
        <v>0</v>
      </c>
      <c r="BK742" s="166">
        <v>0</v>
      </c>
      <c r="BL742" s="166">
        <v>0</v>
      </c>
      <c r="BM742" s="166">
        <v>0</v>
      </c>
      <c r="BN742" s="166">
        <v>0</v>
      </c>
      <c r="BO742" s="166">
        <v>0</v>
      </c>
      <c r="BP742" s="166">
        <v>0</v>
      </c>
      <c r="BQ742" s="166">
        <v>0</v>
      </c>
      <c r="BR742" s="166">
        <v>0</v>
      </c>
      <c r="BS742" s="166">
        <v>0</v>
      </c>
      <c r="BT742" s="168">
        <v>0.97402999999999995</v>
      </c>
      <c r="BU742" s="166">
        <v>0</v>
      </c>
      <c r="BV742" s="166">
        <v>0</v>
      </c>
      <c r="BW742" s="166">
        <v>0</v>
      </c>
      <c r="BX742" s="166">
        <v>0</v>
      </c>
      <c r="BY742" s="166">
        <v>0</v>
      </c>
      <c r="BZ742" s="166">
        <v>0</v>
      </c>
      <c r="CA742" s="166">
        <v>0</v>
      </c>
      <c r="CB742" s="166">
        <v>0</v>
      </c>
      <c r="CC742" s="166">
        <v>0</v>
      </c>
      <c r="CD742" s="166">
        <v>0</v>
      </c>
      <c r="CE742" s="166">
        <v>0</v>
      </c>
      <c r="CF742" s="166">
        <v>0</v>
      </c>
      <c r="CG742" s="166">
        <v>0</v>
      </c>
      <c r="CH742" s="166">
        <v>0</v>
      </c>
      <c r="CI742" s="166">
        <v>0</v>
      </c>
      <c r="CJ742" s="166">
        <v>0</v>
      </c>
      <c r="CK742" s="166">
        <v>0</v>
      </c>
      <c r="CL742" s="166">
        <v>0</v>
      </c>
      <c r="CM742" s="166">
        <v>0</v>
      </c>
      <c r="CN742" s="166">
        <v>0</v>
      </c>
      <c r="CO742" s="166">
        <v>0</v>
      </c>
      <c r="CP742" s="166">
        <v>0</v>
      </c>
      <c r="CQ742" s="166">
        <v>0</v>
      </c>
      <c r="CR742" s="166">
        <v>0</v>
      </c>
      <c r="CS742" s="166">
        <v>0</v>
      </c>
      <c r="CT742" s="166">
        <v>0</v>
      </c>
      <c r="CU742" s="166">
        <v>0</v>
      </c>
      <c r="CV742" s="166">
        <v>0</v>
      </c>
      <c r="CW742" s="166">
        <v>0</v>
      </c>
      <c r="CX742" s="166">
        <v>0</v>
      </c>
      <c r="CY742" s="166">
        <v>0</v>
      </c>
      <c r="CZ742" s="166">
        <v>0</v>
      </c>
    </row>
    <row r="743" spans="1:104" x14ac:dyDescent="0.2">
      <c r="A743" s="167" t="s">
        <v>1106</v>
      </c>
      <c r="B743" s="166">
        <v>0</v>
      </c>
      <c r="C743" s="166">
        <v>0</v>
      </c>
      <c r="D743" s="166">
        <v>0</v>
      </c>
      <c r="E743" s="166">
        <v>0</v>
      </c>
      <c r="F743" s="166">
        <v>0</v>
      </c>
      <c r="G743" s="166">
        <v>0</v>
      </c>
      <c r="H743" s="166">
        <v>0</v>
      </c>
      <c r="I743" s="166">
        <v>0</v>
      </c>
      <c r="J743" s="166">
        <v>0</v>
      </c>
      <c r="K743" s="166">
        <v>0</v>
      </c>
      <c r="L743" s="166">
        <v>0</v>
      </c>
      <c r="M743" s="166">
        <v>0</v>
      </c>
      <c r="N743" s="166">
        <v>0</v>
      </c>
      <c r="O743" s="166">
        <v>0</v>
      </c>
      <c r="P743" s="166">
        <v>0</v>
      </c>
      <c r="Q743" s="166">
        <v>0</v>
      </c>
      <c r="R743" s="166">
        <v>0</v>
      </c>
      <c r="S743" s="166">
        <v>0</v>
      </c>
      <c r="T743" s="166">
        <v>0</v>
      </c>
      <c r="U743" s="166">
        <v>0</v>
      </c>
      <c r="V743" s="166">
        <v>0</v>
      </c>
      <c r="W743" s="166">
        <v>0</v>
      </c>
      <c r="X743" s="166">
        <v>0</v>
      </c>
      <c r="Y743" s="166">
        <v>0</v>
      </c>
      <c r="Z743" s="166">
        <v>0</v>
      </c>
      <c r="AA743" s="166">
        <v>0</v>
      </c>
      <c r="AB743" s="166">
        <v>0</v>
      </c>
      <c r="AC743" s="166">
        <v>0</v>
      </c>
      <c r="AD743" s="166">
        <v>0</v>
      </c>
      <c r="AE743" s="166">
        <v>0</v>
      </c>
      <c r="AF743" s="166">
        <v>0</v>
      </c>
      <c r="AG743" s="166">
        <v>0</v>
      </c>
      <c r="AH743" s="166">
        <v>0</v>
      </c>
      <c r="AI743" s="166">
        <v>0</v>
      </c>
      <c r="AJ743" s="166">
        <v>0</v>
      </c>
      <c r="AK743" s="166">
        <v>0</v>
      </c>
      <c r="AL743" s="166">
        <v>0</v>
      </c>
      <c r="AM743" s="166">
        <v>0</v>
      </c>
      <c r="AN743" s="166">
        <v>0</v>
      </c>
      <c r="AO743" s="166">
        <v>0</v>
      </c>
      <c r="AP743" s="166">
        <v>0</v>
      </c>
      <c r="AQ743" s="166">
        <v>0</v>
      </c>
      <c r="AR743" s="166">
        <v>0</v>
      </c>
      <c r="AS743" s="166">
        <v>0</v>
      </c>
      <c r="AT743" s="166">
        <v>0</v>
      </c>
      <c r="AU743" s="166">
        <v>0</v>
      </c>
      <c r="AV743" s="166">
        <v>0</v>
      </c>
      <c r="AW743" s="166">
        <v>0</v>
      </c>
      <c r="AX743" s="166">
        <v>0</v>
      </c>
      <c r="AY743" s="166">
        <v>0</v>
      </c>
      <c r="AZ743" s="166">
        <v>0</v>
      </c>
      <c r="BA743" s="166">
        <v>0</v>
      </c>
      <c r="BB743" s="166">
        <v>0</v>
      </c>
      <c r="BC743" s="166">
        <v>0</v>
      </c>
      <c r="BD743" s="166">
        <v>0</v>
      </c>
      <c r="BE743" s="166">
        <v>0</v>
      </c>
      <c r="BF743" s="166">
        <v>0</v>
      </c>
      <c r="BG743" s="166">
        <v>0</v>
      </c>
      <c r="BH743" s="166">
        <v>0</v>
      </c>
      <c r="BI743" s="166">
        <v>0</v>
      </c>
      <c r="BJ743" s="166">
        <v>0</v>
      </c>
      <c r="BK743" s="166">
        <v>0</v>
      </c>
      <c r="BL743" s="166">
        <v>0</v>
      </c>
      <c r="BM743" s="166">
        <v>0</v>
      </c>
      <c r="BN743" s="166">
        <v>0</v>
      </c>
      <c r="BO743" s="166">
        <v>0</v>
      </c>
      <c r="BP743" s="166">
        <v>0</v>
      </c>
      <c r="BQ743" s="166">
        <v>0</v>
      </c>
      <c r="BR743" s="166">
        <v>0</v>
      </c>
      <c r="BS743" s="166">
        <v>0</v>
      </c>
      <c r="BT743" s="168">
        <v>0.92637230841245999</v>
      </c>
      <c r="BU743" s="166">
        <v>0</v>
      </c>
      <c r="BV743" s="166">
        <v>0</v>
      </c>
      <c r="BW743" s="166">
        <v>0</v>
      </c>
      <c r="BX743" s="166">
        <v>0</v>
      </c>
      <c r="BY743" s="166">
        <v>0</v>
      </c>
      <c r="BZ743" s="166">
        <v>0</v>
      </c>
      <c r="CA743" s="166">
        <v>0</v>
      </c>
      <c r="CB743" s="166">
        <v>0</v>
      </c>
      <c r="CC743" s="166">
        <v>0</v>
      </c>
      <c r="CD743" s="166">
        <v>0</v>
      </c>
      <c r="CE743" s="166">
        <v>0</v>
      </c>
      <c r="CF743" s="166">
        <v>0</v>
      </c>
      <c r="CG743" s="166">
        <v>0</v>
      </c>
      <c r="CH743" s="166">
        <v>0</v>
      </c>
      <c r="CI743" s="166">
        <v>0</v>
      </c>
      <c r="CJ743" s="166">
        <v>0</v>
      </c>
      <c r="CK743" s="166">
        <v>0</v>
      </c>
      <c r="CL743" s="166">
        <v>0</v>
      </c>
      <c r="CM743" s="166">
        <v>0</v>
      </c>
      <c r="CN743" s="166">
        <v>0</v>
      </c>
      <c r="CO743" s="166">
        <v>0</v>
      </c>
      <c r="CP743" s="166">
        <v>0</v>
      </c>
      <c r="CQ743" s="166">
        <v>0</v>
      </c>
      <c r="CR743" s="166">
        <v>0</v>
      </c>
      <c r="CS743" s="166">
        <v>0</v>
      </c>
      <c r="CT743" s="166">
        <v>0</v>
      </c>
      <c r="CU743" s="166">
        <v>0</v>
      </c>
      <c r="CV743" s="166">
        <v>0</v>
      </c>
      <c r="CW743" s="166">
        <v>0</v>
      </c>
      <c r="CX743" s="166">
        <v>0</v>
      </c>
      <c r="CY743" s="166">
        <v>0</v>
      </c>
      <c r="CZ743" s="166">
        <v>0</v>
      </c>
    </row>
    <row r="744" spans="1:104" x14ac:dyDescent="0.2">
      <c r="A744" s="167" t="s">
        <v>275</v>
      </c>
      <c r="B744" s="166">
        <v>0</v>
      </c>
      <c r="C744" s="166">
        <v>0</v>
      </c>
      <c r="D744" s="166">
        <v>0</v>
      </c>
      <c r="E744" s="166">
        <v>0</v>
      </c>
      <c r="F744" s="166">
        <v>0</v>
      </c>
      <c r="G744" s="166">
        <v>0</v>
      </c>
      <c r="H744" s="166">
        <v>0</v>
      </c>
      <c r="I744" s="166">
        <v>0</v>
      </c>
      <c r="J744" s="166">
        <v>0</v>
      </c>
      <c r="K744" s="166">
        <v>0</v>
      </c>
      <c r="L744" s="166">
        <v>0</v>
      </c>
      <c r="M744" s="166">
        <v>0</v>
      </c>
      <c r="N744" s="166">
        <v>0</v>
      </c>
      <c r="O744" s="166">
        <v>0</v>
      </c>
      <c r="P744" s="166">
        <v>0</v>
      </c>
      <c r="Q744" s="166">
        <v>0</v>
      </c>
      <c r="R744" s="166">
        <v>0</v>
      </c>
      <c r="S744" s="166">
        <v>0</v>
      </c>
      <c r="T744" s="166">
        <v>0</v>
      </c>
      <c r="U744" s="166">
        <v>0</v>
      </c>
      <c r="V744" s="166">
        <v>0</v>
      </c>
      <c r="W744" s="166">
        <v>0</v>
      </c>
      <c r="X744" s="166">
        <v>0</v>
      </c>
      <c r="Y744" s="166">
        <v>0</v>
      </c>
      <c r="Z744" s="166">
        <v>0</v>
      </c>
      <c r="AA744" s="166">
        <v>0</v>
      </c>
      <c r="AB744" s="166">
        <v>0</v>
      </c>
      <c r="AC744" s="166">
        <v>0</v>
      </c>
      <c r="AD744" s="166">
        <v>0</v>
      </c>
      <c r="AE744" s="166">
        <v>0</v>
      </c>
      <c r="AF744" s="166">
        <v>0</v>
      </c>
      <c r="AG744" s="166">
        <v>0</v>
      </c>
      <c r="AH744" s="166">
        <v>0</v>
      </c>
      <c r="AI744" s="166">
        <v>0</v>
      </c>
      <c r="AJ744" s="166">
        <v>0</v>
      </c>
      <c r="AK744" s="166">
        <v>0</v>
      </c>
      <c r="AL744" s="166">
        <v>0</v>
      </c>
      <c r="AM744" s="166">
        <v>0</v>
      </c>
      <c r="AN744" s="166">
        <v>0</v>
      </c>
      <c r="AO744" s="166">
        <v>0</v>
      </c>
      <c r="AP744" s="166">
        <v>0</v>
      </c>
      <c r="AQ744" s="166">
        <v>0</v>
      </c>
      <c r="AR744" s="166">
        <v>0</v>
      </c>
      <c r="AS744" s="166">
        <v>0</v>
      </c>
      <c r="AT744" s="166">
        <v>0</v>
      </c>
      <c r="AU744" s="166">
        <v>0</v>
      </c>
      <c r="AV744" s="166">
        <v>0</v>
      </c>
      <c r="AW744" s="166">
        <v>0</v>
      </c>
      <c r="AX744" s="166">
        <v>0</v>
      </c>
      <c r="AY744" s="166">
        <v>0</v>
      </c>
      <c r="AZ744" s="166">
        <v>0</v>
      </c>
      <c r="BA744" s="166">
        <v>0</v>
      </c>
      <c r="BB744" s="166">
        <v>0</v>
      </c>
      <c r="BC744" s="166">
        <v>0</v>
      </c>
      <c r="BD744" s="166">
        <v>0</v>
      </c>
      <c r="BE744" s="166">
        <v>0</v>
      </c>
      <c r="BF744" s="166">
        <v>0</v>
      </c>
      <c r="BG744" s="166">
        <v>0</v>
      </c>
      <c r="BH744" s="166">
        <v>0</v>
      </c>
      <c r="BI744" s="166">
        <v>0</v>
      </c>
      <c r="BJ744" s="166">
        <v>0</v>
      </c>
      <c r="BK744" s="166">
        <v>0</v>
      </c>
      <c r="BL744" s="166">
        <v>0</v>
      </c>
      <c r="BM744" s="166">
        <v>0</v>
      </c>
      <c r="BN744" s="166">
        <v>0</v>
      </c>
      <c r="BO744" s="166">
        <v>0</v>
      </c>
      <c r="BP744" s="166">
        <v>0</v>
      </c>
      <c r="BQ744" s="166">
        <v>0</v>
      </c>
      <c r="BR744" s="166">
        <v>0</v>
      </c>
      <c r="BS744" s="166">
        <v>0</v>
      </c>
      <c r="BT744" s="168">
        <v>0.95109934560116105</v>
      </c>
      <c r="BU744" s="166">
        <v>0</v>
      </c>
      <c r="BV744" s="166">
        <v>0</v>
      </c>
      <c r="BW744" s="166">
        <v>0</v>
      </c>
      <c r="BX744" s="166">
        <v>0</v>
      </c>
      <c r="BY744" s="166">
        <v>0</v>
      </c>
      <c r="BZ744" s="166">
        <v>0</v>
      </c>
      <c r="CA744" s="166">
        <v>0</v>
      </c>
      <c r="CB744" s="166">
        <v>0</v>
      </c>
      <c r="CC744" s="166">
        <v>0</v>
      </c>
      <c r="CD744" s="166">
        <v>0</v>
      </c>
      <c r="CE744" s="166">
        <v>0</v>
      </c>
      <c r="CF744" s="166">
        <v>0</v>
      </c>
      <c r="CG744" s="166">
        <v>0</v>
      </c>
      <c r="CH744" s="166">
        <v>0</v>
      </c>
      <c r="CI744" s="166">
        <v>0</v>
      </c>
      <c r="CJ744" s="166">
        <v>0</v>
      </c>
      <c r="CK744" s="166">
        <v>0</v>
      </c>
      <c r="CL744" s="166">
        <v>0</v>
      </c>
      <c r="CM744" s="166">
        <v>0</v>
      </c>
      <c r="CN744" s="166">
        <v>0</v>
      </c>
      <c r="CO744" s="166">
        <v>0</v>
      </c>
      <c r="CP744" s="166">
        <v>0</v>
      </c>
      <c r="CQ744" s="166">
        <v>0</v>
      </c>
      <c r="CR744" s="166">
        <v>0</v>
      </c>
      <c r="CS744" s="166">
        <v>0</v>
      </c>
      <c r="CT744" s="166">
        <v>0</v>
      </c>
      <c r="CU744" s="166">
        <v>0</v>
      </c>
      <c r="CV744" s="166">
        <v>0</v>
      </c>
      <c r="CW744" s="166">
        <v>0</v>
      </c>
      <c r="CX744" s="166">
        <v>0</v>
      </c>
      <c r="CY744" s="166">
        <v>0</v>
      </c>
      <c r="CZ744" s="166">
        <v>0</v>
      </c>
    </row>
    <row r="745" spans="1:104" x14ac:dyDescent="0.2">
      <c r="A745" s="167" t="s">
        <v>276</v>
      </c>
      <c r="B745" s="166">
        <v>0</v>
      </c>
      <c r="C745" s="166">
        <v>0</v>
      </c>
      <c r="D745" s="166">
        <v>0</v>
      </c>
      <c r="E745" s="166">
        <v>0</v>
      </c>
      <c r="F745" s="166">
        <v>0</v>
      </c>
      <c r="G745" s="166">
        <v>0</v>
      </c>
      <c r="H745" s="166">
        <v>0</v>
      </c>
      <c r="I745" s="166">
        <v>0</v>
      </c>
      <c r="J745" s="166">
        <v>0</v>
      </c>
      <c r="K745" s="166">
        <v>0</v>
      </c>
      <c r="L745" s="166">
        <v>0</v>
      </c>
      <c r="M745" s="166">
        <v>0</v>
      </c>
      <c r="N745" s="166">
        <v>0</v>
      </c>
      <c r="O745" s="166">
        <v>0</v>
      </c>
      <c r="P745" s="166">
        <v>0</v>
      </c>
      <c r="Q745" s="166">
        <v>0</v>
      </c>
      <c r="R745" s="166">
        <v>0</v>
      </c>
      <c r="S745" s="166">
        <v>0</v>
      </c>
      <c r="T745" s="166">
        <v>0</v>
      </c>
      <c r="U745" s="166">
        <v>0</v>
      </c>
      <c r="V745" s="166">
        <v>0</v>
      </c>
      <c r="W745" s="166">
        <v>0</v>
      </c>
      <c r="X745" s="166">
        <v>0</v>
      </c>
      <c r="Y745" s="166">
        <v>0</v>
      </c>
      <c r="Z745" s="166">
        <v>0</v>
      </c>
      <c r="AA745" s="166">
        <v>0</v>
      </c>
      <c r="AB745" s="166">
        <v>0</v>
      </c>
      <c r="AC745" s="166">
        <v>0</v>
      </c>
      <c r="AD745" s="166">
        <v>0</v>
      </c>
      <c r="AE745" s="166">
        <v>0</v>
      </c>
      <c r="AF745" s="166">
        <v>0</v>
      </c>
      <c r="AG745" s="166">
        <v>0</v>
      </c>
      <c r="AH745" s="166">
        <v>0</v>
      </c>
      <c r="AI745" s="166">
        <v>0</v>
      </c>
      <c r="AJ745" s="166">
        <v>0</v>
      </c>
      <c r="AK745" s="166">
        <v>0</v>
      </c>
      <c r="AL745" s="166">
        <v>0</v>
      </c>
      <c r="AM745" s="166">
        <v>0</v>
      </c>
      <c r="AN745" s="166">
        <v>0</v>
      </c>
      <c r="AO745" s="166">
        <v>0</v>
      </c>
      <c r="AP745" s="166">
        <v>0</v>
      </c>
      <c r="AQ745" s="166">
        <v>0</v>
      </c>
      <c r="AR745" s="166">
        <v>0</v>
      </c>
      <c r="AS745" s="166">
        <v>0</v>
      </c>
      <c r="AT745" s="166">
        <v>0</v>
      </c>
      <c r="AU745" s="166">
        <v>0</v>
      </c>
      <c r="AV745" s="166">
        <v>0</v>
      </c>
      <c r="AW745" s="166">
        <v>0</v>
      </c>
      <c r="AX745" s="166">
        <v>0</v>
      </c>
      <c r="AY745" s="166">
        <v>0</v>
      </c>
      <c r="AZ745" s="166">
        <v>0</v>
      </c>
      <c r="BA745" s="166">
        <v>0</v>
      </c>
      <c r="BB745" s="166">
        <v>0</v>
      </c>
      <c r="BC745" s="166">
        <v>0</v>
      </c>
      <c r="BD745" s="166">
        <v>0</v>
      </c>
      <c r="BE745" s="166">
        <v>0</v>
      </c>
      <c r="BF745" s="166">
        <v>0</v>
      </c>
      <c r="BG745" s="166">
        <v>0</v>
      </c>
      <c r="BH745" s="166">
        <v>0</v>
      </c>
      <c r="BI745" s="166">
        <v>0</v>
      </c>
      <c r="BJ745" s="166">
        <v>0</v>
      </c>
      <c r="BK745" s="166">
        <v>0</v>
      </c>
      <c r="BL745" s="166">
        <v>0</v>
      </c>
      <c r="BM745" s="166">
        <v>0</v>
      </c>
      <c r="BN745" s="166">
        <v>0</v>
      </c>
      <c r="BO745" s="166">
        <v>0</v>
      </c>
      <c r="BP745" s="166">
        <v>0</v>
      </c>
      <c r="BQ745" s="166">
        <v>0</v>
      </c>
      <c r="BR745" s="166">
        <v>0</v>
      </c>
      <c r="BS745" s="166">
        <v>0</v>
      </c>
      <c r="BT745" s="168">
        <v>0.97403133392564201</v>
      </c>
      <c r="BU745" s="166">
        <v>0</v>
      </c>
      <c r="BV745" s="166">
        <v>0</v>
      </c>
      <c r="BW745" s="166">
        <v>0</v>
      </c>
      <c r="BX745" s="166">
        <v>0</v>
      </c>
      <c r="BY745" s="166">
        <v>0</v>
      </c>
      <c r="BZ745" s="166">
        <v>0</v>
      </c>
      <c r="CA745" s="166">
        <v>0</v>
      </c>
      <c r="CB745" s="166">
        <v>0</v>
      </c>
      <c r="CC745" s="166">
        <v>0</v>
      </c>
      <c r="CD745" s="166">
        <v>0</v>
      </c>
      <c r="CE745" s="166">
        <v>0</v>
      </c>
      <c r="CF745" s="166">
        <v>0</v>
      </c>
      <c r="CG745" s="166">
        <v>0</v>
      </c>
      <c r="CH745" s="166">
        <v>0</v>
      </c>
      <c r="CI745" s="166">
        <v>0</v>
      </c>
      <c r="CJ745" s="166">
        <v>0</v>
      </c>
      <c r="CK745" s="166">
        <v>0</v>
      </c>
      <c r="CL745" s="166">
        <v>0</v>
      </c>
      <c r="CM745" s="166">
        <v>0</v>
      </c>
      <c r="CN745" s="166">
        <v>0</v>
      </c>
      <c r="CO745" s="166">
        <v>0</v>
      </c>
      <c r="CP745" s="166">
        <v>0</v>
      </c>
      <c r="CQ745" s="166">
        <v>0</v>
      </c>
      <c r="CR745" s="166">
        <v>0</v>
      </c>
      <c r="CS745" s="166">
        <v>0</v>
      </c>
      <c r="CT745" s="166">
        <v>0</v>
      </c>
      <c r="CU745" s="166">
        <v>0</v>
      </c>
      <c r="CV745" s="166">
        <v>0</v>
      </c>
      <c r="CW745" s="166">
        <v>0</v>
      </c>
      <c r="CX745" s="166">
        <v>0</v>
      </c>
      <c r="CY745" s="166">
        <v>0</v>
      </c>
      <c r="CZ745" s="166">
        <v>0</v>
      </c>
    </row>
    <row r="746" spans="1:104" x14ac:dyDescent="0.2">
      <c r="A746" s="167" t="s">
        <v>1107</v>
      </c>
      <c r="B746" s="166">
        <v>0</v>
      </c>
      <c r="C746" s="166">
        <v>0</v>
      </c>
      <c r="D746" s="166">
        <v>0</v>
      </c>
      <c r="E746" s="166">
        <v>0</v>
      </c>
      <c r="F746" s="166">
        <v>0</v>
      </c>
      <c r="G746" s="166">
        <v>0</v>
      </c>
      <c r="H746" s="166">
        <v>0</v>
      </c>
      <c r="I746" s="166">
        <v>0</v>
      </c>
      <c r="J746" s="166">
        <v>0</v>
      </c>
      <c r="K746" s="166">
        <v>0</v>
      </c>
      <c r="L746" s="166">
        <v>0</v>
      </c>
      <c r="M746" s="166">
        <v>0</v>
      </c>
      <c r="N746" s="166">
        <v>0</v>
      </c>
      <c r="O746" s="166">
        <v>0</v>
      </c>
      <c r="P746" s="166">
        <v>0</v>
      </c>
      <c r="Q746" s="166">
        <v>0</v>
      </c>
      <c r="R746" s="166">
        <v>0</v>
      </c>
      <c r="S746" s="166">
        <v>0</v>
      </c>
      <c r="T746" s="166">
        <v>0</v>
      </c>
      <c r="U746" s="166">
        <v>0</v>
      </c>
      <c r="V746" s="166">
        <v>0</v>
      </c>
      <c r="W746" s="166">
        <v>0</v>
      </c>
      <c r="X746" s="166">
        <v>0</v>
      </c>
      <c r="Y746" s="166">
        <v>0</v>
      </c>
      <c r="Z746" s="166">
        <v>0</v>
      </c>
      <c r="AA746" s="166">
        <v>0</v>
      </c>
      <c r="AB746" s="166">
        <v>0</v>
      </c>
      <c r="AC746" s="166">
        <v>0</v>
      </c>
      <c r="AD746" s="166">
        <v>0</v>
      </c>
      <c r="AE746" s="166">
        <v>0</v>
      </c>
      <c r="AF746" s="166">
        <v>0</v>
      </c>
      <c r="AG746" s="166">
        <v>0</v>
      </c>
      <c r="AH746" s="166">
        <v>0</v>
      </c>
      <c r="AI746" s="166">
        <v>0</v>
      </c>
      <c r="AJ746" s="166">
        <v>0</v>
      </c>
      <c r="AK746" s="166">
        <v>0</v>
      </c>
      <c r="AL746" s="166">
        <v>0</v>
      </c>
      <c r="AM746" s="166">
        <v>0</v>
      </c>
      <c r="AN746" s="166">
        <v>0</v>
      </c>
      <c r="AO746" s="166">
        <v>0</v>
      </c>
      <c r="AP746" s="166">
        <v>0</v>
      </c>
      <c r="AQ746" s="166">
        <v>0</v>
      </c>
      <c r="AR746" s="166">
        <v>0</v>
      </c>
      <c r="AS746" s="166">
        <v>0</v>
      </c>
      <c r="AT746" s="166">
        <v>0</v>
      </c>
      <c r="AU746" s="166">
        <v>0</v>
      </c>
      <c r="AV746" s="166">
        <v>0</v>
      </c>
      <c r="AW746" s="166">
        <v>0</v>
      </c>
      <c r="AX746" s="166">
        <v>0</v>
      </c>
      <c r="AY746" s="166">
        <v>0</v>
      </c>
      <c r="AZ746" s="166">
        <v>0</v>
      </c>
      <c r="BA746" s="166">
        <v>0</v>
      </c>
      <c r="BB746" s="166">
        <v>0</v>
      </c>
      <c r="BC746" s="166">
        <v>0</v>
      </c>
      <c r="BD746" s="166">
        <v>0</v>
      </c>
      <c r="BE746" s="166">
        <v>0</v>
      </c>
      <c r="BF746" s="166">
        <v>0</v>
      </c>
      <c r="BG746" s="166">
        <v>0</v>
      </c>
      <c r="BH746" s="166">
        <v>0</v>
      </c>
      <c r="BI746" s="166">
        <v>0</v>
      </c>
      <c r="BJ746" s="166">
        <v>0</v>
      </c>
      <c r="BK746" s="166">
        <v>0</v>
      </c>
      <c r="BL746" s="166">
        <v>0</v>
      </c>
      <c r="BM746" s="166">
        <v>0</v>
      </c>
      <c r="BN746" s="166">
        <v>0</v>
      </c>
      <c r="BO746" s="166">
        <v>0</v>
      </c>
      <c r="BP746" s="166">
        <v>0</v>
      </c>
      <c r="BQ746" s="166">
        <v>0</v>
      </c>
      <c r="BR746" s="166">
        <v>0</v>
      </c>
      <c r="BS746" s="166">
        <v>0</v>
      </c>
      <c r="BT746" s="168">
        <v>0.72041766170058497</v>
      </c>
      <c r="BU746" s="166">
        <v>0</v>
      </c>
      <c r="BV746" s="166">
        <v>0</v>
      </c>
      <c r="BW746" s="166">
        <v>0</v>
      </c>
      <c r="BX746" s="166">
        <v>0</v>
      </c>
      <c r="BY746" s="166">
        <v>0</v>
      </c>
      <c r="BZ746" s="166">
        <v>0</v>
      </c>
      <c r="CA746" s="166">
        <v>0</v>
      </c>
      <c r="CB746" s="166">
        <v>0</v>
      </c>
      <c r="CC746" s="166">
        <v>0</v>
      </c>
      <c r="CD746" s="166">
        <v>0</v>
      </c>
      <c r="CE746" s="166">
        <v>0</v>
      </c>
      <c r="CF746" s="166">
        <v>0</v>
      </c>
      <c r="CG746" s="166">
        <v>0</v>
      </c>
      <c r="CH746" s="166">
        <v>0</v>
      </c>
      <c r="CI746" s="166">
        <v>0</v>
      </c>
      <c r="CJ746" s="166">
        <v>0</v>
      </c>
      <c r="CK746" s="166">
        <v>0</v>
      </c>
      <c r="CL746" s="166">
        <v>0</v>
      </c>
      <c r="CM746" s="166">
        <v>0</v>
      </c>
      <c r="CN746" s="166">
        <v>0</v>
      </c>
      <c r="CO746" s="166">
        <v>0</v>
      </c>
      <c r="CP746" s="166">
        <v>0</v>
      </c>
      <c r="CQ746" s="166">
        <v>0</v>
      </c>
      <c r="CR746" s="166">
        <v>0</v>
      </c>
      <c r="CS746" s="166">
        <v>0</v>
      </c>
      <c r="CT746" s="166">
        <v>0</v>
      </c>
      <c r="CU746" s="166">
        <v>0</v>
      </c>
      <c r="CV746" s="166">
        <v>0</v>
      </c>
      <c r="CW746" s="166">
        <v>0</v>
      </c>
      <c r="CX746" s="166">
        <v>0</v>
      </c>
      <c r="CY746" s="166">
        <v>0</v>
      </c>
      <c r="CZ746" s="166">
        <v>0</v>
      </c>
    </row>
    <row r="747" spans="1:104" x14ac:dyDescent="0.2">
      <c r="A747" s="167" t="s">
        <v>1108</v>
      </c>
      <c r="B747" s="166">
        <v>0</v>
      </c>
      <c r="C747" s="166">
        <v>0</v>
      </c>
      <c r="D747" s="166">
        <v>0</v>
      </c>
      <c r="E747" s="166">
        <v>0</v>
      </c>
      <c r="F747" s="166">
        <v>0</v>
      </c>
      <c r="G747" s="166">
        <v>0</v>
      </c>
      <c r="H747" s="166">
        <v>0</v>
      </c>
      <c r="I747" s="166">
        <v>0</v>
      </c>
      <c r="J747" s="166">
        <v>0</v>
      </c>
      <c r="K747" s="166">
        <v>0</v>
      </c>
      <c r="L747" s="166">
        <v>0</v>
      </c>
      <c r="M747" s="166">
        <v>0</v>
      </c>
      <c r="N747" s="166">
        <v>0</v>
      </c>
      <c r="O747" s="166">
        <v>0</v>
      </c>
      <c r="P747" s="166">
        <v>0</v>
      </c>
      <c r="Q747" s="166">
        <v>0</v>
      </c>
      <c r="R747" s="166">
        <v>0</v>
      </c>
      <c r="S747" s="166">
        <v>0</v>
      </c>
      <c r="T747" s="166">
        <v>0</v>
      </c>
      <c r="U747" s="166">
        <v>0</v>
      </c>
      <c r="V747" s="166">
        <v>0</v>
      </c>
      <c r="W747" s="166">
        <v>0</v>
      </c>
      <c r="X747" s="166">
        <v>0</v>
      </c>
      <c r="Y747" s="166">
        <v>0</v>
      </c>
      <c r="Z747" s="166">
        <v>0</v>
      </c>
      <c r="AA747" s="166">
        <v>0</v>
      </c>
      <c r="AB747" s="166">
        <v>0</v>
      </c>
      <c r="AC747" s="166">
        <v>0</v>
      </c>
      <c r="AD747" s="166">
        <v>0</v>
      </c>
      <c r="AE747" s="166">
        <v>0</v>
      </c>
      <c r="AF747" s="166">
        <v>0</v>
      </c>
      <c r="AG747" s="166">
        <v>0</v>
      </c>
      <c r="AH747" s="166">
        <v>0</v>
      </c>
      <c r="AI747" s="166">
        <v>0</v>
      </c>
      <c r="AJ747" s="166">
        <v>0</v>
      </c>
      <c r="AK747" s="166">
        <v>0</v>
      </c>
      <c r="AL747" s="166">
        <v>0</v>
      </c>
      <c r="AM747" s="166">
        <v>0</v>
      </c>
      <c r="AN747" s="166">
        <v>0</v>
      </c>
      <c r="AO747" s="166">
        <v>0</v>
      </c>
      <c r="AP747" s="166">
        <v>0</v>
      </c>
      <c r="AQ747" s="166">
        <v>0</v>
      </c>
      <c r="AR747" s="166">
        <v>0</v>
      </c>
      <c r="AS747" s="166">
        <v>0</v>
      </c>
      <c r="AT747" s="166">
        <v>0</v>
      </c>
      <c r="AU747" s="166">
        <v>0</v>
      </c>
      <c r="AV747" s="166">
        <v>0</v>
      </c>
      <c r="AW747" s="166">
        <v>0</v>
      </c>
      <c r="AX747" s="166">
        <v>0</v>
      </c>
      <c r="AY747" s="166">
        <v>0</v>
      </c>
      <c r="AZ747" s="166">
        <v>0</v>
      </c>
      <c r="BA747" s="166">
        <v>0</v>
      </c>
      <c r="BB747" s="166">
        <v>0</v>
      </c>
      <c r="BC747" s="166">
        <v>0</v>
      </c>
      <c r="BD747" s="166">
        <v>0</v>
      </c>
      <c r="BE747" s="166">
        <v>0</v>
      </c>
      <c r="BF747" s="166">
        <v>0</v>
      </c>
      <c r="BG747" s="166">
        <v>0</v>
      </c>
      <c r="BH747" s="166">
        <v>0</v>
      </c>
      <c r="BI747" s="166">
        <v>0</v>
      </c>
      <c r="BJ747" s="166">
        <v>0</v>
      </c>
      <c r="BK747" s="166">
        <v>0</v>
      </c>
      <c r="BL747" s="166">
        <v>0</v>
      </c>
      <c r="BM747" s="166">
        <v>0</v>
      </c>
      <c r="BN747" s="166">
        <v>0</v>
      </c>
      <c r="BO747" s="166">
        <v>0</v>
      </c>
      <c r="BP747" s="166">
        <v>0</v>
      </c>
      <c r="BQ747" s="166">
        <v>0</v>
      </c>
      <c r="BR747" s="166">
        <v>0</v>
      </c>
      <c r="BS747" s="166">
        <v>0</v>
      </c>
      <c r="BT747" s="168">
        <v>0</v>
      </c>
      <c r="BU747" s="166">
        <v>0</v>
      </c>
      <c r="BV747" s="166">
        <v>0</v>
      </c>
      <c r="BW747" s="166">
        <v>0</v>
      </c>
      <c r="BX747" s="166">
        <v>0</v>
      </c>
      <c r="BY747" s="166">
        <v>0</v>
      </c>
      <c r="BZ747" s="166">
        <v>0</v>
      </c>
      <c r="CA747" s="166">
        <v>0</v>
      </c>
      <c r="CB747" s="166">
        <v>0</v>
      </c>
      <c r="CC747" s="166">
        <v>0</v>
      </c>
      <c r="CD747" s="166">
        <v>0</v>
      </c>
      <c r="CE747" s="166">
        <v>0</v>
      </c>
      <c r="CF747" s="166">
        <v>0</v>
      </c>
      <c r="CG747" s="166">
        <v>0</v>
      </c>
      <c r="CH747" s="166">
        <v>0</v>
      </c>
      <c r="CI747" s="166">
        <v>0</v>
      </c>
      <c r="CJ747" s="166">
        <v>0</v>
      </c>
      <c r="CK747" s="166">
        <v>0</v>
      </c>
      <c r="CL747" s="166">
        <v>0</v>
      </c>
      <c r="CM747" s="166">
        <v>0</v>
      </c>
      <c r="CN747" s="166">
        <v>0</v>
      </c>
      <c r="CO747" s="166">
        <v>0</v>
      </c>
      <c r="CP747" s="166">
        <v>0</v>
      </c>
      <c r="CQ747" s="166">
        <v>0</v>
      </c>
      <c r="CR747" s="166">
        <v>0</v>
      </c>
      <c r="CS747" s="166">
        <v>0</v>
      </c>
      <c r="CT747" s="166">
        <v>0</v>
      </c>
      <c r="CU747" s="166">
        <v>0</v>
      </c>
      <c r="CV747" s="166">
        <v>0</v>
      </c>
      <c r="CW747" s="166">
        <v>0</v>
      </c>
      <c r="CX747" s="166">
        <v>0</v>
      </c>
      <c r="CY747" s="166">
        <v>0</v>
      </c>
      <c r="CZ747" s="166">
        <v>0</v>
      </c>
    </row>
    <row r="748" spans="1:104" x14ac:dyDescent="0.2">
      <c r="A748" s="170" t="s">
        <v>279</v>
      </c>
      <c r="B748" s="166">
        <v>14583013.589999899</v>
      </c>
      <c r="C748" s="166">
        <v>14583013.589999899</v>
      </c>
      <c r="D748" s="166">
        <v>0</v>
      </c>
      <c r="E748" s="166">
        <v>0</v>
      </c>
      <c r="F748" s="166">
        <v>0</v>
      </c>
      <c r="G748" s="166">
        <v>0</v>
      </c>
      <c r="H748" s="166">
        <v>0</v>
      </c>
      <c r="I748" s="166">
        <v>0</v>
      </c>
      <c r="J748" s="166">
        <v>0</v>
      </c>
      <c r="K748" s="166">
        <v>0</v>
      </c>
      <c r="L748" s="166">
        <v>0</v>
      </c>
      <c r="M748" s="166">
        <v>0</v>
      </c>
      <c r="N748" s="166">
        <v>0</v>
      </c>
      <c r="O748" s="166">
        <v>0</v>
      </c>
      <c r="P748" s="166">
        <v>0</v>
      </c>
      <c r="Q748" s="166">
        <v>0</v>
      </c>
      <c r="R748" s="166">
        <v>0</v>
      </c>
      <c r="S748" s="166">
        <v>0</v>
      </c>
      <c r="T748" s="166">
        <v>0</v>
      </c>
      <c r="U748" s="166">
        <v>0</v>
      </c>
      <c r="V748" s="166">
        <v>0</v>
      </c>
      <c r="W748" s="166">
        <v>0</v>
      </c>
      <c r="X748" s="166">
        <v>0</v>
      </c>
      <c r="Y748" s="166">
        <v>0</v>
      </c>
      <c r="Z748" s="166">
        <v>0</v>
      </c>
      <c r="AA748" s="166">
        <v>0</v>
      </c>
      <c r="AB748" s="166">
        <v>0</v>
      </c>
      <c r="AC748" s="166">
        <v>0</v>
      </c>
      <c r="AD748" s="166">
        <v>0</v>
      </c>
      <c r="AE748" s="166">
        <v>0</v>
      </c>
      <c r="AF748" s="166">
        <v>0</v>
      </c>
      <c r="AG748" s="166">
        <v>0</v>
      </c>
      <c r="AH748" s="166">
        <v>0</v>
      </c>
      <c r="AI748" s="166">
        <v>0</v>
      </c>
      <c r="AJ748" s="166">
        <v>0</v>
      </c>
      <c r="AK748" s="166">
        <v>0</v>
      </c>
      <c r="AL748" s="166">
        <v>0</v>
      </c>
      <c r="AM748" s="166">
        <v>0</v>
      </c>
      <c r="AN748" s="166">
        <v>0</v>
      </c>
      <c r="AO748" s="166">
        <v>0</v>
      </c>
      <c r="AP748" s="166">
        <v>0</v>
      </c>
      <c r="AQ748" s="166">
        <v>0</v>
      </c>
      <c r="AR748" s="166">
        <v>0</v>
      </c>
      <c r="AS748" s="166">
        <v>0</v>
      </c>
      <c r="AT748" s="166">
        <v>0</v>
      </c>
      <c r="AU748" s="166">
        <v>0</v>
      </c>
      <c r="AV748" s="166">
        <v>0</v>
      </c>
      <c r="AW748" s="166">
        <v>0</v>
      </c>
      <c r="AX748" s="166">
        <v>0</v>
      </c>
      <c r="AY748" s="166">
        <v>0</v>
      </c>
      <c r="AZ748" s="166">
        <v>0</v>
      </c>
      <c r="BA748" s="166">
        <v>0</v>
      </c>
      <c r="BB748" s="166">
        <v>0</v>
      </c>
      <c r="BC748" s="166">
        <v>0</v>
      </c>
      <c r="BD748" s="166">
        <v>0</v>
      </c>
      <c r="BE748" s="166">
        <v>0</v>
      </c>
      <c r="BF748" s="166">
        <v>0</v>
      </c>
      <c r="BG748" s="166">
        <v>0</v>
      </c>
      <c r="BH748" s="166">
        <v>0</v>
      </c>
      <c r="BI748" s="166">
        <v>0</v>
      </c>
      <c r="BJ748" s="166">
        <v>0</v>
      </c>
      <c r="BK748" s="166">
        <v>0</v>
      </c>
      <c r="BL748" s="166">
        <v>0</v>
      </c>
      <c r="BM748" s="166">
        <v>0</v>
      </c>
      <c r="BN748" s="166">
        <v>0</v>
      </c>
      <c r="BO748" s="166">
        <v>0</v>
      </c>
      <c r="BP748" s="166">
        <v>0</v>
      </c>
      <c r="BQ748" s="166">
        <v>0</v>
      </c>
      <c r="BR748" s="166">
        <v>14583013.589999899</v>
      </c>
      <c r="BS748" s="166">
        <v>14583013.589999899</v>
      </c>
      <c r="BT748" s="168">
        <v>0</v>
      </c>
      <c r="BU748" s="166">
        <v>430083.72672326001</v>
      </c>
      <c r="BV748" s="166">
        <v>10631195.211243499</v>
      </c>
      <c r="BW748" s="166">
        <v>0</v>
      </c>
      <c r="BX748" s="166">
        <v>0</v>
      </c>
      <c r="BY748" s="166">
        <v>0</v>
      </c>
      <c r="BZ748" s="166">
        <v>0</v>
      </c>
      <c r="CA748" s="166">
        <v>0</v>
      </c>
      <c r="CB748" s="166">
        <v>0</v>
      </c>
      <c r="CC748" s="166">
        <v>0</v>
      </c>
      <c r="CD748" s="166">
        <v>0</v>
      </c>
      <c r="CE748" s="166">
        <v>0</v>
      </c>
      <c r="CF748" s="166">
        <v>0</v>
      </c>
      <c r="CG748" s="166">
        <v>0</v>
      </c>
      <c r="CH748" s="166">
        <v>0</v>
      </c>
      <c r="CI748" s="166">
        <v>0</v>
      </c>
      <c r="CJ748" s="166">
        <v>0</v>
      </c>
      <c r="CK748" s="166">
        <v>0</v>
      </c>
      <c r="CL748" s="166">
        <v>0</v>
      </c>
      <c r="CM748" s="166">
        <v>0</v>
      </c>
      <c r="CN748" s="166">
        <v>0</v>
      </c>
      <c r="CO748" s="166">
        <v>0</v>
      </c>
      <c r="CP748" s="166">
        <v>0</v>
      </c>
      <c r="CQ748" s="166">
        <v>0</v>
      </c>
      <c r="CR748" s="166">
        <v>0</v>
      </c>
      <c r="CS748" s="166">
        <v>0</v>
      </c>
      <c r="CT748" s="166">
        <v>0</v>
      </c>
      <c r="CU748" s="166">
        <v>0</v>
      </c>
      <c r="CV748" s="166">
        <v>0</v>
      </c>
      <c r="CW748" s="166">
        <v>0</v>
      </c>
      <c r="CX748" s="166">
        <v>0</v>
      </c>
      <c r="CY748" s="166">
        <v>10631195.211243499</v>
      </c>
      <c r="CZ748" s="166">
        <v>10631195.211243499</v>
      </c>
    </row>
    <row r="749" spans="1:104" x14ac:dyDescent="0.2">
      <c r="A749" s="167" t="s">
        <v>280</v>
      </c>
    </row>
    <row r="750" spans="1:104" x14ac:dyDescent="0.2">
      <c r="A750" s="170" t="s">
        <v>281</v>
      </c>
      <c r="B750" s="166">
        <v>41467750.589999899</v>
      </c>
      <c r="C750" s="166">
        <v>41467750.589999899</v>
      </c>
      <c r="D750" s="166">
        <v>0</v>
      </c>
      <c r="E750" s="166">
        <v>0</v>
      </c>
      <c r="F750" s="166">
        <v>0</v>
      </c>
      <c r="G750" s="166">
        <v>0</v>
      </c>
      <c r="H750" s="166">
        <v>0</v>
      </c>
      <c r="I750" s="166">
        <v>0</v>
      </c>
      <c r="J750" s="166">
        <v>0</v>
      </c>
      <c r="K750" s="166">
        <v>0</v>
      </c>
      <c r="L750" s="166">
        <v>0</v>
      </c>
      <c r="M750" s="166">
        <v>0</v>
      </c>
      <c r="N750" s="166">
        <v>0</v>
      </c>
      <c r="O750" s="166">
        <v>0</v>
      </c>
      <c r="P750" s="166">
        <v>0</v>
      </c>
      <c r="Q750" s="166">
        <v>0</v>
      </c>
      <c r="R750" s="166">
        <v>0</v>
      </c>
      <c r="S750" s="166">
        <v>0</v>
      </c>
      <c r="T750" s="166">
        <v>0</v>
      </c>
      <c r="U750" s="166">
        <v>0</v>
      </c>
      <c r="V750" s="166">
        <v>0</v>
      </c>
      <c r="W750" s="166">
        <v>0</v>
      </c>
      <c r="X750" s="166">
        <v>0</v>
      </c>
      <c r="Y750" s="166">
        <v>0</v>
      </c>
      <c r="Z750" s="166">
        <v>0</v>
      </c>
      <c r="AA750" s="166">
        <v>0</v>
      </c>
      <c r="AB750" s="166">
        <v>0</v>
      </c>
      <c r="AC750" s="166">
        <v>0</v>
      </c>
      <c r="AD750" s="166">
        <v>0</v>
      </c>
      <c r="AE750" s="166">
        <v>0</v>
      </c>
      <c r="AF750" s="166">
        <v>0</v>
      </c>
      <c r="AG750" s="166">
        <v>0</v>
      </c>
      <c r="AH750" s="166">
        <v>0</v>
      </c>
      <c r="AI750" s="166">
        <v>0</v>
      </c>
      <c r="AJ750" s="166">
        <v>0</v>
      </c>
      <c r="AK750" s="166">
        <v>0</v>
      </c>
      <c r="AL750" s="166">
        <v>0</v>
      </c>
      <c r="AM750" s="166">
        <v>0</v>
      </c>
      <c r="AN750" s="166">
        <v>0</v>
      </c>
      <c r="AO750" s="166">
        <v>0</v>
      </c>
      <c r="AP750" s="166">
        <v>0</v>
      </c>
      <c r="AQ750" s="166">
        <v>0</v>
      </c>
      <c r="AR750" s="166">
        <v>0</v>
      </c>
      <c r="AS750" s="166">
        <v>0</v>
      </c>
      <c r="AT750" s="166">
        <v>0</v>
      </c>
      <c r="AU750" s="166">
        <v>0</v>
      </c>
      <c r="AV750" s="166">
        <v>0</v>
      </c>
      <c r="AW750" s="166">
        <v>0</v>
      </c>
      <c r="AX750" s="166">
        <v>0</v>
      </c>
      <c r="AY750" s="166">
        <v>0</v>
      </c>
      <c r="AZ750" s="166">
        <v>0</v>
      </c>
      <c r="BA750" s="166">
        <v>0</v>
      </c>
      <c r="BB750" s="166">
        <v>0</v>
      </c>
      <c r="BC750" s="166">
        <v>0</v>
      </c>
      <c r="BD750" s="166">
        <v>0</v>
      </c>
      <c r="BE750" s="166">
        <v>0</v>
      </c>
      <c r="BF750" s="166">
        <v>0</v>
      </c>
      <c r="BG750" s="166">
        <v>0</v>
      </c>
      <c r="BH750" s="166">
        <v>0</v>
      </c>
      <c r="BI750" s="166">
        <v>0</v>
      </c>
      <c r="BJ750" s="166">
        <v>0</v>
      </c>
      <c r="BK750" s="166">
        <v>0</v>
      </c>
      <c r="BL750" s="166">
        <v>0</v>
      </c>
      <c r="BM750" s="166">
        <v>0</v>
      </c>
      <c r="BN750" s="166">
        <v>0</v>
      </c>
      <c r="BO750" s="166">
        <v>0</v>
      </c>
      <c r="BP750" s="166">
        <v>0</v>
      </c>
      <c r="BQ750" s="166">
        <v>0</v>
      </c>
      <c r="BR750" s="166">
        <v>41467750.589999899</v>
      </c>
      <c r="BS750" s="166">
        <v>41467750.589999899</v>
      </c>
      <c r="BT750" s="168">
        <v>0</v>
      </c>
      <c r="BU750" s="166">
        <v>2621879.92605743</v>
      </c>
      <c r="BV750" s="166">
        <v>32157240.1840204</v>
      </c>
      <c r="BW750" s="166">
        <v>0</v>
      </c>
      <c r="BX750" s="166">
        <v>0</v>
      </c>
      <c r="BY750" s="166">
        <v>0</v>
      </c>
      <c r="BZ750" s="166">
        <v>0</v>
      </c>
      <c r="CA750" s="166">
        <v>0</v>
      </c>
      <c r="CB750" s="166">
        <v>0</v>
      </c>
      <c r="CC750" s="166">
        <v>0</v>
      </c>
      <c r="CD750" s="166">
        <v>0</v>
      </c>
      <c r="CE750" s="166">
        <v>0</v>
      </c>
      <c r="CF750" s="166">
        <v>0</v>
      </c>
      <c r="CG750" s="166">
        <v>0</v>
      </c>
      <c r="CH750" s="166">
        <v>0</v>
      </c>
      <c r="CI750" s="166">
        <v>0</v>
      </c>
      <c r="CJ750" s="166">
        <v>0</v>
      </c>
      <c r="CK750" s="166">
        <v>0</v>
      </c>
      <c r="CL750" s="166">
        <v>0</v>
      </c>
      <c r="CM750" s="166">
        <v>0</v>
      </c>
      <c r="CN750" s="166">
        <v>0</v>
      </c>
      <c r="CO750" s="166">
        <v>0</v>
      </c>
      <c r="CP750" s="166">
        <v>0</v>
      </c>
      <c r="CQ750" s="166">
        <v>0</v>
      </c>
      <c r="CR750" s="166">
        <v>0</v>
      </c>
      <c r="CS750" s="166">
        <v>0</v>
      </c>
      <c r="CT750" s="166">
        <v>0</v>
      </c>
      <c r="CU750" s="166">
        <v>0</v>
      </c>
      <c r="CV750" s="166">
        <v>0</v>
      </c>
      <c r="CW750" s="166">
        <v>0</v>
      </c>
      <c r="CX750" s="166">
        <v>0</v>
      </c>
      <c r="CY750" s="166">
        <v>32157240.1840204</v>
      </c>
      <c r="CZ750" s="166">
        <v>32157240.1840204</v>
      </c>
    </row>
    <row r="751" spans="1:104" x14ac:dyDescent="0.2">
      <c r="A751" s="167" t="s">
        <v>282</v>
      </c>
    </row>
    <row r="752" spans="1:104" ht="10.8" thickBot="1" x14ac:dyDescent="0.25">
      <c r="A752" s="169" t="s">
        <v>283</v>
      </c>
    </row>
    <row r="753" spans="1:104" x14ac:dyDescent="0.2">
      <c r="A753" s="170" t="s">
        <v>284</v>
      </c>
    </row>
    <row r="754" spans="1:104" x14ac:dyDescent="0.2">
      <c r="A754" s="167" t="s">
        <v>1109</v>
      </c>
      <c r="B754" s="166">
        <v>124040.030957401</v>
      </c>
      <c r="C754" s="166">
        <v>124040.030957401</v>
      </c>
      <c r="D754" s="166">
        <v>0</v>
      </c>
      <c r="E754" s="166">
        <v>0</v>
      </c>
      <c r="F754" s="166">
        <v>0</v>
      </c>
      <c r="G754" s="166">
        <v>0</v>
      </c>
      <c r="H754" s="166">
        <v>0</v>
      </c>
      <c r="I754" s="166">
        <v>0</v>
      </c>
      <c r="J754" s="166">
        <v>0</v>
      </c>
      <c r="K754" s="166">
        <v>0</v>
      </c>
      <c r="L754" s="166">
        <v>0</v>
      </c>
      <c r="M754" s="166">
        <v>0</v>
      </c>
      <c r="N754" s="166">
        <v>0</v>
      </c>
      <c r="O754" s="166">
        <v>0</v>
      </c>
      <c r="P754" s="166">
        <v>0</v>
      </c>
      <c r="Q754" s="166">
        <v>0</v>
      </c>
      <c r="R754" s="166">
        <v>0</v>
      </c>
      <c r="S754" s="166">
        <v>0</v>
      </c>
      <c r="T754" s="166">
        <v>0</v>
      </c>
      <c r="U754" s="166">
        <v>0</v>
      </c>
      <c r="V754" s="166">
        <v>0</v>
      </c>
      <c r="W754" s="166">
        <v>0</v>
      </c>
      <c r="X754" s="166">
        <v>0</v>
      </c>
      <c r="Y754" s="166">
        <v>0</v>
      </c>
      <c r="Z754" s="166">
        <v>0</v>
      </c>
      <c r="AA754" s="166">
        <v>0</v>
      </c>
      <c r="AB754" s="166">
        <v>0</v>
      </c>
      <c r="AC754" s="166">
        <v>0</v>
      </c>
      <c r="AD754" s="166">
        <v>0</v>
      </c>
      <c r="AE754" s="166">
        <v>0</v>
      </c>
      <c r="AF754" s="166">
        <v>0</v>
      </c>
      <c r="AG754" s="166">
        <v>0</v>
      </c>
      <c r="AH754" s="166">
        <v>0</v>
      </c>
      <c r="AI754" s="166">
        <v>0</v>
      </c>
      <c r="AJ754" s="166">
        <v>0</v>
      </c>
      <c r="AK754" s="166">
        <v>0</v>
      </c>
      <c r="AL754" s="166">
        <v>0</v>
      </c>
      <c r="AM754" s="166">
        <v>0</v>
      </c>
      <c r="AN754" s="166">
        <v>0</v>
      </c>
      <c r="AO754" s="166">
        <v>0</v>
      </c>
      <c r="AP754" s="166">
        <v>0</v>
      </c>
      <c r="AQ754" s="166">
        <v>0</v>
      </c>
      <c r="AR754" s="166">
        <v>0</v>
      </c>
      <c r="AS754" s="166">
        <v>0</v>
      </c>
      <c r="AT754" s="166">
        <v>0</v>
      </c>
      <c r="AU754" s="166">
        <v>0</v>
      </c>
      <c r="AV754" s="166">
        <v>0</v>
      </c>
      <c r="AW754" s="166">
        <v>0</v>
      </c>
      <c r="AX754" s="166">
        <v>0</v>
      </c>
      <c r="AY754" s="166">
        <v>0</v>
      </c>
      <c r="AZ754" s="166">
        <v>0</v>
      </c>
      <c r="BA754" s="166">
        <v>0</v>
      </c>
      <c r="BB754" s="166">
        <v>0</v>
      </c>
      <c r="BC754" s="166">
        <v>0</v>
      </c>
      <c r="BD754" s="166">
        <v>0</v>
      </c>
      <c r="BE754" s="166">
        <v>0</v>
      </c>
      <c r="BF754" s="166">
        <v>0</v>
      </c>
      <c r="BG754" s="166">
        <v>0</v>
      </c>
      <c r="BH754" s="166">
        <v>0</v>
      </c>
      <c r="BI754" s="166">
        <v>0</v>
      </c>
      <c r="BJ754" s="166">
        <v>0</v>
      </c>
      <c r="BK754" s="166">
        <v>0</v>
      </c>
      <c r="BL754" s="166">
        <v>0</v>
      </c>
      <c r="BM754" s="166">
        <v>0</v>
      </c>
      <c r="BN754" s="166">
        <v>0</v>
      </c>
      <c r="BO754" s="166">
        <v>0</v>
      </c>
      <c r="BP754" s="166">
        <v>0</v>
      </c>
      <c r="BQ754" s="166">
        <v>0</v>
      </c>
      <c r="BR754" s="166">
        <v>124040.030957401</v>
      </c>
      <c r="BS754" s="166">
        <v>124040.030957401</v>
      </c>
      <c r="BT754" s="168">
        <v>1</v>
      </c>
      <c r="BU754" s="166">
        <v>10508.4032612102</v>
      </c>
      <c r="BV754" s="166">
        <v>124040.030957401</v>
      </c>
      <c r="BW754" s="166">
        <v>0</v>
      </c>
      <c r="BX754" s="166">
        <v>0</v>
      </c>
      <c r="BY754" s="166">
        <v>0</v>
      </c>
      <c r="BZ754" s="166">
        <v>0</v>
      </c>
      <c r="CA754" s="166">
        <v>0</v>
      </c>
      <c r="CB754" s="166">
        <v>0</v>
      </c>
      <c r="CC754" s="166">
        <v>0</v>
      </c>
      <c r="CD754" s="166">
        <v>0</v>
      </c>
      <c r="CE754" s="166">
        <v>0</v>
      </c>
      <c r="CF754" s="166">
        <v>0</v>
      </c>
      <c r="CG754" s="166">
        <v>0</v>
      </c>
      <c r="CH754" s="166">
        <v>0</v>
      </c>
      <c r="CI754" s="166">
        <v>0</v>
      </c>
      <c r="CJ754" s="166">
        <v>0</v>
      </c>
      <c r="CK754" s="166">
        <v>0</v>
      </c>
      <c r="CL754" s="166">
        <v>0</v>
      </c>
      <c r="CM754" s="166">
        <v>0</v>
      </c>
      <c r="CN754" s="166">
        <v>0</v>
      </c>
      <c r="CO754" s="166">
        <v>0</v>
      </c>
      <c r="CP754" s="166">
        <v>0</v>
      </c>
      <c r="CQ754" s="166">
        <v>0</v>
      </c>
      <c r="CR754" s="166">
        <v>0</v>
      </c>
      <c r="CS754" s="166">
        <v>0</v>
      </c>
      <c r="CT754" s="166">
        <v>0</v>
      </c>
      <c r="CU754" s="166">
        <v>0</v>
      </c>
      <c r="CV754" s="166">
        <v>0</v>
      </c>
      <c r="CW754" s="166">
        <v>0</v>
      </c>
      <c r="CX754" s="166">
        <v>0</v>
      </c>
      <c r="CY754" s="166">
        <v>124040.030957401</v>
      </c>
      <c r="CZ754" s="166">
        <v>124040.030957401</v>
      </c>
    </row>
    <row r="755" spans="1:104" x14ac:dyDescent="0.2">
      <c r="A755" s="167" t="s">
        <v>1110</v>
      </c>
      <c r="B755" s="166">
        <v>59475.746057688397</v>
      </c>
      <c r="C755" s="166">
        <v>59475.746057688397</v>
      </c>
      <c r="D755" s="166">
        <v>0</v>
      </c>
      <c r="E755" s="166">
        <v>0</v>
      </c>
      <c r="F755" s="166">
        <v>0</v>
      </c>
      <c r="G755" s="166">
        <v>0</v>
      </c>
      <c r="H755" s="166">
        <v>0</v>
      </c>
      <c r="I755" s="166">
        <v>0</v>
      </c>
      <c r="J755" s="166">
        <v>0</v>
      </c>
      <c r="K755" s="166">
        <v>0</v>
      </c>
      <c r="L755" s="166">
        <v>0</v>
      </c>
      <c r="M755" s="166">
        <v>0</v>
      </c>
      <c r="N755" s="166">
        <v>0</v>
      </c>
      <c r="O755" s="166">
        <v>0</v>
      </c>
      <c r="P755" s="166">
        <v>0</v>
      </c>
      <c r="Q755" s="166">
        <v>0</v>
      </c>
      <c r="R755" s="166">
        <v>0</v>
      </c>
      <c r="S755" s="166">
        <v>0</v>
      </c>
      <c r="T755" s="166">
        <v>0</v>
      </c>
      <c r="U755" s="166">
        <v>0</v>
      </c>
      <c r="V755" s="166">
        <v>0</v>
      </c>
      <c r="W755" s="166">
        <v>0</v>
      </c>
      <c r="X755" s="166">
        <v>0</v>
      </c>
      <c r="Y755" s="166">
        <v>0</v>
      </c>
      <c r="Z755" s="166">
        <v>0</v>
      </c>
      <c r="AA755" s="166">
        <v>0</v>
      </c>
      <c r="AB755" s="166">
        <v>0</v>
      </c>
      <c r="AC755" s="166">
        <v>0</v>
      </c>
      <c r="AD755" s="166">
        <v>0</v>
      </c>
      <c r="AE755" s="166">
        <v>0</v>
      </c>
      <c r="AF755" s="166">
        <v>0</v>
      </c>
      <c r="AG755" s="166">
        <v>0</v>
      </c>
      <c r="AH755" s="166">
        <v>0</v>
      </c>
      <c r="AI755" s="166">
        <v>0</v>
      </c>
      <c r="AJ755" s="166">
        <v>0</v>
      </c>
      <c r="AK755" s="166">
        <v>0</v>
      </c>
      <c r="AL755" s="166">
        <v>0</v>
      </c>
      <c r="AM755" s="166">
        <v>0</v>
      </c>
      <c r="AN755" s="166">
        <v>0</v>
      </c>
      <c r="AO755" s="166">
        <v>0</v>
      </c>
      <c r="AP755" s="166">
        <v>0</v>
      </c>
      <c r="AQ755" s="166">
        <v>0</v>
      </c>
      <c r="AR755" s="166">
        <v>0</v>
      </c>
      <c r="AS755" s="166">
        <v>0</v>
      </c>
      <c r="AT755" s="166">
        <v>0</v>
      </c>
      <c r="AU755" s="166">
        <v>0</v>
      </c>
      <c r="AV755" s="166">
        <v>0</v>
      </c>
      <c r="AW755" s="166">
        <v>0</v>
      </c>
      <c r="AX755" s="166">
        <v>0</v>
      </c>
      <c r="AY755" s="166">
        <v>0</v>
      </c>
      <c r="AZ755" s="166">
        <v>0</v>
      </c>
      <c r="BA755" s="166">
        <v>0</v>
      </c>
      <c r="BB755" s="166">
        <v>0</v>
      </c>
      <c r="BC755" s="166">
        <v>0</v>
      </c>
      <c r="BD755" s="166">
        <v>0</v>
      </c>
      <c r="BE755" s="166">
        <v>0</v>
      </c>
      <c r="BF755" s="166">
        <v>0</v>
      </c>
      <c r="BG755" s="166">
        <v>0</v>
      </c>
      <c r="BH755" s="166">
        <v>0</v>
      </c>
      <c r="BI755" s="166">
        <v>0</v>
      </c>
      <c r="BJ755" s="166">
        <v>0</v>
      </c>
      <c r="BK755" s="166">
        <v>0</v>
      </c>
      <c r="BL755" s="166">
        <v>0</v>
      </c>
      <c r="BM755" s="166">
        <v>0</v>
      </c>
      <c r="BN755" s="166">
        <v>0</v>
      </c>
      <c r="BO755" s="166">
        <v>0</v>
      </c>
      <c r="BP755" s="166">
        <v>0</v>
      </c>
      <c r="BQ755" s="166">
        <v>0</v>
      </c>
      <c r="BR755" s="166">
        <v>59475.746057688397</v>
      </c>
      <c r="BS755" s="166">
        <v>59475.746057688397</v>
      </c>
      <c r="BT755" s="168">
        <v>1</v>
      </c>
      <c r="BU755" s="166">
        <v>4979.6618419563702</v>
      </c>
      <c r="BV755" s="166">
        <v>59475.746057688397</v>
      </c>
      <c r="BW755" s="166">
        <v>0</v>
      </c>
      <c r="BX755" s="166">
        <v>0</v>
      </c>
      <c r="BY755" s="166">
        <v>0</v>
      </c>
      <c r="BZ755" s="166">
        <v>0</v>
      </c>
      <c r="CA755" s="166">
        <v>0</v>
      </c>
      <c r="CB755" s="166">
        <v>0</v>
      </c>
      <c r="CC755" s="166">
        <v>0</v>
      </c>
      <c r="CD755" s="166">
        <v>0</v>
      </c>
      <c r="CE755" s="166">
        <v>0</v>
      </c>
      <c r="CF755" s="166">
        <v>0</v>
      </c>
      <c r="CG755" s="166">
        <v>0</v>
      </c>
      <c r="CH755" s="166">
        <v>0</v>
      </c>
      <c r="CI755" s="166">
        <v>0</v>
      </c>
      <c r="CJ755" s="166">
        <v>0</v>
      </c>
      <c r="CK755" s="166">
        <v>0</v>
      </c>
      <c r="CL755" s="166">
        <v>0</v>
      </c>
      <c r="CM755" s="166">
        <v>0</v>
      </c>
      <c r="CN755" s="166">
        <v>0</v>
      </c>
      <c r="CO755" s="166">
        <v>0</v>
      </c>
      <c r="CP755" s="166">
        <v>0</v>
      </c>
      <c r="CQ755" s="166">
        <v>0</v>
      </c>
      <c r="CR755" s="166">
        <v>0</v>
      </c>
      <c r="CS755" s="166">
        <v>0</v>
      </c>
      <c r="CT755" s="166">
        <v>0</v>
      </c>
      <c r="CU755" s="166">
        <v>0</v>
      </c>
      <c r="CV755" s="166">
        <v>0</v>
      </c>
      <c r="CW755" s="166">
        <v>0</v>
      </c>
      <c r="CX755" s="166">
        <v>0</v>
      </c>
      <c r="CY755" s="166">
        <v>59475.746057688397</v>
      </c>
      <c r="CZ755" s="166">
        <v>59475.746057688397</v>
      </c>
    </row>
    <row r="756" spans="1:104" x14ac:dyDescent="0.2">
      <c r="A756" s="167" t="s">
        <v>1111</v>
      </c>
      <c r="B756" s="166">
        <v>17252.577288619901</v>
      </c>
      <c r="C756" s="166">
        <v>17252.577288619901</v>
      </c>
      <c r="D756" s="166">
        <v>0</v>
      </c>
      <c r="E756" s="166">
        <v>0</v>
      </c>
      <c r="F756" s="166">
        <v>0</v>
      </c>
      <c r="G756" s="166">
        <v>0</v>
      </c>
      <c r="H756" s="166">
        <v>0</v>
      </c>
      <c r="I756" s="166">
        <v>0</v>
      </c>
      <c r="J756" s="166">
        <v>0</v>
      </c>
      <c r="K756" s="166">
        <v>0</v>
      </c>
      <c r="L756" s="166">
        <v>0</v>
      </c>
      <c r="M756" s="166">
        <v>0</v>
      </c>
      <c r="N756" s="166">
        <v>0</v>
      </c>
      <c r="O756" s="166">
        <v>0</v>
      </c>
      <c r="P756" s="166">
        <v>0</v>
      </c>
      <c r="Q756" s="166">
        <v>0</v>
      </c>
      <c r="R756" s="166">
        <v>0</v>
      </c>
      <c r="S756" s="166">
        <v>0</v>
      </c>
      <c r="T756" s="166">
        <v>0</v>
      </c>
      <c r="U756" s="166">
        <v>0</v>
      </c>
      <c r="V756" s="166">
        <v>0</v>
      </c>
      <c r="W756" s="166">
        <v>0</v>
      </c>
      <c r="X756" s="166">
        <v>0</v>
      </c>
      <c r="Y756" s="166">
        <v>0</v>
      </c>
      <c r="Z756" s="166">
        <v>0</v>
      </c>
      <c r="AA756" s="166">
        <v>0</v>
      </c>
      <c r="AB756" s="166">
        <v>0</v>
      </c>
      <c r="AC756" s="166">
        <v>0</v>
      </c>
      <c r="AD756" s="166">
        <v>0</v>
      </c>
      <c r="AE756" s="166">
        <v>0</v>
      </c>
      <c r="AF756" s="166">
        <v>0</v>
      </c>
      <c r="AG756" s="166">
        <v>0</v>
      </c>
      <c r="AH756" s="166">
        <v>0</v>
      </c>
      <c r="AI756" s="166">
        <v>0</v>
      </c>
      <c r="AJ756" s="166">
        <v>0</v>
      </c>
      <c r="AK756" s="166">
        <v>0</v>
      </c>
      <c r="AL756" s="166">
        <v>0</v>
      </c>
      <c r="AM756" s="166">
        <v>0</v>
      </c>
      <c r="AN756" s="166">
        <v>0</v>
      </c>
      <c r="AO756" s="166">
        <v>0</v>
      </c>
      <c r="AP756" s="166">
        <v>0</v>
      </c>
      <c r="AQ756" s="166">
        <v>0</v>
      </c>
      <c r="AR756" s="166">
        <v>0</v>
      </c>
      <c r="AS756" s="166">
        <v>0</v>
      </c>
      <c r="AT756" s="166">
        <v>0</v>
      </c>
      <c r="AU756" s="166">
        <v>0</v>
      </c>
      <c r="AV756" s="166">
        <v>0</v>
      </c>
      <c r="AW756" s="166">
        <v>0</v>
      </c>
      <c r="AX756" s="166">
        <v>0</v>
      </c>
      <c r="AY756" s="166">
        <v>0</v>
      </c>
      <c r="AZ756" s="166">
        <v>0</v>
      </c>
      <c r="BA756" s="166">
        <v>0</v>
      </c>
      <c r="BB756" s="166">
        <v>0</v>
      </c>
      <c r="BC756" s="166">
        <v>0</v>
      </c>
      <c r="BD756" s="166">
        <v>0</v>
      </c>
      <c r="BE756" s="166">
        <v>0</v>
      </c>
      <c r="BF756" s="166">
        <v>0</v>
      </c>
      <c r="BG756" s="166">
        <v>0</v>
      </c>
      <c r="BH756" s="166">
        <v>0</v>
      </c>
      <c r="BI756" s="166">
        <v>0</v>
      </c>
      <c r="BJ756" s="166">
        <v>0</v>
      </c>
      <c r="BK756" s="166">
        <v>0</v>
      </c>
      <c r="BL756" s="166">
        <v>0</v>
      </c>
      <c r="BM756" s="166">
        <v>0</v>
      </c>
      <c r="BN756" s="166">
        <v>0</v>
      </c>
      <c r="BO756" s="166">
        <v>0</v>
      </c>
      <c r="BP756" s="166">
        <v>0</v>
      </c>
      <c r="BQ756" s="166">
        <v>0</v>
      </c>
      <c r="BR756" s="166">
        <v>17252.577288619901</v>
      </c>
      <c r="BS756" s="166">
        <v>17252.577288619901</v>
      </c>
      <c r="BT756" s="168">
        <v>1</v>
      </c>
      <c r="BU756" s="166">
        <v>1385.0988465482901</v>
      </c>
      <c r="BV756" s="166">
        <v>17252.577288619901</v>
      </c>
      <c r="BW756" s="166">
        <v>0</v>
      </c>
      <c r="BX756" s="166">
        <v>0</v>
      </c>
      <c r="BY756" s="166">
        <v>0</v>
      </c>
      <c r="BZ756" s="166">
        <v>0</v>
      </c>
      <c r="CA756" s="166">
        <v>0</v>
      </c>
      <c r="CB756" s="166">
        <v>0</v>
      </c>
      <c r="CC756" s="166">
        <v>0</v>
      </c>
      <c r="CD756" s="166">
        <v>0</v>
      </c>
      <c r="CE756" s="166">
        <v>0</v>
      </c>
      <c r="CF756" s="166">
        <v>0</v>
      </c>
      <c r="CG756" s="166">
        <v>0</v>
      </c>
      <c r="CH756" s="166">
        <v>0</v>
      </c>
      <c r="CI756" s="166">
        <v>0</v>
      </c>
      <c r="CJ756" s="166">
        <v>0</v>
      </c>
      <c r="CK756" s="166">
        <v>0</v>
      </c>
      <c r="CL756" s="166">
        <v>0</v>
      </c>
      <c r="CM756" s="166">
        <v>0</v>
      </c>
      <c r="CN756" s="166">
        <v>0</v>
      </c>
      <c r="CO756" s="166">
        <v>0</v>
      </c>
      <c r="CP756" s="166">
        <v>0</v>
      </c>
      <c r="CQ756" s="166">
        <v>0</v>
      </c>
      <c r="CR756" s="166">
        <v>0</v>
      </c>
      <c r="CS756" s="166">
        <v>0</v>
      </c>
      <c r="CT756" s="166">
        <v>0</v>
      </c>
      <c r="CU756" s="166">
        <v>0</v>
      </c>
      <c r="CV756" s="166">
        <v>0</v>
      </c>
      <c r="CW756" s="166">
        <v>0</v>
      </c>
      <c r="CX756" s="166">
        <v>0</v>
      </c>
      <c r="CY756" s="166">
        <v>17252.577288619901</v>
      </c>
      <c r="CZ756" s="166">
        <v>17252.577288619901</v>
      </c>
    </row>
    <row r="757" spans="1:104" x14ac:dyDescent="0.2">
      <c r="A757" s="167" t="s">
        <v>1112</v>
      </c>
      <c r="B757" s="166">
        <v>9328.9925473947496</v>
      </c>
      <c r="C757" s="166">
        <v>9328.9925473947496</v>
      </c>
      <c r="D757" s="166">
        <v>0</v>
      </c>
      <c r="E757" s="166">
        <v>0</v>
      </c>
      <c r="F757" s="166">
        <v>0</v>
      </c>
      <c r="G757" s="166">
        <v>0</v>
      </c>
      <c r="H757" s="166">
        <v>0</v>
      </c>
      <c r="I757" s="166">
        <v>0</v>
      </c>
      <c r="J757" s="166">
        <v>0</v>
      </c>
      <c r="K757" s="166">
        <v>0</v>
      </c>
      <c r="L757" s="166">
        <v>0</v>
      </c>
      <c r="M757" s="166">
        <v>0</v>
      </c>
      <c r="N757" s="166">
        <v>0</v>
      </c>
      <c r="O757" s="166">
        <v>0</v>
      </c>
      <c r="P757" s="166">
        <v>0</v>
      </c>
      <c r="Q757" s="166">
        <v>0</v>
      </c>
      <c r="R757" s="166">
        <v>0</v>
      </c>
      <c r="S757" s="166">
        <v>0</v>
      </c>
      <c r="T757" s="166">
        <v>0</v>
      </c>
      <c r="U757" s="166">
        <v>0</v>
      </c>
      <c r="V757" s="166">
        <v>0</v>
      </c>
      <c r="W757" s="166">
        <v>0</v>
      </c>
      <c r="X757" s="166">
        <v>0</v>
      </c>
      <c r="Y757" s="166">
        <v>0</v>
      </c>
      <c r="Z757" s="166">
        <v>0</v>
      </c>
      <c r="AA757" s="166">
        <v>0</v>
      </c>
      <c r="AB757" s="166">
        <v>0</v>
      </c>
      <c r="AC757" s="166">
        <v>0</v>
      </c>
      <c r="AD757" s="166">
        <v>0</v>
      </c>
      <c r="AE757" s="166">
        <v>0</v>
      </c>
      <c r="AF757" s="166">
        <v>0</v>
      </c>
      <c r="AG757" s="166">
        <v>0</v>
      </c>
      <c r="AH757" s="166">
        <v>0</v>
      </c>
      <c r="AI757" s="166">
        <v>0</v>
      </c>
      <c r="AJ757" s="166">
        <v>0</v>
      </c>
      <c r="AK757" s="166">
        <v>0</v>
      </c>
      <c r="AL757" s="166">
        <v>0</v>
      </c>
      <c r="AM757" s="166">
        <v>0</v>
      </c>
      <c r="AN757" s="166">
        <v>0</v>
      </c>
      <c r="AO757" s="166">
        <v>0</v>
      </c>
      <c r="AP757" s="166">
        <v>0</v>
      </c>
      <c r="AQ757" s="166">
        <v>0</v>
      </c>
      <c r="AR757" s="166">
        <v>0</v>
      </c>
      <c r="AS757" s="166">
        <v>0</v>
      </c>
      <c r="AT757" s="166">
        <v>0</v>
      </c>
      <c r="AU757" s="166">
        <v>0</v>
      </c>
      <c r="AV757" s="166">
        <v>0</v>
      </c>
      <c r="AW757" s="166">
        <v>0</v>
      </c>
      <c r="AX757" s="166">
        <v>0</v>
      </c>
      <c r="AY757" s="166">
        <v>0</v>
      </c>
      <c r="AZ757" s="166">
        <v>0</v>
      </c>
      <c r="BA757" s="166">
        <v>0</v>
      </c>
      <c r="BB757" s="166">
        <v>0</v>
      </c>
      <c r="BC757" s="166">
        <v>0</v>
      </c>
      <c r="BD757" s="166">
        <v>0</v>
      </c>
      <c r="BE757" s="166">
        <v>0</v>
      </c>
      <c r="BF757" s="166">
        <v>0</v>
      </c>
      <c r="BG757" s="166">
        <v>0</v>
      </c>
      <c r="BH757" s="166">
        <v>0</v>
      </c>
      <c r="BI757" s="166">
        <v>0</v>
      </c>
      <c r="BJ757" s="166">
        <v>0</v>
      </c>
      <c r="BK757" s="166">
        <v>0</v>
      </c>
      <c r="BL757" s="166">
        <v>0</v>
      </c>
      <c r="BM757" s="166">
        <v>0</v>
      </c>
      <c r="BN757" s="166">
        <v>0</v>
      </c>
      <c r="BO757" s="166">
        <v>0</v>
      </c>
      <c r="BP757" s="166">
        <v>0</v>
      </c>
      <c r="BQ757" s="166">
        <v>0</v>
      </c>
      <c r="BR757" s="166">
        <v>9328.9925473947496</v>
      </c>
      <c r="BS757" s="166">
        <v>9328.9925473947496</v>
      </c>
      <c r="BT757" s="168">
        <v>0.98770000000000002</v>
      </c>
      <c r="BU757" s="166">
        <v>728.88962134026895</v>
      </c>
      <c r="BV757" s="166">
        <v>9214.2459390617896</v>
      </c>
      <c r="BW757" s="166">
        <v>0</v>
      </c>
      <c r="BX757" s="166">
        <v>0</v>
      </c>
      <c r="BY757" s="166">
        <v>0</v>
      </c>
      <c r="BZ757" s="166">
        <v>0</v>
      </c>
      <c r="CA757" s="166">
        <v>0</v>
      </c>
      <c r="CB757" s="166">
        <v>0</v>
      </c>
      <c r="CC757" s="166">
        <v>0</v>
      </c>
      <c r="CD757" s="166">
        <v>0</v>
      </c>
      <c r="CE757" s="166">
        <v>0</v>
      </c>
      <c r="CF757" s="166">
        <v>0</v>
      </c>
      <c r="CG757" s="166">
        <v>0</v>
      </c>
      <c r="CH757" s="166">
        <v>0</v>
      </c>
      <c r="CI757" s="166">
        <v>0</v>
      </c>
      <c r="CJ757" s="166">
        <v>0</v>
      </c>
      <c r="CK757" s="166">
        <v>0</v>
      </c>
      <c r="CL757" s="166">
        <v>0</v>
      </c>
      <c r="CM757" s="166">
        <v>0</v>
      </c>
      <c r="CN757" s="166">
        <v>0</v>
      </c>
      <c r="CO757" s="166">
        <v>0</v>
      </c>
      <c r="CP757" s="166">
        <v>0</v>
      </c>
      <c r="CQ757" s="166">
        <v>0</v>
      </c>
      <c r="CR757" s="166">
        <v>0</v>
      </c>
      <c r="CS757" s="166">
        <v>0</v>
      </c>
      <c r="CT757" s="166">
        <v>0</v>
      </c>
      <c r="CU757" s="166">
        <v>0</v>
      </c>
      <c r="CV757" s="166">
        <v>0</v>
      </c>
      <c r="CW757" s="166">
        <v>0</v>
      </c>
      <c r="CX757" s="166">
        <v>0</v>
      </c>
      <c r="CY757" s="166">
        <v>9214.2459390617896</v>
      </c>
      <c r="CZ757" s="166">
        <v>9214.2459390617896</v>
      </c>
    </row>
    <row r="758" spans="1:104" x14ac:dyDescent="0.2">
      <c r="A758" s="167" t="s">
        <v>1113</v>
      </c>
      <c r="B758" s="166">
        <v>20954.353148894999</v>
      </c>
      <c r="C758" s="166">
        <v>20954.353148894999</v>
      </c>
      <c r="D758" s="166">
        <v>0</v>
      </c>
      <c r="E758" s="166">
        <v>0</v>
      </c>
      <c r="F758" s="166">
        <v>0</v>
      </c>
      <c r="G758" s="166">
        <v>0</v>
      </c>
      <c r="H758" s="166">
        <v>0</v>
      </c>
      <c r="I758" s="166">
        <v>0</v>
      </c>
      <c r="J758" s="166">
        <v>0</v>
      </c>
      <c r="K758" s="166">
        <v>0</v>
      </c>
      <c r="L758" s="166">
        <v>0</v>
      </c>
      <c r="M758" s="166">
        <v>0</v>
      </c>
      <c r="N758" s="166">
        <v>0</v>
      </c>
      <c r="O758" s="166">
        <v>0</v>
      </c>
      <c r="P758" s="166">
        <v>0</v>
      </c>
      <c r="Q758" s="166">
        <v>0</v>
      </c>
      <c r="R758" s="166">
        <v>0</v>
      </c>
      <c r="S758" s="166">
        <v>0</v>
      </c>
      <c r="T758" s="166">
        <v>0</v>
      </c>
      <c r="U758" s="166">
        <v>0</v>
      </c>
      <c r="V758" s="166">
        <v>0</v>
      </c>
      <c r="W758" s="166">
        <v>0</v>
      </c>
      <c r="X758" s="166">
        <v>0</v>
      </c>
      <c r="Y758" s="166">
        <v>0</v>
      </c>
      <c r="Z758" s="166">
        <v>0</v>
      </c>
      <c r="AA758" s="166">
        <v>0</v>
      </c>
      <c r="AB758" s="166">
        <v>0</v>
      </c>
      <c r="AC758" s="166">
        <v>0</v>
      </c>
      <c r="AD758" s="166">
        <v>0</v>
      </c>
      <c r="AE758" s="166">
        <v>0</v>
      </c>
      <c r="AF758" s="166">
        <v>0</v>
      </c>
      <c r="AG758" s="166">
        <v>0</v>
      </c>
      <c r="AH758" s="166">
        <v>0</v>
      </c>
      <c r="AI758" s="166">
        <v>0</v>
      </c>
      <c r="AJ758" s="166">
        <v>0</v>
      </c>
      <c r="AK758" s="166">
        <v>0</v>
      </c>
      <c r="AL758" s="166">
        <v>0</v>
      </c>
      <c r="AM758" s="166">
        <v>0</v>
      </c>
      <c r="AN758" s="166">
        <v>0</v>
      </c>
      <c r="AO758" s="166">
        <v>0</v>
      </c>
      <c r="AP758" s="166">
        <v>0</v>
      </c>
      <c r="AQ758" s="166">
        <v>0</v>
      </c>
      <c r="AR758" s="166">
        <v>0</v>
      </c>
      <c r="AS758" s="166">
        <v>0</v>
      </c>
      <c r="AT758" s="166">
        <v>0</v>
      </c>
      <c r="AU758" s="166">
        <v>0</v>
      </c>
      <c r="AV758" s="166">
        <v>0</v>
      </c>
      <c r="AW758" s="166">
        <v>0</v>
      </c>
      <c r="AX758" s="166">
        <v>0</v>
      </c>
      <c r="AY758" s="166">
        <v>0</v>
      </c>
      <c r="AZ758" s="166">
        <v>0</v>
      </c>
      <c r="BA758" s="166">
        <v>0</v>
      </c>
      <c r="BB758" s="166">
        <v>0</v>
      </c>
      <c r="BC758" s="166">
        <v>0</v>
      </c>
      <c r="BD758" s="166">
        <v>0</v>
      </c>
      <c r="BE758" s="166">
        <v>0</v>
      </c>
      <c r="BF758" s="166">
        <v>0</v>
      </c>
      <c r="BG758" s="166">
        <v>0</v>
      </c>
      <c r="BH758" s="166">
        <v>0</v>
      </c>
      <c r="BI758" s="166">
        <v>0</v>
      </c>
      <c r="BJ758" s="166">
        <v>0</v>
      </c>
      <c r="BK758" s="166">
        <v>0</v>
      </c>
      <c r="BL758" s="166">
        <v>0</v>
      </c>
      <c r="BM758" s="166">
        <v>0</v>
      </c>
      <c r="BN758" s="166">
        <v>0</v>
      </c>
      <c r="BO758" s="166">
        <v>0</v>
      </c>
      <c r="BP758" s="166">
        <v>0</v>
      </c>
      <c r="BQ758" s="166">
        <v>0</v>
      </c>
      <c r="BR758" s="166">
        <v>20954.353148894999</v>
      </c>
      <c r="BS758" s="166">
        <v>20954.353148894999</v>
      </c>
      <c r="BT758" s="168">
        <v>1</v>
      </c>
      <c r="BU758" s="166">
        <v>1752.3094396337799</v>
      </c>
      <c r="BV758" s="166">
        <v>20954.353148894999</v>
      </c>
      <c r="BW758" s="166">
        <v>0</v>
      </c>
      <c r="BX758" s="166">
        <v>0</v>
      </c>
      <c r="BY758" s="166">
        <v>0</v>
      </c>
      <c r="BZ758" s="166">
        <v>0</v>
      </c>
      <c r="CA758" s="166">
        <v>0</v>
      </c>
      <c r="CB758" s="166">
        <v>0</v>
      </c>
      <c r="CC758" s="166">
        <v>0</v>
      </c>
      <c r="CD758" s="166">
        <v>0</v>
      </c>
      <c r="CE758" s="166">
        <v>0</v>
      </c>
      <c r="CF758" s="166">
        <v>0</v>
      </c>
      <c r="CG758" s="166">
        <v>0</v>
      </c>
      <c r="CH758" s="166">
        <v>0</v>
      </c>
      <c r="CI758" s="166">
        <v>0</v>
      </c>
      <c r="CJ758" s="166">
        <v>0</v>
      </c>
      <c r="CK758" s="166">
        <v>0</v>
      </c>
      <c r="CL758" s="166">
        <v>0</v>
      </c>
      <c r="CM758" s="166">
        <v>0</v>
      </c>
      <c r="CN758" s="166">
        <v>0</v>
      </c>
      <c r="CO758" s="166">
        <v>0</v>
      </c>
      <c r="CP758" s="166">
        <v>0</v>
      </c>
      <c r="CQ758" s="166">
        <v>0</v>
      </c>
      <c r="CR758" s="166">
        <v>0</v>
      </c>
      <c r="CS758" s="166">
        <v>0</v>
      </c>
      <c r="CT758" s="166">
        <v>0</v>
      </c>
      <c r="CU758" s="166">
        <v>0</v>
      </c>
      <c r="CV758" s="166">
        <v>0</v>
      </c>
      <c r="CW758" s="166">
        <v>0</v>
      </c>
      <c r="CX758" s="166">
        <v>0</v>
      </c>
      <c r="CY758" s="166">
        <v>20954.353148894999</v>
      </c>
      <c r="CZ758" s="166">
        <v>20954.353148894999</v>
      </c>
    </row>
    <row r="759" spans="1:104" x14ac:dyDescent="0.2">
      <c r="A759" s="167" t="s">
        <v>1114</v>
      </c>
      <c r="B759" s="166">
        <v>0</v>
      </c>
      <c r="C759" s="166">
        <v>0</v>
      </c>
      <c r="D759" s="166">
        <v>0</v>
      </c>
      <c r="E759" s="166">
        <v>0</v>
      </c>
      <c r="F759" s="166">
        <v>0</v>
      </c>
      <c r="G759" s="166">
        <v>0</v>
      </c>
      <c r="H759" s="166">
        <v>0</v>
      </c>
      <c r="I759" s="166">
        <v>0</v>
      </c>
      <c r="J759" s="166">
        <v>0</v>
      </c>
      <c r="K759" s="166">
        <v>0</v>
      </c>
      <c r="L759" s="166">
        <v>0</v>
      </c>
      <c r="M759" s="166">
        <v>0</v>
      </c>
      <c r="N759" s="166">
        <v>0</v>
      </c>
      <c r="O759" s="166">
        <v>0</v>
      </c>
      <c r="P759" s="166">
        <v>0</v>
      </c>
      <c r="Q759" s="166">
        <v>0</v>
      </c>
      <c r="R759" s="166">
        <v>0</v>
      </c>
      <c r="S759" s="166">
        <v>0</v>
      </c>
      <c r="T759" s="166">
        <v>0</v>
      </c>
      <c r="U759" s="166">
        <v>0</v>
      </c>
      <c r="V759" s="166">
        <v>0</v>
      </c>
      <c r="W759" s="166">
        <v>0</v>
      </c>
      <c r="X759" s="166">
        <v>0</v>
      </c>
      <c r="Y759" s="166">
        <v>0</v>
      </c>
      <c r="Z759" s="166">
        <v>0</v>
      </c>
      <c r="AA759" s="166">
        <v>0</v>
      </c>
      <c r="AB759" s="166">
        <v>0</v>
      </c>
      <c r="AC759" s="166">
        <v>0</v>
      </c>
      <c r="AD759" s="166">
        <v>0</v>
      </c>
      <c r="AE759" s="166">
        <v>0</v>
      </c>
      <c r="AF759" s="166">
        <v>0</v>
      </c>
      <c r="AG759" s="166">
        <v>0</v>
      </c>
      <c r="AH759" s="166">
        <v>0</v>
      </c>
      <c r="AI759" s="166">
        <v>0</v>
      </c>
      <c r="AJ759" s="166">
        <v>0</v>
      </c>
      <c r="AK759" s="166">
        <v>0</v>
      </c>
      <c r="AL759" s="166">
        <v>0</v>
      </c>
      <c r="AM759" s="166">
        <v>0</v>
      </c>
      <c r="AN759" s="166">
        <v>0</v>
      </c>
      <c r="AO759" s="166">
        <v>0</v>
      </c>
      <c r="AP759" s="166">
        <v>0</v>
      </c>
      <c r="AQ759" s="166">
        <v>0</v>
      </c>
      <c r="AR759" s="166">
        <v>0</v>
      </c>
      <c r="AS759" s="166">
        <v>0</v>
      </c>
      <c r="AT759" s="166">
        <v>0</v>
      </c>
      <c r="AU759" s="166">
        <v>0</v>
      </c>
      <c r="AV759" s="166">
        <v>0</v>
      </c>
      <c r="AW759" s="166">
        <v>0</v>
      </c>
      <c r="AX759" s="166">
        <v>0</v>
      </c>
      <c r="AY759" s="166">
        <v>0</v>
      </c>
      <c r="AZ759" s="166">
        <v>0</v>
      </c>
      <c r="BA759" s="166">
        <v>0</v>
      </c>
      <c r="BB759" s="166">
        <v>0</v>
      </c>
      <c r="BC759" s="166">
        <v>0</v>
      </c>
      <c r="BD759" s="166">
        <v>0</v>
      </c>
      <c r="BE759" s="166">
        <v>0</v>
      </c>
      <c r="BF759" s="166">
        <v>0</v>
      </c>
      <c r="BG759" s="166">
        <v>0</v>
      </c>
      <c r="BH759" s="166">
        <v>0</v>
      </c>
      <c r="BI759" s="166">
        <v>0</v>
      </c>
      <c r="BJ759" s="166">
        <v>0</v>
      </c>
      <c r="BK759" s="166">
        <v>0</v>
      </c>
      <c r="BL759" s="166">
        <v>0</v>
      </c>
      <c r="BM759" s="166">
        <v>0</v>
      </c>
      <c r="BN759" s="166">
        <v>0</v>
      </c>
      <c r="BO759" s="166">
        <v>0</v>
      </c>
      <c r="BP759" s="166">
        <v>0</v>
      </c>
      <c r="BQ759" s="166">
        <v>0</v>
      </c>
      <c r="BR759" s="166">
        <v>0</v>
      </c>
      <c r="BS759" s="166">
        <v>0</v>
      </c>
      <c r="BT759" s="168">
        <v>1</v>
      </c>
      <c r="BU759" s="166">
        <v>0</v>
      </c>
      <c r="BV759" s="166">
        <v>0</v>
      </c>
      <c r="BW759" s="166">
        <v>0</v>
      </c>
      <c r="BX759" s="166">
        <v>0</v>
      </c>
      <c r="BY759" s="166">
        <v>0</v>
      </c>
      <c r="BZ759" s="166">
        <v>0</v>
      </c>
      <c r="CA759" s="166">
        <v>0</v>
      </c>
      <c r="CB759" s="166">
        <v>0</v>
      </c>
      <c r="CC759" s="166">
        <v>0</v>
      </c>
      <c r="CD759" s="166">
        <v>0</v>
      </c>
      <c r="CE759" s="166">
        <v>0</v>
      </c>
      <c r="CF759" s="166">
        <v>0</v>
      </c>
      <c r="CG759" s="166">
        <v>0</v>
      </c>
      <c r="CH759" s="166">
        <v>0</v>
      </c>
      <c r="CI759" s="166">
        <v>0</v>
      </c>
      <c r="CJ759" s="166">
        <v>0</v>
      </c>
      <c r="CK759" s="166">
        <v>0</v>
      </c>
      <c r="CL759" s="166">
        <v>0</v>
      </c>
      <c r="CM759" s="166">
        <v>0</v>
      </c>
      <c r="CN759" s="166">
        <v>0</v>
      </c>
      <c r="CO759" s="166">
        <v>0</v>
      </c>
      <c r="CP759" s="166">
        <v>0</v>
      </c>
      <c r="CQ759" s="166">
        <v>0</v>
      </c>
      <c r="CR759" s="166">
        <v>0</v>
      </c>
      <c r="CS759" s="166">
        <v>0</v>
      </c>
      <c r="CT759" s="166">
        <v>0</v>
      </c>
      <c r="CU759" s="166">
        <v>0</v>
      </c>
      <c r="CV759" s="166">
        <v>0</v>
      </c>
      <c r="CW759" s="166">
        <v>0</v>
      </c>
      <c r="CX759" s="166">
        <v>0</v>
      </c>
      <c r="CY759" s="166">
        <v>0</v>
      </c>
      <c r="CZ759" s="166">
        <v>0</v>
      </c>
    </row>
    <row r="760" spans="1:104" x14ac:dyDescent="0.2">
      <c r="A760" s="167" t="s">
        <v>1115</v>
      </c>
      <c r="B760" s="166">
        <v>231051.69999999899</v>
      </c>
      <c r="C760" s="166">
        <v>231051.69999999899</v>
      </c>
      <c r="D760" s="166">
        <v>0</v>
      </c>
      <c r="E760" s="166">
        <v>0</v>
      </c>
      <c r="F760" s="166">
        <v>0</v>
      </c>
      <c r="G760" s="166">
        <v>0</v>
      </c>
      <c r="H760" s="166">
        <v>0</v>
      </c>
      <c r="I760" s="166">
        <v>0</v>
      </c>
      <c r="J760" s="166">
        <v>0</v>
      </c>
      <c r="K760" s="166">
        <v>0</v>
      </c>
      <c r="L760" s="166">
        <v>0</v>
      </c>
      <c r="M760" s="166">
        <v>0</v>
      </c>
      <c r="N760" s="166">
        <v>0</v>
      </c>
      <c r="O760" s="166">
        <v>0</v>
      </c>
      <c r="P760" s="166">
        <v>0</v>
      </c>
      <c r="Q760" s="166">
        <v>0</v>
      </c>
      <c r="R760" s="166">
        <v>0</v>
      </c>
      <c r="S760" s="166">
        <v>0</v>
      </c>
      <c r="T760" s="166">
        <v>0</v>
      </c>
      <c r="U760" s="166">
        <v>0</v>
      </c>
      <c r="V760" s="166">
        <v>0</v>
      </c>
      <c r="W760" s="166">
        <v>0</v>
      </c>
      <c r="X760" s="166">
        <v>0</v>
      </c>
      <c r="Y760" s="166">
        <v>0</v>
      </c>
      <c r="Z760" s="166">
        <v>0</v>
      </c>
      <c r="AA760" s="166">
        <v>0</v>
      </c>
      <c r="AB760" s="166">
        <v>0</v>
      </c>
      <c r="AC760" s="166">
        <v>0</v>
      </c>
      <c r="AD760" s="166">
        <v>0</v>
      </c>
      <c r="AE760" s="166">
        <v>0</v>
      </c>
      <c r="AF760" s="166">
        <v>0</v>
      </c>
      <c r="AG760" s="166">
        <v>0</v>
      </c>
      <c r="AH760" s="166">
        <v>0</v>
      </c>
      <c r="AI760" s="166">
        <v>0</v>
      </c>
      <c r="AJ760" s="166">
        <v>0</v>
      </c>
      <c r="AK760" s="166">
        <v>0</v>
      </c>
      <c r="AL760" s="166">
        <v>0</v>
      </c>
      <c r="AM760" s="166">
        <v>0</v>
      </c>
      <c r="AN760" s="166">
        <v>0</v>
      </c>
      <c r="AO760" s="166">
        <v>0</v>
      </c>
      <c r="AP760" s="166">
        <v>0</v>
      </c>
      <c r="AQ760" s="166">
        <v>0</v>
      </c>
      <c r="AR760" s="166">
        <v>0</v>
      </c>
      <c r="AS760" s="166">
        <v>0</v>
      </c>
      <c r="AT760" s="166">
        <v>0</v>
      </c>
      <c r="AU760" s="166">
        <v>0</v>
      </c>
      <c r="AV760" s="166">
        <v>0</v>
      </c>
      <c r="AW760" s="166">
        <v>0</v>
      </c>
      <c r="AX760" s="166">
        <v>0</v>
      </c>
      <c r="AY760" s="166">
        <v>0</v>
      </c>
      <c r="AZ760" s="166">
        <v>0</v>
      </c>
      <c r="BA760" s="166">
        <v>0</v>
      </c>
      <c r="BB760" s="166">
        <v>0</v>
      </c>
      <c r="BC760" s="166">
        <v>0</v>
      </c>
      <c r="BD760" s="166">
        <v>0</v>
      </c>
      <c r="BE760" s="166">
        <v>0</v>
      </c>
      <c r="BF760" s="166">
        <v>0</v>
      </c>
      <c r="BG760" s="166">
        <v>0</v>
      </c>
      <c r="BH760" s="166">
        <v>0</v>
      </c>
      <c r="BI760" s="166">
        <v>0</v>
      </c>
      <c r="BJ760" s="166">
        <v>0</v>
      </c>
      <c r="BK760" s="166">
        <v>0</v>
      </c>
      <c r="BL760" s="166">
        <v>0</v>
      </c>
      <c r="BM760" s="166">
        <v>0</v>
      </c>
      <c r="BN760" s="166">
        <v>0</v>
      </c>
      <c r="BO760" s="166">
        <v>0</v>
      </c>
      <c r="BP760" s="166">
        <v>0</v>
      </c>
      <c r="BQ760" s="166">
        <v>0</v>
      </c>
      <c r="BR760" s="166">
        <v>231051.69999999899</v>
      </c>
      <c r="BS760" s="166">
        <v>231051.7</v>
      </c>
      <c r="BT760" s="168">
        <v>0</v>
      </c>
      <c r="BU760" s="166">
        <v>19354.3630106889</v>
      </c>
      <c r="BV760" s="166">
        <v>230936.95339166699</v>
      </c>
      <c r="BW760" s="166">
        <v>0</v>
      </c>
      <c r="BX760" s="166">
        <v>0</v>
      </c>
      <c r="BY760" s="166">
        <v>0</v>
      </c>
      <c r="BZ760" s="166">
        <v>0</v>
      </c>
      <c r="CA760" s="166">
        <v>0</v>
      </c>
      <c r="CB760" s="166">
        <v>0</v>
      </c>
      <c r="CC760" s="166">
        <v>0</v>
      </c>
      <c r="CD760" s="166">
        <v>0</v>
      </c>
      <c r="CE760" s="166">
        <v>0</v>
      </c>
      <c r="CF760" s="166">
        <v>0</v>
      </c>
      <c r="CG760" s="166">
        <v>0</v>
      </c>
      <c r="CH760" s="166">
        <v>0</v>
      </c>
      <c r="CI760" s="166">
        <v>0</v>
      </c>
      <c r="CJ760" s="166">
        <v>0</v>
      </c>
      <c r="CK760" s="166">
        <v>0</v>
      </c>
      <c r="CL760" s="166">
        <v>0</v>
      </c>
      <c r="CM760" s="166">
        <v>0</v>
      </c>
      <c r="CN760" s="166">
        <v>0</v>
      </c>
      <c r="CO760" s="166">
        <v>0</v>
      </c>
      <c r="CP760" s="166">
        <v>0</v>
      </c>
      <c r="CQ760" s="166">
        <v>0</v>
      </c>
      <c r="CR760" s="166">
        <v>0</v>
      </c>
      <c r="CS760" s="166">
        <v>0</v>
      </c>
      <c r="CT760" s="166">
        <v>0</v>
      </c>
      <c r="CU760" s="166">
        <v>0</v>
      </c>
      <c r="CV760" s="166">
        <v>0</v>
      </c>
      <c r="CW760" s="166">
        <v>0</v>
      </c>
      <c r="CX760" s="166">
        <v>0</v>
      </c>
      <c r="CY760" s="166">
        <v>230936.95339166699</v>
      </c>
      <c r="CZ760" s="166">
        <v>230936.95339166699</v>
      </c>
    </row>
    <row r="761" spans="1:104" x14ac:dyDescent="0.2">
      <c r="A761" s="167" t="s">
        <v>292</v>
      </c>
    </row>
    <row r="762" spans="1:104" x14ac:dyDescent="0.2">
      <c r="A762" s="167" t="s">
        <v>293</v>
      </c>
      <c r="B762" s="166">
        <v>4543357.5199999996</v>
      </c>
      <c r="C762" s="166">
        <v>4543357.5199999996</v>
      </c>
      <c r="D762" s="166">
        <v>0</v>
      </c>
      <c r="E762" s="166">
        <v>0</v>
      </c>
      <c r="F762" s="166">
        <v>0</v>
      </c>
      <c r="G762" s="166">
        <v>0</v>
      </c>
      <c r="H762" s="166">
        <v>0</v>
      </c>
      <c r="I762" s="166">
        <v>0</v>
      </c>
      <c r="J762" s="166">
        <v>0</v>
      </c>
      <c r="K762" s="166">
        <v>0</v>
      </c>
      <c r="L762" s="166">
        <v>0</v>
      </c>
      <c r="M762" s="166">
        <v>0</v>
      </c>
      <c r="N762" s="166">
        <v>0</v>
      </c>
      <c r="O762" s="166">
        <v>0</v>
      </c>
      <c r="P762" s="166">
        <v>0</v>
      </c>
      <c r="Q762" s="166">
        <v>0</v>
      </c>
      <c r="R762" s="166">
        <v>0</v>
      </c>
      <c r="S762" s="166">
        <v>0</v>
      </c>
      <c r="T762" s="166">
        <v>0</v>
      </c>
      <c r="U762" s="166">
        <v>0</v>
      </c>
      <c r="V762" s="166">
        <v>0</v>
      </c>
      <c r="W762" s="166">
        <v>0</v>
      </c>
      <c r="X762" s="166">
        <v>0</v>
      </c>
      <c r="Y762" s="166">
        <v>0</v>
      </c>
      <c r="Z762" s="166">
        <v>0</v>
      </c>
      <c r="AA762" s="166">
        <v>0</v>
      </c>
      <c r="AB762" s="166">
        <v>0</v>
      </c>
      <c r="AC762" s="166">
        <v>0</v>
      </c>
      <c r="AD762" s="166">
        <v>0</v>
      </c>
      <c r="AE762" s="166">
        <v>0</v>
      </c>
      <c r="AF762" s="166">
        <v>0</v>
      </c>
      <c r="AG762" s="166">
        <v>0</v>
      </c>
      <c r="AH762" s="166">
        <v>0</v>
      </c>
      <c r="AI762" s="166">
        <v>0</v>
      </c>
      <c r="AJ762" s="166">
        <v>0</v>
      </c>
      <c r="AK762" s="166">
        <v>0</v>
      </c>
      <c r="AL762" s="166">
        <v>0</v>
      </c>
      <c r="AM762" s="166">
        <v>0</v>
      </c>
      <c r="AN762" s="166">
        <v>0</v>
      </c>
      <c r="AO762" s="166">
        <v>0</v>
      </c>
      <c r="AP762" s="166">
        <v>0</v>
      </c>
      <c r="AQ762" s="166">
        <v>0</v>
      </c>
      <c r="AR762" s="166">
        <v>0</v>
      </c>
      <c r="AS762" s="166">
        <v>0</v>
      </c>
      <c r="AT762" s="166">
        <v>0</v>
      </c>
      <c r="AU762" s="166">
        <v>0</v>
      </c>
      <c r="AV762" s="166">
        <v>0</v>
      </c>
      <c r="AW762" s="166">
        <v>0</v>
      </c>
      <c r="AX762" s="166">
        <v>0</v>
      </c>
      <c r="AY762" s="166">
        <v>0</v>
      </c>
      <c r="AZ762" s="166">
        <v>0</v>
      </c>
      <c r="BA762" s="166">
        <v>0</v>
      </c>
      <c r="BB762" s="166">
        <v>0</v>
      </c>
      <c r="BC762" s="166">
        <v>0</v>
      </c>
      <c r="BD762" s="166">
        <v>0</v>
      </c>
      <c r="BE762" s="166">
        <v>0</v>
      </c>
      <c r="BF762" s="166">
        <v>0</v>
      </c>
      <c r="BG762" s="166">
        <v>0</v>
      </c>
      <c r="BH762" s="166">
        <v>0</v>
      </c>
      <c r="BI762" s="166">
        <v>0</v>
      </c>
      <c r="BJ762" s="166">
        <v>0</v>
      </c>
      <c r="BK762" s="166">
        <v>0</v>
      </c>
      <c r="BL762" s="166">
        <v>0</v>
      </c>
      <c r="BM762" s="166">
        <v>0</v>
      </c>
      <c r="BN762" s="166">
        <v>0</v>
      </c>
      <c r="BO762" s="166">
        <v>0</v>
      </c>
      <c r="BP762" s="166">
        <v>0</v>
      </c>
      <c r="BQ762" s="166">
        <v>0</v>
      </c>
      <c r="BR762" s="166">
        <v>4543357.5199999996</v>
      </c>
      <c r="BS762" s="166">
        <v>4543357.5199999996</v>
      </c>
      <c r="BT762" s="168">
        <v>1</v>
      </c>
      <c r="BU762" s="166">
        <v>368998.75</v>
      </c>
      <c r="BV762" s="166">
        <v>4543357.5199999996</v>
      </c>
      <c r="BW762" s="166">
        <v>0</v>
      </c>
      <c r="BX762" s="166">
        <v>0</v>
      </c>
      <c r="BY762" s="166">
        <v>0</v>
      </c>
      <c r="BZ762" s="166">
        <v>0</v>
      </c>
      <c r="CA762" s="166">
        <v>0</v>
      </c>
      <c r="CB762" s="166">
        <v>0</v>
      </c>
      <c r="CC762" s="166">
        <v>0</v>
      </c>
      <c r="CD762" s="166">
        <v>0</v>
      </c>
      <c r="CE762" s="166">
        <v>0</v>
      </c>
      <c r="CF762" s="166">
        <v>0</v>
      </c>
      <c r="CG762" s="166">
        <v>0</v>
      </c>
      <c r="CH762" s="166">
        <v>0</v>
      </c>
      <c r="CI762" s="166">
        <v>0</v>
      </c>
      <c r="CJ762" s="166">
        <v>0</v>
      </c>
      <c r="CK762" s="166">
        <v>0</v>
      </c>
      <c r="CL762" s="166">
        <v>0</v>
      </c>
      <c r="CM762" s="166">
        <v>0</v>
      </c>
      <c r="CN762" s="166">
        <v>0</v>
      </c>
      <c r="CO762" s="166">
        <v>0</v>
      </c>
      <c r="CP762" s="166">
        <v>0</v>
      </c>
      <c r="CQ762" s="166">
        <v>0</v>
      </c>
      <c r="CR762" s="166">
        <v>0</v>
      </c>
      <c r="CS762" s="166">
        <v>0</v>
      </c>
      <c r="CT762" s="166">
        <v>0</v>
      </c>
      <c r="CU762" s="166">
        <v>0</v>
      </c>
      <c r="CV762" s="166">
        <v>0</v>
      </c>
      <c r="CW762" s="166">
        <v>0</v>
      </c>
      <c r="CX762" s="166">
        <v>0</v>
      </c>
      <c r="CY762" s="166">
        <v>4543357.5199999996</v>
      </c>
      <c r="CZ762" s="166">
        <v>4543357.5199999996</v>
      </c>
    </row>
    <row r="763" spans="1:104" x14ac:dyDescent="0.2">
      <c r="A763" s="167" t="s">
        <v>294</v>
      </c>
    </row>
    <row r="764" spans="1:104" x14ac:dyDescent="0.2">
      <c r="A764" s="167" t="s">
        <v>1116</v>
      </c>
      <c r="B764" s="166">
        <v>365374.99</v>
      </c>
      <c r="C764" s="166">
        <v>365374.99</v>
      </c>
      <c r="D764" s="166">
        <v>0</v>
      </c>
      <c r="E764" s="166">
        <v>0</v>
      </c>
      <c r="F764" s="166">
        <v>0</v>
      </c>
      <c r="G764" s="166">
        <v>0</v>
      </c>
      <c r="H764" s="166">
        <v>0</v>
      </c>
      <c r="I764" s="166">
        <v>0</v>
      </c>
      <c r="J764" s="166">
        <v>0</v>
      </c>
      <c r="K764" s="166">
        <v>0</v>
      </c>
      <c r="L764" s="166">
        <v>0</v>
      </c>
      <c r="M764" s="166">
        <v>0</v>
      </c>
      <c r="N764" s="166">
        <v>0</v>
      </c>
      <c r="O764" s="166">
        <v>0</v>
      </c>
      <c r="P764" s="166">
        <v>0</v>
      </c>
      <c r="Q764" s="166">
        <v>0</v>
      </c>
      <c r="R764" s="166">
        <v>0</v>
      </c>
      <c r="S764" s="166">
        <v>0</v>
      </c>
      <c r="T764" s="166">
        <v>0</v>
      </c>
      <c r="U764" s="166">
        <v>0</v>
      </c>
      <c r="V764" s="166">
        <v>0</v>
      </c>
      <c r="W764" s="166">
        <v>0</v>
      </c>
      <c r="X764" s="166">
        <v>0</v>
      </c>
      <c r="Y764" s="166">
        <v>0</v>
      </c>
      <c r="Z764" s="166">
        <v>0</v>
      </c>
      <c r="AA764" s="166">
        <v>0</v>
      </c>
      <c r="AB764" s="166">
        <v>0</v>
      </c>
      <c r="AC764" s="166">
        <v>0</v>
      </c>
      <c r="AD764" s="166">
        <v>0</v>
      </c>
      <c r="AE764" s="166">
        <v>0</v>
      </c>
      <c r="AF764" s="166">
        <v>0</v>
      </c>
      <c r="AG764" s="166">
        <v>0</v>
      </c>
      <c r="AH764" s="166">
        <v>0</v>
      </c>
      <c r="AI764" s="166">
        <v>0</v>
      </c>
      <c r="AJ764" s="166">
        <v>0</v>
      </c>
      <c r="AK764" s="166">
        <v>0</v>
      </c>
      <c r="AL764" s="166">
        <v>0</v>
      </c>
      <c r="AM764" s="166">
        <v>0</v>
      </c>
      <c r="AN764" s="166">
        <v>0</v>
      </c>
      <c r="AO764" s="166">
        <v>0</v>
      </c>
      <c r="AP764" s="166">
        <v>0</v>
      </c>
      <c r="AQ764" s="166">
        <v>0</v>
      </c>
      <c r="AR764" s="166">
        <v>0</v>
      </c>
      <c r="AS764" s="166">
        <v>0</v>
      </c>
      <c r="AT764" s="166">
        <v>0</v>
      </c>
      <c r="AU764" s="166">
        <v>0</v>
      </c>
      <c r="AV764" s="166">
        <v>0</v>
      </c>
      <c r="AW764" s="166">
        <v>0</v>
      </c>
      <c r="AX764" s="166">
        <v>0</v>
      </c>
      <c r="AY764" s="166">
        <v>0</v>
      </c>
      <c r="AZ764" s="166">
        <v>0</v>
      </c>
      <c r="BA764" s="166">
        <v>0</v>
      </c>
      <c r="BB764" s="166">
        <v>0</v>
      </c>
      <c r="BC764" s="166">
        <v>0</v>
      </c>
      <c r="BD764" s="166">
        <v>0</v>
      </c>
      <c r="BE764" s="166">
        <v>0</v>
      </c>
      <c r="BF764" s="166">
        <v>0</v>
      </c>
      <c r="BG764" s="166">
        <v>0</v>
      </c>
      <c r="BH764" s="166">
        <v>0</v>
      </c>
      <c r="BI764" s="166">
        <v>0</v>
      </c>
      <c r="BJ764" s="166">
        <v>0</v>
      </c>
      <c r="BK764" s="166">
        <v>0</v>
      </c>
      <c r="BL764" s="166">
        <v>0</v>
      </c>
      <c r="BM764" s="166">
        <v>0</v>
      </c>
      <c r="BN764" s="166">
        <v>0</v>
      </c>
      <c r="BO764" s="166">
        <v>0</v>
      </c>
      <c r="BP764" s="166">
        <v>0</v>
      </c>
      <c r="BQ764" s="166">
        <v>0</v>
      </c>
      <c r="BR764" s="166">
        <v>365374.99</v>
      </c>
      <c r="BS764" s="166">
        <v>365374.99</v>
      </c>
      <c r="BT764" s="168">
        <v>1</v>
      </c>
      <c r="BU764" s="166">
        <v>24112.16</v>
      </c>
      <c r="BV764" s="166">
        <v>365374.99</v>
      </c>
      <c r="BW764" s="166">
        <v>0</v>
      </c>
      <c r="BX764" s="166">
        <v>0</v>
      </c>
      <c r="BY764" s="166">
        <v>0</v>
      </c>
      <c r="BZ764" s="166">
        <v>0</v>
      </c>
      <c r="CA764" s="166">
        <v>0</v>
      </c>
      <c r="CB764" s="166">
        <v>0</v>
      </c>
      <c r="CC764" s="166">
        <v>0</v>
      </c>
      <c r="CD764" s="166">
        <v>0</v>
      </c>
      <c r="CE764" s="166">
        <v>0</v>
      </c>
      <c r="CF764" s="166">
        <v>0</v>
      </c>
      <c r="CG764" s="166">
        <v>0</v>
      </c>
      <c r="CH764" s="166">
        <v>0</v>
      </c>
      <c r="CI764" s="166">
        <v>0</v>
      </c>
      <c r="CJ764" s="166">
        <v>0</v>
      </c>
      <c r="CK764" s="166">
        <v>0</v>
      </c>
      <c r="CL764" s="166">
        <v>0</v>
      </c>
      <c r="CM764" s="166">
        <v>0</v>
      </c>
      <c r="CN764" s="166">
        <v>0</v>
      </c>
      <c r="CO764" s="166">
        <v>0</v>
      </c>
      <c r="CP764" s="166">
        <v>0</v>
      </c>
      <c r="CQ764" s="166">
        <v>0</v>
      </c>
      <c r="CR764" s="166">
        <v>0</v>
      </c>
      <c r="CS764" s="166">
        <v>0</v>
      </c>
      <c r="CT764" s="166">
        <v>0</v>
      </c>
      <c r="CU764" s="166">
        <v>0</v>
      </c>
      <c r="CV764" s="166">
        <v>0</v>
      </c>
      <c r="CW764" s="166">
        <v>0</v>
      </c>
      <c r="CX764" s="166">
        <v>0</v>
      </c>
      <c r="CY764" s="166">
        <v>365374.99</v>
      </c>
      <c r="CZ764" s="166">
        <v>365374.99</v>
      </c>
    </row>
    <row r="765" spans="1:104" x14ac:dyDescent="0.2">
      <c r="A765" s="167" t="s">
        <v>296</v>
      </c>
    </row>
    <row r="766" spans="1:104" x14ac:dyDescent="0.2">
      <c r="A766" s="167" t="s">
        <v>1117</v>
      </c>
      <c r="B766" s="166">
        <v>345548.11217092001</v>
      </c>
      <c r="C766" s="166">
        <v>345548.11217092001</v>
      </c>
      <c r="D766" s="166">
        <v>0</v>
      </c>
      <c r="E766" s="166">
        <v>0</v>
      </c>
      <c r="F766" s="166">
        <v>0</v>
      </c>
      <c r="G766" s="166">
        <v>0</v>
      </c>
      <c r="H766" s="166">
        <v>0</v>
      </c>
      <c r="I766" s="166">
        <v>0</v>
      </c>
      <c r="J766" s="166">
        <v>0</v>
      </c>
      <c r="K766" s="166">
        <v>0</v>
      </c>
      <c r="L766" s="166">
        <v>0</v>
      </c>
      <c r="M766" s="166">
        <v>0</v>
      </c>
      <c r="N766" s="166">
        <v>0</v>
      </c>
      <c r="O766" s="166">
        <v>0</v>
      </c>
      <c r="P766" s="166">
        <v>0</v>
      </c>
      <c r="Q766" s="166">
        <v>0</v>
      </c>
      <c r="R766" s="166">
        <v>0</v>
      </c>
      <c r="S766" s="166">
        <v>0</v>
      </c>
      <c r="T766" s="166">
        <v>0</v>
      </c>
      <c r="U766" s="166">
        <v>0</v>
      </c>
      <c r="V766" s="166">
        <v>0</v>
      </c>
      <c r="W766" s="166">
        <v>0</v>
      </c>
      <c r="X766" s="166">
        <v>0</v>
      </c>
      <c r="Y766" s="166">
        <v>0</v>
      </c>
      <c r="Z766" s="166">
        <v>0</v>
      </c>
      <c r="AA766" s="166">
        <v>0</v>
      </c>
      <c r="AB766" s="166">
        <v>0</v>
      </c>
      <c r="AC766" s="166">
        <v>0</v>
      </c>
      <c r="AD766" s="166">
        <v>0</v>
      </c>
      <c r="AE766" s="166">
        <v>0</v>
      </c>
      <c r="AF766" s="166">
        <v>0</v>
      </c>
      <c r="AG766" s="166">
        <v>0</v>
      </c>
      <c r="AH766" s="166">
        <v>0</v>
      </c>
      <c r="AI766" s="166">
        <v>0</v>
      </c>
      <c r="AJ766" s="166">
        <v>0</v>
      </c>
      <c r="AK766" s="166">
        <v>0</v>
      </c>
      <c r="AL766" s="166">
        <v>0</v>
      </c>
      <c r="AM766" s="166">
        <v>0</v>
      </c>
      <c r="AN766" s="166">
        <v>0</v>
      </c>
      <c r="AO766" s="166">
        <v>0</v>
      </c>
      <c r="AP766" s="166">
        <v>0</v>
      </c>
      <c r="AQ766" s="166">
        <v>0</v>
      </c>
      <c r="AR766" s="166">
        <v>0</v>
      </c>
      <c r="AS766" s="166">
        <v>0</v>
      </c>
      <c r="AT766" s="166">
        <v>0</v>
      </c>
      <c r="AU766" s="166">
        <v>0</v>
      </c>
      <c r="AV766" s="166">
        <v>0</v>
      </c>
      <c r="AW766" s="166">
        <v>0</v>
      </c>
      <c r="AX766" s="166">
        <v>0</v>
      </c>
      <c r="AY766" s="166">
        <v>0</v>
      </c>
      <c r="AZ766" s="166">
        <v>0</v>
      </c>
      <c r="BA766" s="166">
        <v>0</v>
      </c>
      <c r="BB766" s="166">
        <v>0</v>
      </c>
      <c r="BC766" s="166">
        <v>0</v>
      </c>
      <c r="BD766" s="166">
        <v>0</v>
      </c>
      <c r="BE766" s="166">
        <v>0</v>
      </c>
      <c r="BF766" s="166">
        <v>0</v>
      </c>
      <c r="BG766" s="166">
        <v>0</v>
      </c>
      <c r="BH766" s="166">
        <v>0</v>
      </c>
      <c r="BI766" s="166">
        <v>0</v>
      </c>
      <c r="BJ766" s="166">
        <v>0</v>
      </c>
      <c r="BK766" s="166">
        <v>0</v>
      </c>
      <c r="BL766" s="166">
        <v>0</v>
      </c>
      <c r="BM766" s="166">
        <v>0</v>
      </c>
      <c r="BN766" s="166">
        <v>0</v>
      </c>
      <c r="BO766" s="166">
        <v>0</v>
      </c>
      <c r="BP766" s="166">
        <v>0</v>
      </c>
      <c r="BQ766" s="166">
        <v>0</v>
      </c>
      <c r="BR766" s="166">
        <v>345548.11217092001</v>
      </c>
      <c r="BS766" s="166">
        <v>345548.11217092001</v>
      </c>
      <c r="BT766" s="168">
        <v>1</v>
      </c>
      <c r="BU766" s="166">
        <v>40099.0532941372</v>
      </c>
      <c r="BV766" s="166">
        <v>345548.11217092001</v>
      </c>
      <c r="BW766" s="166">
        <v>0</v>
      </c>
      <c r="BX766" s="166">
        <v>0</v>
      </c>
      <c r="BY766" s="166">
        <v>0</v>
      </c>
      <c r="BZ766" s="166">
        <v>0</v>
      </c>
      <c r="CA766" s="166">
        <v>0</v>
      </c>
      <c r="CB766" s="166">
        <v>0</v>
      </c>
      <c r="CC766" s="166">
        <v>0</v>
      </c>
      <c r="CD766" s="166">
        <v>0</v>
      </c>
      <c r="CE766" s="166">
        <v>0</v>
      </c>
      <c r="CF766" s="166">
        <v>0</v>
      </c>
      <c r="CG766" s="166">
        <v>0</v>
      </c>
      <c r="CH766" s="166">
        <v>0</v>
      </c>
      <c r="CI766" s="166">
        <v>0</v>
      </c>
      <c r="CJ766" s="166">
        <v>0</v>
      </c>
      <c r="CK766" s="166">
        <v>0</v>
      </c>
      <c r="CL766" s="166">
        <v>0</v>
      </c>
      <c r="CM766" s="166">
        <v>0</v>
      </c>
      <c r="CN766" s="166">
        <v>0</v>
      </c>
      <c r="CO766" s="166">
        <v>0</v>
      </c>
      <c r="CP766" s="166">
        <v>0</v>
      </c>
      <c r="CQ766" s="166">
        <v>0</v>
      </c>
      <c r="CR766" s="166">
        <v>0</v>
      </c>
      <c r="CS766" s="166">
        <v>0</v>
      </c>
      <c r="CT766" s="166">
        <v>0</v>
      </c>
      <c r="CU766" s="166">
        <v>0</v>
      </c>
      <c r="CV766" s="166">
        <v>0</v>
      </c>
      <c r="CW766" s="166">
        <v>0</v>
      </c>
      <c r="CX766" s="166">
        <v>0</v>
      </c>
      <c r="CY766" s="166">
        <v>345548.11217092001</v>
      </c>
      <c r="CZ766" s="166">
        <v>345548.11217092001</v>
      </c>
    </row>
    <row r="767" spans="1:104" x14ac:dyDescent="0.2">
      <c r="A767" s="167" t="s">
        <v>1118</v>
      </c>
      <c r="B767" s="166">
        <v>165450.77224075401</v>
      </c>
      <c r="C767" s="166">
        <v>165450.77224075401</v>
      </c>
      <c r="D767" s="166">
        <v>0</v>
      </c>
      <c r="E767" s="166">
        <v>0</v>
      </c>
      <c r="F767" s="166">
        <v>0</v>
      </c>
      <c r="G767" s="166">
        <v>0</v>
      </c>
      <c r="H767" s="166">
        <v>0</v>
      </c>
      <c r="I767" s="166">
        <v>0</v>
      </c>
      <c r="J767" s="166">
        <v>0</v>
      </c>
      <c r="K767" s="166">
        <v>0</v>
      </c>
      <c r="L767" s="166">
        <v>0</v>
      </c>
      <c r="M767" s="166">
        <v>0</v>
      </c>
      <c r="N767" s="166">
        <v>0</v>
      </c>
      <c r="O767" s="166">
        <v>0</v>
      </c>
      <c r="P767" s="166">
        <v>0</v>
      </c>
      <c r="Q767" s="166">
        <v>0</v>
      </c>
      <c r="R767" s="166">
        <v>0</v>
      </c>
      <c r="S767" s="166">
        <v>0</v>
      </c>
      <c r="T767" s="166">
        <v>0</v>
      </c>
      <c r="U767" s="166">
        <v>0</v>
      </c>
      <c r="V767" s="166">
        <v>0</v>
      </c>
      <c r="W767" s="166">
        <v>0</v>
      </c>
      <c r="X767" s="166">
        <v>0</v>
      </c>
      <c r="Y767" s="166">
        <v>0</v>
      </c>
      <c r="Z767" s="166">
        <v>0</v>
      </c>
      <c r="AA767" s="166">
        <v>0</v>
      </c>
      <c r="AB767" s="166">
        <v>0</v>
      </c>
      <c r="AC767" s="166">
        <v>0</v>
      </c>
      <c r="AD767" s="166">
        <v>0</v>
      </c>
      <c r="AE767" s="166">
        <v>0</v>
      </c>
      <c r="AF767" s="166">
        <v>0</v>
      </c>
      <c r="AG767" s="166">
        <v>0</v>
      </c>
      <c r="AH767" s="166">
        <v>0</v>
      </c>
      <c r="AI767" s="166">
        <v>0</v>
      </c>
      <c r="AJ767" s="166">
        <v>0</v>
      </c>
      <c r="AK767" s="166">
        <v>0</v>
      </c>
      <c r="AL767" s="166">
        <v>0</v>
      </c>
      <c r="AM767" s="166">
        <v>0</v>
      </c>
      <c r="AN767" s="166">
        <v>0</v>
      </c>
      <c r="AO767" s="166">
        <v>0</v>
      </c>
      <c r="AP767" s="166">
        <v>0</v>
      </c>
      <c r="AQ767" s="166">
        <v>0</v>
      </c>
      <c r="AR767" s="166">
        <v>0</v>
      </c>
      <c r="AS767" s="166">
        <v>0</v>
      </c>
      <c r="AT767" s="166">
        <v>0</v>
      </c>
      <c r="AU767" s="166">
        <v>0</v>
      </c>
      <c r="AV767" s="166">
        <v>0</v>
      </c>
      <c r="AW767" s="166">
        <v>0</v>
      </c>
      <c r="AX767" s="166">
        <v>0</v>
      </c>
      <c r="AY767" s="166">
        <v>0</v>
      </c>
      <c r="AZ767" s="166">
        <v>0</v>
      </c>
      <c r="BA767" s="166">
        <v>0</v>
      </c>
      <c r="BB767" s="166">
        <v>0</v>
      </c>
      <c r="BC767" s="166">
        <v>0</v>
      </c>
      <c r="BD767" s="166">
        <v>0</v>
      </c>
      <c r="BE767" s="166">
        <v>0</v>
      </c>
      <c r="BF767" s="166">
        <v>0</v>
      </c>
      <c r="BG767" s="166">
        <v>0</v>
      </c>
      <c r="BH767" s="166">
        <v>0</v>
      </c>
      <c r="BI767" s="166">
        <v>0</v>
      </c>
      <c r="BJ767" s="166">
        <v>0</v>
      </c>
      <c r="BK767" s="166">
        <v>0</v>
      </c>
      <c r="BL767" s="166">
        <v>0</v>
      </c>
      <c r="BM767" s="166">
        <v>0</v>
      </c>
      <c r="BN767" s="166">
        <v>0</v>
      </c>
      <c r="BO767" s="166">
        <v>0</v>
      </c>
      <c r="BP767" s="166">
        <v>0</v>
      </c>
      <c r="BQ767" s="166">
        <v>0</v>
      </c>
      <c r="BR767" s="166">
        <v>165450.77224075401</v>
      </c>
      <c r="BS767" s="166">
        <v>165450.77224075401</v>
      </c>
      <c r="BT767" s="168">
        <v>1</v>
      </c>
      <c r="BU767" s="166">
        <v>19001.9092933432</v>
      </c>
      <c r="BV767" s="166">
        <v>165450.77224075401</v>
      </c>
      <c r="BW767" s="166">
        <v>0</v>
      </c>
      <c r="BX767" s="166">
        <v>0</v>
      </c>
      <c r="BY767" s="166">
        <v>0</v>
      </c>
      <c r="BZ767" s="166">
        <v>0</v>
      </c>
      <c r="CA767" s="166">
        <v>0</v>
      </c>
      <c r="CB767" s="166">
        <v>0</v>
      </c>
      <c r="CC767" s="166">
        <v>0</v>
      </c>
      <c r="CD767" s="166">
        <v>0</v>
      </c>
      <c r="CE767" s="166">
        <v>0</v>
      </c>
      <c r="CF767" s="166">
        <v>0</v>
      </c>
      <c r="CG767" s="166">
        <v>0</v>
      </c>
      <c r="CH767" s="166">
        <v>0</v>
      </c>
      <c r="CI767" s="166">
        <v>0</v>
      </c>
      <c r="CJ767" s="166">
        <v>0</v>
      </c>
      <c r="CK767" s="166">
        <v>0</v>
      </c>
      <c r="CL767" s="166">
        <v>0</v>
      </c>
      <c r="CM767" s="166">
        <v>0</v>
      </c>
      <c r="CN767" s="166">
        <v>0</v>
      </c>
      <c r="CO767" s="166">
        <v>0</v>
      </c>
      <c r="CP767" s="166">
        <v>0</v>
      </c>
      <c r="CQ767" s="166">
        <v>0</v>
      </c>
      <c r="CR767" s="166">
        <v>0</v>
      </c>
      <c r="CS767" s="166">
        <v>0</v>
      </c>
      <c r="CT767" s="166">
        <v>0</v>
      </c>
      <c r="CU767" s="166">
        <v>0</v>
      </c>
      <c r="CV767" s="166">
        <v>0</v>
      </c>
      <c r="CW767" s="166">
        <v>0</v>
      </c>
      <c r="CX767" s="166">
        <v>0</v>
      </c>
      <c r="CY767" s="166">
        <v>165450.77224075401</v>
      </c>
      <c r="CZ767" s="166">
        <v>165450.77224075401</v>
      </c>
    </row>
    <row r="768" spans="1:104" x14ac:dyDescent="0.2">
      <c r="A768" s="167" t="s">
        <v>1119</v>
      </c>
      <c r="B768" s="166">
        <v>47809.516827055799</v>
      </c>
      <c r="C768" s="166">
        <v>47809.516827055799</v>
      </c>
      <c r="D768" s="166">
        <v>0</v>
      </c>
      <c r="E768" s="166">
        <v>0</v>
      </c>
      <c r="F768" s="166">
        <v>0</v>
      </c>
      <c r="G768" s="166">
        <v>0</v>
      </c>
      <c r="H768" s="166">
        <v>0</v>
      </c>
      <c r="I768" s="166">
        <v>0</v>
      </c>
      <c r="J768" s="166">
        <v>0</v>
      </c>
      <c r="K768" s="166">
        <v>0</v>
      </c>
      <c r="L768" s="166">
        <v>0</v>
      </c>
      <c r="M768" s="166">
        <v>0</v>
      </c>
      <c r="N768" s="166">
        <v>0</v>
      </c>
      <c r="O768" s="166">
        <v>0</v>
      </c>
      <c r="P768" s="166">
        <v>0</v>
      </c>
      <c r="Q768" s="166">
        <v>0</v>
      </c>
      <c r="R768" s="166">
        <v>0</v>
      </c>
      <c r="S768" s="166">
        <v>0</v>
      </c>
      <c r="T768" s="166">
        <v>0</v>
      </c>
      <c r="U768" s="166">
        <v>0</v>
      </c>
      <c r="V768" s="166">
        <v>0</v>
      </c>
      <c r="W768" s="166">
        <v>0</v>
      </c>
      <c r="X768" s="166">
        <v>0</v>
      </c>
      <c r="Y768" s="166">
        <v>0</v>
      </c>
      <c r="Z768" s="166">
        <v>0</v>
      </c>
      <c r="AA768" s="166">
        <v>0</v>
      </c>
      <c r="AB768" s="166">
        <v>0</v>
      </c>
      <c r="AC768" s="166">
        <v>0</v>
      </c>
      <c r="AD768" s="166">
        <v>0</v>
      </c>
      <c r="AE768" s="166">
        <v>0</v>
      </c>
      <c r="AF768" s="166">
        <v>0</v>
      </c>
      <c r="AG768" s="166">
        <v>0</v>
      </c>
      <c r="AH768" s="166">
        <v>0</v>
      </c>
      <c r="AI768" s="166">
        <v>0</v>
      </c>
      <c r="AJ768" s="166">
        <v>0</v>
      </c>
      <c r="AK768" s="166">
        <v>0</v>
      </c>
      <c r="AL768" s="166">
        <v>0</v>
      </c>
      <c r="AM768" s="166">
        <v>0</v>
      </c>
      <c r="AN768" s="166">
        <v>0</v>
      </c>
      <c r="AO768" s="166">
        <v>0</v>
      </c>
      <c r="AP768" s="166">
        <v>0</v>
      </c>
      <c r="AQ768" s="166">
        <v>0</v>
      </c>
      <c r="AR768" s="166">
        <v>0</v>
      </c>
      <c r="AS768" s="166">
        <v>0</v>
      </c>
      <c r="AT768" s="166">
        <v>0</v>
      </c>
      <c r="AU768" s="166">
        <v>0</v>
      </c>
      <c r="AV768" s="166">
        <v>0</v>
      </c>
      <c r="AW768" s="166">
        <v>0</v>
      </c>
      <c r="AX768" s="166">
        <v>0</v>
      </c>
      <c r="AY768" s="166">
        <v>0</v>
      </c>
      <c r="AZ768" s="166">
        <v>0</v>
      </c>
      <c r="BA768" s="166">
        <v>0</v>
      </c>
      <c r="BB768" s="166">
        <v>0</v>
      </c>
      <c r="BC768" s="166">
        <v>0</v>
      </c>
      <c r="BD768" s="166">
        <v>0</v>
      </c>
      <c r="BE768" s="166">
        <v>0</v>
      </c>
      <c r="BF768" s="166">
        <v>0</v>
      </c>
      <c r="BG768" s="166">
        <v>0</v>
      </c>
      <c r="BH768" s="166">
        <v>0</v>
      </c>
      <c r="BI768" s="166">
        <v>0</v>
      </c>
      <c r="BJ768" s="166">
        <v>0</v>
      </c>
      <c r="BK768" s="166">
        <v>0</v>
      </c>
      <c r="BL768" s="166">
        <v>0</v>
      </c>
      <c r="BM768" s="166">
        <v>0</v>
      </c>
      <c r="BN768" s="166">
        <v>0</v>
      </c>
      <c r="BO768" s="166">
        <v>0</v>
      </c>
      <c r="BP768" s="166">
        <v>0</v>
      </c>
      <c r="BQ768" s="166">
        <v>0</v>
      </c>
      <c r="BR768" s="166">
        <v>47809.516827055799</v>
      </c>
      <c r="BS768" s="166">
        <v>47809.516827055799</v>
      </c>
      <c r="BT768" s="168">
        <v>1</v>
      </c>
      <c r="BU768" s="166">
        <v>5285.4036036480902</v>
      </c>
      <c r="BV768" s="166">
        <v>47809.516827055799</v>
      </c>
      <c r="BW768" s="166">
        <v>0</v>
      </c>
      <c r="BX768" s="166">
        <v>0</v>
      </c>
      <c r="BY768" s="166">
        <v>0</v>
      </c>
      <c r="BZ768" s="166">
        <v>0</v>
      </c>
      <c r="CA768" s="166">
        <v>0</v>
      </c>
      <c r="CB768" s="166">
        <v>0</v>
      </c>
      <c r="CC768" s="166">
        <v>0</v>
      </c>
      <c r="CD768" s="166">
        <v>0</v>
      </c>
      <c r="CE768" s="166">
        <v>0</v>
      </c>
      <c r="CF768" s="166">
        <v>0</v>
      </c>
      <c r="CG768" s="166">
        <v>0</v>
      </c>
      <c r="CH768" s="166">
        <v>0</v>
      </c>
      <c r="CI768" s="166">
        <v>0</v>
      </c>
      <c r="CJ768" s="166">
        <v>0</v>
      </c>
      <c r="CK768" s="166">
        <v>0</v>
      </c>
      <c r="CL768" s="166">
        <v>0</v>
      </c>
      <c r="CM768" s="166">
        <v>0</v>
      </c>
      <c r="CN768" s="166">
        <v>0</v>
      </c>
      <c r="CO768" s="166">
        <v>0</v>
      </c>
      <c r="CP768" s="166">
        <v>0</v>
      </c>
      <c r="CQ768" s="166">
        <v>0</v>
      </c>
      <c r="CR768" s="166">
        <v>0</v>
      </c>
      <c r="CS768" s="166">
        <v>0</v>
      </c>
      <c r="CT768" s="166">
        <v>0</v>
      </c>
      <c r="CU768" s="166">
        <v>0</v>
      </c>
      <c r="CV768" s="166">
        <v>0</v>
      </c>
      <c r="CW768" s="166">
        <v>0</v>
      </c>
      <c r="CX768" s="166">
        <v>0</v>
      </c>
      <c r="CY768" s="166">
        <v>47809.516827055799</v>
      </c>
      <c r="CZ768" s="166">
        <v>47809.516827055799</v>
      </c>
    </row>
    <row r="769" spans="1:104" x14ac:dyDescent="0.2">
      <c r="A769" s="167" t="s">
        <v>1120</v>
      </c>
      <c r="B769" s="166">
        <v>58307.838761268496</v>
      </c>
      <c r="C769" s="166">
        <v>58307.838761268496</v>
      </c>
      <c r="D769" s="166">
        <v>0</v>
      </c>
      <c r="E769" s="166">
        <v>0</v>
      </c>
      <c r="F769" s="166">
        <v>0</v>
      </c>
      <c r="G769" s="166">
        <v>0</v>
      </c>
      <c r="H769" s="166">
        <v>0</v>
      </c>
      <c r="I769" s="166">
        <v>0</v>
      </c>
      <c r="J769" s="166">
        <v>0</v>
      </c>
      <c r="K769" s="166">
        <v>0</v>
      </c>
      <c r="L769" s="166">
        <v>0</v>
      </c>
      <c r="M769" s="166">
        <v>0</v>
      </c>
      <c r="N769" s="166">
        <v>0</v>
      </c>
      <c r="O769" s="166">
        <v>0</v>
      </c>
      <c r="P769" s="166">
        <v>0</v>
      </c>
      <c r="Q769" s="166">
        <v>0</v>
      </c>
      <c r="R769" s="166">
        <v>0</v>
      </c>
      <c r="S769" s="166">
        <v>0</v>
      </c>
      <c r="T769" s="166">
        <v>0</v>
      </c>
      <c r="U769" s="166">
        <v>0</v>
      </c>
      <c r="V769" s="166">
        <v>0</v>
      </c>
      <c r="W769" s="166">
        <v>0</v>
      </c>
      <c r="X769" s="166">
        <v>0</v>
      </c>
      <c r="Y769" s="166">
        <v>0</v>
      </c>
      <c r="Z769" s="166">
        <v>0</v>
      </c>
      <c r="AA769" s="166">
        <v>0</v>
      </c>
      <c r="AB769" s="166">
        <v>0</v>
      </c>
      <c r="AC769" s="166">
        <v>0</v>
      </c>
      <c r="AD769" s="166">
        <v>0</v>
      </c>
      <c r="AE769" s="166">
        <v>0</v>
      </c>
      <c r="AF769" s="166">
        <v>0</v>
      </c>
      <c r="AG769" s="166">
        <v>0</v>
      </c>
      <c r="AH769" s="166">
        <v>0</v>
      </c>
      <c r="AI769" s="166">
        <v>0</v>
      </c>
      <c r="AJ769" s="166">
        <v>0</v>
      </c>
      <c r="AK769" s="166">
        <v>0</v>
      </c>
      <c r="AL769" s="166">
        <v>0</v>
      </c>
      <c r="AM769" s="166">
        <v>0</v>
      </c>
      <c r="AN769" s="166">
        <v>0</v>
      </c>
      <c r="AO769" s="166">
        <v>0</v>
      </c>
      <c r="AP769" s="166">
        <v>0</v>
      </c>
      <c r="AQ769" s="166">
        <v>0</v>
      </c>
      <c r="AR769" s="166">
        <v>0</v>
      </c>
      <c r="AS769" s="166">
        <v>0</v>
      </c>
      <c r="AT769" s="166">
        <v>0</v>
      </c>
      <c r="AU769" s="166">
        <v>0</v>
      </c>
      <c r="AV769" s="166">
        <v>0</v>
      </c>
      <c r="AW769" s="166">
        <v>0</v>
      </c>
      <c r="AX769" s="166">
        <v>0</v>
      </c>
      <c r="AY769" s="166">
        <v>0</v>
      </c>
      <c r="AZ769" s="166">
        <v>0</v>
      </c>
      <c r="BA769" s="166">
        <v>0</v>
      </c>
      <c r="BB769" s="166">
        <v>0</v>
      </c>
      <c r="BC769" s="166">
        <v>0</v>
      </c>
      <c r="BD769" s="166">
        <v>0</v>
      </c>
      <c r="BE769" s="166">
        <v>0</v>
      </c>
      <c r="BF769" s="166">
        <v>0</v>
      </c>
      <c r="BG769" s="166">
        <v>0</v>
      </c>
      <c r="BH769" s="166">
        <v>0</v>
      </c>
      <c r="BI769" s="166">
        <v>0</v>
      </c>
      <c r="BJ769" s="166">
        <v>0</v>
      </c>
      <c r="BK769" s="166">
        <v>0</v>
      </c>
      <c r="BL769" s="166">
        <v>0</v>
      </c>
      <c r="BM769" s="166">
        <v>0</v>
      </c>
      <c r="BN769" s="166">
        <v>0</v>
      </c>
      <c r="BO769" s="166">
        <v>0</v>
      </c>
      <c r="BP769" s="166">
        <v>0</v>
      </c>
      <c r="BQ769" s="166">
        <v>0</v>
      </c>
      <c r="BR769" s="166">
        <v>58307.838761268496</v>
      </c>
      <c r="BS769" s="166">
        <v>58307.838761268496</v>
      </c>
      <c r="BT769" s="168">
        <v>1</v>
      </c>
      <c r="BU769" s="166">
        <v>6686.6438088713403</v>
      </c>
      <c r="BV769" s="166">
        <v>58307.838761268496</v>
      </c>
      <c r="BW769" s="166">
        <v>0</v>
      </c>
      <c r="BX769" s="166">
        <v>0</v>
      </c>
      <c r="BY769" s="166">
        <v>0</v>
      </c>
      <c r="BZ769" s="166">
        <v>0</v>
      </c>
      <c r="CA769" s="166">
        <v>0</v>
      </c>
      <c r="CB769" s="166">
        <v>0</v>
      </c>
      <c r="CC769" s="166">
        <v>0</v>
      </c>
      <c r="CD769" s="166">
        <v>0</v>
      </c>
      <c r="CE769" s="166">
        <v>0</v>
      </c>
      <c r="CF769" s="166">
        <v>0</v>
      </c>
      <c r="CG769" s="166">
        <v>0</v>
      </c>
      <c r="CH769" s="166">
        <v>0</v>
      </c>
      <c r="CI769" s="166">
        <v>0</v>
      </c>
      <c r="CJ769" s="166">
        <v>0</v>
      </c>
      <c r="CK769" s="166">
        <v>0</v>
      </c>
      <c r="CL769" s="166">
        <v>0</v>
      </c>
      <c r="CM769" s="166">
        <v>0</v>
      </c>
      <c r="CN769" s="166">
        <v>0</v>
      </c>
      <c r="CO769" s="166">
        <v>0</v>
      </c>
      <c r="CP769" s="166">
        <v>0</v>
      </c>
      <c r="CQ769" s="166">
        <v>0</v>
      </c>
      <c r="CR769" s="166">
        <v>0</v>
      </c>
      <c r="CS769" s="166">
        <v>0</v>
      </c>
      <c r="CT769" s="166">
        <v>0</v>
      </c>
      <c r="CU769" s="166">
        <v>0</v>
      </c>
      <c r="CV769" s="166">
        <v>0</v>
      </c>
      <c r="CW769" s="166">
        <v>0</v>
      </c>
      <c r="CX769" s="166">
        <v>0</v>
      </c>
      <c r="CY769" s="166">
        <v>58307.838761268496</v>
      </c>
      <c r="CZ769" s="166">
        <v>58307.838761268496</v>
      </c>
    </row>
    <row r="770" spans="1:104" x14ac:dyDescent="0.2">
      <c r="A770" s="167" t="s">
        <v>1121</v>
      </c>
      <c r="B770" s="166">
        <v>0</v>
      </c>
      <c r="C770" s="166">
        <v>0</v>
      </c>
      <c r="D770" s="166">
        <v>0</v>
      </c>
      <c r="E770" s="166">
        <v>0</v>
      </c>
      <c r="F770" s="166">
        <v>0</v>
      </c>
      <c r="G770" s="166">
        <v>0</v>
      </c>
      <c r="H770" s="166">
        <v>0</v>
      </c>
      <c r="I770" s="166">
        <v>0</v>
      </c>
      <c r="J770" s="166">
        <v>0</v>
      </c>
      <c r="K770" s="166">
        <v>0</v>
      </c>
      <c r="L770" s="166">
        <v>0</v>
      </c>
      <c r="M770" s="166">
        <v>0</v>
      </c>
      <c r="N770" s="166">
        <v>0</v>
      </c>
      <c r="O770" s="166">
        <v>0</v>
      </c>
      <c r="P770" s="166">
        <v>0</v>
      </c>
      <c r="Q770" s="166">
        <v>0</v>
      </c>
      <c r="R770" s="166">
        <v>0</v>
      </c>
      <c r="S770" s="166">
        <v>0</v>
      </c>
      <c r="T770" s="166">
        <v>0</v>
      </c>
      <c r="U770" s="166">
        <v>0</v>
      </c>
      <c r="V770" s="166">
        <v>0</v>
      </c>
      <c r="W770" s="166">
        <v>0</v>
      </c>
      <c r="X770" s="166">
        <v>0</v>
      </c>
      <c r="Y770" s="166">
        <v>0</v>
      </c>
      <c r="Z770" s="166">
        <v>0</v>
      </c>
      <c r="AA770" s="166">
        <v>0</v>
      </c>
      <c r="AB770" s="166">
        <v>0</v>
      </c>
      <c r="AC770" s="166">
        <v>0</v>
      </c>
      <c r="AD770" s="166">
        <v>0</v>
      </c>
      <c r="AE770" s="166">
        <v>0</v>
      </c>
      <c r="AF770" s="166">
        <v>0</v>
      </c>
      <c r="AG770" s="166">
        <v>0</v>
      </c>
      <c r="AH770" s="166">
        <v>0</v>
      </c>
      <c r="AI770" s="166">
        <v>0</v>
      </c>
      <c r="AJ770" s="166">
        <v>0</v>
      </c>
      <c r="AK770" s="166">
        <v>0</v>
      </c>
      <c r="AL770" s="166">
        <v>0</v>
      </c>
      <c r="AM770" s="166">
        <v>0</v>
      </c>
      <c r="AN770" s="166">
        <v>0</v>
      </c>
      <c r="AO770" s="166">
        <v>0</v>
      </c>
      <c r="AP770" s="166">
        <v>0</v>
      </c>
      <c r="AQ770" s="166">
        <v>0</v>
      </c>
      <c r="AR770" s="166">
        <v>0</v>
      </c>
      <c r="AS770" s="166">
        <v>0</v>
      </c>
      <c r="AT770" s="166">
        <v>0</v>
      </c>
      <c r="AU770" s="166">
        <v>0</v>
      </c>
      <c r="AV770" s="166">
        <v>0</v>
      </c>
      <c r="AW770" s="166">
        <v>0</v>
      </c>
      <c r="AX770" s="166">
        <v>0</v>
      </c>
      <c r="AY770" s="166">
        <v>0</v>
      </c>
      <c r="AZ770" s="166">
        <v>0</v>
      </c>
      <c r="BA770" s="166">
        <v>0</v>
      </c>
      <c r="BB770" s="166">
        <v>0</v>
      </c>
      <c r="BC770" s="166">
        <v>0</v>
      </c>
      <c r="BD770" s="166">
        <v>0</v>
      </c>
      <c r="BE770" s="166">
        <v>0</v>
      </c>
      <c r="BF770" s="166">
        <v>0</v>
      </c>
      <c r="BG770" s="166">
        <v>0</v>
      </c>
      <c r="BH770" s="166">
        <v>0</v>
      </c>
      <c r="BI770" s="166">
        <v>0</v>
      </c>
      <c r="BJ770" s="166">
        <v>0</v>
      </c>
      <c r="BK770" s="166">
        <v>0</v>
      </c>
      <c r="BL770" s="166">
        <v>0</v>
      </c>
      <c r="BM770" s="166">
        <v>0</v>
      </c>
      <c r="BN770" s="166">
        <v>0</v>
      </c>
      <c r="BO770" s="166">
        <v>0</v>
      </c>
      <c r="BP770" s="166">
        <v>0</v>
      </c>
      <c r="BQ770" s="166">
        <v>0</v>
      </c>
      <c r="BR770" s="166">
        <v>0</v>
      </c>
      <c r="BS770" s="166">
        <v>0</v>
      </c>
      <c r="BT770" s="168">
        <v>1</v>
      </c>
      <c r="BU770" s="166">
        <v>0</v>
      </c>
      <c r="BV770" s="166">
        <v>0</v>
      </c>
      <c r="BW770" s="166">
        <v>0</v>
      </c>
      <c r="BX770" s="166">
        <v>0</v>
      </c>
      <c r="BY770" s="166">
        <v>0</v>
      </c>
      <c r="BZ770" s="166">
        <v>0</v>
      </c>
      <c r="CA770" s="166">
        <v>0</v>
      </c>
      <c r="CB770" s="166">
        <v>0</v>
      </c>
      <c r="CC770" s="166">
        <v>0</v>
      </c>
      <c r="CD770" s="166">
        <v>0</v>
      </c>
      <c r="CE770" s="166">
        <v>0</v>
      </c>
      <c r="CF770" s="166">
        <v>0</v>
      </c>
      <c r="CG770" s="166">
        <v>0</v>
      </c>
      <c r="CH770" s="166">
        <v>0</v>
      </c>
      <c r="CI770" s="166">
        <v>0</v>
      </c>
      <c r="CJ770" s="166">
        <v>0</v>
      </c>
      <c r="CK770" s="166">
        <v>0</v>
      </c>
      <c r="CL770" s="166">
        <v>0</v>
      </c>
      <c r="CM770" s="166">
        <v>0</v>
      </c>
      <c r="CN770" s="166">
        <v>0</v>
      </c>
      <c r="CO770" s="166">
        <v>0</v>
      </c>
      <c r="CP770" s="166">
        <v>0</v>
      </c>
      <c r="CQ770" s="166">
        <v>0</v>
      </c>
      <c r="CR770" s="166">
        <v>0</v>
      </c>
      <c r="CS770" s="166">
        <v>0</v>
      </c>
      <c r="CT770" s="166">
        <v>0</v>
      </c>
      <c r="CU770" s="166">
        <v>0</v>
      </c>
      <c r="CV770" s="166">
        <v>0</v>
      </c>
      <c r="CW770" s="166">
        <v>0</v>
      </c>
      <c r="CX770" s="166">
        <v>0</v>
      </c>
      <c r="CY770" s="166">
        <v>0</v>
      </c>
      <c r="CZ770" s="166">
        <v>0</v>
      </c>
    </row>
    <row r="771" spans="1:104" x14ac:dyDescent="0.2">
      <c r="A771" s="167" t="s">
        <v>1122</v>
      </c>
      <c r="B771" s="166">
        <v>617116.24</v>
      </c>
      <c r="C771" s="166">
        <v>617116.24</v>
      </c>
      <c r="D771" s="166">
        <v>0</v>
      </c>
      <c r="E771" s="166">
        <v>0</v>
      </c>
      <c r="F771" s="166">
        <v>0</v>
      </c>
      <c r="G771" s="166">
        <v>0</v>
      </c>
      <c r="H771" s="166">
        <v>0</v>
      </c>
      <c r="I771" s="166">
        <v>0</v>
      </c>
      <c r="J771" s="166">
        <v>0</v>
      </c>
      <c r="K771" s="166">
        <v>0</v>
      </c>
      <c r="L771" s="166">
        <v>0</v>
      </c>
      <c r="M771" s="166">
        <v>0</v>
      </c>
      <c r="N771" s="166">
        <v>0</v>
      </c>
      <c r="O771" s="166">
        <v>0</v>
      </c>
      <c r="P771" s="166">
        <v>0</v>
      </c>
      <c r="Q771" s="166">
        <v>0</v>
      </c>
      <c r="R771" s="166">
        <v>0</v>
      </c>
      <c r="S771" s="166">
        <v>0</v>
      </c>
      <c r="T771" s="166">
        <v>0</v>
      </c>
      <c r="U771" s="166">
        <v>0</v>
      </c>
      <c r="V771" s="166">
        <v>0</v>
      </c>
      <c r="W771" s="166">
        <v>0</v>
      </c>
      <c r="X771" s="166">
        <v>0</v>
      </c>
      <c r="Y771" s="166">
        <v>0</v>
      </c>
      <c r="Z771" s="166">
        <v>0</v>
      </c>
      <c r="AA771" s="166">
        <v>0</v>
      </c>
      <c r="AB771" s="166">
        <v>0</v>
      </c>
      <c r="AC771" s="166">
        <v>0</v>
      </c>
      <c r="AD771" s="166">
        <v>0</v>
      </c>
      <c r="AE771" s="166">
        <v>0</v>
      </c>
      <c r="AF771" s="166">
        <v>0</v>
      </c>
      <c r="AG771" s="166">
        <v>0</v>
      </c>
      <c r="AH771" s="166">
        <v>0</v>
      </c>
      <c r="AI771" s="166">
        <v>0</v>
      </c>
      <c r="AJ771" s="166">
        <v>0</v>
      </c>
      <c r="AK771" s="166">
        <v>0</v>
      </c>
      <c r="AL771" s="166">
        <v>0</v>
      </c>
      <c r="AM771" s="166">
        <v>0</v>
      </c>
      <c r="AN771" s="166">
        <v>0</v>
      </c>
      <c r="AO771" s="166">
        <v>0</v>
      </c>
      <c r="AP771" s="166">
        <v>0</v>
      </c>
      <c r="AQ771" s="166">
        <v>0</v>
      </c>
      <c r="AR771" s="166">
        <v>0</v>
      </c>
      <c r="AS771" s="166">
        <v>0</v>
      </c>
      <c r="AT771" s="166">
        <v>0</v>
      </c>
      <c r="AU771" s="166">
        <v>0</v>
      </c>
      <c r="AV771" s="166">
        <v>0</v>
      </c>
      <c r="AW771" s="166">
        <v>0</v>
      </c>
      <c r="AX771" s="166">
        <v>0</v>
      </c>
      <c r="AY771" s="166">
        <v>0</v>
      </c>
      <c r="AZ771" s="166">
        <v>0</v>
      </c>
      <c r="BA771" s="166">
        <v>0</v>
      </c>
      <c r="BB771" s="166">
        <v>0</v>
      </c>
      <c r="BC771" s="166">
        <v>0</v>
      </c>
      <c r="BD771" s="166">
        <v>0</v>
      </c>
      <c r="BE771" s="166">
        <v>0</v>
      </c>
      <c r="BF771" s="166">
        <v>0</v>
      </c>
      <c r="BG771" s="166">
        <v>0</v>
      </c>
      <c r="BH771" s="166">
        <v>0</v>
      </c>
      <c r="BI771" s="166">
        <v>0</v>
      </c>
      <c r="BJ771" s="166">
        <v>0</v>
      </c>
      <c r="BK771" s="166">
        <v>0</v>
      </c>
      <c r="BL771" s="166">
        <v>0</v>
      </c>
      <c r="BM771" s="166">
        <v>0</v>
      </c>
      <c r="BN771" s="166">
        <v>0</v>
      </c>
      <c r="BO771" s="166">
        <v>0</v>
      </c>
      <c r="BP771" s="166">
        <v>0</v>
      </c>
      <c r="BQ771" s="166">
        <v>0</v>
      </c>
      <c r="BR771" s="166">
        <v>617116.24</v>
      </c>
      <c r="BS771" s="166">
        <v>617116.23999999894</v>
      </c>
      <c r="BT771" s="171">
        <v>0</v>
      </c>
      <c r="BU771" s="166">
        <v>71073.009999999995</v>
      </c>
      <c r="BV771" s="166">
        <v>617116.23999999894</v>
      </c>
      <c r="BW771" s="166">
        <v>0</v>
      </c>
      <c r="BX771" s="166">
        <v>0</v>
      </c>
      <c r="BY771" s="166">
        <v>0</v>
      </c>
      <c r="BZ771" s="166">
        <v>0</v>
      </c>
      <c r="CA771" s="166">
        <v>0</v>
      </c>
      <c r="CB771" s="166">
        <v>0</v>
      </c>
      <c r="CC771" s="166">
        <v>0</v>
      </c>
      <c r="CD771" s="166">
        <v>0</v>
      </c>
      <c r="CE771" s="166">
        <v>0</v>
      </c>
      <c r="CF771" s="166">
        <v>0</v>
      </c>
      <c r="CG771" s="166">
        <v>0</v>
      </c>
      <c r="CH771" s="166">
        <v>0</v>
      </c>
      <c r="CI771" s="166">
        <v>0</v>
      </c>
      <c r="CJ771" s="166">
        <v>0</v>
      </c>
      <c r="CK771" s="166">
        <v>0</v>
      </c>
      <c r="CL771" s="166">
        <v>0</v>
      </c>
      <c r="CM771" s="166">
        <v>0</v>
      </c>
      <c r="CN771" s="166">
        <v>0</v>
      </c>
      <c r="CO771" s="166">
        <v>0</v>
      </c>
      <c r="CP771" s="166">
        <v>0</v>
      </c>
      <c r="CQ771" s="166">
        <v>0</v>
      </c>
      <c r="CR771" s="166">
        <v>0</v>
      </c>
      <c r="CS771" s="166">
        <v>0</v>
      </c>
      <c r="CT771" s="166">
        <v>0</v>
      </c>
      <c r="CU771" s="166">
        <v>0</v>
      </c>
      <c r="CV771" s="166">
        <v>0</v>
      </c>
      <c r="CW771" s="166">
        <v>0</v>
      </c>
      <c r="CX771" s="166">
        <v>0</v>
      </c>
      <c r="CY771" s="166">
        <v>617116.24</v>
      </c>
      <c r="CZ771" s="166">
        <v>617116.23999999894</v>
      </c>
    </row>
    <row r="772" spans="1:104" x14ac:dyDescent="0.2">
      <c r="A772" s="167" t="s">
        <v>303</v>
      </c>
    </row>
    <row r="773" spans="1:104" x14ac:dyDescent="0.2">
      <c r="A773" s="167" t="s">
        <v>1123</v>
      </c>
      <c r="B773" s="166">
        <v>2009.7440360281701</v>
      </c>
      <c r="C773" s="166">
        <v>2009.7440360281701</v>
      </c>
      <c r="D773" s="166">
        <v>0</v>
      </c>
      <c r="E773" s="166">
        <v>0</v>
      </c>
      <c r="F773" s="166">
        <v>0</v>
      </c>
      <c r="G773" s="166">
        <v>0</v>
      </c>
      <c r="H773" s="166">
        <v>0</v>
      </c>
      <c r="I773" s="166">
        <v>0</v>
      </c>
      <c r="J773" s="166">
        <v>0</v>
      </c>
      <c r="K773" s="166">
        <v>0</v>
      </c>
      <c r="L773" s="166">
        <v>0</v>
      </c>
      <c r="M773" s="166">
        <v>0</v>
      </c>
      <c r="N773" s="166">
        <v>0</v>
      </c>
      <c r="O773" s="166">
        <v>0</v>
      </c>
      <c r="P773" s="166">
        <v>0</v>
      </c>
      <c r="Q773" s="166">
        <v>0</v>
      </c>
      <c r="R773" s="166">
        <v>0</v>
      </c>
      <c r="S773" s="166">
        <v>0</v>
      </c>
      <c r="T773" s="166">
        <v>0</v>
      </c>
      <c r="U773" s="166">
        <v>0</v>
      </c>
      <c r="V773" s="166">
        <v>0</v>
      </c>
      <c r="W773" s="166">
        <v>0</v>
      </c>
      <c r="X773" s="166">
        <v>0</v>
      </c>
      <c r="Y773" s="166">
        <v>0</v>
      </c>
      <c r="Z773" s="166">
        <v>0</v>
      </c>
      <c r="AA773" s="166">
        <v>0</v>
      </c>
      <c r="AB773" s="166">
        <v>0</v>
      </c>
      <c r="AC773" s="166">
        <v>0</v>
      </c>
      <c r="AD773" s="166">
        <v>0</v>
      </c>
      <c r="AE773" s="166">
        <v>0</v>
      </c>
      <c r="AF773" s="166">
        <v>0</v>
      </c>
      <c r="AG773" s="166">
        <v>0</v>
      </c>
      <c r="AH773" s="166">
        <v>0</v>
      </c>
      <c r="AI773" s="166">
        <v>0</v>
      </c>
      <c r="AJ773" s="166">
        <v>0</v>
      </c>
      <c r="AK773" s="166">
        <v>0</v>
      </c>
      <c r="AL773" s="166">
        <v>0</v>
      </c>
      <c r="AM773" s="166">
        <v>0</v>
      </c>
      <c r="AN773" s="166">
        <v>0</v>
      </c>
      <c r="AO773" s="166">
        <v>0</v>
      </c>
      <c r="AP773" s="166">
        <v>0</v>
      </c>
      <c r="AQ773" s="166">
        <v>0</v>
      </c>
      <c r="AR773" s="166">
        <v>0</v>
      </c>
      <c r="AS773" s="166">
        <v>0</v>
      </c>
      <c r="AT773" s="166">
        <v>0</v>
      </c>
      <c r="AU773" s="166">
        <v>0</v>
      </c>
      <c r="AV773" s="166">
        <v>0</v>
      </c>
      <c r="AW773" s="166">
        <v>0</v>
      </c>
      <c r="AX773" s="166">
        <v>0</v>
      </c>
      <c r="AY773" s="166">
        <v>0</v>
      </c>
      <c r="AZ773" s="166">
        <v>0</v>
      </c>
      <c r="BA773" s="166">
        <v>0</v>
      </c>
      <c r="BB773" s="166">
        <v>0</v>
      </c>
      <c r="BC773" s="166">
        <v>0</v>
      </c>
      <c r="BD773" s="166">
        <v>0</v>
      </c>
      <c r="BE773" s="166">
        <v>0</v>
      </c>
      <c r="BF773" s="166">
        <v>0</v>
      </c>
      <c r="BG773" s="166">
        <v>0</v>
      </c>
      <c r="BH773" s="166">
        <v>0</v>
      </c>
      <c r="BI773" s="166">
        <v>0</v>
      </c>
      <c r="BJ773" s="166">
        <v>0</v>
      </c>
      <c r="BK773" s="166">
        <v>0</v>
      </c>
      <c r="BL773" s="166">
        <v>0</v>
      </c>
      <c r="BM773" s="166">
        <v>0</v>
      </c>
      <c r="BN773" s="166">
        <v>0</v>
      </c>
      <c r="BO773" s="166">
        <v>0</v>
      </c>
      <c r="BP773" s="166">
        <v>0</v>
      </c>
      <c r="BQ773" s="166">
        <v>0</v>
      </c>
      <c r="BR773" s="166">
        <v>2009.7440360281701</v>
      </c>
      <c r="BS773" s="166">
        <v>2009.7440360281701</v>
      </c>
      <c r="BT773" s="168">
        <v>1</v>
      </c>
      <c r="BU773" s="166">
        <v>174.112828423396</v>
      </c>
      <c r="BV773" s="166">
        <v>2009.7440360281701</v>
      </c>
      <c r="BW773" s="166">
        <v>0</v>
      </c>
      <c r="BX773" s="166">
        <v>0</v>
      </c>
      <c r="BY773" s="166">
        <v>0</v>
      </c>
      <c r="BZ773" s="166">
        <v>0</v>
      </c>
      <c r="CA773" s="166">
        <v>0</v>
      </c>
      <c r="CB773" s="166">
        <v>0</v>
      </c>
      <c r="CC773" s="166">
        <v>0</v>
      </c>
      <c r="CD773" s="166">
        <v>0</v>
      </c>
      <c r="CE773" s="166">
        <v>0</v>
      </c>
      <c r="CF773" s="166">
        <v>0</v>
      </c>
      <c r="CG773" s="166">
        <v>0</v>
      </c>
      <c r="CH773" s="166">
        <v>0</v>
      </c>
      <c r="CI773" s="166">
        <v>0</v>
      </c>
      <c r="CJ773" s="166">
        <v>0</v>
      </c>
      <c r="CK773" s="166">
        <v>0</v>
      </c>
      <c r="CL773" s="166">
        <v>0</v>
      </c>
      <c r="CM773" s="166">
        <v>0</v>
      </c>
      <c r="CN773" s="166">
        <v>0</v>
      </c>
      <c r="CO773" s="166">
        <v>0</v>
      </c>
      <c r="CP773" s="166">
        <v>0</v>
      </c>
      <c r="CQ773" s="166">
        <v>0</v>
      </c>
      <c r="CR773" s="166">
        <v>0</v>
      </c>
      <c r="CS773" s="166">
        <v>0</v>
      </c>
      <c r="CT773" s="166">
        <v>0</v>
      </c>
      <c r="CU773" s="166">
        <v>0</v>
      </c>
      <c r="CV773" s="166">
        <v>0</v>
      </c>
      <c r="CW773" s="166">
        <v>0</v>
      </c>
      <c r="CX773" s="166">
        <v>0</v>
      </c>
      <c r="CY773" s="166">
        <v>2009.7440360281701</v>
      </c>
      <c r="CZ773" s="166">
        <v>2009.7440360281701</v>
      </c>
    </row>
    <row r="774" spans="1:104" x14ac:dyDescent="0.2">
      <c r="A774" s="167" t="s">
        <v>1124</v>
      </c>
      <c r="B774" s="166">
        <v>963.46592169849703</v>
      </c>
      <c r="C774" s="166">
        <v>963.46592169849703</v>
      </c>
      <c r="D774" s="166">
        <v>0</v>
      </c>
      <c r="E774" s="166">
        <v>0</v>
      </c>
      <c r="F774" s="166">
        <v>0</v>
      </c>
      <c r="G774" s="166">
        <v>0</v>
      </c>
      <c r="H774" s="166">
        <v>0</v>
      </c>
      <c r="I774" s="166">
        <v>0</v>
      </c>
      <c r="J774" s="166">
        <v>0</v>
      </c>
      <c r="K774" s="166">
        <v>0</v>
      </c>
      <c r="L774" s="166">
        <v>0</v>
      </c>
      <c r="M774" s="166">
        <v>0</v>
      </c>
      <c r="N774" s="166">
        <v>0</v>
      </c>
      <c r="O774" s="166">
        <v>0</v>
      </c>
      <c r="P774" s="166">
        <v>0</v>
      </c>
      <c r="Q774" s="166">
        <v>0</v>
      </c>
      <c r="R774" s="166">
        <v>0</v>
      </c>
      <c r="S774" s="166">
        <v>0</v>
      </c>
      <c r="T774" s="166">
        <v>0</v>
      </c>
      <c r="U774" s="166">
        <v>0</v>
      </c>
      <c r="V774" s="166">
        <v>0</v>
      </c>
      <c r="W774" s="166">
        <v>0</v>
      </c>
      <c r="X774" s="166">
        <v>0</v>
      </c>
      <c r="Y774" s="166">
        <v>0</v>
      </c>
      <c r="Z774" s="166">
        <v>0</v>
      </c>
      <c r="AA774" s="166">
        <v>0</v>
      </c>
      <c r="AB774" s="166">
        <v>0</v>
      </c>
      <c r="AC774" s="166">
        <v>0</v>
      </c>
      <c r="AD774" s="166">
        <v>0</v>
      </c>
      <c r="AE774" s="166">
        <v>0</v>
      </c>
      <c r="AF774" s="166">
        <v>0</v>
      </c>
      <c r="AG774" s="166">
        <v>0</v>
      </c>
      <c r="AH774" s="166">
        <v>0</v>
      </c>
      <c r="AI774" s="166">
        <v>0</v>
      </c>
      <c r="AJ774" s="166">
        <v>0</v>
      </c>
      <c r="AK774" s="166">
        <v>0</v>
      </c>
      <c r="AL774" s="166">
        <v>0</v>
      </c>
      <c r="AM774" s="166">
        <v>0</v>
      </c>
      <c r="AN774" s="166">
        <v>0</v>
      </c>
      <c r="AO774" s="166">
        <v>0</v>
      </c>
      <c r="AP774" s="166">
        <v>0</v>
      </c>
      <c r="AQ774" s="166">
        <v>0</v>
      </c>
      <c r="AR774" s="166">
        <v>0</v>
      </c>
      <c r="AS774" s="166">
        <v>0</v>
      </c>
      <c r="AT774" s="166">
        <v>0</v>
      </c>
      <c r="AU774" s="166">
        <v>0</v>
      </c>
      <c r="AV774" s="166">
        <v>0</v>
      </c>
      <c r="AW774" s="166">
        <v>0</v>
      </c>
      <c r="AX774" s="166">
        <v>0</v>
      </c>
      <c r="AY774" s="166">
        <v>0</v>
      </c>
      <c r="AZ774" s="166">
        <v>0</v>
      </c>
      <c r="BA774" s="166">
        <v>0</v>
      </c>
      <c r="BB774" s="166">
        <v>0</v>
      </c>
      <c r="BC774" s="166">
        <v>0</v>
      </c>
      <c r="BD774" s="166">
        <v>0</v>
      </c>
      <c r="BE774" s="166">
        <v>0</v>
      </c>
      <c r="BF774" s="166">
        <v>0</v>
      </c>
      <c r="BG774" s="166">
        <v>0</v>
      </c>
      <c r="BH774" s="166">
        <v>0</v>
      </c>
      <c r="BI774" s="166">
        <v>0</v>
      </c>
      <c r="BJ774" s="166">
        <v>0</v>
      </c>
      <c r="BK774" s="166">
        <v>0</v>
      </c>
      <c r="BL774" s="166">
        <v>0</v>
      </c>
      <c r="BM774" s="166">
        <v>0</v>
      </c>
      <c r="BN774" s="166">
        <v>0</v>
      </c>
      <c r="BO774" s="166">
        <v>0</v>
      </c>
      <c r="BP774" s="166">
        <v>0</v>
      </c>
      <c r="BQ774" s="166">
        <v>0</v>
      </c>
      <c r="BR774" s="166">
        <v>963.46592169849703</v>
      </c>
      <c r="BS774" s="166">
        <v>963.46592169849703</v>
      </c>
      <c r="BT774" s="168">
        <v>1</v>
      </c>
      <c r="BU774" s="166">
        <v>82.507588102897699</v>
      </c>
      <c r="BV774" s="166">
        <v>963.46592169849703</v>
      </c>
      <c r="BW774" s="166">
        <v>0</v>
      </c>
      <c r="BX774" s="166">
        <v>0</v>
      </c>
      <c r="BY774" s="166">
        <v>0</v>
      </c>
      <c r="BZ774" s="166">
        <v>0</v>
      </c>
      <c r="CA774" s="166">
        <v>0</v>
      </c>
      <c r="CB774" s="166">
        <v>0</v>
      </c>
      <c r="CC774" s="166">
        <v>0</v>
      </c>
      <c r="CD774" s="166">
        <v>0</v>
      </c>
      <c r="CE774" s="166">
        <v>0</v>
      </c>
      <c r="CF774" s="166">
        <v>0</v>
      </c>
      <c r="CG774" s="166">
        <v>0</v>
      </c>
      <c r="CH774" s="166">
        <v>0</v>
      </c>
      <c r="CI774" s="166">
        <v>0</v>
      </c>
      <c r="CJ774" s="166">
        <v>0</v>
      </c>
      <c r="CK774" s="166">
        <v>0</v>
      </c>
      <c r="CL774" s="166">
        <v>0</v>
      </c>
      <c r="CM774" s="166">
        <v>0</v>
      </c>
      <c r="CN774" s="166">
        <v>0</v>
      </c>
      <c r="CO774" s="166">
        <v>0</v>
      </c>
      <c r="CP774" s="166">
        <v>0</v>
      </c>
      <c r="CQ774" s="166">
        <v>0</v>
      </c>
      <c r="CR774" s="166">
        <v>0</v>
      </c>
      <c r="CS774" s="166">
        <v>0</v>
      </c>
      <c r="CT774" s="166">
        <v>0</v>
      </c>
      <c r="CU774" s="166">
        <v>0</v>
      </c>
      <c r="CV774" s="166">
        <v>0</v>
      </c>
      <c r="CW774" s="166">
        <v>0</v>
      </c>
      <c r="CX774" s="166">
        <v>0</v>
      </c>
      <c r="CY774" s="166">
        <v>963.46592169849703</v>
      </c>
      <c r="CZ774" s="166">
        <v>963.46592169849703</v>
      </c>
    </row>
    <row r="775" spans="1:104" x14ac:dyDescent="0.2">
      <c r="A775" s="167" t="s">
        <v>1125</v>
      </c>
      <c r="B775" s="166">
        <v>279.36004227332802</v>
      </c>
      <c r="C775" s="166">
        <v>279.36004227332802</v>
      </c>
      <c r="D775" s="166">
        <v>0</v>
      </c>
      <c r="E775" s="166">
        <v>0</v>
      </c>
      <c r="F775" s="166">
        <v>0</v>
      </c>
      <c r="G775" s="166">
        <v>0</v>
      </c>
      <c r="H775" s="166">
        <v>0</v>
      </c>
      <c r="I775" s="166">
        <v>0</v>
      </c>
      <c r="J775" s="166">
        <v>0</v>
      </c>
      <c r="K775" s="166">
        <v>0</v>
      </c>
      <c r="L775" s="166">
        <v>0</v>
      </c>
      <c r="M775" s="166">
        <v>0</v>
      </c>
      <c r="N775" s="166">
        <v>0</v>
      </c>
      <c r="O775" s="166">
        <v>0</v>
      </c>
      <c r="P775" s="166">
        <v>0</v>
      </c>
      <c r="Q775" s="166">
        <v>0</v>
      </c>
      <c r="R775" s="166">
        <v>0</v>
      </c>
      <c r="S775" s="166">
        <v>0</v>
      </c>
      <c r="T775" s="166">
        <v>0</v>
      </c>
      <c r="U775" s="166">
        <v>0</v>
      </c>
      <c r="V775" s="166">
        <v>0</v>
      </c>
      <c r="W775" s="166">
        <v>0</v>
      </c>
      <c r="X775" s="166">
        <v>0</v>
      </c>
      <c r="Y775" s="166">
        <v>0</v>
      </c>
      <c r="Z775" s="166">
        <v>0</v>
      </c>
      <c r="AA775" s="166">
        <v>0</v>
      </c>
      <c r="AB775" s="166">
        <v>0</v>
      </c>
      <c r="AC775" s="166">
        <v>0</v>
      </c>
      <c r="AD775" s="166">
        <v>0</v>
      </c>
      <c r="AE775" s="166">
        <v>0</v>
      </c>
      <c r="AF775" s="166">
        <v>0</v>
      </c>
      <c r="AG775" s="166">
        <v>0</v>
      </c>
      <c r="AH775" s="166">
        <v>0</v>
      </c>
      <c r="AI775" s="166">
        <v>0</v>
      </c>
      <c r="AJ775" s="166">
        <v>0</v>
      </c>
      <c r="AK775" s="166">
        <v>0</v>
      </c>
      <c r="AL775" s="166">
        <v>0</v>
      </c>
      <c r="AM775" s="166">
        <v>0</v>
      </c>
      <c r="AN775" s="166">
        <v>0</v>
      </c>
      <c r="AO775" s="166">
        <v>0</v>
      </c>
      <c r="AP775" s="166">
        <v>0</v>
      </c>
      <c r="AQ775" s="166">
        <v>0</v>
      </c>
      <c r="AR775" s="166">
        <v>0</v>
      </c>
      <c r="AS775" s="166">
        <v>0</v>
      </c>
      <c r="AT775" s="166">
        <v>0</v>
      </c>
      <c r="AU775" s="166">
        <v>0</v>
      </c>
      <c r="AV775" s="166">
        <v>0</v>
      </c>
      <c r="AW775" s="166">
        <v>0</v>
      </c>
      <c r="AX775" s="166">
        <v>0</v>
      </c>
      <c r="AY775" s="166">
        <v>0</v>
      </c>
      <c r="AZ775" s="166">
        <v>0</v>
      </c>
      <c r="BA775" s="166">
        <v>0</v>
      </c>
      <c r="BB775" s="166">
        <v>0</v>
      </c>
      <c r="BC775" s="166">
        <v>0</v>
      </c>
      <c r="BD775" s="166">
        <v>0</v>
      </c>
      <c r="BE775" s="166">
        <v>0</v>
      </c>
      <c r="BF775" s="166">
        <v>0</v>
      </c>
      <c r="BG775" s="166">
        <v>0</v>
      </c>
      <c r="BH775" s="166">
        <v>0</v>
      </c>
      <c r="BI775" s="166">
        <v>0</v>
      </c>
      <c r="BJ775" s="166">
        <v>0</v>
      </c>
      <c r="BK775" s="166">
        <v>0</v>
      </c>
      <c r="BL775" s="166">
        <v>0</v>
      </c>
      <c r="BM775" s="166">
        <v>0</v>
      </c>
      <c r="BN775" s="166">
        <v>0</v>
      </c>
      <c r="BO775" s="166">
        <v>0</v>
      </c>
      <c r="BP775" s="166">
        <v>0</v>
      </c>
      <c r="BQ775" s="166">
        <v>0</v>
      </c>
      <c r="BR775" s="166">
        <v>279.36004227332802</v>
      </c>
      <c r="BS775" s="166">
        <v>279.36004227332802</v>
      </c>
      <c r="BT775" s="168">
        <v>1</v>
      </c>
      <c r="BU775" s="166">
        <v>22.9495834737058</v>
      </c>
      <c r="BV775" s="166">
        <v>279.36004227332802</v>
      </c>
      <c r="BW775" s="166">
        <v>0</v>
      </c>
      <c r="BX775" s="166">
        <v>0</v>
      </c>
      <c r="BY775" s="166">
        <v>0</v>
      </c>
      <c r="BZ775" s="166">
        <v>0</v>
      </c>
      <c r="CA775" s="166">
        <v>0</v>
      </c>
      <c r="CB775" s="166">
        <v>0</v>
      </c>
      <c r="CC775" s="166">
        <v>0</v>
      </c>
      <c r="CD775" s="166">
        <v>0</v>
      </c>
      <c r="CE775" s="166">
        <v>0</v>
      </c>
      <c r="CF775" s="166">
        <v>0</v>
      </c>
      <c r="CG775" s="166">
        <v>0</v>
      </c>
      <c r="CH775" s="166">
        <v>0</v>
      </c>
      <c r="CI775" s="166">
        <v>0</v>
      </c>
      <c r="CJ775" s="166">
        <v>0</v>
      </c>
      <c r="CK775" s="166">
        <v>0</v>
      </c>
      <c r="CL775" s="166">
        <v>0</v>
      </c>
      <c r="CM775" s="166">
        <v>0</v>
      </c>
      <c r="CN775" s="166">
        <v>0</v>
      </c>
      <c r="CO775" s="166">
        <v>0</v>
      </c>
      <c r="CP775" s="166">
        <v>0</v>
      </c>
      <c r="CQ775" s="166">
        <v>0</v>
      </c>
      <c r="CR775" s="166">
        <v>0</v>
      </c>
      <c r="CS775" s="166">
        <v>0</v>
      </c>
      <c r="CT775" s="166">
        <v>0</v>
      </c>
      <c r="CU775" s="166">
        <v>0</v>
      </c>
      <c r="CV775" s="166">
        <v>0</v>
      </c>
      <c r="CW775" s="166">
        <v>0</v>
      </c>
      <c r="CX775" s="166">
        <v>0</v>
      </c>
      <c r="CY775" s="166">
        <v>279.36004227332802</v>
      </c>
      <c r="CZ775" s="166">
        <v>279.36004227332802</v>
      </c>
    </row>
    <row r="776" spans="1:104" x14ac:dyDescent="0.2">
      <c r="A776" s="167" t="s">
        <v>1126</v>
      </c>
      <c r="B776" s="166">
        <v>3252.57</v>
      </c>
      <c r="C776" s="166">
        <v>3252.57</v>
      </c>
      <c r="D776" s="166">
        <v>0</v>
      </c>
      <c r="E776" s="166">
        <v>0</v>
      </c>
      <c r="F776" s="166">
        <v>0</v>
      </c>
      <c r="G776" s="166">
        <v>0</v>
      </c>
      <c r="H776" s="166">
        <v>0</v>
      </c>
      <c r="I776" s="166">
        <v>0</v>
      </c>
      <c r="J776" s="166">
        <v>0</v>
      </c>
      <c r="K776" s="166">
        <v>0</v>
      </c>
      <c r="L776" s="166">
        <v>0</v>
      </c>
      <c r="M776" s="166">
        <v>0</v>
      </c>
      <c r="N776" s="166">
        <v>0</v>
      </c>
      <c r="O776" s="166">
        <v>0</v>
      </c>
      <c r="P776" s="166">
        <v>0</v>
      </c>
      <c r="Q776" s="166">
        <v>0</v>
      </c>
      <c r="R776" s="166">
        <v>0</v>
      </c>
      <c r="S776" s="166">
        <v>0</v>
      </c>
      <c r="T776" s="166">
        <v>0</v>
      </c>
      <c r="U776" s="166">
        <v>0</v>
      </c>
      <c r="V776" s="166">
        <v>0</v>
      </c>
      <c r="W776" s="166">
        <v>0</v>
      </c>
      <c r="X776" s="166">
        <v>0</v>
      </c>
      <c r="Y776" s="166">
        <v>0</v>
      </c>
      <c r="Z776" s="166">
        <v>0</v>
      </c>
      <c r="AA776" s="166">
        <v>0</v>
      </c>
      <c r="AB776" s="166">
        <v>0</v>
      </c>
      <c r="AC776" s="166">
        <v>0</v>
      </c>
      <c r="AD776" s="166">
        <v>0</v>
      </c>
      <c r="AE776" s="166">
        <v>0</v>
      </c>
      <c r="AF776" s="166">
        <v>0</v>
      </c>
      <c r="AG776" s="166">
        <v>0</v>
      </c>
      <c r="AH776" s="166">
        <v>0</v>
      </c>
      <c r="AI776" s="166">
        <v>0</v>
      </c>
      <c r="AJ776" s="166">
        <v>0</v>
      </c>
      <c r="AK776" s="166">
        <v>0</v>
      </c>
      <c r="AL776" s="166">
        <v>0</v>
      </c>
      <c r="AM776" s="166">
        <v>0</v>
      </c>
      <c r="AN776" s="166">
        <v>0</v>
      </c>
      <c r="AO776" s="166">
        <v>0</v>
      </c>
      <c r="AP776" s="166">
        <v>0</v>
      </c>
      <c r="AQ776" s="166">
        <v>0</v>
      </c>
      <c r="AR776" s="166">
        <v>0</v>
      </c>
      <c r="AS776" s="166">
        <v>0</v>
      </c>
      <c r="AT776" s="166">
        <v>0</v>
      </c>
      <c r="AU776" s="166">
        <v>0</v>
      </c>
      <c r="AV776" s="166">
        <v>0</v>
      </c>
      <c r="AW776" s="166">
        <v>0</v>
      </c>
      <c r="AX776" s="166">
        <v>0</v>
      </c>
      <c r="AY776" s="166">
        <v>0</v>
      </c>
      <c r="AZ776" s="166">
        <v>0</v>
      </c>
      <c r="BA776" s="166">
        <v>0</v>
      </c>
      <c r="BB776" s="166">
        <v>0</v>
      </c>
      <c r="BC776" s="166">
        <v>0</v>
      </c>
      <c r="BD776" s="166">
        <v>0</v>
      </c>
      <c r="BE776" s="166">
        <v>0</v>
      </c>
      <c r="BF776" s="166">
        <v>0</v>
      </c>
      <c r="BG776" s="166">
        <v>0</v>
      </c>
      <c r="BH776" s="166">
        <v>0</v>
      </c>
      <c r="BI776" s="166">
        <v>0</v>
      </c>
      <c r="BJ776" s="166">
        <v>0</v>
      </c>
      <c r="BK776" s="166">
        <v>0</v>
      </c>
      <c r="BL776" s="166">
        <v>0</v>
      </c>
      <c r="BM776" s="166">
        <v>0</v>
      </c>
      <c r="BN776" s="166">
        <v>0</v>
      </c>
      <c r="BO776" s="166">
        <v>0</v>
      </c>
      <c r="BP776" s="166">
        <v>0</v>
      </c>
      <c r="BQ776" s="166">
        <v>0</v>
      </c>
      <c r="BR776" s="166">
        <v>3252.57</v>
      </c>
      <c r="BS776" s="166">
        <v>3252.57</v>
      </c>
      <c r="BT776" s="168">
        <v>0</v>
      </c>
      <c r="BU776" s="166">
        <v>279.57</v>
      </c>
      <c r="BV776" s="166">
        <v>3252.57</v>
      </c>
      <c r="BW776" s="166">
        <v>0</v>
      </c>
      <c r="BX776" s="166">
        <v>0</v>
      </c>
      <c r="BY776" s="166">
        <v>0</v>
      </c>
      <c r="BZ776" s="166">
        <v>0</v>
      </c>
      <c r="CA776" s="166">
        <v>0</v>
      </c>
      <c r="CB776" s="166">
        <v>0</v>
      </c>
      <c r="CC776" s="166">
        <v>0</v>
      </c>
      <c r="CD776" s="166">
        <v>0</v>
      </c>
      <c r="CE776" s="166">
        <v>0</v>
      </c>
      <c r="CF776" s="166">
        <v>0</v>
      </c>
      <c r="CG776" s="166">
        <v>0</v>
      </c>
      <c r="CH776" s="166">
        <v>0</v>
      </c>
      <c r="CI776" s="166">
        <v>0</v>
      </c>
      <c r="CJ776" s="166">
        <v>0</v>
      </c>
      <c r="CK776" s="166">
        <v>0</v>
      </c>
      <c r="CL776" s="166">
        <v>0</v>
      </c>
      <c r="CM776" s="166">
        <v>0</v>
      </c>
      <c r="CN776" s="166">
        <v>0</v>
      </c>
      <c r="CO776" s="166">
        <v>0</v>
      </c>
      <c r="CP776" s="166">
        <v>0</v>
      </c>
      <c r="CQ776" s="166">
        <v>0</v>
      </c>
      <c r="CR776" s="166">
        <v>0</v>
      </c>
      <c r="CS776" s="166">
        <v>0</v>
      </c>
      <c r="CT776" s="166">
        <v>0</v>
      </c>
      <c r="CU776" s="166">
        <v>0</v>
      </c>
      <c r="CV776" s="166">
        <v>0</v>
      </c>
      <c r="CW776" s="166">
        <v>0</v>
      </c>
      <c r="CX776" s="166">
        <v>0</v>
      </c>
      <c r="CY776" s="166">
        <v>3252.57</v>
      </c>
      <c r="CZ776" s="166">
        <v>3252.57</v>
      </c>
    </row>
    <row r="777" spans="1:104" x14ac:dyDescent="0.2">
      <c r="A777" s="167" t="s">
        <v>308</v>
      </c>
    </row>
    <row r="778" spans="1:104" x14ac:dyDescent="0.2">
      <c r="A778" s="167" t="s">
        <v>309</v>
      </c>
      <c r="B778" s="166">
        <v>0</v>
      </c>
      <c r="C778" s="166">
        <v>0</v>
      </c>
      <c r="D778" s="166">
        <v>0</v>
      </c>
      <c r="E778" s="166">
        <v>0</v>
      </c>
      <c r="F778" s="166">
        <v>0</v>
      </c>
      <c r="G778" s="166">
        <v>0</v>
      </c>
      <c r="H778" s="166">
        <v>0</v>
      </c>
      <c r="I778" s="166">
        <v>0</v>
      </c>
      <c r="J778" s="166">
        <v>0</v>
      </c>
      <c r="K778" s="166">
        <v>0</v>
      </c>
      <c r="L778" s="166">
        <v>0</v>
      </c>
      <c r="M778" s="166">
        <v>0</v>
      </c>
      <c r="N778" s="166">
        <v>0</v>
      </c>
      <c r="O778" s="166">
        <v>0</v>
      </c>
      <c r="P778" s="166">
        <v>0</v>
      </c>
      <c r="Q778" s="166">
        <v>0</v>
      </c>
      <c r="R778" s="166">
        <v>0</v>
      </c>
      <c r="S778" s="166">
        <v>0</v>
      </c>
      <c r="T778" s="166">
        <v>0</v>
      </c>
      <c r="U778" s="166">
        <v>0</v>
      </c>
      <c r="V778" s="166">
        <v>0</v>
      </c>
      <c r="W778" s="166">
        <v>0</v>
      </c>
      <c r="X778" s="166">
        <v>0</v>
      </c>
      <c r="Y778" s="166">
        <v>0</v>
      </c>
      <c r="Z778" s="166">
        <v>0</v>
      </c>
      <c r="AA778" s="166">
        <v>0</v>
      </c>
      <c r="AB778" s="166">
        <v>0</v>
      </c>
      <c r="AC778" s="166">
        <v>0</v>
      </c>
      <c r="AD778" s="166">
        <v>0</v>
      </c>
      <c r="AE778" s="166">
        <v>0</v>
      </c>
      <c r="AF778" s="166">
        <v>0</v>
      </c>
      <c r="AG778" s="166">
        <v>0</v>
      </c>
      <c r="AH778" s="166">
        <v>0</v>
      </c>
      <c r="AI778" s="166">
        <v>0</v>
      </c>
      <c r="AJ778" s="166">
        <v>0</v>
      </c>
      <c r="AK778" s="166">
        <v>0</v>
      </c>
      <c r="AL778" s="166">
        <v>0</v>
      </c>
      <c r="AM778" s="166">
        <v>0</v>
      </c>
      <c r="AN778" s="166">
        <v>0</v>
      </c>
      <c r="AO778" s="166">
        <v>0</v>
      </c>
      <c r="AP778" s="166">
        <v>0</v>
      </c>
      <c r="AQ778" s="166">
        <v>0</v>
      </c>
      <c r="AR778" s="166">
        <v>0</v>
      </c>
      <c r="AS778" s="166">
        <v>0</v>
      </c>
      <c r="AT778" s="166">
        <v>0</v>
      </c>
      <c r="AU778" s="166">
        <v>0</v>
      </c>
      <c r="AV778" s="166">
        <v>0</v>
      </c>
      <c r="AW778" s="166">
        <v>0</v>
      </c>
      <c r="AX778" s="166">
        <v>0</v>
      </c>
      <c r="AY778" s="166">
        <v>0</v>
      </c>
      <c r="AZ778" s="166">
        <v>0</v>
      </c>
      <c r="BA778" s="166">
        <v>0</v>
      </c>
      <c r="BB778" s="166">
        <v>0</v>
      </c>
      <c r="BC778" s="166">
        <v>0</v>
      </c>
      <c r="BD778" s="166">
        <v>0</v>
      </c>
      <c r="BE778" s="166">
        <v>0</v>
      </c>
      <c r="BF778" s="166">
        <v>0</v>
      </c>
      <c r="BG778" s="166">
        <v>0</v>
      </c>
      <c r="BH778" s="166">
        <v>0</v>
      </c>
      <c r="BI778" s="166">
        <v>0</v>
      </c>
      <c r="BJ778" s="166">
        <v>0</v>
      </c>
      <c r="BK778" s="166">
        <v>0</v>
      </c>
      <c r="BL778" s="166">
        <v>0</v>
      </c>
      <c r="BM778" s="166">
        <v>0</v>
      </c>
      <c r="BN778" s="166">
        <v>0</v>
      </c>
      <c r="BO778" s="166">
        <v>0</v>
      </c>
      <c r="BP778" s="166">
        <v>0</v>
      </c>
      <c r="BQ778" s="166">
        <v>0</v>
      </c>
      <c r="BR778" s="166">
        <v>0</v>
      </c>
      <c r="BS778" s="166">
        <v>0</v>
      </c>
      <c r="BT778" s="168">
        <v>1</v>
      </c>
      <c r="BU778" s="166">
        <v>0</v>
      </c>
      <c r="BV778" s="166">
        <v>0</v>
      </c>
      <c r="BW778" s="166">
        <v>0</v>
      </c>
      <c r="BX778" s="166">
        <v>0</v>
      </c>
      <c r="BY778" s="166">
        <v>0</v>
      </c>
      <c r="BZ778" s="166">
        <v>0</v>
      </c>
      <c r="CA778" s="166">
        <v>0</v>
      </c>
      <c r="CB778" s="166">
        <v>0</v>
      </c>
      <c r="CC778" s="166">
        <v>0</v>
      </c>
      <c r="CD778" s="166">
        <v>0</v>
      </c>
      <c r="CE778" s="166">
        <v>0</v>
      </c>
      <c r="CF778" s="166">
        <v>0</v>
      </c>
      <c r="CG778" s="166">
        <v>0</v>
      </c>
      <c r="CH778" s="166">
        <v>0</v>
      </c>
      <c r="CI778" s="166">
        <v>0</v>
      </c>
      <c r="CJ778" s="166">
        <v>0</v>
      </c>
      <c r="CK778" s="166">
        <v>0</v>
      </c>
      <c r="CL778" s="166">
        <v>0</v>
      </c>
      <c r="CM778" s="166">
        <v>0</v>
      </c>
      <c r="CN778" s="166">
        <v>0</v>
      </c>
      <c r="CO778" s="166">
        <v>0</v>
      </c>
      <c r="CP778" s="166">
        <v>0</v>
      </c>
      <c r="CQ778" s="166">
        <v>0</v>
      </c>
      <c r="CR778" s="166">
        <v>0</v>
      </c>
      <c r="CS778" s="166">
        <v>0</v>
      </c>
      <c r="CT778" s="166">
        <v>0</v>
      </c>
      <c r="CU778" s="166">
        <v>0</v>
      </c>
      <c r="CV778" s="166">
        <v>0</v>
      </c>
      <c r="CW778" s="166">
        <v>0</v>
      </c>
      <c r="CX778" s="166">
        <v>0</v>
      </c>
      <c r="CY778" s="166">
        <v>0</v>
      </c>
      <c r="CZ778" s="166">
        <v>0</v>
      </c>
    </row>
    <row r="779" spans="1:104" x14ac:dyDescent="0.2">
      <c r="A779" s="167" t="s">
        <v>310</v>
      </c>
    </row>
    <row r="780" spans="1:104" x14ac:dyDescent="0.2">
      <c r="A780" s="167" t="s">
        <v>311</v>
      </c>
      <c r="B780" s="166">
        <v>2700568.3399999901</v>
      </c>
      <c r="C780" s="166">
        <v>2700568.3399999901</v>
      </c>
      <c r="D780" s="166">
        <v>0</v>
      </c>
      <c r="E780" s="166">
        <v>0</v>
      </c>
      <c r="F780" s="166">
        <v>0</v>
      </c>
      <c r="G780" s="166">
        <v>0</v>
      </c>
      <c r="H780" s="166">
        <v>0</v>
      </c>
      <c r="I780" s="166">
        <v>0</v>
      </c>
      <c r="J780" s="166">
        <v>0</v>
      </c>
      <c r="K780" s="166">
        <v>0</v>
      </c>
      <c r="L780" s="166">
        <v>0</v>
      </c>
      <c r="M780" s="166">
        <v>0</v>
      </c>
      <c r="N780" s="166">
        <v>0</v>
      </c>
      <c r="O780" s="166">
        <v>0</v>
      </c>
      <c r="P780" s="166">
        <v>0</v>
      </c>
      <c r="Q780" s="166">
        <v>0</v>
      </c>
      <c r="R780" s="166">
        <v>0</v>
      </c>
      <c r="S780" s="166">
        <v>0</v>
      </c>
      <c r="T780" s="166">
        <v>0</v>
      </c>
      <c r="U780" s="166">
        <v>0</v>
      </c>
      <c r="V780" s="166">
        <v>0</v>
      </c>
      <c r="W780" s="166">
        <v>0</v>
      </c>
      <c r="X780" s="166">
        <v>0</v>
      </c>
      <c r="Y780" s="166">
        <v>0</v>
      </c>
      <c r="Z780" s="166">
        <v>0</v>
      </c>
      <c r="AA780" s="166">
        <v>0</v>
      </c>
      <c r="AB780" s="166">
        <v>0</v>
      </c>
      <c r="AC780" s="166">
        <v>0</v>
      </c>
      <c r="AD780" s="166">
        <v>0</v>
      </c>
      <c r="AE780" s="166">
        <v>0</v>
      </c>
      <c r="AF780" s="166">
        <v>0</v>
      </c>
      <c r="AG780" s="166">
        <v>0</v>
      </c>
      <c r="AH780" s="166">
        <v>0</v>
      </c>
      <c r="AI780" s="166">
        <v>0</v>
      </c>
      <c r="AJ780" s="166">
        <v>0</v>
      </c>
      <c r="AK780" s="166">
        <v>0</v>
      </c>
      <c r="AL780" s="166">
        <v>0</v>
      </c>
      <c r="AM780" s="166">
        <v>0</v>
      </c>
      <c r="AN780" s="166">
        <v>0</v>
      </c>
      <c r="AO780" s="166">
        <v>0</v>
      </c>
      <c r="AP780" s="166">
        <v>0</v>
      </c>
      <c r="AQ780" s="166">
        <v>0</v>
      </c>
      <c r="AR780" s="166">
        <v>0</v>
      </c>
      <c r="AS780" s="166">
        <v>0</v>
      </c>
      <c r="AT780" s="166">
        <v>0</v>
      </c>
      <c r="AU780" s="166">
        <v>0</v>
      </c>
      <c r="AV780" s="166">
        <v>0</v>
      </c>
      <c r="AW780" s="166">
        <v>0</v>
      </c>
      <c r="AX780" s="166">
        <v>0</v>
      </c>
      <c r="AY780" s="166">
        <v>0</v>
      </c>
      <c r="AZ780" s="166">
        <v>0</v>
      </c>
      <c r="BA780" s="166">
        <v>0</v>
      </c>
      <c r="BB780" s="166">
        <v>0</v>
      </c>
      <c r="BC780" s="166">
        <v>0</v>
      </c>
      <c r="BD780" s="166">
        <v>0</v>
      </c>
      <c r="BE780" s="166">
        <v>0</v>
      </c>
      <c r="BF780" s="166">
        <v>0</v>
      </c>
      <c r="BG780" s="166">
        <v>0</v>
      </c>
      <c r="BH780" s="166">
        <v>0</v>
      </c>
      <c r="BI780" s="166">
        <v>0</v>
      </c>
      <c r="BJ780" s="166">
        <v>0</v>
      </c>
      <c r="BK780" s="166">
        <v>0</v>
      </c>
      <c r="BL780" s="166">
        <v>0</v>
      </c>
      <c r="BM780" s="166">
        <v>0</v>
      </c>
      <c r="BN780" s="166">
        <v>0</v>
      </c>
      <c r="BO780" s="166">
        <v>0</v>
      </c>
      <c r="BP780" s="166">
        <v>0</v>
      </c>
      <c r="BQ780" s="166">
        <v>0</v>
      </c>
      <c r="BR780" s="166">
        <v>2700568.3399999901</v>
      </c>
      <c r="BS780" s="166">
        <v>2700568.3399999901</v>
      </c>
      <c r="BT780" s="168">
        <v>0.98770000000000002</v>
      </c>
      <c r="BU780" s="166">
        <v>217323.46309099899</v>
      </c>
      <c r="BV780" s="166">
        <v>2667351.3494179999</v>
      </c>
      <c r="BW780" s="166">
        <v>0</v>
      </c>
      <c r="BX780" s="166">
        <v>0</v>
      </c>
      <c r="BY780" s="166">
        <v>0</v>
      </c>
      <c r="BZ780" s="166">
        <v>0</v>
      </c>
      <c r="CA780" s="166">
        <v>0</v>
      </c>
      <c r="CB780" s="166">
        <v>0</v>
      </c>
      <c r="CC780" s="166">
        <v>0</v>
      </c>
      <c r="CD780" s="166">
        <v>0</v>
      </c>
      <c r="CE780" s="166">
        <v>0</v>
      </c>
      <c r="CF780" s="166">
        <v>0</v>
      </c>
      <c r="CG780" s="166">
        <v>0</v>
      </c>
      <c r="CH780" s="166">
        <v>0</v>
      </c>
      <c r="CI780" s="166">
        <v>0</v>
      </c>
      <c r="CJ780" s="166">
        <v>0</v>
      </c>
      <c r="CK780" s="166">
        <v>0</v>
      </c>
      <c r="CL780" s="166">
        <v>0</v>
      </c>
      <c r="CM780" s="166">
        <v>0</v>
      </c>
      <c r="CN780" s="166">
        <v>0</v>
      </c>
      <c r="CO780" s="166">
        <v>0</v>
      </c>
      <c r="CP780" s="166">
        <v>0</v>
      </c>
      <c r="CQ780" s="166">
        <v>0</v>
      </c>
      <c r="CR780" s="166">
        <v>0</v>
      </c>
      <c r="CS780" s="166">
        <v>0</v>
      </c>
      <c r="CT780" s="166">
        <v>0</v>
      </c>
      <c r="CU780" s="166">
        <v>0</v>
      </c>
      <c r="CV780" s="166">
        <v>0</v>
      </c>
      <c r="CW780" s="166">
        <v>0</v>
      </c>
      <c r="CX780" s="166">
        <v>0</v>
      </c>
      <c r="CY780" s="166">
        <v>2667351.3494179999</v>
      </c>
      <c r="CZ780" s="166">
        <v>2667351.3494179999</v>
      </c>
    </row>
    <row r="781" spans="1:104" x14ac:dyDescent="0.2">
      <c r="A781" s="167" t="s">
        <v>312</v>
      </c>
    </row>
    <row r="782" spans="1:104" x14ac:dyDescent="0.2">
      <c r="A782" s="167" t="s">
        <v>1127</v>
      </c>
      <c r="B782" s="166">
        <v>973873.79</v>
      </c>
      <c r="C782" s="166">
        <v>973873.79</v>
      </c>
      <c r="D782" s="166">
        <v>0</v>
      </c>
      <c r="E782" s="166">
        <v>0</v>
      </c>
      <c r="F782" s="166">
        <v>0</v>
      </c>
      <c r="G782" s="166">
        <v>0</v>
      </c>
      <c r="H782" s="166">
        <v>0</v>
      </c>
      <c r="I782" s="166">
        <v>0</v>
      </c>
      <c r="J782" s="166">
        <v>0</v>
      </c>
      <c r="K782" s="166">
        <v>0</v>
      </c>
      <c r="L782" s="166">
        <v>0</v>
      </c>
      <c r="M782" s="166">
        <v>0</v>
      </c>
      <c r="N782" s="166">
        <v>0</v>
      </c>
      <c r="O782" s="166">
        <v>0</v>
      </c>
      <c r="P782" s="166">
        <v>0</v>
      </c>
      <c r="Q782" s="166">
        <v>0</v>
      </c>
      <c r="R782" s="166">
        <v>0</v>
      </c>
      <c r="S782" s="166">
        <v>0</v>
      </c>
      <c r="T782" s="166">
        <v>0</v>
      </c>
      <c r="U782" s="166">
        <v>0</v>
      </c>
      <c r="V782" s="166">
        <v>0</v>
      </c>
      <c r="W782" s="166">
        <v>0</v>
      </c>
      <c r="X782" s="166">
        <v>0</v>
      </c>
      <c r="Y782" s="166">
        <v>0</v>
      </c>
      <c r="Z782" s="166">
        <v>0</v>
      </c>
      <c r="AA782" s="166">
        <v>0</v>
      </c>
      <c r="AB782" s="166">
        <v>0</v>
      </c>
      <c r="AC782" s="166">
        <v>0</v>
      </c>
      <c r="AD782" s="166">
        <v>0</v>
      </c>
      <c r="AE782" s="166">
        <v>0</v>
      </c>
      <c r="AF782" s="166">
        <v>0</v>
      </c>
      <c r="AG782" s="166">
        <v>0</v>
      </c>
      <c r="AH782" s="166">
        <v>0</v>
      </c>
      <c r="AI782" s="166">
        <v>0</v>
      </c>
      <c r="AJ782" s="166">
        <v>0</v>
      </c>
      <c r="AK782" s="166">
        <v>0</v>
      </c>
      <c r="AL782" s="166">
        <v>0</v>
      </c>
      <c r="AM782" s="166">
        <v>0</v>
      </c>
      <c r="AN782" s="166">
        <v>0</v>
      </c>
      <c r="AO782" s="166">
        <v>0</v>
      </c>
      <c r="AP782" s="166">
        <v>0</v>
      </c>
      <c r="AQ782" s="166">
        <v>0</v>
      </c>
      <c r="AR782" s="166">
        <v>0</v>
      </c>
      <c r="AS782" s="166">
        <v>0</v>
      </c>
      <c r="AT782" s="166">
        <v>0</v>
      </c>
      <c r="AU782" s="166">
        <v>0</v>
      </c>
      <c r="AV782" s="166">
        <v>0</v>
      </c>
      <c r="AW782" s="166">
        <v>0</v>
      </c>
      <c r="AX782" s="166">
        <v>0</v>
      </c>
      <c r="AY782" s="166">
        <v>0</v>
      </c>
      <c r="AZ782" s="166">
        <v>0</v>
      </c>
      <c r="BA782" s="166">
        <v>0</v>
      </c>
      <c r="BB782" s="166">
        <v>0</v>
      </c>
      <c r="BC782" s="166">
        <v>0</v>
      </c>
      <c r="BD782" s="166">
        <v>0</v>
      </c>
      <c r="BE782" s="166">
        <v>0</v>
      </c>
      <c r="BF782" s="166">
        <v>0</v>
      </c>
      <c r="BG782" s="166">
        <v>0</v>
      </c>
      <c r="BH782" s="166">
        <v>0</v>
      </c>
      <c r="BI782" s="166">
        <v>0</v>
      </c>
      <c r="BJ782" s="166">
        <v>0</v>
      </c>
      <c r="BK782" s="166">
        <v>0</v>
      </c>
      <c r="BL782" s="166">
        <v>0</v>
      </c>
      <c r="BM782" s="166">
        <v>0</v>
      </c>
      <c r="BN782" s="166">
        <v>0</v>
      </c>
      <c r="BO782" s="166">
        <v>0</v>
      </c>
      <c r="BP782" s="166">
        <v>0</v>
      </c>
      <c r="BQ782" s="166">
        <v>0</v>
      </c>
      <c r="BR782" s="166">
        <v>973873.79</v>
      </c>
      <c r="BS782" s="166">
        <v>973873.79</v>
      </c>
      <c r="BT782" s="168">
        <v>1</v>
      </c>
      <c r="BU782" s="166">
        <v>76683.520000000004</v>
      </c>
      <c r="BV782" s="166">
        <v>973873.79</v>
      </c>
      <c r="BW782" s="166">
        <v>0</v>
      </c>
      <c r="BX782" s="166">
        <v>0</v>
      </c>
      <c r="BY782" s="166">
        <v>0</v>
      </c>
      <c r="BZ782" s="166">
        <v>0</v>
      </c>
      <c r="CA782" s="166">
        <v>0</v>
      </c>
      <c r="CB782" s="166">
        <v>0</v>
      </c>
      <c r="CC782" s="166">
        <v>0</v>
      </c>
      <c r="CD782" s="166">
        <v>0</v>
      </c>
      <c r="CE782" s="166">
        <v>0</v>
      </c>
      <c r="CF782" s="166">
        <v>0</v>
      </c>
      <c r="CG782" s="166">
        <v>0</v>
      </c>
      <c r="CH782" s="166">
        <v>0</v>
      </c>
      <c r="CI782" s="166">
        <v>0</v>
      </c>
      <c r="CJ782" s="166">
        <v>0</v>
      </c>
      <c r="CK782" s="166">
        <v>0</v>
      </c>
      <c r="CL782" s="166">
        <v>0</v>
      </c>
      <c r="CM782" s="166">
        <v>0</v>
      </c>
      <c r="CN782" s="166">
        <v>0</v>
      </c>
      <c r="CO782" s="166">
        <v>0</v>
      </c>
      <c r="CP782" s="166">
        <v>0</v>
      </c>
      <c r="CQ782" s="166">
        <v>0</v>
      </c>
      <c r="CR782" s="166">
        <v>0</v>
      </c>
      <c r="CS782" s="166">
        <v>0</v>
      </c>
      <c r="CT782" s="166">
        <v>0</v>
      </c>
      <c r="CU782" s="166">
        <v>0</v>
      </c>
      <c r="CV782" s="166">
        <v>0</v>
      </c>
      <c r="CW782" s="166">
        <v>0</v>
      </c>
      <c r="CX782" s="166">
        <v>0</v>
      </c>
      <c r="CY782" s="166">
        <v>973873.79</v>
      </c>
      <c r="CZ782" s="166">
        <v>973873.79</v>
      </c>
    </row>
    <row r="783" spans="1:104" x14ac:dyDescent="0.2">
      <c r="A783" s="167" t="s">
        <v>314</v>
      </c>
    </row>
    <row r="784" spans="1:104" x14ac:dyDescent="0.2">
      <c r="A784" s="167" t="s">
        <v>1128</v>
      </c>
      <c r="B784" s="166">
        <v>9998301.4049208108</v>
      </c>
      <c r="C784" s="166">
        <v>9998301.4049208108</v>
      </c>
      <c r="D784" s="166">
        <v>0</v>
      </c>
      <c r="E784" s="166">
        <v>0</v>
      </c>
      <c r="F784" s="166">
        <v>0</v>
      </c>
      <c r="G784" s="166">
        <v>0</v>
      </c>
      <c r="H784" s="166">
        <v>0</v>
      </c>
      <c r="I784" s="166">
        <v>0</v>
      </c>
      <c r="J784" s="166">
        <v>0</v>
      </c>
      <c r="K784" s="166">
        <v>0</v>
      </c>
      <c r="L784" s="166">
        <v>0</v>
      </c>
      <c r="M784" s="166">
        <v>0</v>
      </c>
      <c r="N784" s="166">
        <v>0</v>
      </c>
      <c r="O784" s="166">
        <v>0</v>
      </c>
      <c r="P784" s="166">
        <v>0</v>
      </c>
      <c r="Q784" s="166">
        <v>0</v>
      </c>
      <c r="R784" s="166">
        <v>0</v>
      </c>
      <c r="S784" s="166">
        <v>0</v>
      </c>
      <c r="T784" s="166">
        <v>0</v>
      </c>
      <c r="U784" s="166">
        <v>0</v>
      </c>
      <c r="V784" s="166">
        <v>0</v>
      </c>
      <c r="W784" s="166">
        <v>0</v>
      </c>
      <c r="X784" s="166">
        <v>0</v>
      </c>
      <c r="Y784" s="166">
        <v>0</v>
      </c>
      <c r="Z784" s="166">
        <v>0</v>
      </c>
      <c r="AA784" s="166">
        <v>0</v>
      </c>
      <c r="AB784" s="166">
        <v>0</v>
      </c>
      <c r="AC784" s="166">
        <v>0</v>
      </c>
      <c r="AD784" s="166">
        <v>0</v>
      </c>
      <c r="AE784" s="166">
        <v>0</v>
      </c>
      <c r="AF784" s="166">
        <v>0</v>
      </c>
      <c r="AG784" s="166">
        <v>0</v>
      </c>
      <c r="AH784" s="166">
        <v>0</v>
      </c>
      <c r="AI784" s="166">
        <v>0</v>
      </c>
      <c r="AJ784" s="166">
        <v>0</v>
      </c>
      <c r="AK784" s="166">
        <v>0</v>
      </c>
      <c r="AL784" s="166">
        <v>0</v>
      </c>
      <c r="AM784" s="166">
        <v>0</v>
      </c>
      <c r="AN784" s="166">
        <v>0</v>
      </c>
      <c r="AO784" s="166">
        <v>0</v>
      </c>
      <c r="AP784" s="166">
        <v>0</v>
      </c>
      <c r="AQ784" s="166">
        <v>0</v>
      </c>
      <c r="AR784" s="166">
        <v>0</v>
      </c>
      <c r="AS784" s="166">
        <v>0</v>
      </c>
      <c r="AT784" s="166">
        <v>0</v>
      </c>
      <c r="AU784" s="166">
        <v>0</v>
      </c>
      <c r="AV784" s="166">
        <v>0</v>
      </c>
      <c r="AW784" s="166">
        <v>0</v>
      </c>
      <c r="AX784" s="166">
        <v>0</v>
      </c>
      <c r="AY784" s="166">
        <v>0</v>
      </c>
      <c r="AZ784" s="166">
        <v>0</v>
      </c>
      <c r="BA784" s="166">
        <v>0</v>
      </c>
      <c r="BB784" s="166">
        <v>0</v>
      </c>
      <c r="BC784" s="166">
        <v>0</v>
      </c>
      <c r="BD784" s="166">
        <v>0</v>
      </c>
      <c r="BE784" s="166">
        <v>0</v>
      </c>
      <c r="BF784" s="166">
        <v>0</v>
      </c>
      <c r="BG784" s="166">
        <v>0</v>
      </c>
      <c r="BH784" s="166">
        <v>0</v>
      </c>
      <c r="BI784" s="166">
        <v>0</v>
      </c>
      <c r="BJ784" s="166">
        <v>0</v>
      </c>
      <c r="BK784" s="166">
        <v>0</v>
      </c>
      <c r="BL784" s="166">
        <v>0</v>
      </c>
      <c r="BM784" s="166">
        <v>0</v>
      </c>
      <c r="BN784" s="166">
        <v>0</v>
      </c>
      <c r="BO784" s="166">
        <v>0</v>
      </c>
      <c r="BP784" s="166">
        <v>0</v>
      </c>
      <c r="BQ784" s="166">
        <v>0</v>
      </c>
      <c r="BR784" s="166">
        <v>9998301.4049208108</v>
      </c>
      <c r="BS784" s="166">
        <v>9998301.4049208108</v>
      </c>
      <c r="BT784" s="168">
        <v>1</v>
      </c>
      <c r="BU784" s="166">
        <v>848453.68069686496</v>
      </c>
      <c r="BV784" s="166">
        <v>9998301.4049208108</v>
      </c>
      <c r="BW784" s="166">
        <v>0</v>
      </c>
      <c r="BX784" s="166">
        <v>0</v>
      </c>
      <c r="BY784" s="166">
        <v>0</v>
      </c>
      <c r="BZ784" s="166">
        <v>0</v>
      </c>
      <c r="CA784" s="166">
        <v>0</v>
      </c>
      <c r="CB784" s="166">
        <v>0</v>
      </c>
      <c r="CC784" s="166">
        <v>0</v>
      </c>
      <c r="CD784" s="166">
        <v>0</v>
      </c>
      <c r="CE784" s="166">
        <v>0</v>
      </c>
      <c r="CF784" s="166">
        <v>0</v>
      </c>
      <c r="CG784" s="166">
        <v>0</v>
      </c>
      <c r="CH784" s="166">
        <v>0</v>
      </c>
      <c r="CI784" s="166">
        <v>0</v>
      </c>
      <c r="CJ784" s="166">
        <v>0</v>
      </c>
      <c r="CK784" s="166">
        <v>0</v>
      </c>
      <c r="CL784" s="166">
        <v>0</v>
      </c>
      <c r="CM784" s="166">
        <v>0</v>
      </c>
      <c r="CN784" s="166">
        <v>0</v>
      </c>
      <c r="CO784" s="166">
        <v>0</v>
      </c>
      <c r="CP784" s="166">
        <v>0</v>
      </c>
      <c r="CQ784" s="166">
        <v>0</v>
      </c>
      <c r="CR784" s="166">
        <v>0</v>
      </c>
      <c r="CS784" s="166">
        <v>0</v>
      </c>
      <c r="CT784" s="166">
        <v>0</v>
      </c>
      <c r="CU784" s="166">
        <v>0</v>
      </c>
      <c r="CV784" s="166">
        <v>0</v>
      </c>
      <c r="CW784" s="166">
        <v>0</v>
      </c>
      <c r="CX784" s="166">
        <v>0</v>
      </c>
      <c r="CY784" s="166">
        <v>9998301.4049208108</v>
      </c>
      <c r="CZ784" s="166">
        <v>9998301.4049208108</v>
      </c>
    </row>
    <row r="785" spans="1:104" x14ac:dyDescent="0.2">
      <c r="A785" s="167" t="s">
        <v>1129</v>
      </c>
      <c r="B785" s="166">
        <v>4794333.6437007403</v>
      </c>
      <c r="C785" s="166">
        <v>4794333.6437007403</v>
      </c>
      <c r="D785" s="166">
        <v>0</v>
      </c>
      <c r="E785" s="166">
        <v>0</v>
      </c>
      <c r="F785" s="166">
        <v>0</v>
      </c>
      <c r="G785" s="166">
        <v>0</v>
      </c>
      <c r="H785" s="166">
        <v>0</v>
      </c>
      <c r="I785" s="166">
        <v>0</v>
      </c>
      <c r="J785" s="166">
        <v>0</v>
      </c>
      <c r="K785" s="166">
        <v>0</v>
      </c>
      <c r="L785" s="166">
        <v>0</v>
      </c>
      <c r="M785" s="166">
        <v>0</v>
      </c>
      <c r="N785" s="166">
        <v>0</v>
      </c>
      <c r="O785" s="166">
        <v>0</v>
      </c>
      <c r="P785" s="166">
        <v>0</v>
      </c>
      <c r="Q785" s="166">
        <v>0</v>
      </c>
      <c r="R785" s="166">
        <v>0</v>
      </c>
      <c r="S785" s="166">
        <v>0</v>
      </c>
      <c r="T785" s="166">
        <v>0</v>
      </c>
      <c r="U785" s="166">
        <v>0</v>
      </c>
      <c r="V785" s="166">
        <v>0</v>
      </c>
      <c r="W785" s="166">
        <v>0</v>
      </c>
      <c r="X785" s="166">
        <v>0</v>
      </c>
      <c r="Y785" s="166">
        <v>0</v>
      </c>
      <c r="Z785" s="166">
        <v>0</v>
      </c>
      <c r="AA785" s="166">
        <v>0</v>
      </c>
      <c r="AB785" s="166">
        <v>0</v>
      </c>
      <c r="AC785" s="166">
        <v>0</v>
      </c>
      <c r="AD785" s="166">
        <v>0</v>
      </c>
      <c r="AE785" s="166">
        <v>0</v>
      </c>
      <c r="AF785" s="166">
        <v>0</v>
      </c>
      <c r="AG785" s="166">
        <v>0</v>
      </c>
      <c r="AH785" s="166">
        <v>0</v>
      </c>
      <c r="AI785" s="166">
        <v>0</v>
      </c>
      <c r="AJ785" s="166">
        <v>0</v>
      </c>
      <c r="AK785" s="166">
        <v>0</v>
      </c>
      <c r="AL785" s="166">
        <v>0</v>
      </c>
      <c r="AM785" s="166">
        <v>0</v>
      </c>
      <c r="AN785" s="166">
        <v>0</v>
      </c>
      <c r="AO785" s="166">
        <v>0</v>
      </c>
      <c r="AP785" s="166">
        <v>0</v>
      </c>
      <c r="AQ785" s="166">
        <v>0</v>
      </c>
      <c r="AR785" s="166">
        <v>0</v>
      </c>
      <c r="AS785" s="166">
        <v>0</v>
      </c>
      <c r="AT785" s="166">
        <v>0</v>
      </c>
      <c r="AU785" s="166">
        <v>0</v>
      </c>
      <c r="AV785" s="166">
        <v>0</v>
      </c>
      <c r="AW785" s="166">
        <v>0</v>
      </c>
      <c r="AX785" s="166">
        <v>0</v>
      </c>
      <c r="AY785" s="166">
        <v>0</v>
      </c>
      <c r="AZ785" s="166">
        <v>0</v>
      </c>
      <c r="BA785" s="166">
        <v>0</v>
      </c>
      <c r="BB785" s="166">
        <v>0</v>
      </c>
      <c r="BC785" s="166">
        <v>0</v>
      </c>
      <c r="BD785" s="166">
        <v>0</v>
      </c>
      <c r="BE785" s="166">
        <v>0</v>
      </c>
      <c r="BF785" s="166">
        <v>0</v>
      </c>
      <c r="BG785" s="166">
        <v>0</v>
      </c>
      <c r="BH785" s="166">
        <v>0</v>
      </c>
      <c r="BI785" s="166">
        <v>0</v>
      </c>
      <c r="BJ785" s="166">
        <v>0</v>
      </c>
      <c r="BK785" s="166">
        <v>0</v>
      </c>
      <c r="BL785" s="166">
        <v>0</v>
      </c>
      <c r="BM785" s="166">
        <v>0</v>
      </c>
      <c r="BN785" s="166">
        <v>0</v>
      </c>
      <c r="BO785" s="166">
        <v>0</v>
      </c>
      <c r="BP785" s="166">
        <v>0</v>
      </c>
      <c r="BQ785" s="166">
        <v>0</v>
      </c>
      <c r="BR785" s="166">
        <v>4794333.6437007403</v>
      </c>
      <c r="BS785" s="166">
        <v>4794333.6437007403</v>
      </c>
      <c r="BT785" s="168">
        <v>1</v>
      </c>
      <c r="BU785" s="166">
        <v>402060.36192286498</v>
      </c>
      <c r="BV785" s="166">
        <v>4794333.6437007403</v>
      </c>
      <c r="BW785" s="166">
        <v>0</v>
      </c>
      <c r="BX785" s="166">
        <v>0</v>
      </c>
      <c r="BY785" s="166">
        <v>0</v>
      </c>
      <c r="BZ785" s="166">
        <v>0</v>
      </c>
      <c r="CA785" s="166">
        <v>0</v>
      </c>
      <c r="CB785" s="166">
        <v>0</v>
      </c>
      <c r="CC785" s="166">
        <v>0</v>
      </c>
      <c r="CD785" s="166">
        <v>0</v>
      </c>
      <c r="CE785" s="166">
        <v>0</v>
      </c>
      <c r="CF785" s="166">
        <v>0</v>
      </c>
      <c r="CG785" s="166">
        <v>0</v>
      </c>
      <c r="CH785" s="166">
        <v>0</v>
      </c>
      <c r="CI785" s="166">
        <v>0</v>
      </c>
      <c r="CJ785" s="166">
        <v>0</v>
      </c>
      <c r="CK785" s="166">
        <v>0</v>
      </c>
      <c r="CL785" s="166">
        <v>0</v>
      </c>
      <c r="CM785" s="166">
        <v>0</v>
      </c>
      <c r="CN785" s="166">
        <v>0</v>
      </c>
      <c r="CO785" s="166">
        <v>0</v>
      </c>
      <c r="CP785" s="166">
        <v>0</v>
      </c>
      <c r="CQ785" s="166">
        <v>0</v>
      </c>
      <c r="CR785" s="166">
        <v>0</v>
      </c>
      <c r="CS785" s="166">
        <v>0</v>
      </c>
      <c r="CT785" s="166">
        <v>0</v>
      </c>
      <c r="CU785" s="166">
        <v>0</v>
      </c>
      <c r="CV785" s="166">
        <v>0</v>
      </c>
      <c r="CW785" s="166">
        <v>0</v>
      </c>
      <c r="CX785" s="166">
        <v>0</v>
      </c>
      <c r="CY785" s="166">
        <v>4794333.6437007403</v>
      </c>
      <c r="CZ785" s="166">
        <v>4794333.6437007403</v>
      </c>
    </row>
    <row r="786" spans="1:104" x14ac:dyDescent="0.2">
      <c r="A786" s="167" t="s">
        <v>1130</v>
      </c>
      <c r="B786" s="166">
        <v>1390795.0223952101</v>
      </c>
      <c r="C786" s="166">
        <v>1390795.0223952101</v>
      </c>
      <c r="D786" s="166">
        <v>0</v>
      </c>
      <c r="E786" s="166">
        <v>0</v>
      </c>
      <c r="F786" s="166">
        <v>0</v>
      </c>
      <c r="G786" s="166">
        <v>0</v>
      </c>
      <c r="H786" s="166">
        <v>0</v>
      </c>
      <c r="I786" s="166">
        <v>0</v>
      </c>
      <c r="J786" s="166">
        <v>0</v>
      </c>
      <c r="K786" s="166">
        <v>0</v>
      </c>
      <c r="L786" s="166">
        <v>0</v>
      </c>
      <c r="M786" s="166">
        <v>0</v>
      </c>
      <c r="N786" s="166">
        <v>0</v>
      </c>
      <c r="O786" s="166">
        <v>0</v>
      </c>
      <c r="P786" s="166">
        <v>0</v>
      </c>
      <c r="Q786" s="166">
        <v>0</v>
      </c>
      <c r="R786" s="166">
        <v>0</v>
      </c>
      <c r="S786" s="166">
        <v>0</v>
      </c>
      <c r="T786" s="166">
        <v>0</v>
      </c>
      <c r="U786" s="166">
        <v>0</v>
      </c>
      <c r="V786" s="166">
        <v>0</v>
      </c>
      <c r="W786" s="166">
        <v>0</v>
      </c>
      <c r="X786" s="166">
        <v>0</v>
      </c>
      <c r="Y786" s="166">
        <v>0</v>
      </c>
      <c r="Z786" s="166">
        <v>0</v>
      </c>
      <c r="AA786" s="166">
        <v>0</v>
      </c>
      <c r="AB786" s="166">
        <v>0</v>
      </c>
      <c r="AC786" s="166">
        <v>0</v>
      </c>
      <c r="AD786" s="166">
        <v>0</v>
      </c>
      <c r="AE786" s="166">
        <v>0</v>
      </c>
      <c r="AF786" s="166">
        <v>0</v>
      </c>
      <c r="AG786" s="166">
        <v>0</v>
      </c>
      <c r="AH786" s="166">
        <v>0</v>
      </c>
      <c r="AI786" s="166">
        <v>0</v>
      </c>
      <c r="AJ786" s="166">
        <v>0</v>
      </c>
      <c r="AK786" s="166">
        <v>0</v>
      </c>
      <c r="AL786" s="166">
        <v>0</v>
      </c>
      <c r="AM786" s="166">
        <v>0</v>
      </c>
      <c r="AN786" s="166">
        <v>0</v>
      </c>
      <c r="AO786" s="166">
        <v>0</v>
      </c>
      <c r="AP786" s="166">
        <v>0</v>
      </c>
      <c r="AQ786" s="166">
        <v>0</v>
      </c>
      <c r="AR786" s="166">
        <v>0</v>
      </c>
      <c r="AS786" s="166">
        <v>0</v>
      </c>
      <c r="AT786" s="166">
        <v>0</v>
      </c>
      <c r="AU786" s="166">
        <v>0</v>
      </c>
      <c r="AV786" s="166">
        <v>0</v>
      </c>
      <c r="AW786" s="166">
        <v>0</v>
      </c>
      <c r="AX786" s="166">
        <v>0</v>
      </c>
      <c r="AY786" s="166">
        <v>0</v>
      </c>
      <c r="AZ786" s="166">
        <v>0</v>
      </c>
      <c r="BA786" s="166">
        <v>0</v>
      </c>
      <c r="BB786" s="166">
        <v>0</v>
      </c>
      <c r="BC786" s="166">
        <v>0</v>
      </c>
      <c r="BD786" s="166">
        <v>0</v>
      </c>
      <c r="BE786" s="166">
        <v>0</v>
      </c>
      <c r="BF786" s="166">
        <v>0</v>
      </c>
      <c r="BG786" s="166">
        <v>0</v>
      </c>
      <c r="BH786" s="166">
        <v>0</v>
      </c>
      <c r="BI786" s="166">
        <v>0</v>
      </c>
      <c r="BJ786" s="166">
        <v>0</v>
      </c>
      <c r="BK786" s="166">
        <v>0</v>
      </c>
      <c r="BL786" s="166">
        <v>0</v>
      </c>
      <c r="BM786" s="166">
        <v>0</v>
      </c>
      <c r="BN786" s="166">
        <v>0</v>
      </c>
      <c r="BO786" s="166">
        <v>0</v>
      </c>
      <c r="BP786" s="166">
        <v>0</v>
      </c>
      <c r="BQ786" s="166">
        <v>0</v>
      </c>
      <c r="BR786" s="166">
        <v>1390795.0223952101</v>
      </c>
      <c r="BS786" s="166">
        <v>1390795.0223952101</v>
      </c>
      <c r="BT786" s="168">
        <v>1</v>
      </c>
      <c r="BU786" s="166">
        <v>111833.56645827201</v>
      </c>
      <c r="BV786" s="166">
        <v>1390795.0223952101</v>
      </c>
      <c r="BW786" s="166">
        <v>0</v>
      </c>
      <c r="BX786" s="166">
        <v>0</v>
      </c>
      <c r="BY786" s="166">
        <v>0</v>
      </c>
      <c r="BZ786" s="166">
        <v>0</v>
      </c>
      <c r="CA786" s="166">
        <v>0</v>
      </c>
      <c r="CB786" s="166">
        <v>0</v>
      </c>
      <c r="CC786" s="166">
        <v>0</v>
      </c>
      <c r="CD786" s="166">
        <v>0</v>
      </c>
      <c r="CE786" s="166">
        <v>0</v>
      </c>
      <c r="CF786" s="166">
        <v>0</v>
      </c>
      <c r="CG786" s="166">
        <v>0</v>
      </c>
      <c r="CH786" s="166">
        <v>0</v>
      </c>
      <c r="CI786" s="166">
        <v>0</v>
      </c>
      <c r="CJ786" s="166">
        <v>0</v>
      </c>
      <c r="CK786" s="166">
        <v>0</v>
      </c>
      <c r="CL786" s="166">
        <v>0</v>
      </c>
      <c r="CM786" s="166">
        <v>0</v>
      </c>
      <c r="CN786" s="166">
        <v>0</v>
      </c>
      <c r="CO786" s="166">
        <v>0</v>
      </c>
      <c r="CP786" s="166">
        <v>0</v>
      </c>
      <c r="CQ786" s="166">
        <v>0</v>
      </c>
      <c r="CR786" s="166">
        <v>0</v>
      </c>
      <c r="CS786" s="166">
        <v>0</v>
      </c>
      <c r="CT786" s="166">
        <v>0</v>
      </c>
      <c r="CU786" s="166">
        <v>0</v>
      </c>
      <c r="CV786" s="166">
        <v>0</v>
      </c>
      <c r="CW786" s="166">
        <v>0</v>
      </c>
      <c r="CX786" s="166">
        <v>0</v>
      </c>
      <c r="CY786" s="166">
        <v>1390795.0223952101</v>
      </c>
      <c r="CZ786" s="166">
        <v>1390795.0223952101</v>
      </c>
    </row>
    <row r="787" spans="1:104" x14ac:dyDescent="0.2">
      <c r="A787" s="167" t="s">
        <v>1131</v>
      </c>
      <c r="B787" s="166">
        <v>752245.61033969501</v>
      </c>
      <c r="C787" s="166">
        <v>752245.61033969501</v>
      </c>
      <c r="D787" s="166">
        <v>0</v>
      </c>
      <c r="E787" s="166">
        <v>0</v>
      </c>
      <c r="F787" s="166">
        <v>0</v>
      </c>
      <c r="G787" s="166">
        <v>0</v>
      </c>
      <c r="H787" s="166">
        <v>0</v>
      </c>
      <c r="I787" s="166">
        <v>0</v>
      </c>
      <c r="J787" s="166">
        <v>0</v>
      </c>
      <c r="K787" s="166">
        <v>0</v>
      </c>
      <c r="L787" s="166">
        <v>0</v>
      </c>
      <c r="M787" s="166">
        <v>0</v>
      </c>
      <c r="N787" s="166">
        <v>0</v>
      </c>
      <c r="O787" s="166">
        <v>0</v>
      </c>
      <c r="P787" s="166">
        <v>0</v>
      </c>
      <c r="Q787" s="166">
        <v>0</v>
      </c>
      <c r="R787" s="166">
        <v>0</v>
      </c>
      <c r="S787" s="166">
        <v>0</v>
      </c>
      <c r="T787" s="166">
        <v>0</v>
      </c>
      <c r="U787" s="166">
        <v>0</v>
      </c>
      <c r="V787" s="166">
        <v>0</v>
      </c>
      <c r="W787" s="166">
        <v>0</v>
      </c>
      <c r="X787" s="166">
        <v>0</v>
      </c>
      <c r="Y787" s="166">
        <v>0</v>
      </c>
      <c r="Z787" s="166">
        <v>0</v>
      </c>
      <c r="AA787" s="166">
        <v>0</v>
      </c>
      <c r="AB787" s="166">
        <v>0</v>
      </c>
      <c r="AC787" s="166">
        <v>0</v>
      </c>
      <c r="AD787" s="166">
        <v>0</v>
      </c>
      <c r="AE787" s="166">
        <v>0</v>
      </c>
      <c r="AF787" s="166">
        <v>0</v>
      </c>
      <c r="AG787" s="166">
        <v>0</v>
      </c>
      <c r="AH787" s="166">
        <v>0</v>
      </c>
      <c r="AI787" s="166">
        <v>0</v>
      </c>
      <c r="AJ787" s="166">
        <v>0</v>
      </c>
      <c r="AK787" s="166">
        <v>0</v>
      </c>
      <c r="AL787" s="166">
        <v>0</v>
      </c>
      <c r="AM787" s="166">
        <v>0</v>
      </c>
      <c r="AN787" s="166">
        <v>0</v>
      </c>
      <c r="AO787" s="166">
        <v>0</v>
      </c>
      <c r="AP787" s="166">
        <v>0</v>
      </c>
      <c r="AQ787" s="166">
        <v>0</v>
      </c>
      <c r="AR787" s="166">
        <v>0</v>
      </c>
      <c r="AS787" s="166">
        <v>0</v>
      </c>
      <c r="AT787" s="166">
        <v>0</v>
      </c>
      <c r="AU787" s="166">
        <v>0</v>
      </c>
      <c r="AV787" s="166">
        <v>0</v>
      </c>
      <c r="AW787" s="166">
        <v>0</v>
      </c>
      <c r="AX787" s="166">
        <v>0</v>
      </c>
      <c r="AY787" s="166">
        <v>0</v>
      </c>
      <c r="AZ787" s="166">
        <v>0</v>
      </c>
      <c r="BA787" s="166">
        <v>0</v>
      </c>
      <c r="BB787" s="166">
        <v>0</v>
      </c>
      <c r="BC787" s="166">
        <v>0</v>
      </c>
      <c r="BD787" s="166">
        <v>0</v>
      </c>
      <c r="BE787" s="166">
        <v>0</v>
      </c>
      <c r="BF787" s="166">
        <v>0</v>
      </c>
      <c r="BG787" s="166">
        <v>0</v>
      </c>
      <c r="BH787" s="166">
        <v>0</v>
      </c>
      <c r="BI787" s="166">
        <v>0</v>
      </c>
      <c r="BJ787" s="166">
        <v>0</v>
      </c>
      <c r="BK787" s="166">
        <v>0</v>
      </c>
      <c r="BL787" s="166">
        <v>0</v>
      </c>
      <c r="BM787" s="166">
        <v>0</v>
      </c>
      <c r="BN787" s="166">
        <v>0</v>
      </c>
      <c r="BO787" s="166">
        <v>0</v>
      </c>
      <c r="BP787" s="166">
        <v>0</v>
      </c>
      <c r="BQ787" s="166">
        <v>0</v>
      </c>
      <c r="BR787" s="166">
        <v>752245.61033969501</v>
      </c>
      <c r="BS787" s="166">
        <v>752245.61033969501</v>
      </c>
      <c r="BT787" s="168">
        <v>0.98770000000000002</v>
      </c>
      <c r="BU787" s="166">
        <v>58850.908808449203</v>
      </c>
      <c r="BV787" s="166">
        <v>742992.98933251598</v>
      </c>
      <c r="BW787" s="166">
        <v>0</v>
      </c>
      <c r="BX787" s="166">
        <v>0</v>
      </c>
      <c r="BY787" s="166">
        <v>0</v>
      </c>
      <c r="BZ787" s="166">
        <v>0</v>
      </c>
      <c r="CA787" s="166">
        <v>0</v>
      </c>
      <c r="CB787" s="166">
        <v>0</v>
      </c>
      <c r="CC787" s="166">
        <v>0</v>
      </c>
      <c r="CD787" s="166">
        <v>0</v>
      </c>
      <c r="CE787" s="166">
        <v>0</v>
      </c>
      <c r="CF787" s="166">
        <v>0</v>
      </c>
      <c r="CG787" s="166">
        <v>0</v>
      </c>
      <c r="CH787" s="166">
        <v>0</v>
      </c>
      <c r="CI787" s="166">
        <v>0</v>
      </c>
      <c r="CJ787" s="166">
        <v>0</v>
      </c>
      <c r="CK787" s="166">
        <v>0</v>
      </c>
      <c r="CL787" s="166">
        <v>0</v>
      </c>
      <c r="CM787" s="166">
        <v>0</v>
      </c>
      <c r="CN787" s="166">
        <v>0</v>
      </c>
      <c r="CO787" s="166">
        <v>0</v>
      </c>
      <c r="CP787" s="166">
        <v>0</v>
      </c>
      <c r="CQ787" s="166">
        <v>0</v>
      </c>
      <c r="CR787" s="166">
        <v>0</v>
      </c>
      <c r="CS787" s="166">
        <v>0</v>
      </c>
      <c r="CT787" s="166">
        <v>0</v>
      </c>
      <c r="CU787" s="166">
        <v>0</v>
      </c>
      <c r="CV787" s="166">
        <v>0</v>
      </c>
      <c r="CW787" s="166">
        <v>0</v>
      </c>
      <c r="CX787" s="166">
        <v>0</v>
      </c>
      <c r="CY787" s="166">
        <v>742992.98933251598</v>
      </c>
      <c r="CZ787" s="166">
        <v>742992.98933251598</v>
      </c>
    </row>
    <row r="788" spans="1:104" x14ac:dyDescent="0.2">
      <c r="A788" s="167" t="s">
        <v>1132</v>
      </c>
      <c r="B788" s="166">
        <v>1689041.5086435301</v>
      </c>
      <c r="C788" s="166">
        <v>1689041.5086435301</v>
      </c>
      <c r="D788" s="166">
        <v>0</v>
      </c>
      <c r="E788" s="166">
        <v>0</v>
      </c>
      <c r="F788" s="166">
        <v>0</v>
      </c>
      <c r="G788" s="166">
        <v>0</v>
      </c>
      <c r="H788" s="166">
        <v>0</v>
      </c>
      <c r="I788" s="166">
        <v>0</v>
      </c>
      <c r="J788" s="166">
        <v>0</v>
      </c>
      <c r="K788" s="166">
        <v>0</v>
      </c>
      <c r="L788" s="166">
        <v>0</v>
      </c>
      <c r="M788" s="166">
        <v>0</v>
      </c>
      <c r="N788" s="166">
        <v>0</v>
      </c>
      <c r="O788" s="166">
        <v>0</v>
      </c>
      <c r="P788" s="166">
        <v>0</v>
      </c>
      <c r="Q788" s="166">
        <v>0</v>
      </c>
      <c r="R788" s="166">
        <v>0</v>
      </c>
      <c r="S788" s="166">
        <v>0</v>
      </c>
      <c r="T788" s="166">
        <v>0</v>
      </c>
      <c r="U788" s="166">
        <v>0</v>
      </c>
      <c r="V788" s="166">
        <v>0</v>
      </c>
      <c r="W788" s="166">
        <v>0</v>
      </c>
      <c r="X788" s="166">
        <v>0</v>
      </c>
      <c r="Y788" s="166">
        <v>0</v>
      </c>
      <c r="Z788" s="166">
        <v>0</v>
      </c>
      <c r="AA788" s="166">
        <v>0</v>
      </c>
      <c r="AB788" s="166">
        <v>0</v>
      </c>
      <c r="AC788" s="166">
        <v>0</v>
      </c>
      <c r="AD788" s="166">
        <v>0</v>
      </c>
      <c r="AE788" s="166">
        <v>0</v>
      </c>
      <c r="AF788" s="166">
        <v>0</v>
      </c>
      <c r="AG788" s="166">
        <v>0</v>
      </c>
      <c r="AH788" s="166">
        <v>0</v>
      </c>
      <c r="AI788" s="166">
        <v>0</v>
      </c>
      <c r="AJ788" s="166">
        <v>0</v>
      </c>
      <c r="AK788" s="166">
        <v>0</v>
      </c>
      <c r="AL788" s="166">
        <v>0</v>
      </c>
      <c r="AM788" s="166">
        <v>0</v>
      </c>
      <c r="AN788" s="166">
        <v>0</v>
      </c>
      <c r="AO788" s="166">
        <v>0</v>
      </c>
      <c r="AP788" s="166">
        <v>0</v>
      </c>
      <c r="AQ788" s="166">
        <v>0</v>
      </c>
      <c r="AR788" s="166">
        <v>0</v>
      </c>
      <c r="AS788" s="166">
        <v>0</v>
      </c>
      <c r="AT788" s="166">
        <v>0</v>
      </c>
      <c r="AU788" s="166">
        <v>0</v>
      </c>
      <c r="AV788" s="166">
        <v>0</v>
      </c>
      <c r="AW788" s="166">
        <v>0</v>
      </c>
      <c r="AX788" s="166">
        <v>0</v>
      </c>
      <c r="AY788" s="166">
        <v>0</v>
      </c>
      <c r="AZ788" s="166">
        <v>0</v>
      </c>
      <c r="BA788" s="166">
        <v>0</v>
      </c>
      <c r="BB788" s="166">
        <v>0</v>
      </c>
      <c r="BC788" s="166">
        <v>0</v>
      </c>
      <c r="BD788" s="166">
        <v>0</v>
      </c>
      <c r="BE788" s="166">
        <v>0</v>
      </c>
      <c r="BF788" s="166">
        <v>0</v>
      </c>
      <c r="BG788" s="166">
        <v>0</v>
      </c>
      <c r="BH788" s="166">
        <v>0</v>
      </c>
      <c r="BI788" s="166">
        <v>0</v>
      </c>
      <c r="BJ788" s="166">
        <v>0</v>
      </c>
      <c r="BK788" s="166">
        <v>0</v>
      </c>
      <c r="BL788" s="166">
        <v>0</v>
      </c>
      <c r="BM788" s="166">
        <v>0</v>
      </c>
      <c r="BN788" s="166">
        <v>0</v>
      </c>
      <c r="BO788" s="166">
        <v>0</v>
      </c>
      <c r="BP788" s="166">
        <v>0</v>
      </c>
      <c r="BQ788" s="166">
        <v>0</v>
      </c>
      <c r="BR788" s="166">
        <v>1689041.5086435301</v>
      </c>
      <c r="BS788" s="166">
        <v>1689041.5086435301</v>
      </c>
      <c r="BT788" s="168">
        <v>1</v>
      </c>
      <c r="BU788" s="166">
        <v>141482.331503703</v>
      </c>
      <c r="BV788" s="166">
        <v>1689041.5086435301</v>
      </c>
      <c r="BW788" s="166">
        <v>0</v>
      </c>
      <c r="BX788" s="166">
        <v>0</v>
      </c>
      <c r="BY788" s="166">
        <v>0</v>
      </c>
      <c r="BZ788" s="166">
        <v>0</v>
      </c>
      <c r="CA788" s="166">
        <v>0</v>
      </c>
      <c r="CB788" s="166">
        <v>0</v>
      </c>
      <c r="CC788" s="166">
        <v>0</v>
      </c>
      <c r="CD788" s="166">
        <v>0</v>
      </c>
      <c r="CE788" s="166">
        <v>0</v>
      </c>
      <c r="CF788" s="166">
        <v>0</v>
      </c>
      <c r="CG788" s="166">
        <v>0</v>
      </c>
      <c r="CH788" s="166">
        <v>0</v>
      </c>
      <c r="CI788" s="166">
        <v>0</v>
      </c>
      <c r="CJ788" s="166">
        <v>0</v>
      </c>
      <c r="CK788" s="166">
        <v>0</v>
      </c>
      <c r="CL788" s="166">
        <v>0</v>
      </c>
      <c r="CM788" s="166">
        <v>0</v>
      </c>
      <c r="CN788" s="166">
        <v>0</v>
      </c>
      <c r="CO788" s="166">
        <v>0</v>
      </c>
      <c r="CP788" s="166">
        <v>0</v>
      </c>
      <c r="CQ788" s="166">
        <v>0</v>
      </c>
      <c r="CR788" s="166">
        <v>0</v>
      </c>
      <c r="CS788" s="166">
        <v>0</v>
      </c>
      <c r="CT788" s="166">
        <v>0</v>
      </c>
      <c r="CU788" s="166">
        <v>0</v>
      </c>
      <c r="CV788" s="166">
        <v>0</v>
      </c>
      <c r="CW788" s="166">
        <v>0</v>
      </c>
      <c r="CX788" s="166">
        <v>0</v>
      </c>
      <c r="CY788" s="166">
        <v>1689041.5086435301</v>
      </c>
      <c r="CZ788" s="166">
        <v>1689041.5086435301</v>
      </c>
    </row>
    <row r="789" spans="1:104" x14ac:dyDescent="0.2">
      <c r="A789" s="167" t="s">
        <v>1133</v>
      </c>
      <c r="B789" s="166">
        <v>0</v>
      </c>
      <c r="C789" s="166">
        <v>0</v>
      </c>
      <c r="D789" s="166">
        <v>0</v>
      </c>
      <c r="E789" s="166">
        <v>0</v>
      </c>
      <c r="F789" s="166">
        <v>0</v>
      </c>
      <c r="G789" s="166">
        <v>0</v>
      </c>
      <c r="H789" s="166">
        <v>0</v>
      </c>
      <c r="I789" s="166">
        <v>0</v>
      </c>
      <c r="J789" s="166">
        <v>0</v>
      </c>
      <c r="K789" s="166">
        <v>0</v>
      </c>
      <c r="L789" s="166">
        <v>0</v>
      </c>
      <c r="M789" s="166">
        <v>0</v>
      </c>
      <c r="N789" s="166">
        <v>0</v>
      </c>
      <c r="O789" s="166">
        <v>0</v>
      </c>
      <c r="P789" s="166">
        <v>0</v>
      </c>
      <c r="Q789" s="166">
        <v>0</v>
      </c>
      <c r="R789" s="166">
        <v>0</v>
      </c>
      <c r="S789" s="166">
        <v>0</v>
      </c>
      <c r="T789" s="166">
        <v>0</v>
      </c>
      <c r="U789" s="166">
        <v>0</v>
      </c>
      <c r="V789" s="166">
        <v>0</v>
      </c>
      <c r="W789" s="166">
        <v>0</v>
      </c>
      <c r="X789" s="166">
        <v>0</v>
      </c>
      <c r="Y789" s="166">
        <v>0</v>
      </c>
      <c r="Z789" s="166">
        <v>0</v>
      </c>
      <c r="AA789" s="166">
        <v>0</v>
      </c>
      <c r="AB789" s="166">
        <v>0</v>
      </c>
      <c r="AC789" s="166">
        <v>0</v>
      </c>
      <c r="AD789" s="166">
        <v>0</v>
      </c>
      <c r="AE789" s="166">
        <v>0</v>
      </c>
      <c r="AF789" s="166">
        <v>0</v>
      </c>
      <c r="AG789" s="166">
        <v>0</v>
      </c>
      <c r="AH789" s="166">
        <v>0</v>
      </c>
      <c r="AI789" s="166">
        <v>0</v>
      </c>
      <c r="AJ789" s="166">
        <v>0</v>
      </c>
      <c r="AK789" s="166">
        <v>0</v>
      </c>
      <c r="AL789" s="166">
        <v>0</v>
      </c>
      <c r="AM789" s="166">
        <v>0</v>
      </c>
      <c r="AN789" s="166">
        <v>0</v>
      </c>
      <c r="AO789" s="166">
        <v>0</v>
      </c>
      <c r="AP789" s="166">
        <v>0</v>
      </c>
      <c r="AQ789" s="166">
        <v>0</v>
      </c>
      <c r="AR789" s="166">
        <v>0</v>
      </c>
      <c r="AS789" s="166">
        <v>0</v>
      </c>
      <c r="AT789" s="166">
        <v>0</v>
      </c>
      <c r="AU789" s="166">
        <v>0</v>
      </c>
      <c r="AV789" s="166">
        <v>0</v>
      </c>
      <c r="AW789" s="166">
        <v>0</v>
      </c>
      <c r="AX789" s="166">
        <v>0</v>
      </c>
      <c r="AY789" s="166">
        <v>0</v>
      </c>
      <c r="AZ789" s="166">
        <v>0</v>
      </c>
      <c r="BA789" s="166">
        <v>0</v>
      </c>
      <c r="BB789" s="166">
        <v>0</v>
      </c>
      <c r="BC789" s="166">
        <v>0</v>
      </c>
      <c r="BD789" s="166">
        <v>0</v>
      </c>
      <c r="BE789" s="166">
        <v>0</v>
      </c>
      <c r="BF789" s="166">
        <v>0</v>
      </c>
      <c r="BG789" s="166">
        <v>0</v>
      </c>
      <c r="BH789" s="166">
        <v>0</v>
      </c>
      <c r="BI789" s="166">
        <v>0</v>
      </c>
      <c r="BJ789" s="166">
        <v>0</v>
      </c>
      <c r="BK789" s="166">
        <v>0</v>
      </c>
      <c r="BL789" s="166">
        <v>0</v>
      </c>
      <c r="BM789" s="166">
        <v>0</v>
      </c>
      <c r="BN789" s="166">
        <v>0</v>
      </c>
      <c r="BO789" s="166">
        <v>0</v>
      </c>
      <c r="BP789" s="166">
        <v>0</v>
      </c>
      <c r="BQ789" s="166">
        <v>0</v>
      </c>
      <c r="BR789" s="166">
        <v>0</v>
      </c>
      <c r="BS789" s="166">
        <v>0</v>
      </c>
      <c r="BT789" s="168">
        <v>1</v>
      </c>
      <c r="BU789" s="166">
        <v>0</v>
      </c>
      <c r="BV789" s="166">
        <v>0</v>
      </c>
      <c r="BW789" s="166">
        <v>0</v>
      </c>
      <c r="BX789" s="166">
        <v>0</v>
      </c>
      <c r="BY789" s="166">
        <v>0</v>
      </c>
      <c r="BZ789" s="166">
        <v>0</v>
      </c>
      <c r="CA789" s="166">
        <v>0</v>
      </c>
      <c r="CB789" s="166">
        <v>0</v>
      </c>
      <c r="CC789" s="166">
        <v>0</v>
      </c>
      <c r="CD789" s="166">
        <v>0</v>
      </c>
      <c r="CE789" s="166">
        <v>0</v>
      </c>
      <c r="CF789" s="166">
        <v>0</v>
      </c>
      <c r="CG789" s="166">
        <v>0</v>
      </c>
      <c r="CH789" s="166">
        <v>0</v>
      </c>
      <c r="CI789" s="166">
        <v>0</v>
      </c>
      <c r="CJ789" s="166">
        <v>0</v>
      </c>
      <c r="CK789" s="166">
        <v>0</v>
      </c>
      <c r="CL789" s="166">
        <v>0</v>
      </c>
      <c r="CM789" s="166">
        <v>0</v>
      </c>
      <c r="CN789" s="166">
        <v>0</v>
      </c>
      <c r="CO789" s="166">
        <v>0</v>
      </c>
      <c r="CP789" s="166">
        <v>0</v>
      </c>
      <c r="CQ789" s="166">
        <v>0</v>
      </c>
      <c r="CR789" s="166">
        <v>0</v>
      </c>
      <c r="CS789" s="166">
        <v>0</v>
      </c>
      <c r="CT789" s="166">
        <v>0</v>
      </c>
      <c r="CU789" s="166">
        <v>0</v>
      </c>
      <c r="CV789" s="166">
        <v>0</v>
      </c>
      <c r="CW789" s="166">
        <v>0</v>
      </c>
      <c r="CX789" s="166">
        <v>0</v>
      </c>
      <c r="CY789" s="166">
        <v>0</v>
      </c>
      <c r="CZ789" s="166">
        <v>0</v>
      </c>
    </row>
    <row r="790" spans="1:104" x14ac:dyDescent="0.2">
      <c r="A790" s="167" t="s">
        <v>1134</v>
      </c>
      <c r="B790" s="166">
        <v>18624717.190000001</v>
      </c>
      <c r="C790" s="166">
        <v>18624717.190000001</v>
      </c>
      <c r="D790" s="166">
        <v>0</v>
      </c>
      <c r="E790" s="166">
        <v>0</v>
      </c>
      <c r="F790" s="166">
        <v>0</v>
      </c>
      <c r="G790" s="166">
        <v>0</v>
      </c>
      <c r="H790" s="166">
        <v>0</v>
      </c>
      <c r="I790" s="166">
        <v>0</v>
      </c>
      <c r="J790" s="166">
        <v>0</v>
      </c>
      <c r="K790" s="166">
        <v>0</v>
      </c>
      <c r="L790" s="166">
        <v>0</v>
      </c>
      <c r="M790" s="166">
        <v>0</v>
      </c>
      <c r="N790" s="166">
        <v>0</v>
      </c>
      <c r="O790" s="166">
        <v>0</v>
      </c>
      <c r="P790" s="166">
        <v>0</v>
      </c>
      <c r="Q790" s="166">
        <v>0</v>
      </c>
      <c r="R790" s="166">
        <v>0</v>
      </c>
      <c r="S790" s="166">
        <v>0</v>
      </c>
      <c r="T790" s="166">
        <v>0</v>
      </c>
      <c r="U790" s="166">
        <v>0</v>
      </c>
      <c r="V790" s="166">
        <v>0</v>
      </c>
      <c r="W790" s="166">
        <v>0</v>
      </c>
      <c r="X790" s="166">
        <v>0</v>
      </c>
      <c r="Y790" s="166">
        <v>0</v>
      </c>
      <c r="Z790" s="166">
        <v>0</v>
      </c>
      <c r="AA790" s="166">
        <v>0</v>
      </c>
      <c r="AB790" s="166">
        <v>0</v>
      </c>
      <c r="AC790" s="166">
        <v>0</v>
      </c>
      <c r="AD790" s="166">
        <v>0</v>
      </c>
      <c r="AE790" s="166">
        <v>0</v>
      </c>
      <c r="AF790" s="166">
        <v>0</v>
      </c>
      <c r="AG790" s="166">
        <v>0</v>
      </c>
      <c r="AH790" s="166">
        <v>0</v>
      </c>
      <c r="AI790" s="166">
        <v>0</v>
      </c>
      <c r="AJ790" s="166">
        <v>0</v>
      </c>
      <c r="AK790" s="166">
        <v>0</v>
      </c>
      <c r="AL790" s="166">
        <v>0</v>
      </c>
      <c r="AM790" s="166">
        <v>0</v>
      </c>
      <c r="AN790" s="166">
        <v>0</v>
      </c>
      <c r="AO790" s="166">
        <v>0</v>
      </c>
      <c r="AP790" s="166">
        <v>0</v>
      </c>
      <c r="AQ790" s="166">
        <v>0</v>
      </c>
      <c r="AR790" s="166">
        <v>0</v>
      </c>
      <c r="AS790" s="166">
        <v>0</v>
      </c>
      <c r="AT790" s="166">
        <v>0</v>
      </c>
      <c r="AU790" s="166">
        <v>0</v>
      </c>
      <c r="AV790" s="166">
        <v>0</v>
      </c>
      <c r="AW790" s="166">
        <v>0</v>
      </c>
      <c r="AX790" s="166">
        <v>0</v>
      </c>
      <c r="AY790" s="166">
        <v>0</v>
      </c>
      <c r="AZ790" s="166">
        <v>0</v>
      </c>
      <c r="BA790" s="166">
        <v>0</v>
      </c>
      <c r="BB790" s="166">
        <v>0</v>
      </c>
      <c r="BC790" s="166">
        <v>0</v>
      </c>
      <c r="BD790" s="166">
        <v>0</v>
      </c>
      <c r="BE790" s="166">
        <v>0</v>
      </c>
      <c r="BF790" s="166">
        <v>0</v>
      </c>
      <c r="BG790" s="166">
        <v>0</v>
      </c>
      <c r="BH790" s="166">
        <v>0</v>
      </c>
      <c r="BI790" s="166">
        <v>0</v>
      </c>
      <c r="BJ790" s="166">
        <v>0</v>
      </c>
      <c r="BK790" s="166">
        <v>0</v>
      </c>
      <c r="BL790" s="166">
        <v>0</v>
      </c>
      <c r="BM790" s="166">
        <v>0</v>
      </c>
      <c r="BN790" s="166">
        <v>0</v>
      </c>
      <c r="BO790" s="166">
        <v>0</v>
      </c>
      <c r="BP790" s="166">
        <v>0</v>
      </c>
      <c r="BQ790" s="166">
        <v>0</v>
      </c>
      <c r="BR790" s="166">
        <v>18624717.190000001</v>
      </c>
      <c r="BS790" s="166">
        <v>18624717.190000001</v>
      </c>
      <c r="BT790" s="168">
        <v>0</v>
      </c>
      <c r="BU790" s="166">
        <v>1562680.84939015</v>
      </c>
      <c r="BV790" s="166">
        <v>18615464.568992801</v>
      </c>
      <c r="BW790" s="166">
        <v>0</v>
      </c>
      <c r="BX790" s="166">
        <v>0</v>
      </c>
      <c r="BY790" s="166">
        <v>0</v>
      </c>
      <c r="BZ790" s="166">
        <v>0</v>
      </c>
      <c r="CA790" s="166">
        <v>0</v>
      </c>
      <c r="CB790" s="166">
        <v>0</v>
      </c>
      <c r="CC790" s="166">
        <v>0</v>
      </c>
      <c r="CD790" s="166">
        <v>0</v>
      </c>
      <c r="CE790" s="166">
        <v>0</v>
      </c>
      <c r="CF790" s="166">
        <v>0</v>
      </c>
      <c r="CG790" s="166">
        <v>0</v>
      </c>
      <c r="CH790" s="166">
        <v>0</v>
      </c>
      <c r="CI790" s="166">
        <v>0</v>
      </c>
      <c r="CJ790" s="166">
        <v>0</v>
      </c>
      <c r="CK790" s="166">
        <v>0</v>
      </c>
      <c r="CL790" s="166">
        <v>0</v>
      </c>
      <c r="CM790" s="166">
        <v>0</v>
      </c>
      <c r="CN790" s="166">
        <v>0</v>
      </c>
      <c r="CO790" s="166">
        <v>0</v>
      </c>
      <c r="CP790" s="166">
        <v>0</v>
      </c>
      <c r="CQ790" s="166">
        <v>0</v>
      </c>
      <c r="CR790" s="166">
        <v>0</v>
      </c>
      <c r="CS790" s="166">
        <v>0</v>
      </c>
      <c r="CT790" s="166">
        <v>0</v>
      </c>
      <c r="CU790" s="166">
        <v>0</v>
      </c>
      <c r="CV790" s="166">
        <v>0</v>
      </c>
      <c r="CW790" s="166">
        <v>0</v>
      </c>
      <c r="CX790" s="166">
        <v>0</v>
      </c>
      <c r="CY790" s="166">
        <v>18615464.568992801</v>
      </c>
      <c r="CZ790" s="166">
        <v>18615464.568992801</v>
      </c>
    </row>
    <row r="791" spans="1:104" x14ac:dyDescent="0.2">
      <c r="A791" s="167" t="s">
        <v>322</v>
      </c>
    </row>
    <row r="792" spans="1:104" x14ac:dyDescent="0.2">
      <c r="A792" s="167" t="s">
        <v>1135</v>
      </c>
      <c r="B792" s="166">
        <v>1073639.49430489</v>
      </c>
      <c r="C792" s="166">
        <v>1073639.49430489</v>
      </c>
      <c r="D792" s="166">
        <v>0</v>
      </c>
      <c r="E792" s="166">
        <v>0</v>
      </c>
      <c r="F792" s="166">
        <v>0</v>
      </c>
      <c r="G792" s="166">
        <v>0</v>
      </c>
      <c r="H792" s="166">
        <v>0</v>
      </c>
      <c r="I792" s="166">
        <v>0</v>
      </c>
      <c r="J792" s="166">
        <v>0</v>
      </c>
      <c r="K792" s="166">
        <v>0</v>
      </c>
      <c r="L792" s="166">
        <v>0</v>
      </c>
      <c r="M792" s="166">
        <v>0</v>
      </c>
      <c r="N792" s="166">
        <v>0</v>
      </c>
      <c r="O792" s="166">
        <v>0</v>
      </c>
      <c r="P792" s="166">
        <v>0</v>
      </c>
      <c r="Q792" s="166">
        <v>0</v>
      </c>
      <c r="R792" s="166">
        <v>0</v>
      </c>
      <c r="S792" s="166">
        <v>0</v>
      </c>
      <c r="T792" s="166">
        <v>0</v>
      </c>
      <c r="U792" s="166">
        <v>0</v>
      </c>
      <c r="V792" s="166">
        <v>0</v>
      </c>
      <c r="W792" s="166">
        <v>0</v>
      </c>
      <c r="X792" s="166">
        <v>0</v>
      </c>
      <c r="Y792" s="166">
        <v>0</v>
      </c>
      <c r="Z792" s="166">
        <v>0</v>
      </c>
      <c r="AA792" s="166">
        <v>0</v>
      </c>
      <c r="AB792" s="166">
        <v>0</v>
      </c>
      <c r="AC792" s="166">
        <v>0</v>
      </c>
      <c r="AD792" s="166">
        <v>0</v>
      </c>
      <c r="AE792" s="166">
        <v>0</v>
      </c>
      <c r="AF792" s="166">
        <v>0</v>
      </c>
      <c r="AG792" s="166">
        <v>0</v>
      </c>
      <c r="AH792" s="166">
        <v>0</v>
      </c>
      <c r="AI792" s="166">
        <v>0</v>
      </c>
      <c r="AJ792" s="166">
        <v>0</v>
      </c>
      <c r="AK792" s="166">
        <v>0</v>
      </c>
      <c r="AL792" s="166">
        <v>0</v>
      </c>
      <c r="AM792" s="166">
        <v>0</v>
      </c>
      <c r="AN792" s="166">
        <v>0</v>
      </c>
      <c r="AO792" s="166">
        <v>0</v>
      </c>
      <c r="AP792" s="166">
        <v>0</v>
      </c>
      <c r="AQ792" s="166">
        <v>0</v>
      </c>
      <c r="AR792" s="166">
        <v>0</v>
      </c>
      <c r="AS792" s="166">
        <v>0</v>
      </c>
      <c r="AT792" s="166">
        <v>0</v>
      </c>
      <c r="AU792" s="166">
        <v>0</v>
      </c>
      <c r="AV792" s="166">
        <v>0</v>
      </c>
      <c r="AW792" s="166">
        <v>0</v>
      </c>
      <c r="AX792" s="166">
        <v>0</v>
      </c>
      <c r="AY792" s="166">
        <v>0</v>
      </c>
      <c r="AZ792" s="166">
        <v>0</v>
      </c>
      <c r="BA792" s="166">
        <v>0</v>
      </c>
      <c r="BB792" s="166">
        <v>0</v>
      </c>
      <c r="BC792" s="166">
        <v>0</v>
      </c>
      <c r="BD792" s="166">
        <v>0</v>
      </c>
      <c r="BE792" s="166">
        <v>0</v>
      </c>
      <c r="BF792" s="166">
        <v>0</v>
      </c>
      <c r="BG792" s="166">
        <v>0</v>
      </c>
      <c r="BH792" s="166">
        <v>0</v>
      </c>
      <c r="BI792" s="166">
        <v>0</v>
      </c>
      <c r="BJ792" s="166">
        <v>0</v>
      </c>
      <c r="BK792" s="166">
        <v>0</v>
      </c>
      <c r="BL792" s="166">
        <v>0</v>
      </c>
      <c r="BM792" s="166">
        <v>0</v>
      </c>
      <c r="BN792" s="166">
        <v>0</v>
      </c>
      <c r="BO792" s="166">
        <v>0</v>
      </c>
      <c r="BP792" s="166">
        <v>0</v>
      </c>
      <c r="BQ792" s="166">
        <v>0</v>
      </c>
      <c r="BR792" s="166">
        <v>1073639.49430489</v>
      </c>
      <c r="BS792" s="166">
        <v>1073639.49430489</v>
      </c>
      <c r="BT792" s="168">
        <v>1</v>
      </c>
      <c r="BU792" s="166">
        <v>90448.8344304036</v>
      </c>
      <c r="BV792" s="166">
        <v>1073639.49430489</v>
      </c>
      <c r="BW792" s="166">
        <v>0</v>
      </c>
      <c r="BX792" s="166">
        <v>0</v>
      </c>
      <c r="BY792" s="166">
        <v>0</v>
      </c>
      <c r="BZ792" s="166">
        <v>0</v>
      </c>
      <c r="CA792" s="166">
        <v>0</v>
      </c>
      <c r="CB792" s="166">
        <v>0</v>
      </c>
      <c r="CC792" s="166">
        <v>0</v>
      </c>
      <c r="CD792" s="166">
        <v>0</v>
      </c>
      <c r="CE792" s="166">
        <v>0</v>
      </c>
      <c r="CF792" s="166">
        <v>0</v>
      </c>
      <c r="CG792" s="166">
        <v>0</v>
      </c>
      <c r="CH792" s="166">
        <v>0</v>
      </c>
      <c r="CI792" s="166">
        <v>0</v>
      </c>
      <c r="CJ792" s="166">
        <v>0</v>
      </c>
      <c r="CK792" s="166">
        <v>0</v>
      </c>
      <c r="CL792" s="166">
        <v>0</v>
      </c>
      <c r="CM792" s="166">
        <v>0</v>
      </c>
      <c r="CN792" s="166">
        <v>0</v>
      </c>
      <c r="CO792" s="166">
        <v>0</v>
      </c>
      <c r="CP792" s="166">
        <v>0</v>
      </c>
      <c r="CQ792" s="166">
        <v>0</v>
      </c>
      <c r="CR792" s="166">
        <v>0</v>
      </c>
      <c r="CS792" s="166">
        <v>0</v>
      </c>
      <c r="CT792" s="166">
        <v>0</v>
      </c>
      <c r="CU792" s="166">
        <v>0</v>
      </c>
      <c r="CV792" s="166">
        <v>0</v>
      </c>
      <c r="CW792" s="166">
        <v>0</v>
      </c>
      <c r="CX792" s="166">
        <v>0</v>
      </c>
      <c r="CY792" s="166">
        <v>1073639.49430489</v>
      </c>
      <c r="CZ792" s="166">
        <v>1073639.49430489</v>
      </c>
    </row>
    <row r="793" spans="1:104" x14ac:dyDescent="0.2">
      <c r="A793" s="167" t="s">
        <v>324</v>
      </c>
      <c r="B793" s="166">
        <v>514834.81904375902</v>
      </c>
      <c r="C793" s="166">
        <v>514834.81904375902</v>
      </c>
      <c r="D793" s="166">
        <v>0</v>
      </c>
      <c r="E793" s="166">
        <v>0</v>
      </c>
      <c r="F793" s="166">
        <v>0</v>
      </c>
      <c r="G793" s="166">
        <v>0</v>
      </c>
      <c r="H793" s="166">
        <v>0</v>
      </c>
      <c r="I793" s="166">
        <v>0</v>
      </c>
      <c r="J793" s="166">
        <v>0</v>
      </c>
      <c r="K793" s="166">
        <v>0</v>
      </c>
      <c r="L793" s="166">
        <v>0</v>
      </c>
      <c r="M793" s="166">
        <v>0</v>
      </c>
      <c r="N793" s="166">
        <v>0</v>
      </c>
      <c r="O793" s="166">
        <v>0</v>
      </c>
      <c r="P793" s="166">
        <v>0</v>
      </c>
      <c r="Q793" s="166">
        <v>0</v>
      </c>
      <c r="R793" s="166">
        <v>0</v>
      </c>
      <c r="S793" s="166">
        <v>0</v>
      </c>
      <c r="T793" s="166">
        <v>0</v>
      </c>
      <c r="U793" s="166">
        <v>0</v>
      </c>
      <c r="V793" s="166">
        <v>0</v>
      </c>
      <c r="W793" s="166">
        <v>0</v>
      </c>
      <c r="X793" s="166">
        <v>0</v>
      </c>
      <c r="Y793" s="166">
        <v>0</v>
      </c>
      <c r="Z793" s="166">
        <v>0</v>
      </c>
      <c r="AA793" s="166">
        <v>0</v>
      </c>
      <c r="AB793" s="166">
        <v>0</v>
      </c>
      <c r="AC793" s="166">
        <v>0</v>
      </c>
      <c r="AD793" s="166">
        <v>0</v>
      </c>
      <c r="AE793" s="166">
        <v>0</v>
      </c>
      <c r="AF793" s="166">
        <v>0</v>
      </c>
      <c r="AG793" s="166">
        <v>0</v>
      </c>
      <c r="AH793" s="166">
        <v>0</v>
      </c>
      <c r="AI793" s="166">
        <v>0</v>
      </c>
      <c r="AJ793" s="166">
        <v>0</v>
      </c>
      <c r="AK793" s="166">
        <v>0</v>
      </c>
      <c r="AL793" s="166">
        <v>0</v>
      </c>
      <c r="AM793" s="166">
        <v>0</v>
      </c>
      <c r="AN793" s="166">
        <v>0</v>
      </c>
      <c r="AO793" s="166">
        <v>0</v>
      </c>
      <c r="AP793" s="166">
        <v>0</v>
      </c>
      <c r="AQ793" s="166">
        <v>0</v>
      </c>
      <c r="AR793" s="166">
        <v>0</v>
      </c>
      <c r="AS793" s="166">
        <v>0</v>
      </c>
      <c r="AT793" s="166">
        <v>0</v>
      </c>
      <c r="AU793" s="166">
        <v>0</v>
      </c>
      <c r="AV793" s="166">
        <v>0</v>
      </c>
      <c r="AW793" s="166">
        <v>0</v>
      </c>
      <c r="AX793" s="166">
        <v>0</v>
      </c>
      <c r="AY793" s="166">
        <v>0</v>
      </c>
      <c r="AZ793" s="166">
        <v>0</v>
      </c>
      <c r="BA793" s="166">
        <v>0</v>
      </c>
      <c r="BB793" s="166">
        <v>0</v>
      </c>
      <c r="BC793" s="166">
        <v>0</v>
      </c>
      <c r="BD793" s="166">
        <v>0</v>
      </c>
      <c r="BE793" s="166">
        <v>0</v>
      </c>
      <c r="BF793" s="166">
        <v>0</v>
      </c>
      <c r="BG793" s="166">
        <v>0</v>
      </c>
      <c r="BH793" s="166">
        <v>0</v>
      </c>
      <c r="BI793" s="166">
        <v>0</v>
      </c>
      <c r="BJ793" s="166">
        <v>0</v>
      </c>
      <c r="BK793" s="166">
        <v>0</v>
      </c>
      <c r="BL793" s="166">
        <v>0</v>
      </c>
      <c r="BM793" s="166">
        <v>0</v>
      </c>
      <c r="BN793" s="166">
        <v>0</v>
      </c>
      <c r="BO793" s="166">
        <v>0</v>
      </c>
      <c r="BP793" s="166">
        <v>0</v>
      </c>
      <c r="BQ793" s="166">
        <v>0</v>
      </c>
      <c r="BR793" s="166">
        <v>514834.81904375902</v>
      </c>
      <c r="BS793" s="166">
        <v>514834.81904375902</v>
      </c>
      <c r="BT793" s="168">
        <v>1</v>
      </c>
      <c r="BU793" s="166">
        <v>42861.374679547298</v>
      </c>
      <c r="BV793" s="166">
        <v>514834.81904375902</v>
      </c>
      <c r="BW793" s="166">
        <v>0</v>
      </c>
      <c r="BX793" s="166">
        <v>0</v>
      </c>
      <c r="BY793" s="166">
        <v>0</v>
      </c>
      <c r="BZ793" s="166">
        <v>0</v>
      </c>
      <c r="CA793" s="166">
        <v>0</v>
      </c>
      <c r="CB793" s="166">
        <v>0</v>
      </c>
      <c r="CC793" s="166">
        <v>0</v>
      </c>
      <c r="CD793" s="166">
        <v>0</v>
      </c>
      <c r="CE793" s="166">
        <v>0</v>
      </c>
      <c r="CF793" s="166">
        <v>0</v>
      </c>
      <c r="CG793" s="166">
        <v>0</v>
      </c>
      <c r="CH793" s="166">
        <v>0</v>
      </c>
      <c r="CI793" s="166">
        <v>0</v>
      </c>
      <c r="CJ793" s="166">
        <v>0</v>
      </c>
      <c r="CK793" s="166">
        <v>0</v>
      </c>
      <c r="CL793" s="166">
        <v>0</v>
      </c>
      <c r="CM793" s="166">
        <v>0</v>
      </c>
      <c r="CN793" s="166">
        <v>0</v>
      </c>
      <c r="CO793" s="166">
        <v>0</v>
      </c>
      <c r="CP793" s="166">
        <v>0</v>
      </c>
      <c r="CQ793" s="166">
        <v>0</v>
      </c>
      <c r="CR793" s="166">
        <v>0</v>
      </c>
      <c r="CS793" s="166">
        <v>0</v>
      </c>
      <c r="CT793" s="166">
        <v>0</v>
      </c>
      <c r="CU793" s="166">
        <v>0</v>
      </c>
      <c r="CV793" s="166">
        <v>0</v>
      </c>
      <c r="CW793" s="166">
        <v>0</v>
      </c>
      <c r="CX793" s="166">
        <v>0</v>
      </c>
      <c r="CY793" s="166">
        <v>514834.81904375902</v>
      </c>
      <c r="CZ793" s="166">
        <v>514834.81904375902</v>
      </c>
    </row>
    <row r="794" spans="1:104" x14ac:dyDescent="0.2">
      <c r="A794" s="167" t="s">
        <v>325</v>
      </c>
      <c r="B794" s="166">
        <v>149365.15952419199</v>
      </c>
      <c r="C794" s="166">
        <v>149365.15952419199</v>
      </c>
      <c r="D794" s="166">
        <v>0</v>
      </c>
      <c r="E794" s="166">
        <v>0</v>
      </c>
      <c r="F794" s="166">
        <v>0</v>
      </c>
      <c r="G794" s="166">
        <v>0</v>
      </c>
      <c r="H794" s="166">
        <v>0</v>
      </c>
      <c r="I794" s="166">
        <v>0</v>
      </c>
      <c r="J794" s="166">
        <v>0</v>
      </c>
      <c r="K794" s="166">
        <v>0</v>
      </c>
      <c r="L794" s="166">
        <v>0</v>
      </c>
      <c r="M794" s="166">
        <v>0</v>
      </c>
      <c r="N794" s="166">
        <v>0</v>
      </c>
      <c r="O794" s="166">
        <v>0</v>
      </c>
      <c r="P794" s="166">
        <v>0</v>
      </c>
      <c r="Q794" s="166">
        <v>0</v>
      </c>
      <c r="R794" s="166">
        <v>0</v>
      </c>
      <c r="S794" s="166">
        <v>0</v>
      </c>
      <c r="T794" s="166">
        <v>0</v>
      </c>
      <c r="U794" s="166">
        <v>0</v>
      </c>
      <c r="V794" s="166">
        <v>0</v>
      </c>
      <c r="W794" s="166">
        <v>0</v>
      </c>
      <c r="X794" s="166">
        <v>0</v>
      </c>
      <c r="Y794" s="166">
        <v>0</v>
      </c>
      <c r="Z794" s="166">
        <v>0</v>
      </c>
      <c r="AA794" s="166">
        <v>0</v>
      </c>
      <c r="AB794" s="166">
        <v>0</v>
      </c>
      <c r="AC794" s="166">
        <v>0</v>
      </c>
      <c r="AD794" s="166">
        <v>0</v>
      </c>
      <c r="AE794" s="166">
        <v>0</v>
      </c>
      <c r="AF794" s="166">
        <v>0</v>
      </c>
      <c r="AG794" s="166">
        <v>0</v>
      </c>
      <c r="AH794" s="166">
        <v>0</v>
      </c>
      <c r="AI794" s="166">
        <v>0</v>
      </c>
      <c r="AJ794" s="166">
        <v>0</v>
      </c>
      <c r="AK794" s="166">
        <v>0</v>
      </c>
      <c r="AL794" s="166">
        <v>0</v>
      </c>
      <c r="AM794" s="166">
        <v>0</v>
      </c>
      <c r="AN794" s="166">
        <v>0</v>
      </c>
      <c r="AO794" s="166">
        <v>0</v>
      </c>
      <c r="AP794" s="166">
        <v>0</v>
      </c>
      <c r="AQ794" s="166">
        <v>0</v>
      </c>
      <c r="AR794" s="166">
        <v>0</v>
      </c>
      <c r="AS794" s="166">
        <v>0</v>
      </c>
      <c r="AT794" s="166">
        <v>0</v>
      </c>
      <c r="AU794" s="166">
        <v>0</v>
      </c>
      <c r="AV794" s="166">
        <v>0</v>
      </c>
      <c r="AW794" s="166">
        <v>0</v>
      </c>
      <c r="AX794" s="166">
        <v>0</v>
      </c>
      <c r="AY794" s="166">
        <v>0</v>
      </c>
      <c r="AZ794" s="166">
        <v>0</v>
      </c>
      <c r="BA794" s="166">
        <v>0</v>
      </c>
      <c r="BB794" s="166">
        <v>0</v>
      </c>
      <c r="BC794" s="166">
        <v>0</v>
      </c>
      <c r="BD794" s="166">
        <v>0</v>
      </c>
      <c r="BE794" s="166">
        <v>0</v>
      </c>
      <c r="BF794" s="166">
        <v>0</v>
      </c>
      <c r="BG794" s="166">
        <v>0</v>
      </c>
      <c r="BH794" s="166">
        <v>0</v>
      </c>
      <c r="BI794" s="166">
        <v>0</v>
      </c>
      <c r="BJ794" s="166">
        <v>0</v>
      </c>
      <c r="BK794" s="166">
        <v>0</v>
      </c>
      <c r="BL794" s="166">
        <v>0</v>
      </c>
      <c r="BM794" s="166">
        <v>0</v>
      </c>
      <c r="BN794" s="166">
        <v>0</v>
      </c>
      <c r="BO794" s="166">
        <v>0</v>
      </c>
      <c r="BP794" s="166">
        <v>0</v>
      </c>
      <c r="BQ794" s="166">
        <v>0</v>
      </c>
      <c r="BR794" s="166">
        <v>149365.15952419199</v>
      </c>
      <c r="BS794" s="166">
        <v>149365.15952419199</v>
      </c>
      <c r="BT794" s="168">
        <v>1</v>
      </c>
      <c r="BU794" s="166">
        <v>11921.942194932501</v>
      </c>
      <c r="BV794" s="166">
        <v>149365.15952419199</v>
      </c>
      <c r="BW794" s="166">
        <v>0</v>
      </c>
      <c r="BX794" s="166">
        <v>0</v>
      </c>
      <c r="BY794" s="166">
        <v>0</v>
      </c>
      <c r="BZ794" s="166">
        <v>0</v>
      </c>
      <c r="CA794" s="166">
        <v>0</v>
      </c>
      <c r="CB794" s="166">
        <v>0</v>
      </c>
      <c r="CC794" s="166">
        <v>0</v>
      </c>
      <c r="CD794" s="166">
        <v>0</v>
      </c>
      <c r="CE794" s="166">
        <v>0</v>
      </c>
      <c r="CF794" s="166">
        <v>0</v>
      </c>
      <c r="CG794" s="166">
        <v>0</v>
      </c>
      <c r="CH794" s="166">
        <v>0</v>
      </c>
      <c r="CI794" s="166">
        <v>0</v>
      </c>
      <c r="CJ794" s="166">
        <v>0</v>
      </c>
      <c r="CK794" s="166">
        <v>0</v>
      </c>
      <c r="CL794" s="166">
        <v>0</v>
      </c>
      <c r="CM794" s="166">
        <v>0</v>
      </c>
      <c r="CN794" s="166">
        <v>0</v>
      </c>
      <c r="CO794" s="166">
        <v>0</v>
      </c>
      <c r="CP794" s="166">
        <v>0</v>
      </c>
      <c r="CQ794" s="166">
        <v>0</v>
      </c>
      <c r="CR794" s="166">
        <v>0</v>
      </c>
      <c r="CS794" s="166">
        <v>0</v>
      </c>
      <c r="CT794" s="166">
        <v>0</v>
      </c>
      <c r="CU794" s="166">
        <v>0</v>
      </c>
      <c r="CV794" s="166">
        <v>0</v>
      </c>
      <c r="CW794" s="166">
        <v>0</v>
      </c>
      <c r="CX794" s="166">
        <v>0</v>
      </c>
      <c r="CY794" s="166">
        <v>149365.15952419199</v>
      </c>
      <c r="CZ794" s="166">
        <v>149365.15952419199</v>
      </c>
    </row>
    <row r="795" spans="1:104" x14ac:dyDescent="0.2">
      <c r="A795" s="167" t="s">
        <v>326</v>
      </c>
      <c r="B795" s="166">
        <v>80779.744232989397</v>
      </c>
      <c r="C795" s="166">
        <v>80779.744232989397</v>
      </c>
      <c r="D795" s="166">
        <v>0</v>
      </c>
      <c r="E795" s="166">
        <v>0</v>
      </c>
      <c r="F795" s="166">
        <v>0</v>
      </c>
      <c r="G795" s="166">
        <v>0</v>
      </c>
      <c r="H795" s="166">
        <v>0</v>
      </c>
      <c r="I795" s="166">
        <v>0</v>
      </c>
      <c r="J795" s="166">
        <v>0</v>
      </c>
      <c r="K795" s="166">
        <v>0</v>
      </c>
      <c r="L795" s="166">
        <v>0</v>
      </c>
      <c r="M795" s="166">
        <v>0</v>
      </c>
      <c r="N795" s="166">
        <v>0</v>
      </c>
      <c r="O795" s="166">
        <v>0</v>
      </c>
      <c r="P795" s="166">
        <v>0</v>
      </c>
      <c r="Q795" s="166">
        <v>0</v>
      </c>
      <c r="R795" s="166">
        <v>0</v>
      </c>
      <c r="S795" s="166">
        <v>0</v>
      </c>
      <c r="T795" s="166">
        <v>0</v>
      </c>
      <c r="U795" s="166">
        <v>0</v>
      </c>
      <c r="V795" s="166">
        <v>0</v>
      </c>
      <c r="W795" s="166">
        <v>0</v>
      </c>
      <c r="X795" s="166">
        <v>0</v>
      </c>
      <c r="Y795" s="166">
        <v>0</v>
      </c>
      <c r="Z795" s="166">
        <v>0</v>
      </c>
      <c r="AA795" s="166">
        <v>0</v>
      </c>
      <c r="AB795" s="166">
        <v>0</v>
      </c>
      <c r="AC795" s="166">
        <v>0</v>
      </c>
      <c r="AD795" s="166">
        <v>0</v>
      </c>
      <c r="AE795" s="166">
        <v>0</v>
      </c>
      <c r="AF795" s="166">
        <v>0</v>
      </c>
      <c r="AG795" s="166">
        <v>0</v>
      </c>
      <c r="AH795" s="166">
        <v>0</v>
      </c>
      <c r="AI795" s="166">
        <v>0</v>
      </c>
      <c r="AJ795" s="166">
        <v>0</v>
      </c>
      <c r="AK795" s="166">
        <v>0</v>
      </c>
      <c r="AL795" s="166">
        <v>0</v>
      </c>
      <c r="AM795" s="166">
        <v>0</v>
      </c>
      <c r="AN795" s="166">
        <v>0</v>
      </c>
      <c r="AO795" s="166">
        <v>0</v>
      </c>
      <c r="AP795" s="166">
        <v>0</v>
      </c>
      <c r="AQ795" s="166">
        <v>0</v>
      </c>
      <c r="AR795" s="166">
        <v>0</v>
      </c>
      <c r="AS795" s="166">
        <v>0</v>
      </c>
      <c r="AT795" s="166">
        <v>0</v>
      </c>
      <c r="AU795" s="166">
        <v>0</v>
      </c>
      <c r="AV795" s="166">
        <v>0</v>
      </c>
      <c r="AW795" s="166">
        <v>0</v>
      </c>
      <c r="AX795" s="166">
        <v>0</v>
      </c>
      <c r="AY795" s="166">
        <v>0</v>
      </c>
      <c r="AZ795" s="166">
        <v>0</v>
      </c>
      <c r="BA795" s="166">
        <v>0</v>
      </c>
      <c r="BB795" s="166">
        <v>0</v>
      </c>
      <c r="BC795" s="166">
        <v>0</v>
      </c>
      <c r="BD795" s="166">
        <v>0</v>
      </c>
      <c r="BE795" s="166">
        <v>0</v>
      </c>
      <c r="BF795" s="166">
        <v>0</v>
      </c>
      <c r="BG795" s="166">
        <v>0</v>
      </c>
      <c r="BH795" s="166">
        <v>0</v>
      </c>
      <c r="BI795" s="166">
        <v>0</v>
      </c>
      <c r="BJ795" s="166">
        <v>0</v>
      </c>
      <c r="BK795" s="166">
        <v>0</v>
      </c>
      <c r="BL795" s="166">
        <v>0</v>
      </c>
      <c r="BM795" s="166">
        <v>0</v>
      </c>
      <c r="BN795" s="166">
        <v>0</v>
      </c>
      <c r="BO795" s="166">
        <v>0</v>
      </c>
      <c r="BP795" s="166">
        <v>0</v>
      </c>
      <c r="BQ795" s="166">
        <v>0</v>
      </c>
      <c r="BR795" s="166">
        <v>80779.744232989397</v>
      </c>
      <c r="BS795" s="166">
        <v>80779.744232989397</v>
      </c>
      <c r="BT795" s="168">
        <v>0.98770000000000002</v>
      </c>
      <c r="BU795" s="166">
        <v>6273.7615829802799</v>
      </c>
      <c r="BV795" s="166">
        <v>79786.153378923598</v>
      </c>
      <c r="BW795" s="166">
        <v>0</v>
      </c>
      <c r="BX795" s="166">
        <v>0</v>
      </c>
      <c r="BY795" s="166">
        <v>0</v>
      </c>
      <c r="BZ795" s="166">
        <v>0</v>
      </c>
      <c r="CA795" s="166">
        <v>0</v>
      </c>
      <c r="CB795" s="166">
        <v>0</v>
      </c>
      <c r="CC795" s="166">
        <v>0</v>
      </c>
      <c r="CD795" s="166">
        <v>0</v>
      </c>
      <c r="CE795" s="166">
        <v>0</v>
      </c>
      <c r="CF795" s="166">
        <v>0</v>
      </c>
      <c r="CG795" s="166">
        <v>0</v>
      </c>
      <c r="CH795" s="166">
        <v>0</v>
      </c>
      <c r="CI795" s="166">
        <v>0</v>
      </c>
      <c r="CJ795" s="166">
        <v>0</v>
      </c>
      <c r="CK795" s="166">
        <v>0</v>
      </c>
      <c r="CL795" s="166">
        <v>0</v>
      </c>
      <c r="CM795" s="166">
        <v>0</v>
      </c>
      <c r="CN795" s="166">
        <v>0</v>
      </c>
      <c r="CO795" s="166">
        <v>0</v>
      </c>
      <c r="CP795" s="166">
        <v>0</v>
      </c>
      <c r="CQ795" s="166">
        <v>0</v>
      </c>
      <c r="CR795" s="166">
        <v>0</v>
      </c>
      <c r="CS795" s="166">
        <v>0</v>
      </c>
      <c r="CT795" s="166">
        <v>0</v>
      </c>
      <c r="CU795" s="166">
        <v>0</v>
      </c>
      <c r="CV795" s="166">
        <v>0</v>
      </c>
      <c r="CW795" s="166">
        <v>0</v>
      </c>
      <c r="CX795" s="166">
        <v>0</v>
      </c>
      <c r="CY795" s="166">
        <v>79786.153378923598</v>
      </c>
      <c r="CZ795" s="166">
        <v>79786.153378923598</v>
      </c>
    </row>
    <row r="796" spans="1:104" x14ac:dyDescent="0.2">
      <c r="A796" s="167" t="s">
        <v>327</v>
      </c>
      <c r="B796" s="166">
        <v>181380.822894168</v>
      </c>
      <c r="C796" s="166">
        <v>181380.822894168</v>
      </c>
      <c r="D796" s="166">
        <v>0</v>
      </c>
      <c r="E796" s="166">
        <v>0</v>
      </c>
      <c r="F796" s="166">
        <v>0</v>
      </c>
      <c r="G796" s="166">
        <v>0</v>
      </c>
      <c r="H796" s="166">
        <v>0</v>
      </c>
      <c r="I796" s="166">
        <v>0</v>
      </c>
      <c r="J796" s="166">
        <v>0</v>
      </c>
      <c r="K796" s="166">
        <v>0</v>
      </c>
      <c r="L796" s="166">
        <v>0</v>
      </c>
      <c r="M796" s="166">
        <v>0</v>
      </c>
      <c r="N796" s="166">
        <v>0</v>
      </c>
      <c r="O796" s="166">
        <v>0</v>
      </c>
      <c r="P796" s="166">
        <v>0</v>
      </c>
      <c r="Q796" s="166">
        <v>0</v>
      </c>
      <c r="R796" s="166">
        <v>0</v>
      </c>
      <c r="S796" s="166">
        <v>0</v>
      </c>
      <c r="T796" s="166">
        <v>0</v>
      </c>
      <c r="U796" s="166">
        <v>0</v>
      </c>
      <c r="V796" s="166">
        <v>0</v>
      </c>
      <c r="W796" s="166">
        <v>0</v>
      </c>
      <c r="X796" s="166">
        <v>0</v>
      </c>
      <c r="Y796" s="166">
        <v>0</v>
      </c>
      <c r="Z796" s="166">
        <v>0</v>
      </c>
      <c r="AA796" s="166">
        <v>0</v>
      </c>
      <c r="AB796" s="166">
        <v>0</v>
      </c>
      <c r="AC796" s="166">
        <v>0</v>
      </c>
      <c r="AD796" s="166">
        <v>0</v>
      </c>
      <c r="AE796" s="166">
        <v>0</v>
      </c>
      <c r="AF796" s="166">
        <v>0</v>
      </c>
      <c r="AG796" s="166">
        <v>0</v>
      </c>
      <c r="AH796" s="166">
        <v>0</v>
      </c>
      <c r="AI796" s="166">
        <v>0</v>
      </c>
      <c r="AJ796" s="166">
        <v>0</v>
      </c>
      <c r="AK796" s="166">
        <v>0</v>
      </c>
      <c r="AL796" s="166">
        <v>0</v>
      </c>
      <c r="AM796" s="166">
        <v>0</v>
      </c>
      <c r="AN796" s="166">
        <v>0</v>
      </c>
      <c r="AO796" s="166">
        <v>0</v>
      </c>
      <c r="AP796" s="166">
        <v>0</v>
      </c>
      <c r="AQ796" s="166">
        <v>0</v>
      </c>
      <c r="AR796" s="166">
        <v>0</v>
      </c>
      <c r="AS796" s="166">
        <v>0</v>
      </c>
      <c r="AT796" s="166">
        <v>0</v>
      </c>
      <c r="AU796" s="166">
        <v>0</v>
      </c>
      <c r="AV796" s="166">
        <v>0</v>
      </c>
      <c r="AW796" s="166">
        <v>0</v>
      </c>
      <c r="AX796" s="166">
        <v>0</v>
      </c>
      <c r="AY796" s="166">
        <v>0</v>
      </c>
      <c r="AZ796" s="166">
        <v>0</v>
      </c>
      <c r="BA796" s="166">
        <v>0</v>
      </c>
      <c r="BB796" s="166">
        <v>0</v>
      </c>
      <c r="BC796" s="166">
        <v>0</v>
      </c>
      <c r="BD796" s="166">
        <v>0</v>
      </c>
      <c r="BE796" s="166">
        <v>0</v>
      </c>
      <c r="BF796" s="166">
        <v>0</v>
      </c>
      <c r="BG796" s="166">
        <v>0</v>
      </c>
      <c r="BH796" s="166">
        <v>0</v>
      </c>
      <c r="BI796" s="166">
        <v>0</v>
      </c>
      <c r="BJ796" s="166">
        <v>0</v>
      </c>
      <c r="BK796" s="166">
        <v>0</v>
      </c>
      <c r="BL796" s="166">
        <v>0</v>
      </c>
      <c r="BM796" s="166">
        <v>0</v>
      </c>
      <c r="BN796" s="166">
        <v>0</v>
      </c>
      <c r="BO796" s="166">
        <v>0</v>
      </c>
      <c r="BP796" s="166">
        <v>0</v>
      </c>
      <c r="BQ796" s="166">
        <v>0</v>
      </c>
      <c r="BR796" s="166">
        <v>181380.822894168</v>
      </c>
      <c r="BS796" s="166">
        <v>181380.822894168</v>
      </c>
      <c r="BT796" s="168">
        <v>1</v>
      </c>
      <c r="BU796" s="166">
        <v>15082.628867253399</v>
      </c>
      <c r="BV796" s="166">
        <v>181380.822894168</v>
      </c>
      <c r="BW796" s="166">
        <v>0</v>
      </c>
      <c r="BX796" s="166">
        <v>0</v>
      </c>
      <c r="BY796" s="166">
        <v>0</v>
      </c>
      <c r="BZ796" s="166">
        <v>0</v>
      </c>
      <c r="CA796" s="166">
        <v>0</v>
      </c>
      <c r="CB796" s="166">
        <v>0</v>
      </c>
      <c r="CC796" s="166">
        <v>0</v>
      </c>
      <c r="CD796" s="166">
        <v>0</v>
      </c>
      <c r="CE796" s="166">
        <v>0</v>
      </c>
      <c r="CF796" s="166">
        <v>0</v>
      </c>
      <c r="CG796" s="166">
        <v>0</v>
      </c>
      <c r="CH796" s="166">
        <v>0</v>
      </c>
      <c r="CI796" s="166">
        <v>0</v>
      </c>
      <c r="CJ796" s="166">
        <v>0</v>
      </c>
      <c r="CK796" s="166">
        <v>0</v>
      </c>
      <c r="CL796" s="166">
        <v>0</v>
      </c>
      <c r="CM796" s="166">
        <v>0</v>
      </c>
      <c r="CN796" s="166">
        <v>0</v>
      </c>
      <c r="CO796" s="166">
        <v>0</v>
      </c>
      <c r="CP796" s="166">
        <v>0</v>
      </c>
      <c r="CQ796" s="166">
        <v>0</v>
      </c>
      <c r="CR796" s="166">
        <v>0</v>
      </c>
      <c r="CS796" s="166">
        <v>0</v>
      </c>
      <c r="CT796" s="166">
        <v>0</v>
      </c>
      <c r="CU796" s="166">
        <v>0</v>
      </c>
      <c r="CV796" s="166">
        <v>0</v>
      </c>
      <c r="CW796" s="166">
        <v>0</v>
      </c>
      <c r="CX796" s="166">
        <v>0</v>
      </c>
      <c r="CY796" s="166">
        <v>181380.822894168</v>
      </c>
      <c r="CZ796" s="166">
        <v>181380.822894168</v>
      </c>
    </row>
    <row r="797" spans="1:104" x14ac:dyDescent="0.2">
      <c r="A797" s="167" t="s">
        <v>328</v>
      </c>
      <c r="B797" s="166">
        <v>0</v>
      </c>
      <c r="C797" s="166">
        <v>0</v>
      </c>
      <c r="D797" s="166">
        <v>0</v>
      </c>
      <c r="E797" s="166">
        <v>0</v>
      </c>
      <c r="F797" s="166">
        <v>0</v>
      </c>
      <c r="G797" s="166">
        <v>0</v>
      </c>
      <c r="H797" s="166">
        <v>0</v>
      </c>
      <c r="I797" s="166">
        <v>0</v>
      </c>
      <c r="J797" s="166">
        <v>0</v>
      </c>
      <c r="K797" s="166">
        <v>0</v>
      </c>
      <c r="L797" s="166">
        <v>0</v>
      </c>
      <c r="M797" s="166">
        <v>0</v>
      </c>
      <c r="N797" s="166">
        <v>0</v>
      </c>
      <c r="O797" s="166">
        <v>0</v>
      </c>
      <c r="P797" s="166">
        <v>0</v>
      </c>
      <c r="Q797" s="166">
        <v>0</v>
      </c>
      <c r="R797" s="166">
        <v>0</v>
      </c>
      <c r="S797" s="166">
        <v>0</v>
      </c>
      <c r="T797" s="166">
        <v>0</v>
      </c>
      <c r="U797" s="166">
        <v>0</v>
      </c>
      <c r="V797" s="166">
        <v>0</v>
      </c>
      <c r="W797" s="166">
        <v>0</v>
      </c>
      <c r="X797" s="166">
        <v>0</v>
      </c>
      <c r="Y797" s="166">
        <v>0</v>
      </c>
      <c r="Z797" s="166">
        <v>0</v>
      </c>
      <c r="AA797" s="166">
        <v>0</v>
      </c>
      <c r="AB797" s="166">
        <v>0</v>
      </c>
      <c r="AC797" s="166">
        <v>0</v>
      </c>
      <c r="AD797" s="166">
        <v>0</v>
      </c>
      <c r="AE797" s="166">
        <v>0</v>
      </c>
      <c r="AF797" s="166">
        <v>0</v>
      </c>
      <c r="AG797" s="166">
        <v>0</v>
      </c>
      <c r="AH797" s="166">
        <v>0</v>
      </c>
      <c r="AI797" s="166">
        <v>0</v>
      </c>
      <c r="AJ797" s="166">
        <v>0</v>
      </c>
      <c r="AK797" s="166">
        <v>0</v>
      </c>
      <c r="AL797" s="166">
        <v>0</v>
      </c>
      <c r="AM797" s="166">
        <v>0</v>
      </c>
      <c r="AN797" s="166">
        <v>0</v>
      </c>
      <c r="AO797" s="166">
        <v>0</v>
      </c>
      <c r="AP797" s="166">
        <v>0</v>
      </c>
      <c r="AQ797" s="166">
        <v>0</v>
      </c>
      <c r="AR797" s="166">
        <v>0</v>
      </c>
      <c r="AS797" s="166">
        <v>0</v>
      </c>
      <c r="AT797" s="166">
        <v>0</v>
      </c>
      <c r="AU797" s="166">
        <v>0</v>
      </c>
      <c r="AV797" s="166">
        <v>0</v>
      </c>
      <c r="AW797" s="166">
        <v>0</v>
      </c>
      <c r="AX797" s="166">
        <v>0</v>
      </c>
      <c r="AY797" s="166">
        <v>0</v>
      </c>
      <c r="AZ797" s="166">
        <v>0</v>
      </c>
      <c r="BA797" s="166">
        <v>0</v>
      </c>
      <c r="BB797" s="166">
        <v>0</v>
      </c>
      <c r="BC797" s="166">
        <v>0</v>
      </c>
      <c r="BD797" s="166">
        <v>0</v>
      </c>
      <c r="BE797" s="166">
        <v>0</v>
      </c>
      <c r="BF797" s="166">
        <v>0</v>
      </c>
      <c r="BG797" s="166">
        <v>0</v>
      </c>
      <c r="BH797" s="166">
        <v>0</v>
      </c>
      <c r="BI797" s="166">
        <v>0</v>
      </c>
      <c r="BJ797" s="166">
        <v>0</v>
      </c>
      <c r="BK797" s="166">
        <v>0</v>
      </c>
      <c r="BL797" s="166">
        <v>0</v>
      </c>
      <c r="BM797" s="166">
        <v>0</v>
      </c>
      <c r="BN797" s="166">
        <v>0</v>
      </c>
      <c r="BO797" s="166">
        <v>0</v>
      </c>
      <c r="BP797" s="166">
        <v>0</v>
      </c>
      <c r="BQ797" s="166">
        <v>0</v>
      </c>
      <c r="BR797" s="166">
        <v>0</v>
      </c>
      <c r="BS797" s="166">
        <v>0</v>
      </c>
      <c r="BT797" s="168">
        <v>1</v>
      </c>
      <c r="BU797" s="166">
        <v>0</v>
      </c>
      <c r="BV797" s="166">
        <v>0</v>
      </c>
      <c r="BW797" s="166">
        <v>0</v>
      </c>
      <c r="BX797" s="166">
        <v>0</v>
      </c>
      <c r="BY797" s="166">
        <v>0</v>
      </c>
      <c r="BZ797" s="166">
        <v>0</v>
      </c>
      <c r="CA797" s="166">
        <v>0</v>
      </c>
      <c r="CB797" s="166">
        <v>0</v>
      </c>
      <c r="CC797" s="166">
        <v>0</v>
      </c>
      <c r="CD797" s="166">
        <v>0</v>
      </c>
      <c r="CE797" s="166">
        <v>0</v>
      </c>
      <c r="CF797" s="166">
        <v>0</v>
      </c>
      <c r="CG797" s="166">
        <v>0</v>
      </c>
      <c r="CH797" s="166">
        <v>0</v>
      </c>
      <c r="CI797" s="166">
        <v>0</v>
      </c>
      <c r="CJ797" s="166">
        <v>0</v>
      </c>
      <c r="CK797" s="166">
        <v>0</v>
      </c>
      <c r="CL797" s="166">
        <v>0</v>
      </c>
      <c r="CM797" s="166">
        <v>0</v>
      </c>
      <c r="CN797" s="166">
        <v>0</v>
      </c>
      <c r="CO797" s="166">
        <v>0</v>
      </c>
      <c r="CP797" s="166">
        <v>0</v>
      </c>
      <c r="CQ797" s="166">
        <v>0</v>
      </c>
      <c r="CR797" s="166">
        <v>0</v>
      </c>
      <c r="CS797" s="166">
        <v>0</v>
      </c>
      <c r="CT797" s="166">
        <v>0</v>
      </c>
      <c r="CU797" s="166">
        <v>0</v>
      </c>
      <c r="CV797" s="166">
        <v>0</v>
      </c>
      <c r="CW797" s="166">
        <v>0</v>
      </c>
      <c r="CX797" s="166">
        <v>0</v>
      </c>
      <c r="CY797" s="166">
        <v>0</v>
      </c>
      <c r="CZ797" s="166">
        <v>0</v>
      </c>
    </row>
    <row r="798" spans="1:104" x14ac:dyDescent="0.2">
      <c r="A798" s="167" t="s">
        <v>329</v>
      </c>
      <c r="B798" s="166">
        <v>2000000.04</v>
      </c>
      <c r="C798" s="166">
        <v>2000000.04</v>
      </c>
      <c r="D798" s="166">
        <v>0</v>
      </c>
      <c r="E798" s="166">
        <v>0</v>
      </c>
      <c r="F798" s="166">
        <v>0</v>
      </c>
      <c r="G798" s="166">
        <v>0</v>
      </c>
      <c r="H798" s="166">
        <v>0</v>
      </c>
      <c r="I798" s="166">
        <v>0</v>
      </c>
      <c r="J798" s="166">
        <v>0</v>
      </c>
      <c r="K798" s="166">
        <v>0</v>
      </c>
      <c r="L798" s="166">
        <v>0</v>
      </c>
      <c r="M798" s="166">
        <v>0</v>
      </c>
      <c r="N798" s="166">
        <v>0</v>
      </c>
      <c r="O798" s="166">
        <v>0</v>
      </c>
      <c r="P798" s="166">
        <v>0</v>
      </c>
      <c r="Q798" s="166">
        <v>0</v>
      </c>
      <c r="R798" s="166">
        <v>0</v>
      </c>
      <c r="S798" s="166">
        <v>0</v>
      </c>
      <c r="T798" s="166">
        <v>0</v>
      </c>
      <c r="U798" s="166">
        <v>0</v>
      </c>
      <c r="V798" s="166">
        <v>0</v>
      </c>
      <c r="W798" s="166">
        <v>0</v>
      </c>
      <c r="X798" s="166">
        <v>0</v>
      </c>
      <c r="Y798" s="166">
        <v>0</v>
      </c>
      <c r="Z798" s="166">
        <v>0</v>
      </c>
      <c r="AA798" s="166">
        <v>0</v>
      </c>
      <c r="AB798" s="166">
        <v>0</v>
      </c>
      <c r="AC798" s="166">
        <v>0</v>
      </c>
      <c r="AD798" s="166">
        <v>0</v>
      </c>
      <c r="AE798" s="166">
        <v>0</v>
      </c>
      <c r="AF798" s="166">
        <v>0</v>
      </c>
      <c r="AG798" s="166">
        <v>0</v>
      </c>
      <c r="AH798" s="166">
        <v>0</v>
      </c>
      <c r="AI798" s="166">
        <v>0</v>
      </c>
      <c r="AJ798" s="166">
        <v>0</v>
      </c>
      <c r="AK798" s="166">
        <v>0</v>
      </c>
      <c r="AL798" s="166">
        <v>0</v>
      </c>
      <c r="AM798" s="166">
        <v>0</v>
      </c>
      <c r="AN798" s="166">
        <v>0</v>
      </c>
      <c r="AO798" s="166">
        <v>0</v>
      </c>
      <c r="AP798" s="166">
        <v>0</v>
      </c>
      <c r="AQ798" s="166">
        <v>0</v>
      </c>
      <c r="AR798" s="166">
        <v>0</v>
      </c>
      <c r="AS798" s="166">
        <v>0</v>
      </c>
      <c r="AT798" s="166">
        <v>0</v>
      </c>
      <c r="AU798" s="166">
        <v>0</v>
      </c>
      <c r="AV798" s="166">
        <v>0</v>
      </c>
      <c r="AW798" s="166">
        <v>0</v>
      </c>
      <c r="AX798" s="166">
        <v>0</v>
      </c>
      <c r="AY798" s="166">
        <v>0</v>
      </c>
      <c r="AZ798" s="166">
        <v>0</v>
      </c>
      <c r="BA798" s="166">
        <v>0</v>
      </c>
      <c r="BB798" s="166">
        <v>0</v>
      </c>
      <c r="BC798" s="166">
        <v>0</v>
      </c>
      <c r="BD798" s="166">
        <v>0</v>
      </c>
      <c r="BE798" s="166">
        <v>0</v>
      </c>
      <c r="BF798" s="166">
        <v>0</v>
      </c>
      <c r="BG798" s="166">
        <v>0</v>
      </c>
      <c r="BH798" s="166">
        <v>0</v>
      </c>
      <c r="BI798" s="166">
        <v>0</v>
      </c>
      <c r="BJ798" s="166">
        <v>0</v>
      </c>
      <c r="BK798" s="166">
        <v>0</v>
      </c>
      <c r="BL798" s="166">
        <v>0</v>
      </c>
      <c r="BM798" s="166">
        <v>0</v>
      </c>
      <c r="BN798" s="166">
        <v>0</v>
      </c>
      <c r="BO798" s="166">
        <v>0</v>
      </c>
      <c r="BP798" s="166">
        <v>0</v>
      </c>
      <c r="BQ798" s="166">
        <v>0</v>
      </c>
      <c r="BR798" s="166">
        <v>2000000.04</v>
      </c>
      <c r="BS798" s="166">
        <v>2000000.04</v>
      </c>
      <c r="BT798" s="168">
        <v>0</v>
      </c>
      <c r="BU798" s="166">
        <v>166588.54175511701</v>
      </c>
      <c r="BV798" s="166">
        <v>1999006.4491459299</v>
      </c>
      <c r="BW798" s="166">
        <v>0</v>
      </c>
      <c r="BX798" s="166">
        <v>0</v>
      </c>
      <c r="BY798" s="166">
        <v>0</v>
      </c>
      <c r="BZ798" s="166">
        <v>0</v>
      </c>
      <c r="CA798" s="166">
        <v>0</v>
      </c>
      <c r="CB798" s="166">
        <v>0</v>
      </c>
      <c r="CC798" s="166">
        <v>0</v>
      </c>
      <c r="CD798" s="166">
        <v>0</v>
      </c>
      <c r="CE798" s="166">
        <v>0</v>
      </c>
      <c r="CF798" s="166">
        <v>0</v>
      </c>
      <c r="CG798" s="166">
        <v>0</v>
      </c>
      <c r="CH798" s="166">
        <v>0</v>
      </c>
      <c r="CI798" s="166">
        <v>0</v>
      </c>
      <c r="CJ798" s="166">
        <v>0</v>
      </c>
      <c r="CK798" s="166">
        <v>0</v>
      </c>
      <c r="CL798" s="166">
        <v>0</v>
      </c>
      <c r="CM798" s="166">
        <v>0</v>
      </c>
      <c r="CN798" s="166">
        <v>0</v>
      </c>
      <c r="CO798" s="166">
        <v>0</v>
      </c>
      <c r="CP798" s="166">
        <v>0</v>
      </c>
      <c r="CQ798" s="166">
        <v>0</v>
      </c>
      <c r="CR798" s="166">
        <v>0</v>
      </c>
      <c r="CS798" s="166">
        <v>0</v>
      </c>
      <c r="CT798" s="166">
        <v>0</v>
      </c>
      <c r="CU798" s="166">
        <v>0</v>
      </c>
      <c r="CV798" s="166">
        <v>0</v>
      </c>
      <c r="CW798" s="166">
        <v>0</v>
      </c>
      <c r="CX798" s="166">
        <v>0</v>
      </c>
      <c r="CY798" s="166">
        <v>1999006.4491459299</v>
      </c>
      <c r="CZ798" s="166">
        <v>1999006.4491459299</v>
      </c>
    </row>
    <row r="799" spans="1:104" x14ac:dyDescent="0.2">
      <c r="A799" s="167" t="s">
        <v>330</v>
      </c>
    </row>
    <row r="800" spans="1:104" x14ac:dyDescent="0.2">
      <c r="A800" s="167" t="s">
        <v>331</v>
      </c>
      <c r="B800" s="166">
        <v>0</v>
      </c>
      <c r="C800" s="166">
        <v>0</v>
      </c>
      <c r="D800" s="166">
        <v>0</v>
      </c>
      <c r="E800" s="166">
        <v>0</v>
      </c>
      <c r="F800" s="166">
        <v>0</v>
      </c>
      <c r="G800" s="166">
        <v>0</v>
      </c>
      <c r="H800" s="166">
        <v>0</v>
      </c>
      <c r="I800" s="166">
        <v>0</v>
      </c>
      <c r="J800" s="166">
        <v>0</v>
      </c>
      <c r="K800" s="166">
        <v>0</v>
      </c>
      <c r="L800" s="166">
        <v>0</v>
      </c>
      <c r="M800" s="166">
        <v>0</v>
      </c>
      <c r="N800" s="166">
        <v>0</v>
      </c>
      <c r="O800" s="166">
        <v>0</v>
      </c>
      <c r="P800" s="166">
        <v>0</v>
      </c>
      <c r="Q800" s="166">
        <v>0</v>
      </c>
      <c r="R800" s="166">
        <v>0</v>
      </c>
      <c r="S800" s="166">
        <v>0</v>
      </c>
      <c r="T800" s="166">
        <v>0</v>
      </c>
      <c r="U800" s="166">
        <v>0</v>
      </c>
      <c r="V800" s="166">
        <v>0</v>
      </c>
      <c r="W800" s="166">
        <v>0</v>
      </c>
      <c r="X800" s="166">
        <v>0</v>
      </c>
      <c r="Y800" s="166">
        <v>0</v>
      </c>
      <c r="Z800" s="166">
        <v>0</v>
      </c>
      <c r="AA800" s="166">
        <v>0</v>
      </c>
      <c r="AB800" s="166">
        <v>0</v>
      </c>
      <c r="AC800" s="166">
        <v>0</v>
      </c>
      <c r="AD800" s="166">
        <v>0</v>
      </c>
      <c r="AE800" s="166">
        <v>0</v>
      </c>
      <c r="AF800" s="166">
        <v>0</v>
      </c>
      <c r="AG800" s="166">
        <v>0</v>
      </c>
      <c r="AH800" s="166">
        <v>0</v>
      </c>
      <c r="AI800" s="166">
        <v>0</v>
      </c>
      <c r="AJ800" s="166">
        <v>0</v>
      </c>
      <c r="AK800" s="166">
        <v>0</v>
      </c>
      <c r="AL800" s="166">
        <v>0</v>
      </c>
      <c r="AM800" s="166">
        <v>0</v>
      </c>
      <c r="AN800" s="166">
        <v>0</v>
      </c>
      <c r="AO800" s="166">
        <v>0</v>
      </c>
      <c r="AP800" s="166">
        <v>0</v>
      </c>
      <c r="AQ800" s="166">
        <v>0</v>
      </c>
      <c r="AR800" s="166">
        <v>0</v>
      </c>
      <c r="AS800" s="166">
        <v>0</v>
      </c>
      <c r="AT800" s="166">
        <v>0</v>
      </c>
      <c r="AU800" s="166">
        <v>0</v>
      </c>
      <c r="AV800" s="166">
        <v>0</v>
      </c>
      <c r="AW800" s="166">
        <v>0</v>
      </c>
      <c r="AX800" s="166">
        <v>0</v>
      </c>
      <c r="AY800" s="166">
        <v>0</v>
      </c>
      <c r="AZ800" s="166">
        <v>0</v>
      </c>
      <c r="BA800" s="166">
        <v>0</v>
      </c>
      <c r="BB800" s="166">
        <v>0</v>
      </c>
      <c r="BC800" s="166">
        <v>0</v>
      </c>
      <c r="BD800" s="166">
        <v>0</v>
      </c>
      <c r="BE800" s="166">
        <v>0</v>
      </c>
      <c r="BF800" s="166">
        <v>0</v>
      </c>
      <c r="BG800" s="166">
        <v>0</v>
      </c>
      <c r="BH800" s="166">
        <v>0</v>
      </c>
      <c r="BI800" s="166">
        <v>0</v>
      </c>
      <c r="BJ800" s="166">
        <v>0</v>
      </c>
      <c r="BK800" s="166">
        <v>0</v>
      </c>
      <c r="BL800" s="166">
        <v>0</v>
      </c>
      <c r="BM800" s="166">
        <v>0</v>
      </c>
      <c r="BN800" s="166">
        <v>0</v>
      </c>
      <c r="BO800" s="166">
        <v>0</v>
      </c>
      <c r="BP800" s="166">
        <v>0</v>
      </c>
      <c r="BQ800" s="166">
        <v>0</v>
      </c>
      <c r="BR800" s="166">
        <v>0</v>
      </c>
      <c r="BS800" s="166">
        <v>0</v>
      </c>
      <c r="BT800" s="168">
        <v>1</v>
      </c>
      <c r="BU800" s="166">
        <v>0</v>
      </c>
      <c r="BV800" s="166">
        <v>0</v>
      </c>
      <c r="BW800" s="166">
        <v>0</v>
      </c>
      <c r="BX800" s="166">
        <v>0</v>
      </c>
      <c r="BY800" s="166">
        <v>0</v>
      </c>
      <c r="BZ800" s="166">
        <v>0</v>
      </c>
      <c r="CA800" s="166">
        <v>0</v>
      </c>
      <c r="CB800" s="166">
        <v>0</v>
      </c>
      <c r="CC800" s="166">
        <v>0</v>
      </c>
      <c r="CD800" s="166">
        <v>0</v>
      </c>
      <c r="CE800" s="166">
        <v>0</v>
      </c>
      <c r="CF800" s="166">
        <v>0</v>
      </c>
      <c r="CG800" s="166">
        <v>0</v>
      </c>
      <c r="CH800" s="166">
        <v>0</v>
      </c>
      <c r="CI800" s="166">
        <v>0</v>
      </c>
      <c r="CJ800" s="166">
        <v>0</v>
      </c>
      <c r="CK800" s="166">
        <v>0</v>
      </c>
      <c r="CL800" s="166">
        <v>0</v>
      </c>
      <c r="CM800" s="166">
        <v>0</v>
      </c>
      <c r="CN800" s="166">
        <v>0</v>
      </c>
      <c r="CO800" s="166">
        <v>0</v>
      </c>
      <c r="CP800" s="166">
        <v>0</v>
      </c>
      <c r="CQ800" s="166">
        <v>0</v>
      </c>
      <c r="CR800" s="166">
        <v>0</v>
      </c>
      <c r="CS800" s="166">
        <v>0</v>
      </c>
      <c r="CT800" s="166">
        <v>0</v>
      </c>
      <c r="CU800" s="166">
        <v>0</v>
      </c>
      <c r="CV800" s="166">
        <v>0</v>
      </c>
      <c r="CW800" s="166">
        <v>0</v>
      </c>
      <c r="CX800" s="166">
        <v>0</v>
      </c>
      <c r="CY800" s="166">
        <v>0</v>
      </c>
      <c r="CZ800" s="166">
        <v>0</v>
      </c>
    </row>
    <row r="801" spans="1:104" x14ac:dyDescent="0.2">
      <c r="A801" s="167" t="s">
        <v>332</v>
      </c>
    </row>
    <row r="802" spans="1:104" x14ac:dyDescent="0.2">
      <c r="A802" s="170" t="s">
        <v>333</v>
      </c>
      <c r="B802" s="166">
        <v>30059312.379999999</v>
      </c>
      <c r="C802" s="166">
        <v>30059312.379999999</v>
      </c>
      <c r="D802" s="166">
        <v>0</v>
      </c>
      <c r="E802" s="166">
        <v>0</v>
      </c>
      <c r="F802" s="166">
        <v>0</v>
      </c>
      <c r="G802" s="166">
        <v>0</v>
      </c>
      <c r="H802" s="166">
        <v>0</v>
      </c>
      <c r="I802" s="166">
        <v>0</v>
      </c>
      <c r="J802" s="166">
        <v>0</v>
      </c>
      <c r="K802" s="166">
        <v>0</v>
      </c>
      <c r="L802" s="166">
        <v>0</v>
      </c>
      <c r="M802" s="166">
        <v>0</v>
      </c>
      <c r="N802" s="166">
        <v>0</v>
      </c>
      <c r="O802" s="166">
        <v>0</v>
      </c>
      <c r="P802" s="166">
        <v>0</v>
      </c>
      <c r="Q802" s="166">
        <v>0</v>
      </c>
      <c r="R802" s="166">
        <v>0</v>
      </c>
      <c r="S802" s="166">
        <v>0</v>
      </c>
      <c r="T802" s="166">
        <v>0</v>
      </c>
      <c r="U802" s="166">
        <v>0</v>
      </c>
      <c r="V802" s="166">
        <v>0</v>
      </c>
      <c r="W802" s="166">
        <v>0</v>
      </c>
      <c r="X802" s="166">
        <v>0</v>
      </c>
      <c r="Y802" s="166">
        <v>0</v>
      </c>
      <c r="Z802" s="166">
        <v>0</v>
      </c>
      <c r="AA802" s="166">
        <v>0</v>
      </c>
      <c r="AB802" s="166">
        <v>0</v>
      </c>
      <c r="AC802" s="166">
        <v>0</v>
      </c>
      <c r="AD802" s="166">
        <v>0</v>
      </c>
      <c r="AE802" s="166">
        <v>0</v>
      </c>
      <c r="AF802" s="166">
        <v>0</v>
      </c>
      <c r="AG802" s="166">
        <v>0</v>
      </c>
      <c r="AH802" s="166">
        <v>0</v>
      </c>
      <c r="AI802" s="166">
        <v>0</v>
      </c>
      <c r="AJ802" s="166">
        <v>0</v>
      </c>
      <c r="AK802" s="166">
        <v>0</v>
      </c>
      <c r="AL802" s="166">
        <v>0</v>
      </c>
      <c r="AM802" s="166">
        <v>0</v>
      </c>
      <c r="AN802" s="166">
        <v>0</v>
      </c>
      <c r="AO802" s="166">
        <v>0</v>
      </c>
      <c r="AP802" s="166">
        <v>0</v>
      </c>
      <c r="AQ802" s="166">
        <v>0</v>
      </c>
      <c r="AR802" s="166">
        <v>0</v>
      </c>
      <c r="AS802" s="166">
        <v>0</v>
      </c>
      <c r="AT802" s="166">
        <v>0</v>
      </c>
      <c r="AU802" s="166">
        <v>0</v>
      </c>
      <c r="AV802" s="166">
        <v>0</v>
      </c>
      <c r="AW802" s="166">
        <v>0</v>
      </c>
      <c r="AX802" s="166">
        <v>0</v>
      </c>
      <c r="AY802" s="166">
        <v>0</v>
      </c>
      <c r="AZ802" s="166">
        <v>0</v>
      </c>
      <c r="BA802" s="166">
        <v>0</v>
      </c>
      <c r="BB802" s="166">
        <v>0</v>
      </c>
      <c r="BC802" s="166">
        <v>0</v>
      </c>
      <c r="BD802" s="166">
        <v>0</v>
      </c>
      <c r="BE802" s="166">
        <v>0</v>
      </c>
      <c r="BF802" s="166">
        <v>0</v>
      </c>
      <c r="BG802" s="166">
        <v>0</v>
      </c>
      <c r="BH802" s="166">
        <v>0</v>
      </c>
      <c r="BI802" s="166">
        <v>0</v>
      </c>
      <c r="BJ802" s="166">
        <v>0</v>
      </c>
      <c r="BK802" s="166">
        <v>0</v>
      </c>
      <c r="BL802" s="166">
        <v>0</v>
      </c>
      <c r="BM802" s="166">
        <v>0</v>
      </c>
      <c r="BN802" s="166">
        <v>0</v>
      </c>
      <c r="BO802" s="166">
        <v>0</v>
      </c>
      <c r="BP802" s="166">
        <v>0</v>
      </c>
      <c r="BQ802" s="166">
        <v>0</v>
      </c>
      <c r="BR802" s="166">
        <v>30059312.379999999</v>
      </c>
      <c r="BS802" s="166">
        <v>30059312.379999999</v>
      </c>
      <c r="BT802" s="168">
        <v>0</v>
      </c>
      <c r="BU802" s="166">
        <v>2507094.2272469602</v>
      </c>
      <c r="BV802" s="166">
        <v>30015734.430948399</v>
      </c>
      <c r="BW802" s="166">
        <v>0</v>
      </c>
      <c r="BX802" s="166">
        <v>0</v>
      </c>
      <c r="BY802" s="166">
        <v>0</v>
      </c>
      <c r="BZ802" s="166">
        <v>0</v>
      </c>
      <c r="CA802" s="166">
        <v>0</v>
      </c>
      <c r="CB802" s="166">
        <v>0</v>
      </c>
      <c r="CC802" s="166">
        <v>0</v>
      </c>
      <c r="CD802" s="166">
        <v>0</v>
      </c>
      <c r="CE802" s="166">
        <v>0</v>
      </c>
      <c r="CF802" s="166">
        <v>0</v>
      </c>
      <c r="CG802" s="166">
        <v>0</v>
      </c>
      <c r="CH802" s="166">
        <v>0</v>
      </c>
      <c r="CI802" s="166">
        <v>0</v>
      </c>
      <c r="CJ802" s="166">
        <v>0</v>
      </c>
      <c r="CK802" s="166">
        <v>0</v>
      </c>
      <c r="CL802" s="166">
        <v>0</v>
      </c>
      <c r="CM802" s="166">
        <v>0</v>
      </c>
      <c r="CN802" s="166">
        <v>0</v>
      </c>
      <c r="CO802" s="166">
        <v>0</v>
      </c>
      <c r="CP802" s="166">
        <v>0</v>
      </c>
      <c r="CQ802" s="166">
        <v>0</v>
      </c>
      <c r="CR802" s="166">
        <v>0</v>
      </c>
      <c r="CS802" s="166">
        <v>0</v>
      </c>
      <c r="CT802" s="166">
        <v>0</v>
      </c>
      <c r="CU802" s="166">
        <v>0</v>
      </c>
      <c r="CV802" s="166">
        <v>0</v>
      </c>
      <c r="CW802" s="166">
        <v>0</v>
      </c>
      <c r="CX802" s="166">
        <v>0</v>
      </c>
      <c r="CY802" s="166">
        <v>30015734.430948399</v>
      </c>
      <c r="CZ802" s="166">
        <v>30015734.430948399</v>
      </c>
    </row>
    <row r="803" spans="1:104" x14ac:dyDescent="0.2">
      <c r="A803" s="167" t="s">
        <v>334</v>
      </c>
    </row>
    <row r="804" spans="1:104" x14ac:dyDescent="0.2">
      <c r="A804" s="170" t="s">
        <v>335</v>
      </c>
      <c r="B804" s="166">
        <v>0</v>
      </c>
      <c r="C804" s="166">
        <v>0</v>
      </c>
      <c r="D804" s="166">
        <v>0</v>
      </c>
      <c r="E804" s="166">
        <v>0</v>
      </c>
      <c r="F804" s="166">
        <v>0</v>
      </c>
      <c r="G804" s="166">
        <v>0</v>
      </c>
      <c r="H804" s="166">
        <v>0</v>
      </c>
      <c r="I804" s="166">
        <v>0</v>
      </c>
      <c r="J804" s="166">
        <v>0</v>
      </c>
      <c r="K804" s="166">
        <v>0</v>
      </c>
      <c r="L804" s="166">
        <v>0</v>
      </c>
      <c r="M804" s="166">
        <v>0</v>
      </c>
      <c r="N804" s="166">
        <v>0</v>
      </c>
      <c r="O804" s="166">
        <v>0</v>
      </c>
      <c r="P804" s="166">
        <v>0</v>
      </c>
      <c r="Q804" s="166">
        <v>0</v>
      </c>
      <c r="R804" s="166">
        <v>0</v>
      </c>
      <c r="S804" s="166">
        <v>0</v>
      </c>
      <c r="T804" s="166">
        <v>0</v>
      </c>
      <c r="U804" s="166">
        <v>0</v>
      </c>
      <c r="V804" s="166">
        <v>0</v>
      </c>
      <c r="W804" s="166">
        <v>0</v>
      </c>
      <c r="X804" s="166">
        <v>0</v>
      </c>
      <c r="Y804" s="166">
        <v>0</v>
      </c>
      <c r="Z804" s="166">
        <v>0</v>
      </c>
      <c r="AA804" s="166">
        <v>0</v>
      </c>
      <c r="AB804" s="166">
        <v>0</v>
      </c>
      <c r="AC804" s="166">
        <v>0</v>
      </c>
      <c r="AD804" s="166">
        <v>0</v>
      </c>
      <c r="AE804" s="166">
        <v>0</v>
      </c>
      <c r="AF804" s="166">
        <v>0</v>
      </c>
      <c r="AG804" s="166">
        <v>0</v>
      </c>
      <c r="AH804" s="166">
        <v>0</v>
      </c>
      <c r="AI804" s="166">
        <v>0</v>
      </c>
      <c r="AJ804" s="166">
        <v>0</v>
      </c>
      <c r="AK804" s="166">
        <v>0</v>
      </c>
      <c r="AL804" s="166">
        <v>0</v>
      </c>
      <c r="AM804" s="166">
        <v>0</v>
      </c>
      <c r="AN804" s="166">
        <v>0</v>
      </c>
      <c r="AO804" s="166">
        <v>0</v>
      </c>
      <c r="AP804" s="166">
        <v>0</v>
      </c>
      <c r="AQ804" s="166">
        <v>0</v>
      </c>
      <c r="AR804" s="166">
        <v>0</v>
      </c>
      <c r="AS804" s="166">
        <v>0</v>
      </c>
      <c r="AT804" s="166">
        <v>0</v>
      </c>
      <c r="AU804" s="166">
        <v>0</v>
      </c>
      <c r="AV804" s="166">
        <v>0</v>
      </c>
      <c r="AW804" s="166">
        <v>0</v>
      </c>
      <c r="AX804" s="166">
        <v>0</v>
      </c>
      <c r="AY804" s="166">
        <v>0</v>
      </c>
      <c r="AZ804" s="166">
        <v>0</v>
      </c>
      <c r="BA804" s="166">
        <v>0</v>
      </c>
      <c r="BB804" s="166">
        <v>0</v>
      </c>
      <c r="BC804" s="166">
        <v>0</v>
      </c>
      <c r="BD804" s="166">
        <v>0</v>
      </c>
      <c r="BE804" s="166">
        <v>0</v>
      </c>
      <c r="BF804" s="166">
        <v>0</v>
      </c>
      <c r="BG804" s="166">
        <v>0</v>
      </c>
      <c r="BH804" s="166">
        <v>0</v>
      </c>
      <c r="BI804" s="166">
        <v>0</v>
      </c>
      <c r="BJ804" s="166">
        <v>0</v>
      </c>
      <c r="BK804" s="166">
        <v>0</v>
      </c>
      <c r="BL804" s="166">
        <v>0</v>
      </c>
      <c r="BM804" s="166">
        <v>0</v>
      </c>
      <c r="BN804" s="166">
        <v>0</v>
      </c>
      <c r="BO804" s="166">
        <v>0</v>
      </c>
      <c r="BP804" s="166">
        <v>0</v>
      </c>
      <c r="BQ804" s="166">
        <v>0</v>
      </c>
      <c r="BR804" s="166">
        <v>0</v>
      </c>
      <c r="BS804" s="166">
        <v>0</v>
      </c>
      <c r="BT804" s="166">
        <v>0</v>
      </c>
      <c r="BU804" s="166">
        <v>0</v>
      </c>
      <c r="BV804" s="166">
        <v>0</v>
      </c>
      <c r="BW804" s="166">
        <v>0</v>
      </c>
      <c r="BX804" s="166">
        <v>0</v>
      </c>
      <c r="BY804" s="166">
        <v>0</v>
      </c>
      <c r="BZ804" s="166">
        <v>0</v>
      </c>
      <c r="CA804" s="166">
        <v>0</v>
      </c>
      <c r="CB804" s="166">
        <v>0</v>
      </c>
      <c r="CC804" s="166">
        <v>0</v>
      </c>
      <c r="CD804" s="166">
        <v>0</v>
      </c>
      <c r="CE804" s="166">
        <v>0</v>
      </c>
      <c r="CF804" s="166">
        <v>0</v>
      </c>
      <c r="CG804" s="166">
        <v>0</v>
      </c>
      <c r="CH804" s="166">
        <v>0</v>
      </c>
      <c r="CI804" s="166">
        <v>0</v>
      </c>
      <c r="CJ804" s="166">
        <v>0</v>
      </c>
      <c r="CK804" s="166">
        <v>0</v>
      </c>
      <c r="CL804" s="166">
        <v>0</v>
      </c>
      <c r="CM804" s="166">
        <v>0</v>
      </c>
      <c r="CN804" s="166">
        <v>0</v>
      </c>
      <c r="CO804" s="166">
        <v>0</v>
      </c>
      <c r="CP804" s="166">
        <v>0</v>
      </c>
      <c r="CQ804" s="166">
        <v>0</v>
      </c>
      <c r="CR804" s="166">
        <v>0</v>
      </c>
      <c r="CS804" s="166">
        <v>0</v>
      </c>
      <c r="CT804" s="166">
        <v>0</v>
      </c>
      <c r="CU804" s="166">
        <v>0</v>
      </c>
      <c r="CV804" s="166">
        <v>0</v>
      </c>
      <c r="CW804" s="166">
        <v>0</v>
      </c>
      <c r="CX804" s="166">
        <v>0</v>
      </c>
      <c r="CY804" s="166">
        <v>0</v>
      </c>
      <c r="CZ804" s="166">
        <v>0</v>
      </c>
    </row>
    <row r="805" spans="1:104" x14ac:dyDescent="0.2">
      <c r="A805" s="167" t="s">
        <v>1136</v>
      </c>
      <c r="B805" s="166">
        <v>0</v>
      </c>
      <c r="C805" s="166">
        <v>0</v>
      </c>
      <c r="D805" s="166">
        <v>0</v>
      </c>
      <c r="E805" s="166">
        <v>0</v>
      </c>
      <c r="F805" s="166">
        <v>0</v>
      </c>
      <c r="G805" s="166">
        <v>0</v>
      </c>
      <c r="H805" s="166">
        <v>0</v>
      </c>
      <c r="I805" s="166">
        <v>0</v>
      </c>
      <c r="J805" s="166">
        <v>0</v>
      </c>
      <c r="K805" s="166">
        <v>0</v>
      </c>
      <c r="L805" s="166">
        <v>0</v>
      </c>
      <c r="M805" s="166">
        <v>0</v>
      </c>
      <c r="N805" s="166">
        <v>0</v>
      </c>
      <c r="O805" s="166">
        <v>0</v>
      </c>
      <c r="P805" s="166">
        <v>0</v>
      </c>
      <c r="Q805" s="166">
        <v>0</v>
      </c>
      <c r="R805" s="166">
        <v>0</v>
      </c>
      <c r="S805" s="166">
        <v>0</v>
      </c>
      <c r="T805" s="166">
        <v>0</v>
      </c>
      <c r="U805" s="166">
        <v>0</v>
      </c>
      <c r="V805" s="166">
        <v>0</v>
      </c>
      <c r="W805" s="166">
        <v>0</v>
      </c>
      <c r="X805" s="166">
        <v>0</v>
      </c>
      <c r="Y805" s="166">
        <v>0</v>
      </c>
      <c r="Z805" s="166">
        <v>0</v>
      </c>
      <c r="AA805" s="166">
        <v>0</v>
      </c>
      <c r="AB805" s="166">
        <v>0</v>
      </c>
      <c r="AC805" s="166">
        <v>0</v>
      </c>
      <c r="AD805" s="166">
        <v>0</v>
      </c>
      <c r="AE805" s="166">
        <v>0</v>
      </c>
      <c r="AF805" s="166">
        <v>0</v>
      </c>
      <c r="AG805" s="166">
        <v>0</v>
      </c>
      <c r="AH805" s="166">
        <v>0</v>
      </c>
      <c r="AI805" s="166">
        <v>0</v>
      </c>
      <c r="AJ805" s="166">
        <v>0</v>
      </c>
      <c r="AK805" s="166">
        <v>0</v>
      </c>
      <c r="AL805" s="166">
        <v>0</v>
      </c>
      <c r="AM805" s="166">
        <v>0</v>
      </c>
      <c r="AN805" s="166">
        <v>0</v>
      </c>
      <c r="AO805" s="166">
        <v>0</v>
      </c>
      <c r="AP805" s="166">
        <v>0</v>
      </c>
      <c r="AQ805" s="166">
        <v>0</v>
      </c>
      <c r="AR805" s="166">
        <v>0</v>
      </c>
      <c r="AS805" s="166">
        <v>0</v>
      </c>
      <c r="AT805" s="166">
        <v>0</v>
      </c>
      <c r="AU805" s="166">
        <v>0</v>
      </c>
      <c r="AV805" s="166">
        <v>0</v>
      </c>
      <c r="AW805" s="166">
        <v>0</v>
      </c>
      <c r="AX805" s="166">
        <v>0</v>
      </c>
      <c r="AY805" s="166">
        <v>0</v>
      </c>
      <c r="AZ805" s="166">
        <v>0</v>
      </c>
      <c r="BA805" s="166">
        <v>0</v>
      </c>
      <c r="BB805" s="166">
        <v>0</v>
      </c>
      <c r="BC805" s="166">
        <v>0</v>
      </c>
      <c r="BD805" s="166">
        <v>0</v>
      </c>
      <c r="BE805" s="166">
        <v>0</v>
      </c>
      <c r="BF805" s="166">
        <v>0</v>
      </c>
      <c r="BG805" s="166">
        <v>0</v>
      </c>
      <c r="BH805" s="166">
        <v>0</v>
      </c>
      <c r="BI805" s="166">
        <v>0</v>
      </c>
      <c r="BJ805" s="166">
        <v>0</v>
      </c>
      <c r="BK805" s="166">
        <v>0</v>
      </c>
      <c r="BL805" s="166">
        <v>0</v>
      </c>
      <c r="BM805" s="166">
        <v>0</v>
      </c>
      <c r="BN805" s="166">
        <v>0</v>
      </c>
      <c r="BO805" s="166">
        <v>0</v>
      </c>
      <c r="BP805" s="166">
        <v>0</v>
      </c>
      <c r="BQ805" s="166">
        <v>0</v>
      </c>
      <c r="BR805" s="166">
        <v>0</v>
      </c>
      <c r="BS805" s="166">
        <v>0</v>
      </c>
      <c r="BT805" s="168">
        <v>1</v>
      </c>
      <c r="BU805" s="166">
        <v>0</v>
      </c>
      <c r="BV805" s="166">
        <v>0</v>
      </c>
      <c r="BW805" s="166">
        <v>0</v>
      </c>
      <c r="BX805" s="166">
        <v>0</v>
      </c>
      <c r="BY805" s="166">
        <v>0</v>
      </c>
      <c r="BZ805" s="166">
        <v>0</v>
      </c>
      <c r="CA805" s="166">
        <v>0</v>
      </c>
      <c r="CB805" s="166">
        <v>0</v>
      </c>
      <c r="CC805" s="166">
        <v>0</v>
      </c>
      <c r="CD805" s="166">
        <v>0</v>
      </c>
      <c r="CE805" s="166">
        <v>0</v>
      </c>
      <c r="CF805" s="166">
        <v>0</v>
      </c>
      <c r="CG805" s="166">
        <v>0</v>
      </c>
      <c r="CH805" s="166">
        <v>0</v>
      </c>
      <c r="CI805" s="166">
        <v>0</v>
      </c>
      <c r="CJ805" s="166">
        <v>0</v>
      </c>
      <c r="CK805" s="166">
        <v>0</v>
      </c>
      <c r="CL805" s="166">
        <v>0</v>
      </c>
      <c r="CM805" s="166">
        <v>0</v>
      </c>
      <c r="CN805" s="166">
        <v>0</v>
      </c>
      <c r="CO805" s="166">
        <v>0</v>
      </c>
      <c r="CP805" s="166">
        <v>0</v>
      </c>
      <c r="CQ805" s="166">
        <v>0</v>
      </c>
      <c r="CR805" s="166">
        <v>0</v>
      </c>
      <c r="CS805" s="166">
        <v>0</v>
      </c>
      <c r="CT805" s="166">
        <v>0</v>
      </c>
      <c r="CU805" s="166">
        <v>0</v>
      </c>
      <c r="CV805" s="166">
        <v>0</v>
      </c>
      <c r="CW805" s="166">
        <v>0</v>
      </c>
      <c r="CX805" s="166">
        <v>0</v>
      </c>
      <c r="CY805" s="166">
        <v>0</v>
      </c>
      <c r="CZ805" s="166">
        <v>0</v>
      </c>
    </row>
    <row r="806" spans="1:104" x14ac:dyDescent="0.2">
      <c r="A806" s="167" t="s">
        <v>1137</v>
      </c>
      <c r="B806" s="166">
        <v>0</v>
      </c>
      <c r="C806" s="166">
        <v>0</v>
      </c>
      <c r="D806" s="166">
        <v>0</v>
      </c>
      <c r="E806" s="166">
        <v>0</v>
      </c>
      <c r="F806" s="166">
        <v>0</v>
      </c>
      <c r="G806" s="166">
        <v>0</v>
      </c>
      <c r="H806" s="166">
        <v>0</v>
      </c>
      <c r="I806" s="166">
        <v>0</v>
      </c>
      <c r="J806" s="166">
        <v>0</v>
      </c>
      <c r="K806" s="166">
        <v>0</v>
      </c>
      <c r="L806" s="166">
        <v>0</v>
      </c>
      <c r="M806" s="166">
        <v>0</v>
      </c>
      <c r="N806" s="166">
        <v>0</v>
      </c>
      <c r="O806" s="166">
        <v>0</v>
      </c>
      <c r="P806" s="166">
        <v>0</v>
      </c>
      <c r="Q806" s="166">
        <v>0</v>
      </c>
      <c r="R806" s="166">
        <v>0</v>
      </c>
      <c r="S806" s="166">
        <v>0</v>
      </c>
      <c r="T806" s="166">
        <v>0</v>
      </c>
      <c r="U806" s="166">
        <v>0</v>
      </c>
      <c r="V806" s="166">
        <v>0</v>
      </c>
      <c r="W806" s="166">
        <v>0</v>
      </c>
      <c r="X806" s="166">
        <v>0</v>
      </c>
      <c r="Y806" s="166">
        <v>0</v>
      </c>
      <c r="Z806" s="166">
        <v>0</v>
      </c>
      <c r="AA806" s="166">
        <v>0</v>
      </c>
      <c r="AB806" s="166">
        <v>0</v>
      </c>
      <c r="AC806" s="166">
        <v>0</v>
      </c>
      <c r="AD806" s="166">
        <v>0</v>
      </c>
      <c r="AE806" s="166">
        <v>0</v>
      </c>
      <c r="AF806" s="166">
        <v>0</v>
      </c>
      <c r="AG806" s="166">
        <v>0</v>
      </c>
      <c r="AH806" s="166">
        <v>0</v>
      </c>
      <c r="AI806" s="166">
        <v>0</v>
      </c>
      <c r="AJ806" s="166">
        <v>0</v>
      </c>
      <c r="AK806" s="166">
        <v>0</v>
      </c>
      <c r="AL806" s="166">
        <v>0</v>
      </c>
      <c r="AM806" s="166">
        <v>0</v>
      </c>
      <c r="AN806" s="166">
        <v>0</v>
      </c>
      <c r="AO806" s="166">
        <v>0</v>
      </c>
      <c r="AP806" s="166">
        <v>0</v>
      </c>
      <c r="AQ806" s="166">
        <v>0</v>
      </c>
      <c r="AR806" s="166">
        <v>0</v>
      </c>
      <c r="AS806" s="166">
        <v>0</v>
      </c>
      <c r="AT806" s="166">
        <v>0</v>
      </c>
      <c r="AU806" s="166">
        <v>0</v>
      </c>
      <c r="AV806" s="166">
        <v>0</v>
      </c>
      <c r="AW806" s="166">
        <v>0</v>
      </c>
      <c r="AX806" s="166">
        <v>0</v>
      </c>
      <c r="AY806" s="166">
        <v>0</v>
      </c>
      <c r="AZ806" s="166">
        <v>0</v>
      </c>
      <c r="BA806" s="166">
        <v>0</v>
      </c>
      <c r="BB806" s="166">
        <v>0</v>
      </c>
      <c r="BC806" s="166">
        <v>0</v>
      </c>
      <c r="BD806" s="166">
        <v>0</v>
      </c>
      <c r="BE806" s="166">
        <v>0</v>
      </c>
      <c r="BF806" s="166">
        <v>0</v>
      </c>
      <c r="BG806" s="166">
        <v>0</v>
      </c>
      <c r="BH806" s="166">
        <v>0</v>
      </c>
      <c r="BI806" s="166">
        <v>0</v>
      </c>
      <c r="BJ806" s="166">
        <v>0</v>
      </c>
      <c r="BK806" s="166">
        <v>0</v>
      </c>
      <c r="BL806" s="166">
        <v>0</v>
      </c>
      <c r="BM806" s="166">
        <v>0</v>
      </c>
      <c r="BN806" s="166">
        <v>0</v>
      </c>
      <c r="BO806" s="166">
        <v>0</v>
      </c>
      <c r="BP806" s="166">
        <v>0</v>
      </c>
      <c r="BQ806" s="166">
        <v>0</v>
      </c>
      <c r="BR806" s="166">
        <v>0</v>
      </c>
      <c r="BS806" s="166">
        <v>0</v>
      </c>
      <c r="BT806" s="168">
        <v>1</v>
      </c>
      <c r="BU806" s="166">
        <v>0</v>
      </c>
      <c r="BV806" s="166">
        <v>0</v>
      </c>
      <c r="BW806" s="166">
        <v>0</v>
      </c>
      <c r="BX806" s="166">
        <v>0</v>
      </c>
      <c r="BY806" s="166">
        <v>0</v>
      </c>
      <c r="BZ806" s="166">
        <v>0</v>
      </c>
      <c r="CA806" s="166">
        <v>0</v>
      </c>
      <c r="CB806" s="166">
        <v>0</v>
      </c>
      <c r="CC806" s="166">
        <v>0</v>
      </c>
      <c r="CD806" s="166">
        <v>0</v>
      </c>
      <c r="CE806" s="166">
        <v>0</v>
      </c>
      <c r="CF806" s="166">
        <v>0</v>
      </c>
      <c r="CG806" s="166">
        <v>0</v>
      </c>
      <c r="CH806" s="166">
        <v>0</v>
      </c>
      <c r="CI806" s="166">
        <v>0</v>
      </c>
      <c r="CJ806" s="166">
        <v>0</v>
      </c>
      <c r="CK806" s="166">
        <v>0</v>
      </c>
      <c r="CL806" s="166">
        <v>0</v>
      </c>
      <c r="CM806" s="166">
        <v>0</v>
      </c>
      <c r="CN806" s="166">
        <v>0</v>
      </c>
      <c r="CO806" s="166">
        <v>0</v>
      </c>
      <c r="CP806" s="166">
        <v>0</v>
      </c>
      <c r="CQ806" s="166">
        <v>0</v>
      </c>
      <c r="CR806" s="166">
        <v>0</v>
      </c>
      <c r="CS806" s="166">
        <v>0</v>
      </c>
      <c r="CT806" s="166">
        <v>0</v>
      </c>
      <c r="CU806" s="166">
        <v>0</v>
      </c>
      <c r="CV806" s="166">
        <v>0</v>
      </c>
      <c r="CW806" s="166">
        <v>0</v>
      </c>
      <c r="CX806" s="166">
        <v>0</v>
      </c>
      <c r="CY806" s="166">
        <v>0</v>
      </c>
      <c r="CZ806" s="166">
        <v>0</v>
      </c>
    </row>
    <row r="807" spans="1:104" x14ac:dyDescent="0.2">
      <c r="A807" s="167" t="s">
        <v>1138</v>
      </c>
      <c r="B807" s="166">
        <v>0</v>
      </c>
      <c r="C807" s="166">
        <v>0</v>
      </c>
      <c r="D807" s="166">
        <v>0</v>
      </c>
      <c r="E807" s="166">
        <v>0</v>
      </c>
      <c r="F807" s="166">
        <v>0</v>
      </c>
      <c r="G807" s="166">
        <v>0</v>
      </c>
      <c r="H807" s="166">
        <v>0</v>
      </c>
      <c r="I807" s="166">
        <v>0</v>
      </c>
      <c r="J807" s="166">
        <v>0</v>
      </c>
      <c r="K807" s="166">
        <v>0</v>
      </c>
      <c r="L807" s="166">
        <v>0</v>
      </c>
      <c r="M807" s="166">
        <v>0</v>
      </c>
      <c r="N807" s="166">
        <v>0</v>
      </c>
      <c r="O807" s="166">
        <v>0</v>
      </c>
      <c r="P807" s="166">
        <v>0</v>
      </c>
      <c r="Q807" s="166">
        <v>0</v>
      </c>
      <c r="R807" s="166">
        <v>0</v>
      </c>
      <c r="S807" s="166">
        <v>0</v>
      </c>
      <c r="T807" s="166">
        <v>0</v>
      </c>
      <c r="U807" s="166">
        <v>0</v>
      </c>
      <c r="V807" s="166">
        <v>0</v>
      </c>
      <c r="W807" s="166">
        <v>0</v>
      </c>
      <c r="X807" s="166">
        <v>0</v>
      </c>
      <c r="Y807" s="166">
        <v>0</v>
      </c>
      <c r="Z807" s="166">
        <v>0</v>
      </c>
      <c r="AA807" s="166">
        <v>0</v>
      </c>
      <c r="AB807" s="166">
        <v>0</v>
      </c>
      <c r="AC807" s="166">
        <v>0</v>
      </c>
      <c r="AD807" s="166">
        <v>0</v>
      </c>
      <c r="AE807" s="166">
        <v>0</v>
      </c>
      <c r="AF807" s="166">
        <v>0</v>
      </c>
      <c r="AG807" s="166">
        <v>0</v>
      </c>
      <c r="AH807" s="166">
        <v>0</v>
      </c>
      <c r="AI807" s="166">
        <v>0</v>
      </c>
      <c r="AJ807" s="166">
        <v>0</v>
      </c>
      <c r="AK807" s="166">
        <v>0</v>
      </c>
      <c r="AL807" s="166">
        <v>0</v>
      </c>
      <c r="AM807" s="166">
        <v>0</v>
      </c>
      <c r="AN807" s="166">
        <v>0</v>
      </c>
      <c r="AO807" s="166">
        <v>0</v>
      </c>
      <c r="AP807" s="166">
        <v>0</v>
      </c>
      <c r="AQ807" s="166">
        <v>0</v>
      </c>
      <c r="AR807" s="166">
        <v>0</v>
      </c>
      <c r="AS807" s="166">
        <v>0</v>
      </c>
      <c r="AT807" s="166">
        <v>0</v>
      </c>
      <c r="AU807" s="166">
        <v>0</v>
      </c>
      <c r="AV807" s="166">
        <v>0</v>
      </c>
      <c r="AW807" s="166">
        <v>0</v>
      </c>
      <c r="AX807" s="166">
        <v>0</v>
      </c>
      <c r="AY807" s="166">
        <v>0</v>
      </c>
      <c r="AZ807" s="166">
        <v>0</v>
      </c>
      <c r="BA807" s="166">
        <v>0</v>
      </c>
      <c r="BB807" s="166">
        <v>0</v>
      </c>
      <c r="BC807" s="166">
        <v>0</v>
      </c>
      <c r="BD807" s="166">
        <v>0</v>
      </c>
      <c r="BE807" s="166">
        <v>0</v>
      </c>
      <c r="BF807" s="166">
        <v>0</v>
      </c>
      <c r="BG807" s="166">
        <v>0</v>
      </c>
      <c r="BH807" s="166">
        <v>0</v>
      </c>
      <c r="BI807" s="166">
        <v>0</v>
      </c>
      <c r="BJ807" s="166">
        <v>0</v>
      </c>
      <c r="BK807" s="166">
        <v>0</v>
      </c>
      <c r="BL807" s="166">
        <v>0</v>
      </c>
      <c r="BM807" s="166">
        <v>0</v>
      </c>
      <c r="BN807" s="166">
        <v>0</v>
      </c>
      <c r="BO807" s="166">
        <v>0</v>
      </c>
      <c r="BP807" s="166">
        <v>0</v>
      </c>
      <c r="BQ807" s="166">
        <v>0</v>
      </c>
      <c r="BR807" s="166">
        <v>0</v>
      </c>
      <c r="BS807" s="166">
        <v>0</v>
      </c>
      <c r="BT807" s="168">
        <v>1</v>
      </c>
      <c r="BU807" s="166">
        <v>0</v>
      </c>
      <c r="BV807" s="166">
        <v>0</v>
      </c>
      <c r="BW807" s="166">
        <v>0</v>
      </c>
      <c r="BX807" s="166">
        <v>0</v>
      </c>
      <c r="BY807" s="166">
        <v>0</v>
      </c>
      <c r="BZ807" s="166">
        <v>0</v>
      </c>
      <c r="CA807" s="166">
        <v>0</v>
      </c>
      <c r="CB807" s="166">
        <v>0</v>
      </c>
      <c r="CC807" s="166">
        <v>0</v>
      </c>
      <c r="CD807" s="166">
        <v>0</v>
      </c>
      <c r="CE807" s="166">
        <v>0</v>
      </c>
      <c r="CF807" s="166">
        <v>0</v>
      </c>
      <c r="CG807" s="166">
        <v>0</v>
      </c>
      <c r="CH807" s="166">
        <v>0</v>
      </c>
      <c r="CI807" s="166">
        <v>0</v>
      </c>
      <c r="CJ807" s="166">
        <v>0</v>
      </c>
      <c r="CK807" s="166">
        <v>0</v>
      </c>
      <c r="CL807" s="166">
        <v>0</v>
      </c>
      <c r="CM807" s="166">
        <v>0</v>
      </c>
      <c r="CN807" s="166">
        <v>0</v>
      </c>
      <c r="CO807" s="166">
        <v>0</v>
      </c>
      <c r="CP807" s="166">
        <v>0</v>
      </c>
      <c r="CQ807" s="166">
        <v>0</v>
      </c>
      <c r="CR807" s="166">
        <v>0</v>
      </c>
      <c r="CS807" s="166">
        <v>0</v>
      </c>
      <c r="CT807" s="166">
        <v>0</v>
      </c>
      <c r="CU807" s="166">
        <v>0</v>
      </c>
      <c r="CV807" s="166">
        <v>0</v>
      </c>
      <c r="CW807" s="166">
        <v>0</v>
      </c>
      <c r="CX807" s="166">
        <v>0</v>
      </c>
      <c r="CY807" s="166">
        <v>0</v>
      </c>
      <c r="CZ807" s="166">
        <v>0</v>
      </c>
    </row>
    <row r="808" spans="1:104" x14ac:dyDescent="0.2">
      <c r="A808" s="167" t="s">
        <v>1139</v>
      </c>
      <c r="B808" s="166">
        <v>0</v>
      </c>
      <c r="C808" s="166">
        <v>0</v>
      </c>
      <c r="D808" s="166">
        <v>0</v>
      </c>
      <c r="E808" s="166">
        <v>0</v>
      </c>
      <c r="F808" s="166">
        <v>0</v>
      </c>
      <c r="G808" s="166">
        <v>0</v>
      </c>
      <c r="H808" s="166">
        <v>0</v>
      </c>
      <c r="I808" s="166">
        <v>0</v>
      </c>
      <c r="J808" s="166">
        <v>0</v>
      </c>
      <c r="K808" s="166">
        <v>0</v>
      </c>
      <c r="L808" s="166">
        <v>0</v>
      </c>
      <c r="M808" s="166">
        <v>0</v>
      </c>
      <c r="N808" s="166">
        <v>0</v>
      </c>
      <c r="O808" s="166">
        <v>0</v>
      </c>
      <c r="P808" s="166">
        <v>0</v>
      </c>
      <c r="Q808" s="166">
        <v>0</v>
      </c>
      <c r="R808" s="166">
        <v>0</v>
      </c>
      <c r="S808" s="166">
        <v>0</v>
      </c>
      <c r="T808" s="166">
        <v>0</v>
      </c>
      <c r="U808" s="166">
        <v>0</v>
      </c>
      <c r="V808" s="166">
        <v>0</v>
      </c>
      <c r="W808" s="166">
        <v>0</v>
      </c>
      <c r="X808" s="166">
        <v>0</v>
      </c>
      <c r="Y808" s="166">
        <v>0</v>
      </c>
      <c r="Z808" s="166">
        <v>0</v>
      </c>
      <c r="AA808" s="166">
        <v>0</v>
      </c>
      <c r="AB808" s="166">
        <v>0</v>
      </c>
      <c r="AC808" s="166">
        <v>0</v>
      </c>
      <c r="AD808" s="166">
        <v>0</v>
      </c>
      <c r="AE808" s="166">
        <v>0</v>
      </c>
      <c r="AF808" s="166">
        <v>0</v>
      </c>
      <c r="AG808" s="166">
        <v>0</v>
      </c>
      <c r="AH808" s="166">
        <v>0</v>
      </c>
      <c r="AI808" s="166">
        <v>0</v>
      </c>
      <c r="AJ808" s="166">
        <v>0</v>
      </c>
      <c r="AK808" s="166">
        <v>0</v>
      </c>
      <c r="AL808" s="166">
        <v>0</v>
      </c>
      <c r="AM808" s="166">
        <v>0</v>
      </c>
      <c r="AN808" s="166">
        <v>0</v>
      </c>
      <c r="AO808" s="166">
        <v>0</v>
      </c>
      <c r="AP808" s="166">
        <v>0</v>
      </c>
      <c r="AQ808" s="166">
        <v>0</v>
      </c>
      <c r="AR808" s="166">
        <v>0</v>
      </c>
      <c r="AS808" s="166">
        <v>0</v>
      </c>
      <c r="AT808" s="166">
        <v>0</v>
      </c>
      <c r="AU808" s="166">
        <v>0</v>
      </c>
      <c r="AV808" s="166">
        <v>0</v>
      </c>
      <c r="AW808" s="166">
        <v>0</v>
      </c>
      <c r="AX808" s="166">
        <v>0</v>
      </c>
      <c r="AY808" s="166">
        <v>0</v>
      </c>
      <c r="AZ808" s="166">
        <v>0</v>
      </c>
      <c r="BA808" s="166">
        <v>0</v>
      </c>
      <c r="BB808" s="166">
        <v>0</v>
      </c>
      <c r="BC808" s="166">
        <v>0</v>
      </c>
      <c r="BD808" s="166">
        <v>0</v>
      </c>
      <c r="BE808" s="166">
        <v>0</v>
      </c>
      <c r="BF808" s="166">
        <v>0</v>
      </c>
      <c r="BG808" s="166">
        <v>0</v>
      </c>
      <c r="BH808" s="166">
        <v>0</v>
      </c>
      <c r="BI808" s="166">
        <v>0</v>
      </c>
      <c r="BJ808" s="166">
        <v>0</v>
      </c>
      <c r="BK808" s="166">
        <v>0</v>
      </c>
      <c r="BL808" s="166">
        <v>0</v>
      </c>
      <c r="BM808" s="166">
        <v>0</v>
      </c>
      <c r="BN808" s="166">
        <v>0</v>
      </c>
      <c r="BO808" s="166">
        <v>0</v>
      </c>
      <c r="BP808" s="166">
        <v>0</v>
      </c>
      <c r="BQ808" s="166">
        <v>0</v>
      </c>
      <c r="BR808" s="166">
        <v>0</v>
      </c>
      <c r="BS808" s="166">
        <v>0</v>
      </c>
      <c r="BT808" s="168">
        <v>0.98770000000000002</v>
      </c>
      <c r="BU808" s="166">
        <v>0</v>
      </c>
      <c r="BV808" s="166">
        <v>0</v>
      </c>
      <c r="BW808" s="166">
        <v>0</v>
      </c>
      <c r="BX808" s="166">
        <v>0</v>
      </c>
      <c r="BY808" s="166">
        <v>0</v>
      </c>
      <c r="BZ808" s="166">
        <v>0</v>
      </c>
      <c r="CA808" s="166">
        <v>0</v>
      </c>
      <c r="CB808" s="166">
        <v>0</v>
      </c>
      <c r="CC808" s="166">
        <v>0</v>
      </c>
      <c r="CD808" s="166">
        <v>0</v>
      </c>
      <c r="CE808" s="166">
        <v>0</v>
      </c>
      <c r="CF808" s="166">
        <v>0</v>
      </c>
      <c r="CG808" s="166">
        <v>0</v>
      </c>
      <c r="CH808" s="166">
        <v>0</v>
      </c>
      <c r="CI808" s="166">
        <v>0</v>
      </c>
      <c r="CJ808" s="166">
        <v>0</v>
      </c>
      <c r="CK808" s="166">
        <v>0</v>
      </c>
      <c r="CL808" s="166">
        <v>0</v>
      </c>
      <c r="CM808" s="166">
        <v>0</v>
      </c>
      <c r="CN808" s="166">
        <v>0</v>
      </c>
      <c r="CO808" s="166">
        <v>0</v>
      </c>
      <c r="CP808" s="166">
        <v>0</v>
      </c>
      <c r="CQ808" s="166">
        <v>0</v>
      </c>
      <c r="CR808" s="166">
        <v>0</v>
      </c>
      <c r="CS808" s="166">
        <v>0</v>
      </c>
      <c r="CT808" s="166">
        <v>0</v>
      </c>
      <c r="CU808" s="166">
        <v>0</v>
      </c>
      <c r="CV808" s="166">
        <v>0</v>
      </c>
      <c r="CW808" s="166">
        <v>0</v>
      </c>
      <c r="CX808" s="166">
        <v>0</v>
      </c>
      <c r="CY808" s="166">
        <v>0</v>
      </c>
      <c r="CZ808" s="166">
        <v>0</v>
      </c>
    </row>
    <row r="809" spans="1:104" x14ac:dyDescent="0.2">
      <c r="A809" s="167" t="s">
        <v>1140</v>
      </c>
      <c r="B809" s="166">
        <v>0</v>
      </c>
      <c r="C809" s="166">
        <v>0</v>
      </c>
      <c r="D809" s="166">
        <v>0</v>
      </c>
      <c r="E809" s="166">
        <v>0</v>
      </c>
      <c r="F809" s="166">
        <v>0</v>
      </c>
      <c r="G809" s="166">
        <v>0</v>
      </c>
      <c r="H809" s="166">
        <v>0</v>
      </c>
      <c r="I809" s="166">
        <v>0</v>
      </c>
      <c r="J809" s="166">
        <v>0</v>
      </c>
      <c r="K809" s="166">
        <v>0</v>
      </c>
      <c r="L809" s="166">
        <v>0</v>
      </c>
      <c r="M809" s="166">
        <v>0</v>
      </c>
      <c r="N809" s="166">
        <v>0</v>
      </c>
      <c r="O809" s="166">
        <v>0</v>
      </c>
      <c r="P809" s="166">
        <v>0</v>
      </c>
      <c r="Q809" s="166">
        <v>0</v>
      </c>
      <c r="R809" s="166">
        <v>0</v>
      </c>
      <c r="S809" s="166">
        <v>0</v>
      </c>
      <c r="T809" s="166">
        <v>0</v>
      </c>
      <c r="U809" s="166">
        <v>0</v>
      </c>
      <c r="V809" s="166">
        <v>0</v>
      </c>
      <c r="W809" s="166">
        <v>0</v>
      </c>
      <c r="X809" s="166">
        <v>0</v>
      </c>
      <c r="Y809" s="166">
        <v>0</v>
      </c>
      <c r="Z809" s="166">
        <v>0</v>
      </c>
      <c r="AA809" s="166">
        <v>0</v>
      </c>
      <c r="AB809" s="166">
        <v>0</v>
      </c>
      <c r="AC809" s="166">
        <v>0</v>
      </c>
      <c r="AD809" s="166">
        <v>0</v>
      </c>
      <c r="AE809" s="166">
        <v>0</v>
      </c>
      <c r="AF809" s="166">
        <v>0</v>
      </c>
      <c r="AG809" s="166">
        <v>0</v>
      </c>
      <c r="AH809" s="166">
        <v>0</v>
      </c>
      <c r="AI809" s="166">
        <v>0</v>
      </c>
      <c r="AJ809" s="166">
        <v>0</v>
      </c>
      <c r="AK809" s="166">
        <v>0</v>
      </c>
      <c r="AL809" s="166">
        <v>0</v>
      </c>
      <c r="AM809" s="166">
        <v>0</v>
      </c>
      <c r="AN809" s="166">
        <v>0</v>
      </c>
      <c r="AO809" s="166">
        <v>0</v>
      </c>
      <c r="AP809" s="166">
        <v>0</v>
      </c>
      <c r="AQ809" s="166">
        <v>0</v>
      </c>
      <c r="AR809" s="166">
        <v>0</v>
      </c>
      <c r="AS809" s="166">
        <v>0</v>
      </c>
      <c r="AT809" s="166">
        <v>0</v>
      </c>
      <c r="AU809" s="166">
        <v>0</v>
      </c>
      <c r="AV809" s="166">
        <v>0</v>
      </c>
      <c r="AW809" s="166">
        <v>0</v>
      </c>
      <c r="AX809" s="166">
        <v>0</v>
      </c>
      <c r="AY809" s="166">
        <v>0</v>
      </c>
      <c r="AZ809" s="166">
        <v>0</v>
      </c>
      <c r="BA809" s="166">
        <v>0</v>
      </c>
      <c r="BB809" s="166">
        <v>0</v>
      </c>
      <c r="BC809" s="166">
        <v>0</v>
      </c>
      <c r="BD809" s="166">
        <v>0</v>
      </c>
      <c r="BE809" s="166">
        <v>0</v>
      </c>
      <c r="BF809" s="166">
        <v>0</v>
      </c>
      <c r="BG809" s="166">
        <v>0</v>
      </c>
      <c r="BH809" s="166">
        <v>0</v>
      </c>
      <c r="BI809" s="166">
        <v>0</v>
      </c>
      <c r="BJ809" s="166">
        <v>0</v>
      </c>
      <c r="BK809" s="166">
        <v>0</v>
      </c>
      <c r="BL809" s="166">
        <v>0</v>
      </c>
      <c r="BM809" s="166">
        <v>0</v>
      </c>
      <c r="BN809" s="166">
        <v>0</v>
      </c>
      <c r="BO809" s="166">
        <v>0</v>
      </c>
      <c r="BP809" s="166">
        <v>0</v>
      </c>
      <c r="BQ809" s="166">
        <v>0</v>
      </c>
      <c r="BR809" s="166">
        <v>0</v>
      </c>
      <c r="BS809" s="166">
        <v>0</v>
      </c>
      <c r="BT809" s="168">
        <v>1</v>
      </c>
      <c r="BU809" s="166">
        <v>0</v>
      </c>
      <c r="BV809" s="166">
        <v>0</v>
      </c>
      <c r="BW809" s="166">
        <v>0</v>
      </c>
      <c r="BX809" s="166">
        <v>0</v>
      </c>
      <c r="BY809" s="166">
        <v>0</v>
      </c>
      <c r="BZ809" s="166">
        <v>0</v>
      </c>
      <c r="CA809" s="166">
        <v>0</v>
      </c>
      <c r="CB809" s="166">
        <v>0</v>
      </c>
      <c r="CC809" s="166">
        <v>0</v>
      </c>
      <c r="CD809" s="166">
        <v>0</v>
      </c>
      <c r="CE809" s="166">
        <v>0</v>
      </c>
      <c r="CF809" s="166">
        <v>0</v>
      </c>
      <c r="CG809" s="166">
        <v>0</v>
      </c>
      <c r="CH809" s="166">
        <v>0</v>
      </c>
      <c r="CI809" s="166">
        <v>0</v>
      </c>
      <c r="CJ809" s="166">
        <v>0</v>
      </c>
      <c r="CK809" s="166">
        <v>0</v>
      </c>
      <c r="CL809" s="166">
        <v>0</v>
      </c>
      <c r="CM809" s="166">
        <v>0</v>
      </c>
      <c r="CN809" s="166">
        <v>0</v>
      </c>
      <c r="CO809" s="166">
        <v>0</v>
      </c>
      <c r="CP809" s="166">
        <v>0</v>
      </c>
      <c r="CQ809" s="166">
        <v>0</v>
      </c>
      <c r="CR809" s="166">
        <v>0</v>
      </c>
      <c r="CS809" s="166">
        <v>0</v>
      </c>
      <c r="CT809" s="166">
        <v>0</v>
      </c>
      <c r="CU809" s="166">
        <v>0</v>
      </c>
      <c r="CV809" s="166">
        <v>0</v>
      </c>
      <c r="CW809" s="166">
        <v>0</v>
      </c>
      <c r="CX809" s="166">
        <v>0</v>
      </c>
      <c r="CY809" s="166">
        <v>0</v>
      </c>
      <c r="CZ809" s="166">
        <v>0</v>
      </c>
    </row>
    <row r="810" spans="1:104" x14ac:dyDescent="0.2">
      <c r="A810" s="167" t="s">
        <v>1141</v>
      </c>
      <c r="B810" s="166">
        <v>0</v>
      </c>
      <c r="C810" s="166">
        <v>0</v>
      </c>
      <c r="D810" s="166">
        <v>0</v>
      </c>
      <c r="E810" s="166">
        <v>0</v>
      </c>
      <c r="F810" s="166">
        <v>0</v>
      </c>
      <c r="G810" s="166">
        <v>0</v>
      </c>
      <c r="H810" s="166">
        <v>0</v>
      </c>
      <c r="I810" s="166">
        <v>0</v>
      </c>
      <c r="J810" s="166">
        <v>0</v>
      </c>
      <c r="K810" s="166">
        <v>0</v>
      </c>
      <c r="L810" s="166">
        <v>0</v>
      </c>
      <c r="M810" s="166">
        <v>0</v>
      </c>
      <c r="N810" s="166">
        <v>0</v>
      </c>
      <c r="O810" s="166">
        <v>0</v>
      </c>
      <c r="P810" s="166">
        <v>0</v>
      </c>
      <c r="Q810" s="166">
        <v>0</v>
      </c>
      <c r="R810" s="166">
        <v>0</v>
      </c>
      <c r="S810" s="166">
        <v>0</v>
      </c>
      <c r="T810" s="166">
        <v>0</v>
      </c>
      <c r="U810" s="166">
        <v>0</v>
      </c>
      <c r="V810" s="166">
        <v>0</v>
      </c>
      <c r="W810" s="166">
        <v>0</v>
      </c>
      <c r="X810" s="166">
        <v>0</v>
      </c>
      <c r="Y810" s="166">
        <v>0</v>
      </c>
      <c r="Z810" s="166">
        <v>0</v>
      </c>
      <c r="AA810" s="166">
        <v>0</v>
      </c>
      <c r="AB810" s="166">
        <v>0</v>
      </c>
      <c r="AC810" s="166">
        <v>0</v>
      </c>
      <c r="AD810" s="166">
        <v>0</v>
      </c>
      <c r="AE810" s="166">
        <v>0</v>
      </c>
      <c r="AF810" s="166">
        <v>0</v>
      </c>
      <c r="AG810" s="166">
        <v>0</v>
      </c>
      <c r="AH810" s="166">
        <v>0</v>
      </c>
      <c r="AI810" s="166">
        <v>0</v>
      </c>
      <c r="AJ810" s="166">
        <v>0</v>
      </c>
      <c r="AK810" s="166">
        <v>0</v>
      </c>
      <c r="AL810" s="166">
        <v>0</v>
      </c>
      <c r="AM810" s="166">
        <v>0</v>
      </c>
      <c r="AN810" s="166">
        <v>0</v>
      </c>
      <c r="AO810" s="166">
        <v>0</v>
      </c>
      <c r="AP810" s="166">
        <v>0</v>
      </c>
      <c r="AQ810" s="166">
        <v>0</v>
      </c>
      <c r="AR810" s="166">
        <v>0</v>
      </c>
      <c r="AS810" s="166">
        <v>0</v>
      </c>
      <c r="AT810" s="166">
        <v>0</v>
      </c>
      <c r="AU810" s="166">
        <v>0</v>
      </c>
      <c r="AV810" s="166">
        <v>0</v>
      </c>
      <c r="AW810" s="166">
        <v>0</v>
      </c>
      <c r="AX810" s="166">
        <v>0</v>
      </c>
      <c r="AY810" s="166">
        <v>0</v>
      </c>
      <c r="AZ810" s="166">
        <v>0</v>
      </c>
      <c r="BA810" s="166">
        <v>0</v>
      </c>
      <c r="BB810" s="166">
        <v>0</v>
      </c>
      <c r="BC810" s="166">
        <v>0</v>
      </c>
      <c r="BD810" s="166">
        <v>0</v>
      </c>
      <c r="BE810" s="166">
        <v>0</v>
      </c>
      <c r="BF810" s="166">
        <v>0</v>
      </c>
      <c r="BG810" s="166">
        <v>0</v>
      </c>
      <c r="BH810" s="166">
        <v>0</v>
      </c>
      <c r="BI810" s="166">
        <v>0</v>
      </c>
      <c r="BJ810" s="166">
        <v>0</v>
      </c>
      <c r="BK810" s="166">
        <v>0</v>
      </c>
      <c r="BL810" s="166">
        <v>0</v>
      </c>
      <c r="BM810" s="166">
        <v>0</v>
      </c>
      <c r="BN810" s="166">
        <v>0</v>
      </c>
      <c r="BO810" s="166">
        <v>0</v>
      </c>
      <c r="BP810" s="166">
        <v>0</v>
      </c>
      <c r="BQ810" s="166">
        <v>0</v>
      </c>
      <c r="BR810" s="166">
        <v>0</v>
      </c>
      <c r="BS810" s="166">
        <v>0</v>
      </c>
      <c r="BT810" s="171">
        <v>0</v>
      </c>
      <c r="BU810" s="166">
        <v>0</v>
      </c>
      <c r="BV810" s="166">
        <v>0</v>
      </c>
      <c r="BW810" s="166">
        <v>0</v>
      </c>
      <c r="BX810" s="166">
        <v>0</v>
      </c>
      <c r="BY810" s="166">
        <v>0</v>
      </c>
      <c r="BZ810" s="166">
        <v>0</v>
      </c>
      <c r="CA810" s="166">
        <v>0</v>
      </c>
      <c r="CB810" s="166">
        <v>0</v>
      </c>
      <c r="CC810" s="166">
        <v>0</v>
      </c>
      <c r="CD810" s="166">
        <v>0</v>
      </c>
      <c r="CE810" s="166">
        <v>0</v>
      </c>
      <c r="CF810" s="166">
        <v>0</v>
      </c>
      <c r="CG810" s="166">
        <v>0</v>
      </c>
      <c r="CH810" s="166">
        <v>0</v>
      </c>
      <c r="CI810" s="166">
        <v>0</v>
      </c>
      <c r="CJ810" s="166">
        <v>0</v>
      </c>
      <c r="CK810" s="166">
        <v>0</v>
      </c>
      <c r="CL810" s="166">
        <v>0</v>
      </c>
      <c r="CM810" s="166">
        <v>0</v>
      </c>
      <c r="CN810" s="166">
        <v>0</v>
      </c>
      <c r="CO810" s="166">
        <v>0</v>
      </c>
      <c r="CP810" s="166">
        <v>0</v>
      </c>
      <c r="CQ810" s="166">
        <v>0</v>
      </c>
      <c r="CR810" s="166">
        <v>0</v>
      </c>
      <c r="CS810" s="166">
        <v>0</v>
      </c>
      <c r="CT810" s="166">
        <v>0</v>
      </c>
      <c r="CU810" s="166">
        <v>0</v>
      </c>
      <c r="CV810" s="166">
        <v>0</v>
      </c>
      <c r="CW810" s="166">
        <v>0</v>
      </c>
      <c r="CX810" s="166">
        <v>0</v>
      </c>
      <c r="CY810" s="166">
        <v>0</v>
      </c>
      <c r="CZ810" s="166">
        <v>0</v>
      </c>
    </row>
    <row r="811" spans="1:104" x14ac:dyDescent="0.2">
      <c r="A811" s="167" t="s">
        <v>342</v>
      </c>
    </row>
    <row r="812" spans="1:104" x14ac:dyDescent="0.2">
      <c r="A812" s="167" t="s">
        <v>1142</v>
      </c>
      <c r="B812" s="166">
        <v>0</v>
      </c>
      <c r="C812" s="166">
        <v>0</v>
      </c>
      <c r="D812" s="166">
        <v>0</v>
      </c>
      <c r="E812" s="166">
        <v>0</v>
      </c>
      <c r="F812" s="166">
        <v>0</v>
      </c>
      <c r="G812" s="166">
        <v>0</v>
      </c>
      <c r="H812" s="166">
        <v>0</v>
      </c>
      <c r="I812" s="166">
        <v>0</v>
      </c>
      <c r="J812" s="166">
        <v>0</v>
      </c>
      <c r="K812" s="166">
        <v>0</v>
      </c>
      <c r="L812" s="166">
        <v>0</v>
      </c>
      <c r="M812" s="166">
        <v>0</v>
      </c>
      <c r="N812" s="166">
        <v>0</v>
      </c>
      <c r="O812" s="166">
        <v>0</v>
      </c>
      <c r="P812" s="166">
        <v>0</v>
      </c>
      <c r="Q812" s="166">
        <v>0</v>
      </c>
      <c r="R812" s="166">
        <v>0</v>
      </c>
      <c r="S812" s="166">
        <v>0</v>
      </c>
      <c r="T812" s="166">
        <v>0</v>
      </c>
      <c r="U812" s="166">
        <v>0</v>
      </c>
      <c r="V812" s="166">
        <v>0</v>
      </c>
      <c r="W812" s="166">
        <v>0</v>
      </c>
      <c r="X812" s="166">
        <v>0</v>
      </c>
      <c r="Y812" s="166">
        <v>0</v>
      </c>
      <c r="Z812" s="166">
        <v>0</v>
      </c>
      <c r="AA812" s="166">
        <v>0</v>
      </c>
      <c r="AB812" s="166">
        <v>0</v>
      </c>
      <c r="AC812" s="166">
        <v>0</v>
      </c>
      <c r="AD812" s="166">
        <v>0</v>
      </c>
      <c r="AE812" s="166">
        <v>0</v>
      </c>
      <c r="AF812" s="166">
        <v>0</v>
      </c>
      <c r="AG812" s="166">
        <v>0</v>
      </c>
      <c r="AH812" s="166">
        <v>0</v>
      </c>
      <c r="AI812" s="166">
        <v>0</v>
      </c>
      <c r="AJ812" s="166">
        <v>0</v>
      </c>
      <c r="AK812" s="166">
        <v>0</v>
      </c>
      <c r="AL812" s="166">
        <v>0</v>
      </c>
      <c r="AM812" s="166">
        <v>0</v>
      </c>
      <c r="AN812" s="166">
        <v>0</v>
      </c>
      <c r="AO812" s="166">
        <v>0</v>
      </c>
      <c r="AP812" s="166">
        <v>0</v>
      </c>
      <c r="AQ812" s="166">
        <v>0</v>
      </c>
      <c r="AR812" s="166">
        <v>0</v>
      </c>
      <c r="AS812" s="166">
        <v>0</v>
      </c>
      <c r="AT812" s="166">
        <v>0</v>
      </c>
      <c r="AU812" s="166">
        <v>0</v>
      </c>
      <c r="AV812" s="166">
        <v>0</v>
      </c>
      <c r="AW812" s="166">
        <v>0</v>
      </c>
      <c r="AX812" s="166">
        <v>0</v>
      </c>
      <c r="AY812" s="166">
        <v>0</v>
      </c>
      <c r="AZ812" s="166">
        <v>0</v>
      </c>
      <c r="BA812" s="166">
        <v>0</v>
      </c>
      <c r="BB812" s="166">
        <v>0</v>
      </c>
      <c r="BC812" s="166">
        <v>0</v>
      </c>
      <c r="BD812" s="166">
        <v>0</v>
      </c>
      <c r="BE812" s="166">
        <v>0</v>
      </c>
      <c r="BF812" s="166">
        <v>0</v>
      </c>
      <c r="BG812" s="166">
        <v>0</v>
      </c>
      <c r="BH812" s="166">
        <v>0</v>
      </c>
      <c r="BI812" s="166">
        <v>0</v>
      </c>
      <c r="BJ812" s="166">
        <v>0</v>
      </c>
      <c r="BK812" s="166">
        <v>0</v>
      </c>
      <c r="BL812" s="166">
        <v>0</v>
      </c>
      <c r="BM812" s="166">
        <v>0</v>
      </c>
      <c r="BN812" s="166">
        <v>0</v>
      </c>
      <c r="BO812" s="166">
        <v>0</v>
      </c>
      <c r="BP812" s="166">
        <v>0</v>
      </c>
      <c r="BQ812" s="166">
        <v>0</v>
      </c>
      <c r="BR812" s="166">
        <v>0</v>
      </c>
      <c r="BS812" s="166">
        <v>0</v>
      </c>
      <c r="BT812" s="168">
        <v>1</v>
      </c>
      <c r="BU812" s="166">
        <v>0</v>
      </c>
      <c r="BV812" s="166">
        <v>0</v>
      </c>
      <c r="BW812" s="166">
        <v>0</v>
      </c>
      <c r="BX812" s="166">
        <v>0</v>
      </c>
      <c r="BY812" s="166">
        <v>0</v>
      </c>
      <c r="BZ812" s="166">
        <v>0</v>
      </c>
      <c r="CA812" s="166">
        <v>0</v>
      </c>
      <c r="CB812" s="166">
        <v>0</v>
      </c>
      <c r="CC812" s="166">
        <v>0</v>
      </c>
      <c r="CD812" s="166">
        <v>0</v>
      </c>
      <c r="CE812" s="166">
        <v>0</v>
      </c>
      <c r="CF812" s="166">
        <v>0</v>
      </c>
      <c r="CG812" s="166">
        <v>0</v>
      </c>
      <c r="CH812" s="166">
        <v>0</v>
      </c>
      <c r="CI812" s="166">
        <v>0</v>
      </c>
      <c r="CJ812" s="166">
        <v>0</v>
      </c>
      <c r="CK812" s="166">
        <v>0</v>
      </c>
      <c r="CL812" s="166">
        <v>0</v>
      </c>
      <c r="CM812" s="166">
        <v>0</v>
      </c>
      <c r="CN812" s="166">
        <v>0</v>
      </c>
      <c r="CO812" s="166">
        <v>0</v>
      </c>
      <c r="CP812" s="166">
        <v>0</v>
      </c>
      <c r="CQ812" s="166">
        <v>0</v>
      </c>
      <c r="CR812" s="166">
        <v>0</v>
      </c>
      <c r="CS812" s="166">
        <v>0</v>
      </c>
      <c r="CT812" s="166">
        <v>0</v>
      </c>
      <c r="CU812" s="166">
        <v>0</v>
      </c>
      <c r="CV812" s="166">
        <v>0</v>
      </c>
      <c r="CW812" s="166">
        <v>0</v>
      </c>
      <c r="CX812" s="166">
        <v>0</v>
      </c>
      <c r="CY812" s="166">
        <v>0</v>
      </c>
      <c r="CZ812" s="166">
        <v>0</v>
      </c>
    </row>
    <row r="813" spans="1:104" x14ac:dyDescent="0.2">
      <c r="A813" s="167" t="s">
        <v>344</v>
      </c>
    </row>
    <row r="814" spans="1:104" x14ac:dyDescent="0.2">
      <c r="A814" s="167" t="s">
        <v>1143</v>
      </c>
      <c r="B814" s="166">
        <v>1525909.5088891699</v>
      </c>
      <c r="C814" s="166">
        <v>1525909.5088891699</v>
      </c>
      <c r="D814" s="166">
        <v>0</v>
      </c>
      <c r="E814" s="166">
        <v>0</v>
      </c>
      <c r="F814" s="166">
        <v>0</v>
      </c>
      <c r="G814" s="166">
        <v>0</v>
      </c>
      <c r="H814" s="166">
        <v>0</v>
      </c>
      <c r="I814" s="166">
        <v>0</v>
      </c>
      <c r="J814" s="166">
        <v>0</v>
      </c>
      <c r="K814" s="166">
        <v>0</v>
      </c>
      <c r="L814" s="166">
        <v>0</v>
      </c>
      <c r="M814" s="166">
        <v>0</v>
      </c>
      <c r="N814" s="166">
        <v>0</v>
      </c>
      <c r="O814" s="166">
        <v>0</v>
      </c>
      <c r="P814" s="166">
        <v>0</v>
      </c>
      <c r="Q814" s="166">
        <v>0</v>
      </c>
      <c r="R814" s="166">
        <v>0</v>
      </c>
      <c r="S814" s="166">
        <v>0</v>
      </c>
      <c r="T814" s="166">
        <v>0</v>
      </c>
      <c r="U814" s="166">
        <v>0</v>
      </c>
      <c r="V814" s="166">
        <v>0</v>
      </c>
      <c r="W814" s="166">
        <v>0</v>
      </c>
      <c r="X814" s="166">
        <v>0</v>
      </c>
      <c r="Y814" s="166">
        <v>0</v>
      </c>
      <c r="Z814" s="166">
        <v>0</v>
      </c>
      <c r="AA814" s="166">
        <v>0</v>
      </c>
      <c r="AB814" s="166">
        <v>0</v>
      </c>
      <c r="AC814" s="166">
        <v>0</v>
      </c>
      <c r="AD814" s="166">
        <v>0</v>
      </c>
      <c r="AE814" s="166">
        <v>0</v>
      </c>
      <c r="AF814" s="166">
        <v>0</v>
      </c>
      <c r="AG814" s="166">
        <v>0</v>
      </c>
      <c r="AH814" s="166">
        <v>0</v>
      </c>
      <c r="AI814" s="166">
        <v>0</v>
      </c>
      <c r="AJ814" s="166">
        <v>0</v>
      </c>
      <c r="AK814" s="166">
        <v>0</v>
      </c>
      <c r="AL814" s="166">
        <v>0</v>
      </c>
      <c r="AM814" s="166">
        <v>0</v>
      </c>
      <c r="AN814" s="166">
        <v>0</v>
      </c>
      <c r="AO814" s="166">
        <v>0</v>
      </c>
      <c r="AP814" s="166">
        <v>0</v>
      </c>
      <c r="AQ814" s="166">
        <v>0</v>
      </c>
      <c r="AR814" s="166">
        <v>0</v>
      </c>
      <c r="AS814" s="166">
        <v>0</v>
      </c>
      <c r="AT814" s="166">
        <v>0</v>
      </c>
      <c r="AU814" s="166">
        <v>0</v>
      </c>
      <c r="AV814" s="166">
        <v>0</v>
      </c>
      <c r="AW814" s="166">
        <v>0</v>
      </c>
      <c r="AX814" s="166">
        <v>0</v>
      </c>
      <c r="AY814" s="166">
        <v>0</v>
      </c>
      <c r="AZ814" s="166">
        <v>0</v>
      </c>
      <c r="BA814" s="166">
        <v>0</v>
      </c>
      <c r="BB814" s="166">
        <v>0</v>
      </c>
      <c r="BC814" s="166">
        <v>0</v>
      </c>
      <c r="BD814" s="166">
        <v>0</v>
      </c>
      <c r="BE814" s="166">
        <v>0</v>
      </c>
      <c r="BF814" s="166">
        <v>0</v>
      </c>
      <c r="BG814" s="166">
        <v>0</v>
      </c>
      <c r="BH814" s="166">
        <v>0</v>
      </c>
      <c r="BI814" s="166">
        <v>0</v>
      </c>
      <c r="BJ814" s="166">
        <v>0</v>
      </c>
      <c r="BK814" s="166">
        <v>0</v>
      </c>
      <c r="BL814" s="166">
        <v>0</v>
      </c>
      <c r="BM814" s="166">
        <v>0</v>
      </c>
      <c r="BN814" s="166">
        <v>0</v>
      </c>
      <c r="BO814" s="166">
        <v>0</v>
      </c>
      <c r="BP814" s="166">
        <v>0</v>
      </c>
      <c r="BQ814" s="166">
        <v>0</v>
      </c>
      <c r="BR814" s="166">
        <v>1525909.5088891699</v>
      </c>
      <c r="BS814" s="166">
        <v>1525909.5088891699</v>
      </c>
      <c r="BT814" s="168">
        <v>1</v>
      </c>
      <c r="BU814" s="166">
        <v>83024.685710237696</v>
      </c>
      <c r="BV814" s="166">
        <v>1525909.5088891699</v>
      </c>
      <c r="BW814" s="166">
        <v>0</v>
      </c>
      <c r="BX814" s="166">
        <v>0</v>
      </c>
      <c r="BY814" s="166">
        <v>0</v>
      </c>
      <c r="BZ814" s="166">
        <v>0</v>
      </c>
      <c r="CA814" s="166">
        <v>0</v>
      </c>
      <c r="CB814" s="166">
        <v>0</v>
      </c>
      <c r="CC814" s="166">
        <v>0</v>
      </c>
      <c r="CD814" s="166">
        <v>0</v>
      </c>
      <c r="CE814" s="166">
        <v>0</v>
      </c>
      <c r="CF814" s="166">
        <v>0</v>
      </c>
      <c r="CG814" s="166">
        <v>0</v>
      </c>
      <c r="CH814" s="166">
        <v>0</v>
      </c>
      <c r="CI814" s="166">
        <v>0</v>
      </c>
      <c r="CJ814" s="166">
        <v>0</v>
      </c>
      <c r="CK814" s="166">
        <v>0</v>
      </c>
      <c r="CL814" s="166">
        <v>0</v>
      </c>
      <c r="CM814" s="166">
        <v>0</v>
      </c>
      <c r="CN814" s="166">
        <v>0</v>
      </c>
      <c r="CO814" s="166">
        <v>0</v>
      </c>
      <c r="CP814" s="166">
        <v>0</v>
      </c>
      <c r="CQ814" s="166">
        <v>0</v>
      </c>
      <c r="CR814" s="166">
        <v>0</v>
      </c>
      <c r="CS814" s="166">
        <v>0</v>
      </c>
      <c r="CT814" s="166">
        <v>0</v>
      </c>
      <c r="CU814" s="166">
        <v>0</v>
      </c>
      <c r="CV814" s="166">
        <v>0</v>
      </c>
      <c r="CW814" s="166">
        <v>0</v>
      </c>
      <c r="CX814" s="166">
        <v>0</v>
      </c>
      <c r="CY814" s="166">
        <v>1525909.5088891699</v>
      </c>
      <c r="CZ814" s="166">
        <v>1525909.5088891699</v>
      </c>
    </row>
    <row r="815" spans="1:104" x14ac:dyDescent="0.2">
      <c r="A815" s="167" t="s">
        <v>1144</v>
      </c>
      <c r="B815" s="166">
        <v>732797.62770932994</v>
      </c>
      <c r="C815" s="166">
        <v>732797.62770932994</v>
      </c>
      <c r="D815" s="166">
        <v>0</v>
      </c>
      <c r="E815" s="166">
        <v>0</v>
      </c>
      <c r="F815" s="166">
        <v>0</v>
      </c>
      <c r="G815" s="166">
        <v>0</v>
      </c>
      <c r="H815" s="166">
        <v>0</v>
      </c>
      <c r="I815" s="166">
        <v>0</v>
      </c>
      <c r="J815" s="166">
        <v>0</v>
      </c>
      <c r="K815" s="166">
        <v>0</v>
      </c>
      <c r="L815" s="166">
        <v>0</v>
      </c>
      <c r="M815" s="166">
        <v>0</v>
      </c>
      <c r="N815" s="166">
        <v>0</v>
      </c>
      <c r="O815" s="166">
        <v>0</v>
      </c>
      <c r="P815" s="166">
        <v>0</v>
      </c>
      <c r="Q815" s="166">
        <v>0</v>
      </c>
      <c r="R815" s="166">
        <v>0</v>
      </c>
      <c r="S815" s="166">
        <v>0</v>
      </c>
      <c r="T815" s="166">
        <v>0</v>
      </c>
      <c r="U815" s="166">
        <v>0</v>
      </c>
      <c r="V815" s="166">
        <v>0</v>
      </c>
      <c r="W815" s="166">
        <v>0</v>
      </c>
      <c r="X815" s="166">
        <v>0</v>
      </c>
      <c r="Y815" s="166">
        <v>0</v>
      </c>
      <c r="Z815" s="166">
        <v>0</v>
      </c>
      <c r="AA815" s="166">
        <v>0</v>
      </c>
      <c r="AB815" s="166">
        <v>0</v>
      </c>
      <c r="AC815" s="166">
        <v>0</v>
      </c>
      <c r="AD815" s="166">
        <v>0</v>
      </c>
      <c r="AE815" s="166">
        <v>0</v>
      </c>
      <c r="AF815" s="166">
        <v>0</v>
      </c>
      <c r="AG815" s="166">
        <v>0</v>
      </c>
      <c r="AH815" s="166">
        <v>0</v>
      </c>
      <c r="AI815" s="166">
        <v>0</v>
      </c>
      <c r="AJ815" s="166">
        <v>0</v>
      </c>
      <c r="AK815" s="166">
        <v>0</v>
      </c>
      <c r="AL815" s="166">
        <v>0</v>
      </c>
      <c r="AM815" s="166">
        <v>0</v>
      </c>
      <c r="AN815" s="166">
        <v>0</v>
      </c>
      <c r="AO815" s="166">
        <v>0</v>
      </c>
      <c r="AP815" s="166">
        <v>0</v>
      </c>
      <c r="AQ815" s="166">
        <v>0</v>
      </c>
      <c r="AR815" s="166">
        <v>0</v>
      </c>
      <c r="AS815" s="166">
        <v>0</v>
      </c>
      <c r="AT815" s="166">
        <v>0</v>
      </c>
      <c r="AU815" s="166">
        <v>0</v>
      </c>
      <c r="AV815" s="166">
        <v>0</v>
      </c>
      <c r="AW815" s="166">
        <v>0</v>
      </c>
      <c r="AX815" s="166">
        <v>0</v>
      </c>
      <c r="AY815" s="166">
        <v>0</v>
      </c>
      <c r="AZ815" s="166">
        <v>0</v>
      </c>
      <c r="BA815" s="166">
        <v>0</v>
      </c>
      <c r="BB815" s="166">
        <v>0</v>
      </c>
      <c r="BC815" s="166">
        <v>0</v>
      </c>
      <c r="BD815" s="166">
        <v>0</v>
      </c>
      <c r="BE815" s="166">
        <v>0</v>
      </c>
      <c r="BF815" s="166">
        <v>0</v>
      </c>
      <c r="BG815" s="166">
        <v>0</v>
      </c>
      <c r="BH815" s="166">
        <v>0</v>
      </c>
      <c r="BI815" s="166">
        <v>0</v>
      </c>
      <c r="BJ815" s="166">
        <v>0</v>
      </c>
      <c r="BK815" s="166">
        <v>0</v>
      </c>
      <c r="BL815" s="166">
        <v>0</v>
      </c>
      <c r="BM815" s="166">
        <v>0</v>
      </c>
      <c r="BN815" s="166">
        <v>0</v>
      </c>
      <c r="BO815" s="166">
        <v>0</v>
      </c>
      <c r="BP815" s="166">
        <v>0</v>
      </c>
      <c r="BQ815" s="166">
        <v>0</v>
      </c>
      <c r="BR815" s="166">
        <v>732797.62770932994</v>
      </c>
      <c r="BS815" s="166">
        <v>732797.62770932994</v>
      </c>
      <c r="BT815" s="168">
        <v>1</v>
      </c>
      <c r="BU815" s="166">
        <v>39343.261682562697</v>
      </c>
      <c r="BV815" s="166">
        <v>732797.62770932994</v>
      </c>
      <c r="BW815" s="166">
        <v>0</v>
      </c>
      <c r="BX815" s="166">
        <v>0</v>
      </c>
      <c r="BY815" s="166">
        <v>0</v>
      </c>
      <c r="BZ815" s="166">
        <v>0</v>
      </c>
      <c r="CA815" s="166">
        <v>0</v>
      </c>
      <c r="CB815" s="166">
        <v>0</v>
      </c>
      <c r="CC815" s="166">
        <v>0</v>
      </c>
      <c r="CD815" s="166">
        <v>0</v>
      </c>
      <c r="CE815" s="166">
        <v>0</v>
      </c>
      <c r="CF815" s="166">
        <v>0</v>
      </c>
      <c r="CG815" s="166">
        <v>0</v>
      </c>
      <c r="CH815" s="166">
        <v>0</v>
      </c>
      <c r="CI815" s="166">
        <v>0</v>
      </c>
      <c r="CJ815" s="166">
        <v>0</v>
      </c>
      <c r="CK815" s="166">
        <v>0</v>
      </c>
      <c r="CL815" s="166">
        <v>0</v>
      </c>
      <c r="CM815" s="166">
        <v>0</v>
      </c>
      <c r="CN815" s="166">
        <v>0</v>
      </c>
      <c r="CO815" s="166">
        <v>0</v>
      </c>
      <c r="CP815" s="166">
        <v>0</v>
      </c>
      <c r="CQ815" s="166">
        <v>0</v>
      </c>
      <c r="CR815" s="166">
        <v>0</v>
      </c>
      <c r="CS815" s="166">
        <v>0</v>
      </c>
      <c r="CT815" s="166">
        <v>0</v>
      </c>
      <c r="CU815" s="166">
        <v>0</v>
      </c>
      <c r="CV815" s="166">
        <v>0</v>
      </c>
      <c r="CW815" s="166">
        <v>0</v>
      </c>
      <c r="CX815" s="166">
        <v>0</v>
      </c>
      <c r="CY815" s="166">
        <v>732797.62770932994</v>
      </c>
      <c r="CZ815" s="166">
        <v>732797.62770932994</v>
      </c>
    </row>
    <row r="816" spans="1:104" x14ac:dyDescent="0.2">
      <c r="A816" s="167" t="s">
        <v>1145</v>
      </c>
      <c r="B816" s="166">
        <v>213653.39412337099</v>
      </c>
      <c r="C816" s="166">
        <v>213653.39412337099</v>
      </c>
      <c r="D816" s="166">
        <v>0</v>
      </c>
      <c r="E816" s="166">
        <v>0</v>
      </c>
      <c r="F816" s="166">
        <v>0</v>
      </c>
      <c r="G816" s="166">
        <v>0</v>
      </c>
      <c r="H816" s="166">
        <v>0</v>
      </c>
      <c r="I816" s="166">
        <v>0</v>
      </c>
      <c r="J816" s="166">
        <v>0</v>
      </c>
      <c r="K816" s="166">
        <v>0</v>
      </c>
      <c r="L816" s="166">
        <v>0</v>
      </c>
      <c r="M816" s="166">
        <v>0</v>
      </c>
      <c r="N816" s="166">
        <v>0</v>
      </c>
      <c r="O816" s="166">
        <v>0</v>
      </c>
      <c r="P816" s="166">
        <v>0</v>
      </c>
      <c r="Q816" s="166">
        <v>0</v>
      </c>
      <c r="R816" s="166">
        <v>0</v>
      </c>
      <c r="S816" s="166">
        <v>0</v>
      </c>
      <c r="T816" s="166">
        <v>0</v>
      </c>
      <c r="U816" s="166">
        <v>0</v>
      </c>
      <c r="V816" s="166">
        <v>0</v>
      </c>
      <c r="W816" s="166">
        <v>0</v>
      </c>
      <c r="X816" s="166">
        <v>0</v>
      </c>
      <c r="Y816" s="166">
        <v>0</v>
      </c>
      <c r="Z816" s="166">
        <v>0</v>
      </c>
      <c r="AA816" s="166">
        <v>0</v>
      </c>
      <c r="AB816" s="166">
        <v>0</v>
      </c>
      <c r="AC816" s="166">
        <v>0</v>
      </c>
      <c r="AD816" s="166">
        <v>0</v>
      </c>
      <c r="AE816" s="166">
        <v>0</v>
      </c>
      <c r="AF816" s="166">
        <v>0</v>
      </c>
      <c r="AG816" s="166">
        <v>0</v>
      </c>
      <c r="AH816" s="166">
        <v>0</v>
      </c>
      <c r="AI816" s="166">
        <v>0</v>
      </c>
      <c r="AJ816" s="166">
        <v>0</v>
      </c>
      <c r="AK816" s="166">
        <v>0</v>
      </c>
      <c r="AL816" s="166">
        <v>0</v>
      </c>
      <c r="AM816" s="166">
        <v>0</v>
      </c>
      <c r="AN816" s="166">
        <v>0</v>
      </c>
      <c r="AO816" s="166">
        <v>0</v>
      </c>
      <c r="AP816" s="166">
        <v>0</v>
      </c>
      <c r="AQ816" s="166">
        <v>0</v>
      </c>
      <c r="AR816" s="166">
        <v>0</v>
      </c>
      <c r="AS816" s="166">
        <v>0</v>
      </c>
      <c r="AT816" s="166">
        <v>0</v>
      </c>
      <c r="AU816" s="166">
        <v>0</v>
      </c>
      <c r="AV816" s="166">
        <v>0</v>
      </c>
      <c r="AW816" s="166">
        <v>0</v>
      </c>
      <c r="AX816" s="166">
        <v>0</v>
      </c>
      <c r="AY816" s="166">
        <v>0</v>
      </c>
      <c r="AZ816" s="166">
        <v>0</v>
      </c>
      <c r="BA816" s="166">
        <v>0</v>
      </c>
      <c r="BB816" s="166">
        <v>0</v>
      </c>
      <c r="BC816" s="166">
        <v>0</v>
      </c>
      <c r="BD816" s="166">
        <v>0</v>
      </c>
      <c r="BE816" s="166">
        <v>0</v>
      </c>
      <c r="BF816" s="166">
        <v>0</v>
      </c>
      <c r="BG816" s="166">
        <v>0</v>
      </c>
      <c r="BH816" s="166">
        <v>0</v>
      </c>
      <c r="BI816" s="166">
        <v>0</v>
      </c>
      <c r="BJ816" s="166">
        <v>0</v>
      </c>
      <c r="BK816" s="166">
        <v>0</v>
      </c>
      <c r="BL816" s="166">
        <v>0</v>
      </c>
      <c r="BM816" s="166">
        <v>0</v>
      </c>
      <c r="BN816" s="166">
        <v>0</v>
      </c>
      <c r="BO816" s="166">
        <v>0</v>
      </c>
      <c r="BP816" s="166">
        <v>0</v>
      </c>
      <c r="BQ816" s="166">
        <v>0</v>
      </c>
      <c r="BR816" s="166">
        <v>213653.39412337099</v>
      </c>
      <c r="BS816" s="166">
        <v>213653.39412337099</v>
      </c>
      <c r="BT816" s="168">
        <v>1</v>
      </c>
      <c r="BU816" s="166">
        <v>10943.374892813201</v>
      </c>
      <c r="BV816" s="166">
        <v>213653.39412337099</v>
      </c>
      <c r="BW816" s="166">
        <v>0</v>
      </c>
      <c r="BX816" s="166">
        <v>0</v>
      </c>
      <c r="BY816" s="166">
        <v>0</v>
      </c>
      <c r="BZ816" s="166">
        <v>0</v>
      </c>
      <c r="CA816" s="166">
        <v>0</v>
      </c>
      <c r="CB816" s="166">
        <v>0</v>
      </c>
      <c r="CC816" s="166">
        <v>0</v>
      </c>
      <c r="CD816" s="166">
        <v>0</v>
      </c>
      <c r="CE816" s="166">
        <v>0</v>
      </c>
      <c r="CF816" s="166">
        <v>0</v>
      </c>
      <c r="CG816" s="166">
        <v>0</v>
      </c>
      <c r="CH816" s="166">
        <v>0</v>
      </c>
      <c r="CI816" s="166">
        <v>0</v>
      </c>
      <c r="CJ816" s="166">
        <v>0</v>
      </c>
      <c r="CK816" s="166">
        <v>0</v>
      </c>
      <c r="CL816" s="166">
        <v>0</v>
      </c>
      <c r="CM816" s="166">
        <v>0</v>
      </c>
      <c r="CN816" s="166">
        <v>0</v>
      </c>
      <c r="CO816" s="166">
        <v>0</v>
      </c>
      <c r="CP816" s="166">
        <v>0</v>
      </c>
      <c r="CQ816" s="166">
        <v>0</v>
      </c>
      <c r="CR816" s="166">
        <v>0</v>
      </c>
      <c r="CS816" s="166">
        <v>0</v>
      </c>
      <c r="CT816" s="166">
        <v>0</v>
      </c>
      <c r="CU816" s="166">
        <v>0</v>
      </c>
      <c r="CV816" s="166">
        <v>0</v>
      </c>
      <c r="CW816" s="166">
        <v>0</v>
      </c>
      <c r="CX816" s="166">
        <v>0</v>
      </c>
      <c r="CY816" s="166">
        <v>213653.39412337099</v>
      </c>
      <c r="CZ816" s="166">
        <v>213653.39412337099</v>
      </c>
    </row>
    <row r="817" spans="1:104" x14ac:dyDescent="0.2">
      <c r="A817" s="167" t="s">
        <v>1146</v>
      </c>
      <c r="B817" s="166">
        <v>115859.937159127</v>
      </c>
      <c r="C817" s="166">
        <v>115859.937159127</v>
      </c>
      <c r="D817" s="166">
        <v>0</v>
      </c>
      <c r="E817" s="166">
        <v>0</v>
      </c>
      <c r="F817" s="166">
        <v>0</v>
      </c>
      <c r="G817" s="166">
        <v>0</v>
      </c>
      <c r="H817" s="166">
        <v>0</v>
      </c>
      <c r="I817" s="166">
        <v>0</v>
      </c>
      <c r="J817" s="166">
        <v>0</v>
      </c>
      <c r="K817" s="166">
        <v>0</v>
      </c>
      <c r="L817" s="166">
        <v>0</v>
      </c>
      <c r="M817" s="166">
        <v>0</v>
      </c>
      <c r="N817" s="166">
        <v>0</v>
      </c>
      <c r="O817" s="166">
        <v>0</v>
      </c>
      <c r="P817" s="166">
        <v>0</v>
      </c>
      <c r="Q817" s="166">
        <v>0</v>
      </c>
      <c r="R817" s="166">
        <v>0</v>
      </c>
      <c r="S817" s="166">
        <v>0</v>
      </c>
      <c r="T817" s="166">
        <v>0</v>
      </c>
      <c r="U817" s="166">
        <v>0</v>
      </c>
      <c r="V817" s="166">
        <v>0</v>
      </c>
      <c r="W817" s="166">
        <v>0</v>
      </c>
      <c r="X817" s="166">
        <v>0</v>
      </c>
      <c r="Y817" s="166">
        <v>0</v>
      </c>
      <c r="Z817" s="166">
        <v>0</v>
      </c>
      <c r="AA817" s="166">
        <v>0</v>
      </c>
      <c r="AB817" s="166">
        <v>0</v>
      </c>
      <c r="AC817" s="166">
        <v>0</v>
      </c>
      <c r="AD817" s="166">
        <v>0</v>
      </c>
      <c r="AE817" s="166">
        <v>0</v>
      </c>
      <c r="AF817" s="166">
        <v>0</v>
      </c>
      <c r="AG817" s="166">
        <v>0</v>
      </c>
      <c r="AH817" s="166">
        <v>0</v>
      </c>
      <c r="AI817" s="166">
        <v>0</v>
      </c>
      <c r="AJ817" s="166">
        <v>0</v>
      </c>
      <c r="AK817" s="166">
        <v>0</v>
      </c>
      <c r="AL817" s="166">
        <v>0</v>
      </c>
      <c r="AM817" s="166">
        <v>0</v>
      </c>
      <c r="AN817" s="166">
        <v>0</v>
      </c>
      <c r="AO817" s="166">
        <v>0</v>
      </c>
      <c r="AP817" s="166">
        <v>0</v>
      </c>
      <c r="AQ817" s="166">
        <v>0</v>
      </c>
      <c r="AR817" s="166">
        <v>0</v>
      </c>
      <c r="AS817" s="166">
        <v>0</v>
      </c>
      <c r="AT817" s="166">
        <v>0</v>
      </c>
      <c r="AU817" s="166">
        <v>0</v>
      </c>
      <c r="AV817" s="166">
        <v>0</v>
      </c>
      <c r="AW817" s="166">
        <v>0</v>
      </c>
      <c r="AX817" s="166">
        <v>0</v>
      </c>
      <c r="AY817" s="166">
        <v>0</v>
      </c>
      <c r="AZ817" s="166">
        <v>0</v>
      </c>
      <c r="BA817" s="166">
        <v>0</v>
      </c>
      <c r="BB817" s="166">
        <v>0</v>
      </c>
      <c r="BC817" s="166">
        <v>0</v>
      </c>
      <c r="BD817" s="166">
        <v>0</v>
      </c>
      <c r="BE817" s="166">
        <v>0</v>
      </c>
      <c r="BF817" s="166">
        <v>0</v>
      </c>
      <c r="BG817" s="166">
        <v>0</v>
      </c>
      <c r="BH817" s="166">
        <v>0</v>
      </c>
      <c r="BI817" s="166">
        <v>0</v>
      </c>
      <c r="BJ817" s="166">
        <v>0</v>
      </c>
      <c r="BK817" s="166">
        <v>0</v>
      </c>
      <c r="BL817" s="166">
        <v>0</v>
      </c>
      <c r="BM817" s="166">
        <v>0</v>
      </c>
      <c r="BN817" s="166">
        <v>0</v>
      </c>
      <c r="BO817" s="166">
        <v>0</v>
      </c>
      <c r="BP817" s="166">
        <v>0</v>
      </c>
      <c r="BQ817" s="166">
        <v>0</v>
      </c>
      <c r="BR817" s="166">
        <v>115859.937159127</v>
      </c>
      <c r="BS817" s="166">
        <v>115859.937159127</v>
      </c>
      <c r="BT817" s="168">
        <v>0.98770000000000002</v>
      </c>
      <c r="BU817" s="166">
        <v>5758.8037140345104</v>
      </c>
      <c r="BV817" s="166">
        <v>114434.85993207</v>
      </c>
      <c r="BW817" s="166">
        <v>0</v>
      </c>
      <c r="BX817" s="166">
        <v>0</v>
      </c>
      <c r="BY817" s="166">
        <v>0</v>
      </c>
      <c r="BZ817" s="166">
        <v>0</v>
      </c>
      <c r="CA817" s="166">
        <v>0</v>
      </c>
      <c r="CB817" s="166">
        <v>0</v>
      </c>
      <c r="CC817" s="166">
        <v>0</v>
      </c>
      <c r="CD817" s="166">
        <v>0</v>
      </c>
      <c r="CE817" s="166">
        <v>0</v>
      </c>
      <c r="CF817" s="166">
        <v>0</v>
      </c>
      <c r="CG817" s="166">
        <v>0</v>
      </c>
      <c r="CH817" s="166">
        <v>0</v>
      </c>
      <c r="CI817" s="166">
        <v>0</v>
      </c>
      <c r="CJ817" s="166">
        <v>0</v>
      </c>
      <c r="CK817" s="166">
        <v>0</v>
      </c>
      <c r="CL817" s="166">
        <v>0</v>
      </c>
      <c r="CM817" s="166">
        <v>0</v>
      </c>
      <c r="CN817" s="166">
        <v>0</v>
      </c>
      <c r="CO817" s="166">
        <v>0</v>
      </c>
      <c r="CP817" s="166">
        <v>0</v>
      </c>
      <c r="CQ817" s="166">
        <v>0</v>
      </c>
      <c r="CR817" s="166">
        <v>0</v>
      </c>
      <c r="CS817" s="166">
        <v>0</v>
      </c>
      <c r="CT817" s="166">
        <v>0</v>
      </c>
      <c r="CU817" s="166">
        <v>0</v>
      </c>
      <c r="CV817" s="166">
        <v>0</v>
      </c>
      <c r="CW817" s="166">
        <v>0</v>
      </c>
      <c r="CX817" s="166">
        <v>0</v>
      </c>
      <c r="CY817" s="166">
        <v>114434.85993207</v>
      </c>
      <c r="CZ817" s="166">
        <v>114434.85993207</v>
      </c>
    </row>
    <row r="818" spans="1:104" x14ac:dyDescent="0.2">
      <c r="A818" s="167" t="s">
        <v>1147</v>
      </c>
      <c r="B818" s="166">
        <v>258167.192119001</v>
      </c>
      <c r="C818" s="166">
        <v>258167.192119001</v>
      </c>
      <c r="D818" s="166">
        <v>0</v>
      </c>
      <c r="E818" s="166">
        <v>0</v>
      </c>
      <c r="F818" s="166">
        <v>0</v>
      </c>
      <c r="G818" s="166">
        <v>0</v>
      </c>
      <c r="H818" s="166">
        <v>0</v>
      </c>
      <c r="I818" s="166">
        <v>0</v>
      </c>
      <c r="J818" s="166">
        <v>0</v>
      </c>
      <c r="K818" s="166">
        <v>0</v>
      </c>
      <c r="L818" s="166">
        <v>0</v>
      </c>
      <c r="M818" s="166">
        <v>0</v>
      </c>
      <c r="N818" s="166">
        <v>0</v>
      </c>
      <c r="O818" s="166">
        <v>0</v>
      </c>
      <c r="P818" s="166">
        <v>0</v>
      </c>
      <c r="Q818" s="166">
        <v>0</v>
      </c>
      <c r="R818" s="166">
        <v>0</v>
      </c>
      <c r="S818" s="166">
        <v>0</v>
      </c>
      <c r="T818" s="166">
        <v>0</v>
      </c>
      <c r="U818" s="166">
        <v>0</v>
      </c>
      <c r="V818" s="166">
        <v>0</v>
      </c>
      <c r="W818" s="166">
        <v>0</v>
      </c>
      <c r="X818" s="166">
        <v>0</v>
      </c>
      <c r="Y818" s="166">
        <v>0</v>
      </c>
      <c r="Z818" s="166">
        <v>0</v>
      </c>
      <c r="AA818" s="166">
        <v>0</v>
      </c>
      <c r="AB818" s="166">
        <v>0</v>
      </c>
      <c r="AC818" s="166">
        <v>0</v>
      </c>
      <c r="AD818" s="166">
        <v>0</v>
      </c>
      <c r="AE818" s="166">
        <v>0</v>
      </c>
      <c r="AF818" s="166">
        <v>0</v>
      </c>
      <c r="AG818" s="166">
        <v>0</v>
      </c>
      <c r="AH818" s="166">
        <v>0</v>
      </c>
      <c r="AI818" s="166">
        <v>0</v>
      </c>
      <c r="AJ818" s="166">
        <v>0</v>
      </c>
      <c r="AK818" s="166">
        <v>0</v>
      </c>
      <c r="AL818" s="166">
        <v>0</v>
      </c>
      <c r="AM818" s="166">
        <v>0</v>
      </c>
      <c r="AN818" s="166">
        <v>0</v>
      </c>
      <c r="AO818" s="166">
        <v>0</v>
      </c>
      <c r="AP818" s="166">
        <v>0</v>
      </c>
      <c r="AQ818" s="166">
        <v>0</v>
      </c>
      <c r="AR818" s="166">
        <v>0</v>
      </c>
      <c r="AS818" s="166">
        <v>0</v>
      </c>
      <c r="AT818" s="166">
        <v>0</v>
      </c>
      <c r="AU818" s="166">
        <v>0</v>
      </c>
      <c r="AV818" s="166">
        <v>0</v>
      </c>
      <c r="AW818" s="166">
        <v>0</v>
      </c>
      <c r="AX818" s="166">
        <v>0</v>
      </c>
      <c r="AY818" s="166">
        <v>0</v>
      </c>
      <c r="AZ818" s="166">
        <v>0</v>
      </c>
      <c r="BA818" s="166">
        <v>0</v>
      </c>
      <c r="BB818" s="166">
        <v>0</v>
      </c>
      <c r="BC818" s="166">
        <v>0</v>
      </c>
      <c r="BD818" s="166">
        <v>0</v>
      </c>
      <c r="BE818" s="166">
        <v>0</v>
      </c>
      <c r="BF818" s="166">
        <v>0</v>
      </c>
      <c r="BG818" s="166">
        <v>0</v>
      </c>
      <c r="BH818" s="166">
        <v>0</v>
      </c>
      <c r="BI818" s="166">
        <v>0</v>
      </c>
      <c r="BJ818" s="166">
        <v>0</v>
      </c>
      <c r="BK818" s="166">
        <v>0</v>
      </c>
      <c r="BL818" s="166">
        <v>0</v>
      </c>
      <c r="BM818" s="166">
        <v>0</v>
      </c>
      <c r="BN818" s="166">
        <v>0</v>
      </c>
      <c r="BO818" s="166">
        <v>0</v>
      </c>
      <c r="BP818" s="166">
        <v>0</v>
      </c>
      <c r="BQ818" s="166">
        <v>0</v>
      </c>
      <c r="BR818" s="166">
        <v>258167.192119001</v>
      </c>
      <c r="BS818" s="166">
        <v>258167.192119001</v>
      </c>
      <c r="BT818" s="168">
        <v>1</v>
      </c>
      <c r="BU818" s="166">
        <v>13844.6286154346</v>
      </c>
      <c r="BV818" s="166">
        <v>258167.192119001</v>
      </c>
      <c r="BW818" s="166">
        <v>0</v>
      </c>
      <c r="BX818" s="166">
        <v>0</v>
      </c>
      <c r="BY818" s="166">
        <v>0</v>
      </c>
      <c r="BZ818" s="166">
        <v>0</v>
      </c>
      <c r="CA818" s="166">
        <v>0</v>
      </c>
      <c r="CB818" s="166">
        <v>0</v>
      </c>
      <c r="CC818" s="166">
        <v>0</v>
      </c>
      <c r="CD818" s="166">
        <v>0</v>
      </c>
      <c r="CE818" s="166">
        <v>0</v>
      </c>
      <c r="CF818" s="166">
        <v>0</v>
      </c>
      <c r="CG818" s="166">
        <v>0</v>
      </c>
      <c r="CH818" s="166">
        <v>0</v>
      </c>
      <c r="CI818" s="166">
        <v>0</v>
      </c>
      <c r="CJ818" s="166">
        <v>0</v>
      </c>
      <c r="CK818" s="166">
        <v>0</v>
      </c>
      <c r="CL818" s="166">
        <v>0</v>
      </c>
      <c r="CM818" s="166">
        <v>0</v>
      </c>
      <c r="CN818" s="166">
        <v>0</v>
      </c>
      <c r="CO818" s="166">
        <v>0</v>
      </c>
      <c r="CP818" s="166">
        <v>0</v>
      </c>
      <c r="CQ818" s="166">
        <v>0</v>
      </c>
      <c r="CR818" s="166">
        <v>0</v>
      </c>
      <c r="CS818" s="166">
        <v>0</v>
      </c>
      <c r="CT818" s="166">
        <v>0</v>
      </c>
      <c r="CU818" s="166">
        <v>0</v>
      </c>
      <c r="CV818" s="166">
        <v>0</v>
      </c>
      <c r="CW818" s="166">
        <v>0</v>
      </c>
      <c r="CX818" s="166">
        <v>0</v>
      </c>
      <c r="CY818" s="166">
        <v>258167.192119001</v>
      </c>
      <c r="CZ818" s="166">
        <v>258167.192119001</v>
      </c>
    </row>
    <row r="819" spans="1:104" x14ac:dyDescent="0.2">
      <c r="A819" s="167" t="s">
        <v>1148</v>
      </c>
      <c r="B819" s="166">
        <v>0</v>
      </c>
      <c r="C819" s="166">
        <v>0</v>
      </c>
      <c r="D819" s="166">
        <v>0</v>
      </c>
      <c r="E819" s="166">
        <v>0</v>
      </c>
      <c r="F819" s="166">
        <v>0</v>
      </c>
      <c r="G819" s="166">
        <v>0</v>
      </c>
      <c r="H819" s="166">
        <v>0</v>
      </c>
      <c r="I819" s="166">
        <v>0</v>
      </c>
      <c r="J819" s="166">
        <v>0</v>
      </c>
      <c r="K819" s="166">
        <v>0</v>
      </c>
      <c r="L819" s="166">
        <v>0</v>
      </c>
      <c r="M819" s="166">
        <v>0</v>
      </c>
      <c r="N819" s="166">
        <v>0</v>
      </c>
      <c r="O819" s="166">
        <v>0</v>
      </c>
      <c r="P819" s="166">
        <v>0</v>
      </c>
      <c r="Q819" s="166">
        <v>0</v>
      </c>
      <c r="R819" s="166">
        <v>0</v>
      </c>
      <c r="S819" s="166">
        <v>0</v>
      </c>
      <c r="T819" s="166">
        <v>0</v>
      </c>
      <c r="U819" s="166">
        <v>0</v>
      </c>
      <c r="V819" s="166">
        <v>0</v>
      </c>
      <c r="W819" s="166">
        <v>0</v>
      </c>
      <c r="X819" s="166">
        <v>0</v>
      </c>
      <c r="Y819" s="166">
        <v>0</v>
      </c>
      <c r="Z819" s="166">
        <v>0</v>
      </c>
      <c r="AA819" s="166">
        <v>0</v>
      </c>
      <c r="AB819" s="166">
        <v>0</v>
      </c>
      <c r="AC819" s="166">
        <v>0</v>
      </c>
      <c r="AD819" s="166">
        <v>0</v>
      </c>
      <c r="AE819" s="166">
        <v>0</v>
      </c>
      <c r="AF819" s="166">
        <v>0</v>
      </c>
      <c r="AG819" s="166">
        <v>0</v>
      </c>
      <c r="AH819" s="166">
        <v>0</v>
      </c>
      <c r="AI819" s="166">
        <v>0</v>
      </c>
      <c r="AJ819" s="166">
        <v>0</v>
      </c>
      <c r="AK819" s="166">
        <v>0</v>
      </c>
      <c r="AL819" s="166">
        <v>0</v>
      </c>
      <c r="AM819" s="166">
        <v>0</v>
      </c>
      <c r="AN819" s="166">
        <v>0</v>
      </c>
      <c r="AO819" s="166">
        <v>0</v>
      </c>
      <c r="AP819" s="166">
        <v>0</v>
      </c>
      <c r="AQ819" s="166">
        <v>0</v>
      </c>
      <c r="AR819" s="166">
        <v>0</v>
      </c>
      <c r="AS819" s="166">
        <v>0</v>
      </c>
      <c r="AT819" s="166">
        <v>0</v>
      </c>
      <c r="AU819" s="166">
        <v>0</v>
      </c>
      <c r="AV819" s="166">
        <v>0</v>
      </c>
      <c r="AW819" s="166">
        <v>0</v>
      </c>
      <c r="AX819" s="166">
        <v>0</v>
      </c>
      <c r="AY819" s="166">
        <v>0</v>
      </c>
      <c r="AZ819" s="166">
        <v>0</v>
      </c>
      <c r="BA819" s="166">
        <v>0</v>
      </c>
      <c r="BB819" s="166">
        <v>0</v>
      </c>
      <c r="BC819" s="166">
        <v>0</v>
      </c>
      <c r="BD819" s="166">
        <v>0</v>
      </c>
      <c r="BE819" s="166">
        <v>0</v>
      </c>
      <c r="BF819" s="166">
        <v>0</v>
      </c>
      <c r="BG819" s="166">
        <v>0</v>
      </c>
      <c r="BH819" s="166">
        <v>0</v>
      </c>
      <c r="BI819" s="166">
        <v>0</v>
      </c>
      <c r="BJ819" s="166">
        <v>0</v>
      </c>
      <c r="BK819" s="166">
        <v>0</v>
      </c>
      <c r="BL819" s="166">
        <v>0</v>
      </c>
      <c r="BM819" s="166">
        <v>0</v>
      </c>
      <c r="BN819" s="166">
        <v>0</v>
      </c>
      <c r="BO819" s="166">
        <v>0</v>
      </c>
      <c r="BP819" s="166">
        <v>0</v>
      </c>
      <c r="BQ819" s="166">
        <v>0</v>
      </c>
      <c r="BR819" s="166">
        <v>0</v>
      </c>
      <c r="BS819" s="166">
        <v>0</v>
      </c>
      <c r="BT819" s="168">
        <v>1</v>
      </c>
      <c r="BU819" s="166">
        <v>0</v>
      </c>
      <c r="BV819" s="166">
        <v>0</v>
      </c>
      <c r="BW819" s="166">
        <v>0</v>
      </c>
      <c r="BX819" s="166">
        <v>0</v>
      </c>
      <c r="BY819" s="166">
        <v>0</v>
      </c>
      <c r="BZ819" s="166">
        <v>0</v>
      </c>
      <c r="CA819" s="166">
        <v>0</v>
      </c>
      <c r="CB819" s="166">
        <v>0</v>
      </c>
      <c r="CC819" s="166">
        <v>0</v>
      </c>
      <c r="CD819" s="166">
        <v>0</v>
      </c>
      <c r="CE819" s="166">
        <v>0</v>
      </c>
      <c r="CF819" s="166">
        <v>0</v>
      </c>
      <c r="CG819" s="166">
        <v>0</v>
      </c>
      <c r="CH819" s="166">
        <v>0</v>
      </c>
      <c r="CI819" s="166">
        <v>0</v>
      </c>
      <c r="CJ819" s="166">
        <v>0</v>
      </c>
      <c r="CK819" s="166">
        <v>0</v>
      </c>
      <c r="CL819" s="166">
        <v>0</v>
      </c>
      <c r="CM819" s="166">
        <v>0</v>
      </c>
      <c r="CN819" s="166">
        <v>0</v>
      </c>
      <c r="CO819" s="166">
        <v>0</v>
      </c>
      <c r="CP819" s="166">
        <v>0</v>
      </c>
      <c r="CQ819" s="166">
        <v>0</v>
      </c>
      <c r="CR819" s="166">
        <v>0</v>
      </c>
      <c r="CS819" s="166">
        <v>0</v>
      </c>
      <c r="CT819" s="166">
        <v>0</v>
      </c>
      <c r="CU819" s="166">
        <v>0</v>
      </c>
      <c r="CV819" s="166">
        <v>0</v>
      </c>
      <c r="CW819" s="166">
        <v>0</v>
      </c>
      <c r="CX819" s="166">
        <v>0</v>
      </c>
      <c r="CY819" s="166">
        <v>0</v>
      </c>
      <c r="CZ819" s="166">
        <v>0</v>
      </c>
    </row>
    <row r="820" spans="1:104" x14ac:dyDescent="0.2">
      <c r="A820" s="167" t="s">
        <v>1149</v>
      </c>
      <c r="B820" s="166">
        <v>2846387.6599999899</v>
      </c>
      <c r="C820" s="166">
        <v>2846387.6599999899</v>
      </c>
      <c r="D820" s="166">
        <v>0</v>
      </c>
      <c r="E820" s="166">
        <v>0</v>
      </c>
      <c r="F820" s="166">
        <v>0</v>
      </c>
      <c r="G820" s="166">
        <v>0</v>
      </c>
      <c r="H820" s="166">
        <v>0</v>
      </c>
      <c r="I820" s="166">
        <v>0</v>
      </c>
      <c r="J820" s="166">
        <v>0</v>
      </c>
      <c r="K820" s="166">
        <v>0</v>
      </c>
      <c r="L820" s="166">
        <v>0</v>
      </c>
      <c r="M820" s="166">
        <v>0</v>
      </c>
      <c r="N820" s="166">
        <v>0</v>
      </c>
      <c r="O820" s="166">
        <v>0</v>
      </c>
      <c r="P820" s="166">
        <v>0</v>
      </c>
      <c r="Q820" s="166">
        <v>0</v>
      </c>
      <c r="R820" s="166">
        <v>0</v>
      </c>
      <c r="S820" s="166">
        <v>0</v>
      </c>
      <c r="T820" s="166">
        <v>0</v>
      </c>
      <c r="U820" s="166">
        <v>0</v>
      </c>
      <c r="V820" s="166">
        <v>0</v>
      </c>
      <c r="W820" s="166">
        <v>0</v>
      </c>
      <c r="X820" s="166">
        <v>0</v>
      </c>
      <c r="Y820" s="166">
        <v>0</v>
      </c>
      <c r="Z820" s="166">
        <v>0</v>
      </c>
      <c r="AA820" s="166">
        <v>0</v>
      </c>
      <c r="AB820" s="166">
        <v>0</v>
      </c>
      <c r="AC820" s="166">
        <v>0</v>
      </c>
      <c r="AD820" s="166">
        <v>0</v>
      </c>
      <c r="AE820" s="166">
        <v>0</v>
      </c>
      <c r="AF820" s="166">
        <v>0</v>
      </c>
      <c r="AG820" s="166">
        <v>0</v>
      </c>
      <c r="AH820" s="166">
        <v>0</v>
      </c>
      <c r="AI820" s="166">
        <v>0</v>
      </c>
      <c r="AJ820" s="166">
        <v>0</v>
      </c>
      <c r="AK820" s="166">
        <v>0</v>
      </c>
      <c r="AL820" s="166">
        <v>0</v>
      </c>
      <c r="AM820" s="166">
        <v>0</v>
      </c>
      <c r="AN820" s="166">
        <v>0</v>
      </c>
      <c r="AO820" s="166">
        <v>0</v>
      </c>
      <c r="AP820" s="166">
        <v>0</v>
      </c>
      <c r="AQ820" s="166">
        <v>0</v>
      </c>
      <c r="AR820" s="166">
        <v>0</v>
      </c>
      <c r="AS820" s="166">
        <v>0</v>
      </c>
      <c r="AT820" s="166">
        <v>0</v>
      </c>
      <c r="AU820" s="166">
        <v>0</v>
      </c>
      <c r="AV820" s="166">
        <v>0</v>
      </c>
      <c r="AW820" s="166">
        <v>0</v>
      </c>
      <c r="AX820" s="166">
        <v>0</v>
      </c>
      <c r="AY820" s="166">
        <v>0</v>
      </c>
      <c r="AZ820" s="166">
        <v>0</v>
      </c>
      <c r="BA820" s="166">
        <v>0</v>
      </c>
      <c r="BB820" s="166">
        <v>0</v>
      </c>
      <c r="BC820" s="166">
        <v>0</v>
      </c>
      <c r="BD820" s="166">
        <v>0</v>
      </c>
      <c r="BE820" s="166">
        <v>0</v>
      </c>
      <c r="BF820" s="166">
        <v>0</v>
      </c>
      <c r="BG820" s="166">
        <v>0</v>
      </c>
      <c r="BH820" s="166">
        <v>0</v>
      </c>
      <c r="BI820" s="166">
        <v>0</v>
      </c>
      <c r="BJ820" s="166">
        <v>0</v>
      </c>
      <c r="BK820" s="166">
        <v>0</v>
      </c>
      <c r="BL820" s="166">
        <v>0</v>
      </c>
      <c r="BM820" s="166">
        <v>0</v>
      </c>
      <c r="BN820" s="166">
        <v>0</v>
      </c>
      <c r="BO820" s="166">
        <v>0</v>
      </c>
      <c r="BP820" s="166">
        <v>0</v>
      </c>
      <c r="BQ820" s="166">
        <v>0</v>
      </c>
      <c r="BR820" s="166">
        <v>2846387.6599999899</v>
      </c>
      <c r="BS820" s="166">
        <v>2846387.66</v>
      </c>
      <c r="BT820" s="168">
        <v>0</v>
      </c>
      <c r="BU820" s="166">
        <v>152914.754615082</v>
      </c>
      <c r="BV820" s="166">
        <v>2844962.5827729399</v>
      </c>
      <c r="BW820" s="166">
        <v>0</v>
      </c>
      <c r="BX820" s="166">
        <v>0</v>
      </c>
      <c r="BY820" s="166">
        <v>0</v>
      </c>
      <c r="BZ820" s="166">
        <v>0</v>
      </c>
      <c r="CA820" s="166">
        <v>0</v>
      </c>
      <c r="CB820" s="166">
        <v>0</v>
      </c>
      <c r="CC820" s="166">
        <v>0</v>
      </c>
      <c r="CD820" s="166">
        <v>0</v>
      </c>
      <c r="CE820" s="166">
        <v>0</v>
      </c>
      <c r="CF820" s="166">
        <v>0</v>
      </c>
      <c r="CG820" s="166">
        <v>0</v>
      </c>
      <c r="CH820" s="166">
        <v>0</v>
      </c>
      <c r="CI820" s="166">
        <v>0</v>
      </c>
      <c r="CJ820" s="166">
        <v>0</v>
      </c>
      <c r="CK820" s="166">
        <v>0</v>
      </c>
      <c r="CL820" s="166">
        <v>0</v>
      </c>
      <c r="CM820" s="166">
        <v>0</v>
      </c>
      <c r="CN820" s="166">
        <v>0</v>
      </c>
      <c r="CO820" s="166">
        <v>0</v>
      </c>
      <c r="CP820" s="166">
        <v>0</v>
      </c>
      <c r="CQ820" s="166">
        <v>0</v>
      </c>
      <c r="CR820" s="166">
        <v>0</v>
      </c>
      <c r="CS820" s="166">
        <v>0</v>
      </c>
      <c r="CT820" s="166">
        <v>0</v>
      </c>
      <c r="CU820" s="166">
        <v>0</v>
      </c>
      <c r="CV820" s="166">
        <v>0</v>
      </c>
      <c r="CW820" s="166">
        <v>0</v>
      </c>
      <c r="CX820" s="166">
        <v>0</v>
      </c>
      <c r="CY820" s="166">
        <v>2844962.5827729399</v>
      </c>
      <c r="CZ820" s="166">
        <v>2844962.5827729399</v>
      </c>
    </row>
    <row r="821" spans="1:104" x14ac:dyDescent="0.2">
      <c r="A821" s="167" t="s">
        <v>352</v>
      </c>
    </row>
    <row r="822" spans="1:104" x14ac:dyDescent="0.2">
      <c r="A822" s="167" t="s">
        <v>1150</v>
      </c>
      <c r="B822" s="166">
        <v>37259229.0525667</v>
      </c>
      <c r="C822" s="166">
        <v>37259229.0525667</v>
      </c>
      <c r="D822" s="166">
        <v>0</v>
      </c>
      <c r="E822" s="166">
        <v>0</v>
      </c>
      <c r="F822" s="166">
        <v>0</v>
      </c>
      <c r="G822" s="166">
        <v>0</v>
      </c>
      <c r="H822" s="166">
        <v>0</v>
      </c>
      <c r="I822" s="166">
        <v>0</v>
      </c>
      <c r="J822" s="166">
        <v>0</v>
      </c>
      <c r="K822" s="166">
        <v>0</v>
      </c>
      <c r="L822" s="166">
        <v>0</v>
      </c>
      <c r="M822" s="166">
        <v>0</v>
      </c>
      <c r="N822" s="166">
        <v>0</v>
      </c>
      <c r="O822" s="166">
        <v>0</v>
      </c>
      <c r="P822" s="166">
        <v>0</v>
      </c>
      <c r="Q822" s="166">
        <v>0</v>
      </c>
      <c r="R822" s="166">
        <v>0</v>
      </c>
      <c r="S822" s="166">
        <v>0</v>
      </c>
      <c r="T822" s="166">
        <v>0</v>
      </c>
      <c r="U822" s="166">
        <v>0</v>
      </c>
      <c r="V822" s="166">
        <v>0</v>
      </c>
      <c r="W822" s="166">
        <v>0</v>
      </c>
      <c r="X822" s="166">
        <v>0</v>
      </c>
      <c r="Y822" s="166">
        <v>0</v>
      </c>
      <c r="Z822" s="166">
        <v>0</v>
      </c>
      <c r="AA822" s="166">
        <v>0</v>
      </c>
      <c r="AB822" s="166">
        <v>0</v>
      </c>
      <c r="AC822" s="166">
        <v>0</v>
      </c>
      <c r="AD822" s="166">
        <v>0</v>
      </c>
      <c r="AE822" s="166">
        <v>0</v>
      </c>
      <c r="AF822" s="166">
        <v>0</v>
      </c>
      <c r="AG822" s="166">
        <v>0</v>
      </c>
      <c r="AH822" s="166">
        <v>0</v>
      </c>
      <c r="AI822" s="166">
        <v>0</v>
      </c>
      <c r="AJ822" s="166">
        <v>0</v>
      </c>
      <c r="AK822" s="166">
        <v>0</v>
      </c>
      <c r="AL822" s="166">
        <v>0</v>
      </c>
      <c r="AM822" s="166">
        <v>0</v>
      </c>
      <c r="AN822" s="166">
        <v>0</v>
      </c>
      <c r="AO822" s="166">
        <v>0</v>
      </c>
      <c r="AP822" s="166">
        <v>0</v>
      </c>
      <c r="AQ822" s="166">
        <v>0</v>
      </c>
      <c r="AR822" s="166">
        <v>0</v>
      </c>
      <c r="AS822" s="166">
        <v>0</v>
      </c>
      <c r="AT822" s="166">
        <v>0</v>
      </c>
      <c r="AU822" s="166">
        <v>0</v>
      </c>
      <c r="AV822" s="166">
        <v>0</v>
      </c>
      <c r="AW822" s="166">
        <v>0</v>
      </c>
      <c r="AX822" s="166">
        <v>0</v>
      </c>
      <c r="AY822" s="166">
        <v>0</v>
      </c>
      <c r="AZ822" s="166">
        <v>0</v>
      </c>
      <c r="BA822" s="166">
        <v>0</v>
      </c>
      <c r="BB822" s="166">
        <v>0</v>
      </c>
      <c r="BC822" s="166">
        <v>0</v>
      </c>
      <c r="BD822" s="166">
        <v>0</v>
      </c>
      <c r="BE822" s="166">
        <v>0</v>
      </c>
      <c r="BF822" s="166">
        <v>0</v>
      </c>
      <c r="BG822" s="166">
        <v>0</v>
      </c>
      <c r="BH822" s="166">
        <v>0</v>
      </c>
      <c r="BI822" s="166">
        <v>0</v>
      </c>
      <c r="BJ822" s="166">
        <v>0</v>
      </c>
      <c r="BK822" s="166">
        <v>0</v>
      </c>
      <c r="BL822" s="166">
        <v>0</v>
      </c>
      <c r="BM822" s="166">
        <v>0</v>
      </c>
      <c r="BN822" s="166">
        <v>0</v>
      </c>
      <c r="BO822" s="166">
        <v>0</v>
      </c>
      <c r="BP822" s="166">
        <v>0</v>
      </c>
      <c r="BQ822" s="166">
        <v>0</v>
      </c>
      <c r="BR822" s="166">
        <v>37259229.0525667</v>
      </c>
      <c r="BS822" s="166">
        <v>37259229.0525667</v>
      </c>
      <c r="BT822" s="168">
        <v>1</v>
      </c>
      <c r="BU822" s="166">
        <v>3340770.3270864598</v>
      </c>
      <c r="BV822" s="166">
        <v>37259229.0525667</v>
      </c>
      <c r="BW822" s="166">
        <v>0</v>
      </c>
      <c r="BX822" s="166">
        <v>0</v>
      </c>
      <c r="BY822" s="166">
        <v>0</v>
      </c>
      <c r="BZ822" s="166">
        <v>0</v>
      </c>
      <c r="CA822" s="166">
        <v>0</v>
      </c>
      <c r="CB822" s="166">
        <v>0</v>
      </c>
      <c r="CC822" s="166">
        <v>0</v>
      </c>
      <c r="CD822" s="166">
        <v>0</v>
      </c>
      <c r="CE822" s="166">
        <v>0</v>
      </c>
      <c r="CF822" s="166">
        <v>0</v>
      </c>
      <c r="CG822" s="166">
        <v>0</v>
      </c>
      <c r="CH822" s="166">
        <v>0</v>
      </c>
      <c r="CI822" s="166">
        <v>0</v>
      </c>
      <c r="CJ822" s="166">
        <v>0</v>
      </c>
      <c r="CK822" s="166">
        <v>0</v>
      </c>
      <c r="CL822" s="166">
        <v>0</v>
      </c>
      <c r="CM822" s="166">
        <v>0</v>
      </c>
      <c r="CN822" s="166">
        <v>0</v>
      </c>
      <c r="CO822" s="166">
        <v>0</v>
      </c>
      <c r="CP822" s="166">
        <v>0</v>
      </c>
      <c r="CQ822" s="166">
        <v>0</v>
      </c>
      <c r="CR822" s="166">
        <v>0</v>
      </c>
      <c r="CS822" s="166">
        <v>0</v>
      </c>
      <c r="CT822" s="166">
        <v>0</v>
      </c>
      <c r="CU822" s="166">
        <v>0</v>
      </c>
      <c r="CV822" s="166">
        <v>0</v>
      </c>
      <c r="CW822" s="166">
        <v>0</v>
      </c>
      <c r="CX822" s="166">
        <v>0</v>
      </c>
      <c r="CY822" s="166">
        <v>37259229.0525667</v>
      </c>
      <c r="CZ822" s="166">
        <v>37259229.0525667</v>
      </c>
    </row>
    <row r="823" spans="1:104" x14ac:dyDescent="0.2">
      <c r="A823" s="167" t="s">
        <v>1151</v>
      </c>
      <c r="B823" s="166">
        <v>17864046.4023632</v>
      </c>
      <c r="C823" s="166">
        <v>17864046.4023632</v>
      </c>
      <c r="D823" s="166">
        <v>0</v>
      </c>
      <c r="E823" s="166">
        <v>0</v>
      </c>
      <c r="F823" s="166">
        <v>0</v>
      </c>
      <c r="G823" s="166">
        <v>0</v>
      </c>
      <c r="H823" s="166">
        <v>0</v>
      </c>
      <c r="I823" s="166">
        <v>0</v>
      </c>
      <c r="J823" s="166">
        <v>0</v>
      </c>
      <c r="K823" s="166">
        <v>0</v>
      </c>
      <c r="L823" s="166">
        <v>0</v>
      </c>
      <c r="M823" s="166">
        <v>0</v>
      </c>
      <c r="N823" s="166">
        <v>0</v>
      </c>
      <c r="O823" s="166">
        <v>0</v>
      </c>
      <c r="P823" s="166">
        <v>0</v>
      </c>
      <c r="Q823" s="166">
        <v>0</v>
      </c>
      <c r="R823" s="166">
        <v>0</v>
      </c>
      <c r="S823" s="166">
        <v>0</v>
      </c>
      <c r="T823" s="166">
        <v>0</v>
      </c>
      <c r="U823" s="166">
        <v>0</v>
      </c>
      <c r="V823" s="166">
        <v>0</v>
      </c>
      <c r="W823" s="166">
        <v>0</v>
      </c>
      <c r="X823" s="166">
        <v>0</v>
      </c>
      <c r="Y823" s="166">
        <v>0</v>
      </c>
      <c r="Z823" s="166">
        <v>0</v>
      </c>
      <c r="AA823" s="166">
        <v>0</v>
      </c>
      <c r="AB823" s="166">
        <v>0</v>
      </c>
      <c r="AC823" s="166">
        <v>0</v>
      </c>
      <c r="AD823" s="166">
        <v>0</v>
      </c>
      <c r="AE823" s="166">
        <v>0</v>
      </c>
      <c r="AF823" s="166">
        <v>0</v>
      </c>
      <c r="AG823" s="166">
        <v>0</v>
      </c>
      <c r="AH823" s="166">
        <v>0</v>
      </c>
      <c r="AI823" s="166">
        <v>0</v>
      </c>
      <c r="AJ823" s="166">
        <v>0</v>
      </c>
      <c r="AK823" s="166">
        <v>0</v>
      </c>
      <c r="AL823" s="166">
        <v>0</v>
      </c>
      <c r="AM823" s="166">
        <v>0</v>
      </c>
      <c r="AN823" s="166">
        <v>0</v>
      </c>
      <c r="AO823" s="166">
        <v>0</v>
      </c>
      <c r="AP823" s="166">
        <v>0</v>
      </c>
      <c r="AQ823" s="166">
        <v>0</v>
      </c>
      <c r="AR823" s="166">
        <v>0</v>
      </c>
      <c r="AS823" s="166">
        <v>0</v>
      </c>
      <c r="AT823" s="166">
        <v>0</v>
      </c>
      <c r="AU823" s="166">
        <v>0</v>
      </c>
      <c r="AV823" s="166">
        <v>0</v>
      </c>
      <c r="AW823" s="166">
        <v>0</v>
      </c>
      <c r="AX823" s="166">
        <v>0</v>
      </c>
      <c r="AY823" s="166">
        <v>0</v>
      </c>
      <c r="AZ823" s="166">
        <v>0</v>
      </c>
      <c r="BA823" s="166">
        <v>0</v>
      </c>
      <c r="BB823" s="166">
        <v>0</v>
      </c>
      <c r="BC823" s="166">
        <v>0</v>
      </c>
      <c r="BD823" s="166">
        <v>0</v>
      </c>
      <c r="BE823" s="166">
        <v>0</v>
      </c>
      <c r="BF823" s="166">
        <v>0</v>
      </c>
      <c r="BG823" s="166">
        <v>0</v>
      </c>
      <c r="BH823" s="166">
        <v>0</v>
      </c>
      <c r="BI823" s="166">
        <v>0</v>
      </c>
      <c r="BJ823" s="166">
        <v>0</v>
      </c>
      <c r="BK823" s="166">
        <v>0</v>
      </c>
      <c r="BL823" s="166">
        <v>0</v>
      </c>
      <c r="BM823" s="166">
        <v>0</v>
      </c>
      <c r="BN823" s="166">
        <v>0</v>
      </c>
      <c r="BO823" s="166">
        <v>0</v>
      </c>
      <c r="BP823" s="166">
        <v>0</v>
      </c>
      <c r="BQ823" s="166">
        <v>0</v>
      </c>
      <c r="BR823" s="166">
        <v>17864046.4023632</v>
      </c>
      <c r="BS823" s="166">
        <v>17864046.4023632</v>
      </c>
      <c r="BT823" s="168">
        <v>1</v>
      </c>
      <c r="BU823" s="166">
        <v>1583105.07381657</v>
      </c>
      <c r="BV823" s="166">
        <v>17864046.4023632</v>
      </c>
      <c r="BW823" s="166">
        <v>0</v>
      </c>
      <c r="BX823" s="166">
        <v>0</v>
      </c>
      <c r="BY823" s="166">
        <v>0</v>
      </c>
      <c r="BZ823" s="166">
        <v>0</v>
      </c>
      <c r="CA823" s="166">
        <v>0</v>
      </c>
      <c r="CB823" s="166">
        <v>0</v>
      </c>
      <c r="CC823" s="166">
        <v>0</v>
      </c>
      <c r="CD823" s="166">
        <v>0</v>
      </c>
      <c r="CE823" s="166">
        <v>0</v>
      </c>
      <c r="CF823" s="166">
        <v>0</v>
      </c>
      <c r="CG823" s="166">
        <v>0</v>
      </c>
      <c r="CH823" s="166">
        <v>0</v>
      </c>
      <c r="CI823" s="166">
        <v>0</v>
      </c>
      <c r="CJ823" s="166">
        <v>0</v>
      </c>
      <c r="CK823" s="166">
        <v>0</v>
      </c>
      <c r="CL823" s="166">
        <v>0</v>
      </c>
      <c r="CM823" s="166">
        <v>0</v>
      </c>
      <c r="CN823" s="166">
        <v>0</v>
      </c>
      <c r="CO823" s="166">
        <v>0</v>
      </c>
      <c r="CP823" s="166">
        <v>0</v>
      </c>
      <c r="CQ823" s="166">
        <v>0</v>
      </c>
      <c r="CR823" s="166">
        <v>0</v>
      </c>
      <c r="CS823" s="166">
        <v>0</v>
      </c>
      <c r="CT823" s="166">
        <v>0</v>
      </c>
      <c r="CU823" s="166">
        <v>0</v>
      </c>
      <c r="CV823" s="166">
        <v>0</v>
      </c>
      <c r="CW823" s="166">
        <v>0</v>
      </c>
      <c r="CX823" s="166">
        <v>0</v>
      </c>
      <c r="CY823" s="166">
        <v>17864046.4023632</v>
      </c>
      <c r="CZ823" s="166">
        <v>17864046.4023632</v>
      </c>
    </row>
    <row r="824" spans="1:104" x14ac:dyDescent="0.2">
      <c r="A824" s="167" t="s">
        <v>1152</v>
      </c>
      <c r="B824" s="166">
        <v>5180044.5279320199</v>
      </c>
      <c r="C824" s="166">
        <v>5180044.5279320199</v>
      </c>
      <c r="D824" s="166">
        <v>0</v>
      </c>
      <c r="E824" s="166">
        <v>0</v>
      </c>
      <c r="F824" s="166">
        <v>0</v>
      </c>
      <c r="G824" s="166">
        <v>0</v>
      </c>
      <c r="H824" s="166">
        <v>0</v>
      </c>
      <c r="I824" s="166">
        <v>0</v>
      </c>
      <c r="J824" s="166">
        <v>0</v>
      </c>
      <c r="K824" s="166">
        <v>0</v>
      </c>
      <c r="L824" s="166">
        <v>0</v>
      </c>
      <c r="M824" s="166">
        <v>0</v>
      </c>
      <c r="N824" s="166">
        <v>0</v>
      </c>
      <c r="O824" s="166">
        <v>0</v>
      </c>
      <c r="P824" s="166">
        <v>0</v>
      </c>
      <c r="Q824" s="166">
        <v>0</v>
      </c>
      <c r="R824" s="166">
        <v>0</v>
      </c>
      <c r="S824" s="166">
        <v>0</v>
      </c>
      <c r="T824" s="166">
        <v>0</v>
      </c>
      <c r="U824" s="166">
        <v>0</v>
      </c>
      <c r="V824" s="166">
        <v>0</v>
      </c>
      <c r="W824" s="166">
        <v>0</v>
      </c>
      <c r="X824" s="166">
        <v>0</v>
      </c>
      <c r="Y824" s="166">
        <v>0</v>
      </c>
      <c r="Z824" s="166">
        <v>0</v>
      </c>
      <c r="AA824" s="166">
        <v>0</v>
      </c>
      <c r="AB824" s="166">
        <v>0</v>
      </c>
      <c r="AC824" s="166">
        <v>0</v>
      </c>
      <c r="AD824" s="166">
        <v>0</v>
      </c>
      <c r="AE824" s="166">
        <v>0</v>
      </c>
      <c r="AF824" s="166">
        <v>0</v>
      </c>
      <c r="AG824" s="166">
        <v>0</v>
      </c>
      <c r="AH824" s="166">
        <v>0</v>
      </c>
      <c r="AI824" s="166">
        <v>0</v>
      </c>
      <c r="AJ824" s="166">
        <v>0</v>
      </c>
      <c r="AK824" s="166">
        <v>0</v>
      </c>
      <c r="AL824" s="166">
        <v>0</v>
      </c>
      <c r="AM824" s="166">
        <v>0</v>
      </c>
      <c r="AN824" s="166">
        <v>0</v>
      </c>
      <c r="AO824" s="166">
        <v>0</v>
      </c>
      <c r="AP824" s="166">
        <v>0</v>
      </c>
      <c r="AQ824" s="166">
        <v>0</v>
      </c>
      <c r="AR824" s="166">
        <v>0</v>
      </c>
      <c r="AS824" s="166">
        <v>0</v>
      </c>
      <c r="AT824" s="166">
        <v>0</v>
      </c>
      <c r="AU824" s="166">
        <v>0</v>
      </c>
      <c r="AV824" s="166">
        <v>0</v>
      </c>
      <c r="AW824" s="166">
        <v>0</v>
      </c>
      <c r="AX824" s="166">
        <v>0</v>
      </c>
      <c r="AY824" s="166">
        <v>0</v>
      </c>
      <c r="AZ824" s="166">
        <v>0</v>
      </c>
      <c r="BA824" s="166">
        <v>0</v>
      </c>
      <c r="BB824" s="166">
        <v>0</v>
      </c>
      <c r="BC824" s="166">
        <v>0</v>
      </c>
      <c r="BD824" s="166">
        <v>0</v>
      </c>
      <c r="BE824" s="166">
        <v>0</v>
      </c>
      <c r="BF824" s="166">
        <v>0</v>
      </c>
      <c r="BG824" s="166">
        <v>0</v>
      </c>
      <c r="BH824" s="166">
        <v>0</v>
      </c>
      <c r="BI824" s="166">
        <v>0</v>
      </c>
      <c r="BJ824" s="166">
        <v>0</v>
      </c>
      <c r="BK824" s="166">
        <v>0</v>
      </c>
      <c r="BL824" s="166">
        <v>0</v>
      </c>
      <c r="BM824" s="166">
        <v>0</v>
      </c>
      <c r="BN824" s="166">
        <v>0</v>
      </c>
      <c r="BO824" s="166">
        <v>0</v>
      </c>
      <c r="BP824" s="166">
        <v>0</v>
      </c>
      <c r="BQ824" s="166">
        <v>0</v>
      </c>
      <c r="BR824" s="166">
        <v>5180044.5279320199</v>
      </c>
      <c r="BS824" s="166">
        <v>5180044.5279320199</v>
      </c>
      <c r="BT824" s="168">
        <v>1</v>
      </c>
      <c r="BU824" s="166">
        <v>440342.55363143497</v>
      </c>
      <c r="BV824" s="166">
        <v>5180044.5279320199</v>
      </c>
      <c r="BW824" s="166">
        <v>0</v>
      </c>
      <c r="BX824" s="166">
        <v>0</v>
      </c>
      <c r="BY824" s="166">
        <v>0</v>
      </c>
      <c r="BZ824" s="166">
        <v>0</v>
      </c>
      <c r="CA824" s="166">
        <v>0</v>
      </c>
      <c r="CB824" s="166">
        <v>0</v>
      </c>
      <c r="CC824" s="166">
        <v>0</v>
      </c>
      <c r="CD824" s="166">
        <v>0</v>
      </c>
      <c r="CE824" s="166">
        <v>0</v>
      </c>
      <c r="CF824" s="166">
        <v>0</v>
      </c>
      <c r="CG824" s="166">
        <v>0</v>
      </c>
      <c r="CH824" s="166">
        <v>0</v>
      </c>
      <c r="CI824" s="166">
        <v>0</v>
      </c>
      <c r="CJ824" s="166">
        <v>0</v>
      </c>
      <c r="CK824" s="166">
        <v>0</v>
      </c>
      <c r="CL824" s="166">
        <v>0</v>
      </c>
      <c r="CM824" s="166">
        <v>0</v>
      </c>
      <c r="CN824" s="166">
        <v>0</v>
      </c>
      <c r="CO824" s="166">
        <v>0</v>
      </c>
      <c r="CP824" s="166">
        <v>0</v>
      </c>
      <c r="CQ824" s="166">
        <v>0</v>
      </c>
      <c r="CR824" s="166">
        <v>0</v>
      </c>
      <c r="CS824" s="166">
        <v>0</v>
      </c>
      <c r="CT824" s="166">
        <v>0</v>
      </c>
      <c r="CU824" s="166">
        <v>0</v>
      </c>
      <c r="CV824" s="166">
        <v>0</v>
      </c>
      <c r="CW824" s="166">
        <v>0</v>
      </c>
      <c r="CX824" s="166">
        <v>0</v>
      </c>
      <c r="CY824" s="166">
        <v>5180044.5279320199</v>
      </c>
      <c r="CZ824" s="166">
        <v>5180044.5279320199</v>
      </c>
    </row>
    <row r="825" spans="1:104" x14ac:dyDescent="0.2">
      <c r="A825" s="167" t="s">
        <v>1153</v>
      </c>
      <c r="B825" s="166">
        <v>6293458.3071379997</v>
      </c>
      <c r="C825" s="166">
        <v>6293458.3071379997</v>
      </c>
      <c r="D825" s="166">
        <v>0</v>
      </c>
      <c r="E825" s="166">
        <v>0</v>
      </c>
      <c r="F825" s="166">
        <v>0</v>
      </c>
      <c r="G825" s="166">
        <v>0</v>
      </c>
      <c r="H825" s="166">
        <v>0</v>
      </c>
      <c r="I825" s="166">
        <v>0</v>
      </c>
      <c r="J825" s="166">
        <v>0</v>
      </c>
      <c r="K825" s="166">
        <v>0</v>
      </c>
      <c r="L825" s="166">
        <v>0</v>
      </c>
      <c r="M825" s="166">
        <v>0</v>
      </c>
      <c r="N825" s="166">
        <v>0</v>
      </c>
      <c r="O825" s="166">
        <v>0</v>
      </c>
      <c r="P825" s="166">
        <v>0</v>
      </c>
      <c r="Q825" s="166">
        <v>0</v>
      </c>
      <c r="R825" s="166">
        <v>0</v>
      </c>
      <c r="S825" s="166">
        <v>0</v>
      </c>
      <c r="T825" s="166">
        <v>0</v>
      </c>
      <c r="U825" s="166">
        <v>0</v>
      </c>
      <c r="V825" s="166">
        <v>0</v>
      </c>
      <c r="W825" s="166">
        <v>0</v>
      </c>
      <c r="X825" s="166">
        <v>0</v>
      </c>
      <c r="Y825" s="166">
        <v>0</v>
      </c>
      <c r="Z825" s="166">
        <v>0</v>
      </c>
      <c r="AA825" s="166">
        <v>0</v>
      </c>
      <c r="AB825" s="166">
        <v>0</v>
      </c>
      <c r="AC825" s="166">
        <v>0</v>
      </c>
      <c r="AD825" s="166">
        <v>0</v>
      </c>
      <c r="AE825" s="166">
        <v>0</v>
      </c>
      <c r="AF825" s="166">
        <v>0</v>
      </c>
      <c r="AG825" s="166">
        <v>0</v>
      </c>
      <c r="AH825" s="166">
        <v>0</v>
      </c>
      <c r="AI825" s="166">
        <v>0</v>
      </c>
      <c r="AJ825" s="166">
        <v>0</v>
      </c>
      <c r="AK825" s="166">
        <v>0</v>
      </c>
      <c r="AL825" s="166">
        <v>0</v>
      </c>
      <c r="AM825" s="166">
        <v>0</v>
      </c>
      <c r="AN825" s="166">
        <v>0</v>
      </c>
      <c r="AO825" s="166">
        <v>0</v>
      </c>
      <c r="AP825" s="166">
        <v>0</v>
      </c>
      <c r="AQ825" s="166">
        <v>0</v>
      </c>
      <c r="AR825" s="166">
        <v>0</v>
      </c>
      <c r="AS825" s="166">
        <v>0</v>
      </c>
      <c r="AT825" s="166">
        <v>0</v>
      </c>
      <c r="AU825" s="166">
        <v>0</v>
      </c>
      <c r="AV825" s="166">
        <v>0</v>
      </c>
      <c r="AW825" s="166">
        <v>0</v>
      </c>
      <c r="AX825" s="166">
        <v>0</v>
      </c>
      <c r="AY825" s="166">
        <v>0</v>
      </c>
      <c r="AZ825" s="166">
        <v>0</v>
      </c>
      <c r="BA825" s="166">
        <v>0</v>
      </c>
      <c r="BB825" s="166">
        <v>0</v>
      </c>
      <c r="BC825" s="166">
        <v>0</v>
      </c>
      <c r="BD825" s="166">
        <v>0</v>
      </c>
      <c r="BE825" s="166">
        <v>0</v>
      </c>
      <c r="BF825" s="166">
        <v>0</v>
      </c>
      <c r="BG825" s="166">
        <v>0</v>
      </c>
      <c r="BH825" s="166">
        <v>0</v>
      </c>
      <c r="BI825" s="166">
        <v>0</v>
      </c>
      <c r="BJ825" s="166">
        <v>0</v>
      </c>
      <c r="BK825" s="166">
        <v>0</v>
      </c>
      <c r="BL825" s="166">
        <v>0</v>
      </c>
      <c r="BM825" s="166">
        <v>0</v>
      </c>
      <c r="BN825" s="166">
        <v>0</v>
      </c>
      <c r="BO825" s="166">
        <v>0</v>
      </c>
      <c r="BP825" s="166">
        <v>0</v>
      </c>
      <c r="BQ825" s="166">
        <v>0</v>
      </c>
      <c r="BR825" s="166">
        <v>6293458.3071379997</v>
      </c>
      <c r="BS825" s="166">
        <v>6293458.3071379997</v>
      </c>
      <c r="BT825" s="168">
        <v>1</v>
      </c>
      <c r="BU825" s="166">
        <v>557084.00546553102</v>
      </c>
      <c r="BV825" s="166">
        <v>6293458.3071379997</v>
      </c>
      <c r="BW825" s="166">
        <v>0</v>
      </c>
      <c r="BX825" s="166">
        <v>0</v>
      </c>
      <c r="BY825" s="166">
        <v>0</v>
      </c>
      <c r="BZ825" s="166">
        <v>0</v>
      </c>
      <c r="CA825" s="166">
        <v>0</v>
      </c>
      <c r="CB825" s="166">
        <v>0</v>
      </c>
      <c r="CC825" s="166">
        <v>0</v>
      </c>
      <c r="CD825" s="166">
        <v>0</v>
      </c>
      <c r="CE825" s="166">
        <v>0</v>
      </c>
      <c r="CF825" s="166">
        <v>0</v>
      </c>
      <c r="CG825" s="166">
        <v>0</v>
      </c>
      <c r="CH825" s="166">
        <v>0</v>
      </c>
      <c r="CI825" s="166">
        <v>0</v>
      </c>
      <c r="CJ825" s="166">
        <v>0</v>
      </c>
      <c r="CK825" s="166">
        <v>0</v>
      </c>
      <c r="CL825" s="166">
        <v>0</v>
      </c>
      <c r="CM825" s="166">
        <v>0</v>
      </c>
      <c r="CN825" s="166">
        <v>0</v>
      </c>
      <c r="CO825" s="166">
        <v>0</v>
      </c>
      <c r="CP825" s="166">
        <v>0</v>
      </c>
      <c r="CQ825" s="166">
        <v>0</v>
      </c>
      <c r="CR825" s="166">
        <v>0</v>
      </c>
      <c r="CS825" s="166">
        <v>0</v>
      </c>
      <c r="CT825" s="166">
        <v>0</v>
      </c>
      <c r="CU825" s="166">
        <v>0</v>
      </c>
      <c r="CV825" s="166">
        <v>0</v>
      </c>
      <c r="CW825" s="166">
        <v>0</v>
      </c>
      <c r="CX825" s="166">
        <v>0</v>
      </c>
      <c r="CY825" s="166">
        <v>6293458.3071379997</v>
      </c>
      <c r="CZ825" s="166">
        <v>6293458.3071379997</v>
      </c>
    </row>
    <row r="826" spans="1:104" x14ac:dyDescent="0.2">
      <c r="A826" s="167" t="s">
        <v>1154</v>
      </c>
      <c r="B826" s="166">
        <v>0</v>
      </c>
      <c r="C826" s="166">
        <v>0</v>
      </c>
      <c r="D826" s="166">
        <v>0</v>
      </c>
      <c r="E826" s="166">
        <v>0</v>
      </c>
      <c r="F826" s="166">
        <v>0</v>
      </c>
      <c r="G826" s="166">
        <v>0</v>
      </c>
      <c r="H826" s="166">
        <v>0</v>
      </c>
      <c r="I826" s="166">
        <v>0</v>
      </c>
      <c r="J826" s="166">
        <v>0</v>
      </c>
      <c r="K826" s="166">
        <v>0</v>
      </c>
      <c r="L826" s="166">
        <v>0</v>
      </c>
      <c r="M826" s="166">
        <v>0</v>
      </c>
      <c r="N826" s="166">
        <v>0</v>
      </c>
      <c r="O826" s="166">
        <v>0</v>
      </c>
      <c r="P826" s="166">
        <v>0</v>
      </c>
      <c r="Q826" s="166">
        <v>0</v>
      </c>
      <c r="R826" s="166">
        <v>0</v>
      </c>
      <c r="S826" s="166">
        <v>0</v>
      </c>
      <c r="T826" s="166">
        <v>0</v>
      </c>
      <c r="U826" s="166">
        <v>0</v>
      </c>
      <c r="V826" s="166">
        <v>0</v>
      </c>
      <c r="W826" s="166">
        <v>0</v>
      </c>
      <c r="X826" s="166">
        <v>0</v>
      </c>
      <c r="Y826" s="166">
        <v>0</v>
      </c>
      <c r="Z826" s="166">
        <v>0</v>
      </c>
      <c r="AA826" s="166">
        <v>0</v>
      </c>
      <c r="AB826" s="166">
        <v>0</v>
      </c>
      <c r="AC826" s="166">
        <v>0</v>
      </c>
      <c r="AD826" s="166">
        <v>0</v>
      </c>
      <c r="AE826" s="166">
        <v>0</v>
      </c>
      <c r="AF826" s="166">
        <v>0</v>
      </c>
      <c r="AG826" s="166">
        <v>0</v>
      </c>
      <c r="AH826" s="166">
        <v>0</v>
      </c>
      <c r="AI826" s="166">
        <v>0</v>
      </c>
      <c r="AJ826" s="166">
        <v>0</v>
      </c>
      <c r="AK826" s="166">
        <v>0</v>
      </c>
      <c r="AL826" s="166">
        <v>0</v>
      </c>
      <c r="AM826" s="166">
        <v>0</v>
      </c>
      <c r="AN826" s="166">
        <v>0</v>
      </c>
      <c r="AO826" s="166">
        <v>0</v>
      </c>
      <c r="AP826" s="166">
        <v>0</v>
      </c>
      <c r="AQ826" s="166">
        <v>0</v>
      </c>
      <c r="AR826" s="166">
        <v>0</v>
      </c>
      <c r="AS826" s="166">
        <v>0</v>
      </c>
      <c r="AT826" s="166">
        <v>0</v>
      </c>
      <c r="AU826" s="166">
        <v>0</v>
      </c>
      <c r="AV826" s="166">
        <v>0</v>
      </c>
      <c r="AW826" s="166">
        <v>0</v>
      </c>
      <c r="AX826" s="166">
        <v>0</v>
      </c>
      <c r="AY826" s="166">
        <v>0</v>
      </c>
      <c r="AZ826" s="166">
        <v>0</v>
      </c>
      <c r="BA826" s="166">
        <v>0</v>
      </c>
      <c r="BB826" s="166">
        <v>0</v>
      </c>
      <c r="BC826" s="166">
        <v>0</v>
      </c>
      <c r="BD826" s="166">
        <v>0</v>
      </c>
      <c r="BE826" s="166">
        <v>0</v>
      </c>
      <c r="BF826" s="166">
        <v>0</v>
      </c>
      <c r="BG826" s="166">
        <v>0</v>
      </c>
      <c r="BH826" s="166">
        <v>0</v>
      </c>
      <c r="BI826" s="166">
        <v>0</v>
      </c>
      <c r="BJ826" s="166">
        <v>0</v>
      </c>
      <c r="BK826" s="166">
        <v>0</v>
      </c>
      <c r="BL826" s="166">
        <v>0</v>
      </c>
      <c r="BM826" s="166">
        <v>0</v>
      </c>
      <c r="BN826" s="166">
        <v>0</v>
      </c>
      <c r="BO826" s="166">
        <v>0</v>
      </c>
      <c r="BP826" s="166">
        <v>0</v>
      </c>
      <c r="BQ826" s="166">
        <v>0</v>
      </c>
      <c r="BR826" s="166">
        <v>0</v>
      </c>
      <c r="BS826" s="166">
        <v>0</v>
      </c>
      <c r="BT826" s="168">
        <v>1</v>
      </c>
      <c r="BU826" s="166">
        <v>0</v>
      </c>
      <c r="BV826" s="166">
        <v>0</v>
      </c>
      <c r="BW826" s="166">
        <v>0</v>
      </c>
      <c r="BX826" s="166">
        <v>0</v>
      </c>
      <c r="BY826" s="166">
        <v>0</v>
      </c>
      <c r="BZ826" s="166">
        <v>0</v>
      </c>
      <c r="CA826" s="166">
        <v>0</v>
      </c>
      <c r="CB826" s="166">
        <v>0</v>
      </c>
      <c r="CC826" s="166">
        <v>0</v>
      </c>
      <c r="CD826" s="166">
        <v>0</v>
      </c>
      <c r="CE826" s="166">
        <v>0</v>
      </c>
      <c r="CF826" s="166">
        <v>0</v>
      </c>
      <c r="CG826" s="166">
        <v>0</v>
      </c>
      <c r="CH826" s="166">
        <v>0</v>
      </c>
      <c r="CI826" s="166">
        <v>0</v>
      </c>
      <c r="CJ826" s="166">
        <v>0</v>
      </c>
      <c r="CK826" s="166">
        <v>0</v>
      </c>
      <c r="CL826" s="166">
        <v>0</v>
      </c>
      <c r="CM826" s="166">
        <v>0</v>
      </c>
      <c r="CN826" s="166">
        <v>0</v>
      </c>
      <c r="CO826" s="166">
        <v>0</v>
      </c>
      <c r="CP826" s="166">
        <v>0</v>
      </c>
      <c r="CQ826" s="166">
        <v>0</v>
      </c>
      <c r="CR826" s="166">
        <v>0</v>
      </c>
      <c r="CS826" s="166">
        <v>0</v>
      </c>
      <c r="CT826" s="166">
        <v>0</v>
      </c>
      <c r="CU826" s="166">
        <v>0</v>
      </c>
      <c r="CV826" s="166">
        <v>0</v>
      </c>
      <c r="CW826" s="166">
        <v>0</v>
      </c>
      <c r="CX826" s="166">
        <v>0</v>
      </c>
      <c r="CY826" s="166">
        <v>0</v>
      </c>
      <c r="CZ826" s="166">
        <v>0</v>
      </c>
    </row>
    <row r="827" spans="1:104" x14ac:dyDescent="0.2">
      <c r="A827" s="167" t="s">
        <v>1155</v>
      </c>
      <c r="B827" s="166">
        <v>66596778.289999902</v>
      </c>
      <c r="C827" s="166">
        <v>66596778.289999902</v>
      </c>
      <c r="D827" s="166">
        <v>0</v>
      </c>
      <c r="E827" s="166">
        <v>0</v>
      </c>
      <c r="F827" s="166">
        <v>0</v>
      </c>
      <c r="G827" s="166">
        <v>0</v>
      </c>
      <c r="H827" s="166">
        <v>0</v>
      </c>
      <c r="I827" s="166">
        <v>0</v>
      </c>
      <c r="J827" s="166">
        <v>0</v>
      </c>
      <c r="K827" s="166">
        <v>0</v>
      </c>
      <c r="L827" s="166">
        <v>0</v>
      </c>
      <c r="M827" s="166">
        <v>0</v>
      </c>
      <c r="N827" s="166">
        <v>0</v>
      </c>
      <c r="O827" s="166">
        <v>0</v>
      </c>
      <c r="P827" s="166">
        <v>0</v>
      </c>
      <c r="Q827" s="166">
        <v>0</v>
      </c>
      <c r="R827" s="166">
        <v>0</v>
      </c>
      <c r="S827" s="166">
        <v>0</v>
      </c>
      <c r="T827" s="166">
        <v>0</v>
      </c>
      <c r="U827" s="166">
        <v>0</v>
      </c>
      <c r="V827" s="166">
        <v>0</v>
      </c>
      <c r="W827" s="166">
        <v>0</v>
      </c>
      <c r="X827" s="166">
        <v>0</v>
      </c>
      <c r="Y827" s="166">
        <v>0</v>
      </c>
      <c r="Z827" s="166">
        <v>0</v>
      </c>
      <c r="AA827" s="166">
        <v>0</v>
      </c>
      <c r="AB827" s="166">
        <v>0</v>
      </c>
      <c r="AC827" s="166">
        <v>0</v>
      </c>
      <c r="AD827" s="166">
        <v>0</v>
      </c>
      <c r="AE827" s="166">
        <v>0</v>
      </c>
      <c r="AF827" s="166">
        <v>0</v>
      </c>
      <c r="AG827" s="166">
        <v>0</v>
      </c>
      <c r="AH827" s="166">
        <v>0</v>
      </c>
      <c r="AI827" s="166">
        <v>0</v>
      </c>
      <c r="AJ827" s="166">
        <v>0</v>
      </c>
      <c r="AK827" s="166">
        <v>0</v>
      </c>
      <c r="AL827" s="166">
        <v>0</v>
      </c>
      <c r="AM827" s="166">
        <v>0</v>
      </c>
      <c r="AN827" s="166">
        <v>0</v>
      </c>
      <c r="AO827" s="166">
        <v>0</v>
      </c>
      <c r="AP827" s="166">
        <v>0</v>
      </c>
      <c r="AQ827" s="166">
        <v>0</v>
      </c>
      <c r="AR827" s="166">
        <v>0</v>
      </c>
      <c r="AS827" s="166">
        <v>0</v>
      </c>
      <c r="AT827" s="166">
        <v>0</v>
      </c>
      <c r="AU827" s="166">
        <v>0</v>
      </c>
      <c r="AV827" s="166">
        <v>0</v>
      </c>
      <c r="AW827" s="166">
        <v>0</v>
      </c>
      <c r="AX827" s="166">
        <v>0</v>
      </c>
      <c r="AY827" s="166">
        <v>0</v>
      </c>
      <c r="AZ827" s="166">
        <v>0</v>
      </c>
      <c r="BA827" s="166">
        <v>0</v>
      </c>
      <c r="BB827" s="166">
        <v>0</v>
      </c>
      <c r="BC827" s="166">
        <v>0</v>
      </c>
      <c r="BD827" s="166">
        <v>0</v>
      </c>
      <c r="BE827" s="166">
        <v>0</v>
      </c>
      <c r="BF827" s="166">
        <v>0</v>
      </c>
      <c r="BG827" s="166">
        <v>0</v>
      </c>
      <c r="BH827" s="166">
        <v>0</v>
      </c>
      <c r="BI827" s="166">
        <v>0</v>
      </c>
      <c r="BJ827" s="166">
        <v>0</v>
      </c>
      <c r="BK827" s="166">
        <v>0</v>
      </c>
      <c r="BL827" s="166">
        <v>0</v>
      </c>
      <c r="BM827" s="166">
        <v>0</v>
      </c>
      <c r="BN827" s="166">
        <v>0</v>
      </c>
      <c r="BO827" s="166">
        <v>0</v>
      </c>
      <c r="BP827" s="166">
        <v>0</v>
      </c>
      <c r="BQ827" s="166">
        <v>0</v>
      </c>
      <c r="BR827" s="166">
        <v>66596778.289999902</v>
      </c>
      <c r="BS827" s="166">
        <v>66596778.289999902</v>
      </c>
      <c r="BT827" s="168">
        <v>0</v>
      </c>
      <c r="BU827" s="166">
        <v>5921301.9599999897</v>
      </c>
      <c r="BV827" s="166">
        <v>66596778.289999902</v>
      </c>
      <c r="BW827" s="166">
        <v>0</v>
      </c>
      <c r="BX827" s="166">
        <v>0</v>
      </c>
      <c r="BY827" s="166">
        <v>0</v>
      </c>
      <c r="BZ827" s="166">
        <v>0</v>
      </c>
      <c r="CA827" s="166">
        <v>0</v>
      </c>
      <c r="CB827" s="166">
        <v>0</v>
      </c>
      <c r="CC827" s="166">
        <v>0</v>
      </c>
      <c r="CD827" s="166">
        <v>0</v>
      </c>
      <c r="CE827" s="166">
        <v>0</v>
      </c>
      <c r="CF827" s="166">
        <v>0</v>
      </c>
      <c r="CG827" s="166">
        <v>0</v>
      </c>
      <c r="CH827" s="166">
        <v>0</v>
      </c>
      <c r="CI827" s="166">
        <v>0</v>
      </c>
      <c r="CJ827" s="166">
        <v>0</v>
      </c>
      <c r="CK827" s="166">
        <v>0</v>
      </c>
      <c r="CL827" s="166">
        <v>0</v>
      </c>
      <c r="CM827" s="166">
        <v>0</v>
      </c>
      <c r="CN827" s="166">
        <v>0</v>
      </c>
      <c r="CO827" s="166">
        <v>0</v>
      </c>
      <c r="CP827" s="166">
        <v>0</v>
      </c>
      <c r="CQ827" s="166">
        <v>0</v>
      </c>
      <c r="CR827" s="166">
        <v>0</v>
      </c>
      <c r="CS827" s="166">
        <v>0</v>
      </c>
      <c r="CT827" s="166">
        <v>0</v>
      </c>
      <c r="CU827" s="166">
        <v>0</v>
      </c>
      <c r="CV827" s="166">
        <v>0</v>
      </c>
      <c r="CW827" s="166">
        <v>0</v>
      </c>
      <c r="CX827" s="166">
        <v>0</v>
      </c>
      <c r="CY827" s="166">
        <v>66596778.289999902</v>
      </c>
      <c r="CZ827" s="166">
        <v>66596778.289999902</v>
      </c>
    </row>
    <row r="828" spans="1:104" x14ac:dyDescent="0.2">
      <c r="A828" s="167" t="s">
        <v>359</v>
      </c>
    </row>
    <row r="829" spans="1:104" x14ac:dyDescent="0.2">
      <c r="A829" s="167" t="s">
        <v>1156</v>
      </c>
      <c r="B829" s="166">
        <v>0</v>
      </c>
      <c r="C829" s="166">
        <v>0</v>
      </c>
      <c r="D829" s="166">
        <v>0</v>
      </c>
      <c r="E829" s="166">
        <v>0</v>
      </c>
      <c r="F829" s="166">
        <v>0</v>
      </c>
      <c r="G829" s="166">
        <v>0</v>
      </c>
      <c r="H829" s="166">
        <v>0</v>
      </c>
      <c r="I829" s="166">
        <v>0</v>
      </c>
      <c r="J829" s="166">
        <v>0</v>
      </c>
      <c r="K829" s="166">
        <v>0</v>
      </c>
      <c r="L829" s="166">
        <v>0</v>
      </c>
      <c r="M829" s="166">
        <v>0</v>
      </c>
      <c r="N829" s="166">
        <v>0</v>
      </c>
      <c r="O829" s="166">
        <v>0</v>
      </c>
      <c r="P829" s="166">
        <v>0</v>
      </c>
      <c r="Q829" s="166">
        <v>0</v>
      </c>
      <c r="R829" s="166">
        <v>0</v>
      </c>
      <c r="S829" s="166">
        <v>0</v>
      </c>
      <c r="T829" s="166">
        <v>0</v>
      </c>
      <c r="U829" s="166">
        <v>0</v>
      </c>
      <c r="V829" s="166">
        <v>0</v>
      </c>
      <c r="W829" s="166">
        <v>0</v>
      </c>
      <c r="X829" s="166">
        <v>0</v>
      </c>
      <c r="Y829" s="166">
        <v>0</v>
      </c>
      <c r="Z829" s="166">
        <v>0</v>
      </c>
      <c r="AA829" s="166">
        <v>0</v>
      </c>
      <c r="AB829" s="166">
        <v>0</v>
      </c>
      <c r="AC829" s="166">
        <v>0</v>
      </c>
      <c r="AD829" s="166">
        <v>0</v>
      </c>
      <c r="AE829" s="166">
        <v>0</v>
      </c>
      <c r="AF829" s="166">
        <v>0</v>
      </c>
      <c r="AG829" s="166">
        <v>0</v>
      </c>
      <c r="AH829" s="166">
        <v>0</v>
      </c>
      <c r="AI829" s="166">
        <v>0</v>
      </c>
      <c r="AJ829" s="166">
        <v>0</v>
      </c>
      <c r="AK829" s="166">
        <v>0</v>
      </c>
      <c r="AL829" s="166">
        <v>0</v>
      </c>
      <c r="AM829" s="166">
        <v>0</v>
      </c>
      <c r="AN829" s="166">
        <v>0</v>
      </c>
      <c r="AO829" s="166">
        <v>0</v>
      </c>
      <c r="AP829" s="166">
        <v>0</v>
      </c>
      <c r="AQ829" s="166">
        <v>0</v>
      </c>
      <c r="AR829" s="166">
        <v>0</v>
      </c>
      <c r="AS829" s="166">
        <v>0</v>
      </c>
      <c r="AT829" s="166">
        <v>0</v>
      </c>
      <c r="AU829" s="166">
        <v>0</v>
      </c>
      <c r="AV829" s="166">
        <v>0</v>
      </c>
      <c r="AW829" s="166">
        <v>0</v>
      </c>
      <c r="AX829" s="166">
        <v>0</v>
      </c>
      <c r="AY829" s="166">
        <v>0</v>
      </c>
      <c r="AZ829" s="166">
        <v>0</v>
      </c>
      <c r="BA829" s="166">
        <v>0</v>
      </c>
      <c r="BB829" s="166">
        <v>0</v>
      </c>
      <c r="BC829" s="166">
        <v>0</v>
      </c>
      <c r="BD829" s="166">
        <v>0</v>
      </c>
      <c r="BE829" s="166">
        <v>0</v>
      </c>
      <c r="BF829" s="166">
        <v>0</v>
      </c>
      <c r="BG829" s="166">
        <v>0</v>
      </c>
      <c r="BH829" s="166">
        <v>0</v>
      </c>
      <c r="BI829" s="166">
        <v>0</v>
      </c>
      <c r="BJ829" s="166">
        <v>0</v>
      </c>
      <c r="BK829" s="166">
        <v>0</v>
      </c>
      <c r="BL829" s="166">
        <v>0</v>
      </c>
      <c r="BM829" s="166">
        <v>0</v>
      </c>
      <c r="BN829" s="166">
        <v>0</v>
      </c>
      <c r="BO829" s="166">
        <v>0</v>
      </c>
      <c r="BP829" s="166">
        <v>0</v>
      </c>
      <c r="BQ829" s="166">
        <v>0</v>
      </c>
      <c r="BR829" s="166">
        <v>0</v>
      </c>
      <c r="BS829" s="166">
        <v>0</v>
      </c>
      <c r="BT829" s="168">
        <v>1</v>
      </c>
      <c r="BU829" s="166">
        <v>0</v>
      </c>
      <c r="BV829" s="166">
        <v>0</v>
      </c>
      <c r="BW829" s="166">
        <v>0</v>
      </c>
      <c r="BX829" s="166">
        <v>0</v>
      </c>
      <c r="BY829" s="166">
        <v>0</v>
      </c>
      <c r="BZ829" s="166">
        <v>0</v>
      </c>
      <c r="CA829" s="166">
        <v>0</v>
      </c>
      <c r="CB829" s="166">
        <v>0</v>
      </c>
      <c r="CC829" s="166">
        <v>0</v>
      </c>
      <c r="CD829" s="166">
        <v>0</v>
      </c>
      <c r="CE829" s="166">
        <v>0</v>
      </c>
      <c r="CF829" s="166">
        <v>0</v>
      </c>
      <c r="CG829" s="166">
        <v>0</v>
      </c>
      <c r="CH829" s="166">
        <v>0</v>
      </c>
      <c r="CI829" s="166">
        <v>0</v>
      </c>
      <c r="CJ829" s="166">
        <v>0</v>
      </c>
      <c r="CK829" s="166">
        <v>0</v>
      </c>
      <c r="CL829" s="166">
        <v>0</v>
      </c>
      <c r="CM829" s="166">
        <v>0</v>
      </c>
      <c r="CN829" s="166">
        <v>0</v>
      </c>
      <c r="CO829" s="166">
        <v>0</v>
      </c>
      <c r="CP829" s="166">
        <v>0</v>
      </c>
      <c r="CQ829" s="166">
        <v>0</v>
      </c>
      <c r="CR829" s="166">
        <v>0</v>
      </c>
      <c r="CS829" s="166">
        <v>0</v>
      </c>
      <c r="CT829" s="166">
        <v>0</v>
      </c>
      <c r="CU829" s="166">
        <v>0</v>
      </c>
      <c r="CV829" s="166">
        <v>0</v>
      </c>
      <c r="CW829" s="166">
        <v>0</v>
      </c>
      <c r="CX829" s="166">
        <v>0</v>
      </c>
      <c r="CY829" s="166">
        <v>0</v>
      </c>
      <c r="CZ829" s="166">
        <v>0</v>
      </c>
    </row>
    <row r="830" spans="1:104" x14ac:dyDescent="0.2">
      <c r="A830" s="167" t="s">
        <v>1157</v>
      </c>
      <c r="B830" s="166">
        <v>0</v>
      </c>
      <c r="C830" s="166">
        <v>0</v>
      </c>
      <c r="D830" s="166">
        <v>0</v>
      </c>
      <c r="E830" s="166">
        <v>0</v>
      </c>
      <c r="F830" s="166">
        <v>0</v>
      </c>
      <c r="G830" s="166">
        <v>0</v>
      </c>
      <c r="H830" s="166">
        <v>0</v>
      </c>
      <c r="I830" s="166">
        <v>0</v>
      </c>
      <c r="J830" s="166">
        <v>0</v>
      </c>
      <c r="K830" s="166">
        <v>0</v>
      </c>
      <c r="L830" s="166">
        <v>0</v>
      </c>
      <c r="M830" s="166">
        <v>0</v>
      </c>
      <c r="N830" s="166">
        <v>0</v>
      </c>
      <c r="O830" s="166">
        <v>0</v>
      </c>
      <c r="P830" s="166">
        <v>0</v>
      </c>
      <c r="Q830" s="166">
        <v>0</v>
      </c>
      <c r="R830" s="166">
        <v>0</v>
      </c>
      <c r="S830" s="166">
        <v>0</v>
      </c>
      <c r="T830" s="166">
        <v>0</v>
      </c>
      <c r="U830" s="166">
        <v>0</v>
      </c>
      <c r="V830" s="166">
        <v>0</v>
      </c>
      <c r="W830" s="166">
        <v>0</v>
      </c>
      <c r="X830" s="166">
        <v>0</v>
      </c>
      <c r="Y830" s="166">
        <v>0</v>
      </c>
      <c r="Z830" s="166">
        <v>0</v>
      </c>
      <c r="AA830" s="166">
        <v>0</v>
      </c>
      <c r="AB830" s="166">
        <v>0</v>
      </c>
      <c r="AC830" s="166">
        <v>0</v>
      </c>
      <c r="AD830" s="166">
        <v>0</v>
      </c>
      <c r="AE830" s="166">
        <v>0</v>
      </c>
      <c r="AF830" s="166">
        <v>0</v>
      </c>
      <c r="AG830" s="166">
        <v>0</v>
      </c>
      <c r="AH830" s="166">
        <v>0</v>
      </c>
      <c r="AI830" s="166">
        <v>0</v>
      </c>
      <c r="AJ830" s="166">
        <v>0</v>
      </c>
      <c r="AK830" s="166">
        <v>0</v>
      </c>
      <c r="AL830" s="166">
        <v>0</v>
      </c>
      <c r="AM830" s="166">
        <v>0</v>
      </c>
      <c r="AN830" s="166">
        <v>0</v>
      </c>
      <c r="AO830" s="166">
        <v>0</v>
      </c>
      <c r="AP830" s="166">
        <v>0</v>
      </c>
      <c r="AQ830" s="166">
        <v>0</v>
      </c>
      <c r="AR830" s="166">
        <v>0</v>
      </c>
      <c r="AS830" s="166">
        <v>0</v>
      </c>
      <c r="AT830" s="166">
        <v>0</v>
      </c>
      <c r="AU830" s="166">
        <v>0</v>
      </c>
      <c r="AV830" s="166">
        <v>0</v>
      </c>
      <c r="AW830" s="166">
        <v>0</v>
      </c>
      <c r="AX830" s="166">
        <v>0</v>
      </c>
      <c r="AY830" s="166">
        <v>0</v>
      </c>
      <c r="AZ830" s="166">
        <v>0</v>
      </c>
      <c r="BA830" s="166">
        <v>0</v>
      </c>
      <c r="BB830" s="166">
        <v>0</v>
      </c>
      <c r="BC830" s="166">
        <v>0</v>
      </c>
      <c r="BD830" s="166">
        <v>0</v>
      </c>
      <c r="BE830" s="166">
        <v>0</v>
      </c>
      <c r="BF830" s="166">
        <v>0</v>
      </c>
      <c r="BG830" s="166">
        <v>0</v>
      </c>
      <c r="BH830" s="166">
        <v>0</v>
      </c>
      <c r="BI830" s="166">
        <v>0</v>
      </c>
      <c r="BJ830" s="166">
        <v>0</v>
      </c>
      <c r="BK830" s="166">
        <v>0</v>
      </c>
      <c r="BL830" s="166">
        <v>0</v>
      </c>
      <c r="BM830" s="166">
        <v>0</v>
      </c>
      <c r="BN830" s="166">
        <v>0</v>
      </c>
      <c r="BO830" s="166">
        <v>0</v>
      </c>
      <c r="BP830" s="166">
        <v>0</v>
      </c>
      <c r="BQ830" s="166">
        <v>0</v>
      </c>
      <c r="BR830" s="166">
        <v>0</v>
      </c>
      <c r="BS830" s="166">
        <v>0</v>
      </c>
      <c r="BT830" s="168">
        <v>1</v>
      </c>
      <c r="BU830" s="166">
        <v>0</v>
      </c>
      <c r="BV830" s="166">
        <v>0</v>
      </c>
      <c r="BW830" s="166">
        <v>0</v>
      </c>
      <c r="BX830" s="166">
        <v>0</v>
      </c>
      <c r="BY830" s="166">
        <v>0</v>
      </c>
      <c r="BZ830" s="166">
        <v>0</v>
      </c>
      <c r="CA830" s="166">
        <v>0</v>
      </c>
      <c r="CB830" s="166">
        <v>0</v>
      </c>
      <c r="CC830" s="166">
        <v>0</v>
      </c>
      <c r="CD830" s="166">
        <v>0</v>
      </c>
      <c r="CE830" s="166">
        <v>0</v>
      </c>
      <c r="CF830" s="166">
        <v>0</v>
      </c>
      <c r="CG830" s="166">
        <v>0</v>
      </c>
      <c r="CH830" s="166">
        <v>0</v>
      </c>
      <c r="CI830" s="166">
        <v>0</v>
      </c>
      <c r="CJ830" s="166">
        <v>0</v>
      </c>
      <c r="CK830" s="166">
        <v>0</v>
      </c>
      <c r="CL830" s="166">
        <v>0</v>
      </c>
      <c r="CM830" s="166">
        <v>0</v>
      </c>
      <c r="CN830" s="166">
        <v>0</v>
      </c>
      <c r="CO830" s="166">
        <v>0</v>
      </c>
      <c r="CP830" s="166">
        <v>0</v>
      </c>
      <c r="CQ830" s="166">
        <v>0</v>
      </c>
      <c r="CR830" s="166">
        <v>0</v>
      </c>
      <c r="CS830" s="166">
        <v>0</v>
      </c>
      <c r="CT830" s="166">
        <v>0</v>
      </c>
      <c r="CU830" s="166">
        <v>0</v>
      </c>
      <c r="CV830" s="166">
        <v>0</v>
      </c>
      <c r="CW830" s="166">
        <v>0</v>
      </c>
      <c r="CX830" s="166">
        <v>0</v>
      </c>
      <c r="CY830" s="166">
        <v>0</v>
      </c>
      <c r="CZ830" s="166">
        <v>0</v>
      </c>
    </row>
    <row r="831" spans="1:104" x14ac:dyDescent="0.2">
      <c r="A831" s="167" t="s">
        <v>1158</v>
      </c>
      <c r="B831" s="166">
        <v>0</v>
      </c>
      <c r="C831" s="166">
        <v>0</v>
      </c>
      <c r="D831" s="166">
        <v>0</v>
      </c>
      <c r="E831" s="166">
        <v>0</v>
      </c>
      <c r="F831" s="166">
        <v>0</v>
      </c>
      <c r="G831" s="166">
        <v>0</v>
      </c>
      <c r="H831" s="166">
        <v>0</v>
      </c>
      <c r="I831" s="166">
        <v>0</v>
      </c>
      <c r="J831" s="166">
        <v>0</v>
      </c>
      <c r="K831" s="166">
        <v>0</v>
      </c>
      <c r="L831" s="166">
        <v>0</v>
      </c>
      <c r="M831" s="166">
        <v>0</v>
      </c>
      <c r="N831" s="166">
        <v>0</v>
      </c>
      <c r="O831" s="166">
        <v>0</v>
      </c>
      <c r="P831" s="166">
        <v>0</v>
      </c>
      <c r="Q831" s="166">
        <v>0</v>
      </c>
      <c r="R831" s="166">
        <v>0</v>
      </c>
      <c r="S831" s="166">
        <v>0</v>
      </c>
      <c r="T831" s="166">
        <v>0</v>
      </c>
      <c r="U831" s="166">
        <v>0</v>
      </c>
      <c r="V831" s="166">
        <v>0</v>
      </c>
      <c r="W831" s="166">
        <v>0</v>
      </c>
      <c r="X831" s="166">
        <v>0</v>
      </c>
      <c r="Y831" s="166">
        <v>0</v>
      </c>
      <c r="Z831" s="166">
        <v>0</v>
      </c>
      <c r="AA831" s="166">
        <v>0</v>
      </c>
      <c r="AB831" s="166">
        <v>0</v>
      </c>
      <c r="AC831" s="166">
        <v>0</v>
      </c>
      <c r="AD831" s="166">
        <v>0</v>
      </c>
      <c r="AE831" s="166">
        <v>0</v>
      </c>
      <c r="AF831" s="166">
        <v>0</v>
      </c>
      <c r="AG831" s="166">
        <v>0</v>
      </c>
      <c r="AH831" s="166">
        <v>0</v>
      </c>
      <c r="AI831" s="166">
        <v>0</v>
      </c>
      <c r="AJ831" s="166">
        <v>0</v>
      </c>
      <c r="AK831" s="166">
        <v>0</v>
      </c>
      <c r="AL831" s="166">
        <v>0</v>
      </c>
      <c r="AM831" s="166">
        <v>0</v>
      </c>
      <c r="AN831" s="166">
        <v>0</v>
      </c>
      <c r="AO831" s="166">
        <v>0</v>
      </c>
      <c r="AP831" s="166">
        <v>0</v>
      </c>
      <c r="AQ831" s="166">
        <v>0</v>
      </c>
      <c r="AR831" s="166">
        <v>0</v>
      </c>
      <c r="AS831" s="166">
        <v>0</v>
      </c>
      <c r="AT831" s="166">
        <v>0</v>
      </c>
      <c r="AU831" s="166">
        <v>0</v>
      </c>
      <c r="AV831" s="166">
        <v>0</v>
      </c>
      <c r="AW831" s="166">
        <v>0</v>
      </c>
      <c r="AX831" s="166">
        <v>0</v>
      </c>
      <c r="AY831" s="166">
        <v>0</v>
      </c>
      <c r="AZ831" s="166">
        <v>0</v>
      </c>
      <c r="BA831" s="166">
        <v>0</v>
      </c>
      <c r="BB831" s="166">
        <v>0</v>
      </c>
      <c r="BC831" s="166">
        <v>0</v>
      </c>
      <c r="BD831" s="166">
        <v>0</v>
      </c>
      <c r="BE831" s="166">
        <v>0</v>
      </c>
      <c r="BF831" s="166">
        <v>0</v>
      </c>
      <c r="BG831" s="166">
        <v>0</v>
      </c>
      <c r="BH831" s="166">
        <v>0</v>
      </c>
      <c r="BI831" s="166">
        <v>0</v>
      </c>
      <c r="BJ831" s="166">
        <v>0</v>
      </c>
      <c r="BK831" s="166">
        <v>0</v>
      </c>
      <c r="BL831" s="166">
        <v>0</v>
      </c>
      <c r="BM831" s="166">
        <v>0</v>
      </c>
      <c r="BN831" s="166">
        <v>0</v>
      </c>
      <c r="BO831" s="166">
        <v>0</v>
      </c>
      <c r="BP831" s="166">
        <v>0</v>
      </c>
      <c r="BQ831" s="166">
        <v>0</v>
      </c>
      <c r="BR831" s="166">
        <v>0</v>
      </c>
      <c r="BS831" s="166">
        <v>0</v>
      </c>
      <c r="BT831" s="168">
        <v>1</v>
      </c>
      <c r="BU831" s="166">
        <v>0</v>
      </c>
      <c r="BV831" s="166">
        <v>0</v>
      </c>
      <c r="BW831" s="166">
        <v>0</v>
      </c>
      <c r="BX831" s="166">
        <v>0</v>
      </c>
      <c r="BY831" s="166">
        <v>0</v>
      </c>
      <c r="BZ831" s="166">
        <v>0</v>
      </c>
      <c r="CA831" s="166">
        <v>0</v>
      </c>
      <c r="CB831" s="166">
        <v>0</v>
      </c>
      <c r="CC831" s="166">
        <v>0</v>
      </c>
      <c r="CD831" s="166">
        <v>0</v>
      </c>
      <c r="CE831" s="166">
        <v>0</v>
      </c>
      <c r="CF831" s="166">
        <v>0</v>
      </c>
      <c r="CG831" s="166">
        <v>0</v>
      </c>
      <c r="CH831" s="166">
        <v>0</v>
      </c>
      <c r="CI831" s="166">
        <v>0</v>
      </c>
      <c r="CJ831" s="166">
        <v>0</v>
      </c>
      <c r="CK831" s="166">
        <v>0</v>
      </c>
      <c r="CL831" s="166">
        <v>0</v>
      </c>
      <c r="CM831" s="166">
        <v>0</v>
      </c>
      <c r="CN831" s="166">
        <v>0</v>
      </c>
      <c r="CO831" s="166">
        <v>0</v>
      </c>
      <c r="CP831" s="166">
        <v>0</v>
      </c>
      <c r="CQ831" s="166">
        <v>0</v>
      </c>
      <c r="CR831" s="166">
        <v>0</v>
      </c>
      <c r="CS831" s="166">
        <v>0</v>
      </c>
      <c r="CT831" s="166">
        <v>0</v>
      </c>
      <c r="CU831" s="166">
        <v>0</v>
      </c>
      <c r="CV831" s="166">
        <v>0</v>
      </c>
      <c r="CW831" s="166">
        <v>0</v>
      </c>
      <c r="CX831" s="166">
        <v>0</v>
      </c>
      <c r="CY831" s="166">
        <v>0</v>
      </c>
      <c r="CZ831" s="166">
        <v>0</v>
      </c>
    </row>
    <row r="832" spans="1:104" x14ac:dyDescent="0.2">
      <c r="A832" s="167" t="s">
        <v>1159</v>
      </c>
      <c r="B832" s="166">
        <v>0</v>
      </c>
      <c r="C832" s="166">
        <v>0</v>
      </c>
      <c r="D832" s="166">
        <v>0</v>
      </c>
      <c r="E832" s="166">
        <v>0</v>
      </c>
      <c r="F832" s="166">
        <v>0</v>
      </c>
      <c r="G832" s="166">
        <v>0</v>
      </c>
      <c r="H832" s="166">
        <v>0</v>
      </c>
      <c r="I832" s="166">
        <v>0</v>
      </c>
      <c r="J832" s="166">
        <v>0</v>
      </c>
      <c r="K832" s="166">
        <v>0</v>
      </c>
      <c r="L832" s="166">
        <v>0</v>
      </c>
      <c r="M832" s="166">
        <v>0</v>
      </c>
      <c r="N832" s="166">
        <v>0</v>
      </c>
      <c r="O832" s="166">
        <v>0</v>
      </c>
      <c r="P832" s="166">
        <v>0</v>
      </c>
      <c r="Q832" s="166">
        <v>0</v>
      </c>
      <c r="R832" s="166">
        <v>0</v>
      </c>
      <c r="S832" s="166">
        <v>0</v>
      </c>
      <c r="T832" s="166">
        <v>0</v>
      </c>
      <c r="U832" s="166">
        <v>0</v>
      </c>
      <c r="V832" s="166">
        <v>0</v>
      </c>
      <c r="W832" s="166">
        <v>0</v>
      </c>
      <c r="X832" s="166">
        <v>0</v>
      </c>
      <c r="Y832" s="166">
        <v>0</v>
      </c>
      <c r="Z832" s="166">
        <v>0</v>
      </c>
      <c r="AA832" s="166">
        <v>0</v>
      </c>
      <c r="AB832" s="166">
        <v>0</v>
      </c>
      <c r="AC832" s="166">
        <v>0</v>
      </c>
      <c r="AD832" s="166">
        <v>0</v>
      </c>
      <c r="AE832" s="166">
        <v>0</v>
      </c>
      <c r="AF832" s="166">
        <v>0</v>
      </c>
      <c r="AG832" s="166">
        <v>0</v>
      </c>
      <c r="AH832" s="166">
        <v>0</v>
      </c>
      <c r="AI832" s="166">
        <v>0</v>
      </c>
      <c r="AJ832" s="166">
        <v>0</v>
      </c>
      <c r="AK832" s="166">
        <v>0</v>
      </c>
      <c r="AL832" s="166">
        <v>0</v>
      </c>
      <c r="AM832" s="166">
        <v>0</v>
      </c>
      <c r="AN832" s="166">
        <v>0</v>
      </c>
      <c r="AO832" s="166">
        <v>0</v>
      </c>
      <c r="AP832" s="166">
        <v>0</v>
      </c>
      <c r="AQ832" s="166">
        <v>0</v>
      </c>
      <c r="AR832" s="166">
        <v>0</v>
      </c>
      <c r="AS832" s="166">
        <v>0</v>
      </c>
      <c r="AT832" s="166">
        <v>0</v>
      </c>
      <c r="AU832" s="166">
        <v>0</v>
      </c>
      <c r="AV832" s="166">
        <v>0</v>
      </c>
      <c r="AW832" s="166">
        <v>0</v>
      </c>
      <c r="AX832" s="166">
        <v>0</v>
      </c>
      <c r="AY832" s="166">
        <v>0</v>
      </c>
      <c r="AZ832" s="166">
        <v>0</v>
      </c>
      <c r="BA832" s="166">
        <v>0</v>
      </c>
      <c r="BB832" s="166">
        <v>0</v>
      </c>
      <c r="BC832" s="166">
        <v>0</v>
      </c>
      <c r="BD832" s="166">
        <v>0</v>
      </c>
      <c r="BE832" s="166">
        <v>0</v>
      </c>
      <c r="BF832" s="166">
        <v>0</v>
      </c>
      <c r="BG832" s="166">
        <v>0</v>
      </c>
      <c r="BH832" s="166">
        <v>0</v>
      </c>
      <c r="BI832" s="166">
        <v>0</v>
      </c>
      <c r="BJ832" s="166">
        <v>0</v>
      </c>
      <c r="BK832" s="166">
        <v>0</v>
      </c>
      <c r="BL832" s="166">
        <v>0</v>
      </c>
      <c r="BM832" s="166">
        <v>0</v>
      </c>
      <c r="BN832" s="166">
        <v>0</v>
      </c>
      <c r="BO832" s="166">
        <v>0</v>
      </c>
      <c r="BP832" s="166">
        <v>0</v>
      </c>
      <c r="BQ832" s="166">
        <v>0</v>
      </c>
      <c r="BR832" s="166">
        <v>0</v>
      </c>
      <c r="BS832" s="166">
        <v>0</v>
      </c>
      <c r="BT832" s="168">
        <v>0</v>
      </c>
      <c r="BU832" s="166">
        <v>0</v>
      </c>
      <c r="BV832" s="166">
        <v>0</v>
      </c>
      <c r="BW832" s="166">
        <v>0</v>
      </c>
      <c r="BX832" s="166">
        <v>0</v>
      </c>
      <c r="BY832" s="166">
        <v>0</v>
      </c>
      <c r="BZ832" s="166">
        <v>0</v>
      </c>
      <c r="CA832" s="166">
        <v>0</v>
      </c>
      <c r="CB832" s="166">
        <v>0</v>
      </c>
      <c r="CC832" s="166">
        <v>0</v>
      </c>
      <c r="CD832" s="166">
        <v>0</v>
      </c>
      <c r="CE832" s="166">
        <v>0</v>
      </c>
      <c r="CF832" s="166">
        <v>0</v>
      </c>
      <c r="CG832" s="166">
        <v>0</v>
      </c>
      <c r="CH832" s="166">
        <v>0</v>
      </c>
      <c r="CI832" s="166">
        <v>0</v>
      </c>
      <c r="CJ832" s="166">
        <v>0</v>
      </c>
      <c r="CK832" s="166">
        <v>0</v>
      </c>
      <c r="CL832" s="166">
        <v>0</v>
      </c>
      <c r="CM832" s="166">
        <v>0</v>
      </c>
      <c r="CN832" s="166">
        <v>0</v>
      </c>
      <c r="CO832" s="166">
        <v>0</v>
      </c>
      <c r="CP832" s="166">
        <v>0</v>
      </c>
      <c r="CQ832" s="166">
        <v>0</v>
      </c>
      <c r="CR832" s="166">
        <v>0</v>
      </c>
      <c r="CS832" s="166">
        <v>0</v>
      </c>
      <c r="CT832" s="166">
        <v>0</v>
      </c>
      <c r="CU832" s="166">
        <v>0</v>
      </c>
      <c r="CV832" s="166">
        <v>0</v>
      </c>
      <c r="CW832" s="166">
        <v>0</v>
      </c>
      <c r="CX832" s="166">
        <v>0</v>
      </c>
      <c r="CY832" s="166">
        <v>0</v>
      </c>
      <c r="CZ832" s="166">
        <v>0</v>
      </c>
    </row>
    <row r="833" spans="1:104" x14ac:dyDescent="0.2">
      <c r="A833" s="167" t="s">
        <v>364</v>
      </c>
    </row>
    <row r="834" spans="1:104" x14ac:dyDescent="0.2">
      <c r="A834" s="167" t="s">
        <v>1160</v>
      </c>
      <c r="B834" s="166">
        <v>283949.62</v>
      </c>
      <c r="C834" s="166">
        <v>283949.62</v>
      </c>
      <c r="D834" s="166">
        <v>0</v>
      </c>
      <c r="E834" s="166">
        <v>0</v>
      </c>
      <c r="F834" s="166">
        <v>0</v>
      </c>
      <c r="G834" s="166">
        <v>0</v>
      </c>
      <c r="H834" s="166">
        <v>0</v>
      </c>
      <c r="I834" s="166">
        <v>0</v>
      </c>
      <c r="J834" s="166">
        <v>0</v>
      </c>
      <c r="K834" s="166">
        <v>0</v>
      </c>
      <c r="L834" s="166">
        <v>0</v>
      </c>
      <c r="M834" s="166">
        <v>0</v>
      </c>
      <c r="N834" s="166">
        <v>0</v>
      </c>
      <c r="O834" s="166">
        <v>0</v>
      </c>
      <c r="P834" s="166">
        <v>0</v>
      </c>
      <c r="Q834" s="166">
        <v>0</v>
      </c>
      <c r="R834" s="166">
        <v>0</v>
      </c>
      <c r="S834" s="166">
        <v>0</v>
      </c>
      <c r="T834" s="166">
        <v>0</v>
      </c>
      <c r="U834" s="166">
        <v>0</v>
      </c>
      <c r="V834" s="166">
        <v>0</v>
      </c>
      <c r="W834" s="166">
        <v>0</v>
      </c>
      <c r="X834" s="166">
        <v>0</v>
      </c>
      <c r="Y834" s="166">
        <v>0</v>
      </c>
      <c r="Z834" s="166">
        <v>0</v>
      </c>
      <c r="AA834" s="166">
        <v>0</v>
      </c>
      <c r="AB834" s="166">
        <v>0</v>
      </c>
      <c r="AC834" s="166">
        <v>0</v>
      </c>
      <c r="AD834" s="166">
        <v>0</v>
      </c>
      <c r="AE834" s="166">
        <v>0</v>
      </c>
      <c r="AF834" s="166">
        <v>0</v>
      </c>
      <c r="AG834" s="166">
        <v>0</v>
      </c>
      <c r="AH834" s="166">
        <v>0</v>
      </c>
      <c r="AI834" s="166">
        <v>0</v>
      </c>
      <c r="AJ834" s="166">
        <v>0</v>
      </c>
      <c r="AK834" s="166">
        <v>0</v>
      </c>
      <c r="AL834" s="166">
        <v>0</v>
      </c>
      <c r="AM834" s="166">
        <v>0</v>
      </c>
      <c r="AN834" s="166">
        <v>0</v>
      </c>
      <c r="AO834" s="166">
        <v>0</v>
      </c>
      <c r="AP834" s="166">
        <v>0</v>
      </c>
      <c r="AQ834" s="166">
        <v>0</v>
      </c>
      <c r="AR834" s="166">
        <v>0</v>
      </c>
      <c r="AS834" s="166">
        <v>0</v>
      </c>
      <c r="AT834" s="166">
        <v>0</v>
      </c>
      <c r="AU834" s="166">
        <v>0</v>
      </c>
      <c r="AV834" s="166">
        <v>0</v>
      </c>
      <c r="AW834" s="166">
        <v>0</v>
      </c>
      <c r="AX834" s="166">
        <v>0</v>
      </c>
      <c r="AY834" s="166">
        <v>0</v>
      </c>
      <c r="AZ834" s="166">
        <v>0</v>
      </c>
      <c r="BA834" s="166">
        <v>0</v>
      </c>
      <c r="BB834" s="166">
        <v>0</v>
      </c>
      <c r="BC834" s="166">
        <v>0</v>
      </c>
      <c r="BD834" s="166">
        <v>0</v>
      </c>
      <c r="BE834" s="166">
        <v>0</v>
      </c>
      <c r="BF834" s="166">
        <v>0</v>
      </c>
      <c r="BG834" s="166">
        <v>0</v>
      </c>
      <c r="BH834" s="166">
        <v>0</v>
      </c>
      <c r="BI834" s="166">
        <v>0</v>
      </c>
      <c r="BJ834" s="166">
        <v>0</v>
      </c>
      <c r="BK834" s="166">
        <v>0</v>
      </c>
      <c r="BL834" s="166">
        <v>0</v>
      </c>
      <c r="BM834" s="166">
        <v>0</v>
      </c>
      <c r="BN834" s="166">
        <v>0</v>
      </c>
      <c r="BO834" s="166">
        <v>0</v>
      </c>
      <c r="BP834" s="166">
        <v>0</v>
      </c>
      <c r="BQ834" s="166">
        <v>0</v>
      </c>
      <c r="BR834" s="166">
        <v>283949.62</v>
      </c>
      <c r="BS834" s="166">
        <v>283949.62</v>
      </c>
      <c r="BT834" s="168">
        <v>1</v>
      </c>
      <c r="BU834" s="166">
        <v>22977.29</v>
      </c>
      <c r="BV834" s="166">
        <v>283949.62</v>
      </c>
      <c r="BW834" s="166">
        <v>0</v>
      </c>
      <c r="BX834" s="166">
        <v>0</v>
      </c>
      <c r="BY834" s="166">
        <v>0</v>
      </c>
      <c r="BZ834" s="166">
        <v>0</v>
      </c>
      <c r="CA834" s="166">
        <v>0</v>
      </c>
      <c r="CB834" s="166">
        <v>0</v>
      </c>
      <c r="CC834" s="166">
        <v>0</v>
      </c>
      <c r="CD834" s="166">
        <v>0</v>
      </c>
      <c r="CE834" s="166">
        <v>0</v>
      </c>
      <c r="CF834" s="166">
        <v>0</v>
      </c>
      <c r="CG834" s="166">
        <v>0</v>
      </c>
      <c r="CH834" s="166">
        <v>0</v>
      </c>
      <c r="CI834" s="166">
        <v>0</v>
      </c>
      <c r="CJ834" s="166">
        <v>0</v>
      </c>
      <c r="CK834" s="166">
        <v>0</v>
      </c>
      <c r="CL834" s="166">
        <v>0</v>
      </c>
      <c r="CM834" s="166">
        <v>0</v>
      </c>
      <c r="CN834" s="166">
        <v>0</v>
      </c>
      <c r="CO834" s="166">
        <v>0</v>
      </c>
      <c r="CP834" s="166">
        <v>0</v>
      </c>
      <c r="CQ834" s="166">
        <v>0</v>
      </c>
      <c r="CR834" s="166">
        <v>0</v>
      </c>
      <c r="CS834" s="166">
        <v>0</v>
      </c>
      <c r="CT834" s="166">
        <v>0</v>
      </c>
      <c r="CU834" s="166">
        <v>0</v>
      </c>
      <c r="CV834" s="166">
        <v>0</v>
      </c>
      <c r="CW834" s="166">
        <v>0</v>
      </c>
      <c r="CX834" s="166">
        <v>0</v>
      </c>
      <c r="CY834" s="166">
        <v>283949.62</v>
      </c>
      <c r="CZ834" s="166">
        <v>283949.62</v>
      </c>
    </row>
    <row r="835" spans="1:104" x14ac:dyDescent="0.2">
      <c r="A835" s="167" t="s">
        <v>366</v>
      </c>
    </row>
    <row r="836" spans="1:104" x14ac:dyDescent="0.2">
      <c r="A836" s="167" t="s">
        <v>1161</v>
      </c>
      <c r="B836" s="166">
        <v>7991557.7300000004</v>
      </c>
      <c r="C836" s="166">
        <v>7991557.7300000004</v>
      </c>
      <c r="D836" s="166">
        <v>0</v>
      </c>
      <c r="E836" s="166">
        <v>0</v>
      </c>
      <c r="F836" s="166">
        <v>0</v>
      </c>
      <c r="G836" s="166">
        <v>0</v>
      </c>
      <c r="H836" s="166">
        <v>0</v>
      </c>
      <c r="I836" s="166">
        <v>0</v>
      </c>
      <c r="J836" s="166">
        <v>0</v>
      </c>
      <c r="K836" s="166">
        <v>0</v>
      </c>
      <c r="L836" s="166">
        <v>0</v>
      </c>
      <c r="M836" s="166">
        <v>0</v>
      </c>
      <c r="N836" s="166">
        <v>0</v>
      </c>
      <c r="O836" s="166">
        <v>0</v>
      </c>
      <c r="P836" s="166">
        <v>0</v>
      </c>
      <c r="Q836" s="166">
        <v>0</v>
      </c>
      <c r="R836" s="166">
        <v>0</v>
      </c>
      <c r="S836" s="166">
        <v>0</v>
      </c>
      <c r="T836" s="166">
        <v>0</v>
      </c>
      <c r="U836" s="166">
        <v>0</v>
      </c>
      <c r="V836" s="166">
        <v>0</v>
      </c>
      <c r="W836" s="166">
        <v>0</v>
      </c>
      <c r="X836" s="166">
        <v>0</v>
      </c>
      <c r="Y836" s="166">
        <v>0</v>
      </c>
      <c r="Z836" s="166">
        <v>0</v>
      </c>
      <c r="AA836" s="166">
        <v>0</v>
      </c>
      <c r="AB836" s="166">
        <v>0</v>
      </c>
      <c r="AC836" s="166">
        <v>0</v>
      </c>
      <c r="AD836" s="166">
        <v>0</v>
      </c>
      <c r="AE836" s="166">
        <v>0</v>
      </c>
      <c r="AF836" s="166">
        <v>0</v>
      </c>
      <c r="AG836" s="166">
        <v>0</v>
      </c>
      <c r="AH836" s="166">
        <v>0</v>
      </c>
      <c r="AI836" s="166">
        <v>0</v>
      </c>
      <c r="AJ836" s="166">
        <v>0</v>
      </c>
      <c r="AK836" s="166">
        <v>0</v>
      </c>
      <c r="AL836" s="166">
        <v>0</v>
      </c>
      <c r="AM836" s="166">
        <v>0</v>
      </c>
      <c r="AN836" s="166">
        <v>0</v>
      </c>
      <c r="AO836" s="166">
        <v>0</v>
      </c>
      <c r="AP836" s="166">
        <v>0</v>
      </c>
      <c r="AQ836" s="166">
        <v>0</v>
      </c>
      <c r="AR836" s="166">
        <v>0</v>
      </c>
      <c r="AS836" s="166">
        <v>0</v>
      </c>
      <c r="AT836" s="166">
        <v>0</v>
      </c>
      <c r="AU836" s="166">
        <v>0</v>
      </c>
      <c r="AV836" s="166">
        <v>0</v>
      </c>
      <c r="AW836" s="166">
        <v>0</v>
      </c>
      <c r="AX836" s="166">
        <v>0</v>
      </c>
      <c r="AY836" s="166">
        <v>0</v>
      </c>
      <c r="AZ836" s="166">
        <v>0</v>
      </c>
      <c r="BA836" s="166">
        <v>0</v>
      </c>
      <c r="BB836" s="166">
        <v>0</v>
      </c>
      <c r="BC836" s="166">
        <v>0</v>
      </c>
      <c r="BD836" s="166">
        <v>0</v>
      </c>
      <c r="BE836" s="166">
        <v>0</v>
      </c>
      <c r="BF836" s="166">
        <v>0</v>
      </c>
      <c r="BG836" s="166">
        <v>0</v>
      </c>
      <c r="BH836" s="166">
        <v>0</v>
      </c>
      <c r="BI836" s="166">
        <v>0</v>
      </c>
      <c r="BJ836" s="166">
        <v>0</v>
      </c>
      <c r="BK836" s="166">
        <v>0</v>
      </c>
      <c r="BL836" s="166">
        <v>0</v>
      </c>
      <c r="BM836" s="166">
        <v>0</v>
      </c>
      <c r="BN836" s="166">
        <v>0</v>
      </c>
      <c r="BO836" s="166">
        <v>0</v>
      </c>
      <c r="BP836" s="166">
        <v>0</v>
      </c>
      <c r="BQ836" s="166">
        <v>0</v>
      </c>
      <c r="BR836" s="166">
        <v>7991557.7300000004</v>
      </c>
      <c r="BS836" s="166">
        <v>7991557.7300000004</v>
      </c>
      <c r="BT836" s="168">
        <v>1</v>
      </c>
      <c r="BU836" s="166">
        <v>700697.31</v>
      </c>
      <c r="BV836" s="166">
        <v>7991557.7300000004</v>
      </c>
      <c r="BW836" s="166">
        <v>0</v>
      </c>
      <c r="BX836" s="166">
        <v>0</v>
      </c>
      <c r="BY836" s="166">
        <v>0</v>
      </c>
      <c r="BZ836" s="166">
        <v>0</v>
      </c>
      <c r="CA836" s="166">
        <v>0</v>
      </c>
      <c r="CB836" s="166">
        <v>0</v>
      </c>
      <c r="CC836" s="166">
        <v>0</v>
      </c>
      <c r="CD836" s="166">
        <v>0</v>
      </c>
      <c r="CE836" s="166">
        <v>0</v>
      </c>
      <c r="CF836" s="166">
        <v>0</v>
      </c>
      <c r="CG836" s="166">
        <v>0</v>
      </c>
      <c r="CH836" s="166">
        <v>0</v>
      </c>
      <c r="CI836" s="166">
        <v>0</v>
      </c>
      <c r="CJ836" s="166">
        <v>0</v>
      </c>
      <c r="CK836" s="166">
        <v>0</v>
      </c>
      <c r="CL836" s="166">
        <v>0</v>
      </c>
      <c r="CM836" s="166">
        <v>0</v>
      </c>
      <c r="CN836" s="166">
        <v>0</v>
      </c>
      <c r="CO836" s="166">
        <v>0</v>
      </c>
      <c r="CP836" s="166">
        <v>0</v>
      </c>
      <c r="CQ836" s="166">
        <v>0</v>
      </c>
      <c r="CR836" s="166">
        <v>0</v>
      </c>
      <c r="CS836" s="166">
        <v>0</v>
      </c>
      <c r="CT836" s="166">
        <v>0</v>
      </c>
      <c r="CU836" s="166">
        <v>0</v>
      </c>
      <c r="CV836" s="166">
        <v>0</v>
      </c>
      <c r="CW836" s="166">
        <v>0</v>
      </c>
      <c r="CX836" s="166">
        <v>0</v>
      </c>
      <c r="CY836" s="166">
        <v>7991557.7300000004</v>
      </c>
      <c r="CZ836" s="166">
        <v>7991557.7300000004</v>
      </c>
    </row>
    <row r="837" spans="1:104" x14ac:dyDescent="0.2">
      <c r="A837" s="167" t="s">
        <v>368</v>
      </c>
    </row>
    <row r="838" spans="1:104" x14ac:dyDescent="0.2">
      <c r="A838" s="167" t="s">
        <v>1162</v>
      </c>
      <c r="B838" s="166">
        <v>2273679.69</v>
      </c>
      <c r="C838" s="166">
        <v>2273679.69</v>
      </c>
      <c r="D838" s="166">
        <v>0</v>
      </c>
      <c r="E838" s="166">
        <v>0</v>
      </c>
      <c r="F838" s="166">
        <v>0</v>
      </c>
      <c r="G838" s="166">
        <v>0</v>
      </c>
      <c r="H838" s="166">
        <v>0</v>
      </c>
      <c r="I838" s="166">
        <v>0</v>
      </c>
      <c r="J838" s="166">
        <v>0</v>
      </c>
      <c r="K838" s="166">
        <v>0</v>
      </c>
      <c r="L838" s="166">
        <v>0</v>
      </c>
      <c r="M838" s="166">
        <v>0</v>
      </c>
      <c r="N838" s="166">
        <v>0</v>
      </c>
      <c r="O838" s="166">
        <v>0</v>
      </c>
      <c r="P838" s="166">
        <v>0</v>
      </c>
      <c r="Q838" s="166">
        <v>0</v>
      </c>
      <c r="R838" s="166">
        <v>0</v>
      </c>
      <c r="S838" s="166">
        <v>0</v>
      </c>
      <c r="T838" s="166">
        <v>0</v>
      </c>
      <c r="U838" s="166">
        <v>0</v>
      </c>
      <c r="V838" s="166">
        <v>0</v>
      </c>
      <c r="W838" s="166">
        <v>0</v>
      </c>
      <c r="X838" s="166">
        <v>0</v>
      </c>
      <c r="Y838" s="166">
        <v>0</v>
      </c>
      <c r="Z838" s="166">
        <v>0</v>
      </c>
      <c r="AA838" s="166">
        <v>0</v>
      </c>
      <c r="AB838" s="166">
        <v>0</v>
      </c>
      <c r="AC838" s="166">
        <v>0</v>
      </c>
      <c r="AD838" s="166">
        <v>0</v>
      </c>
      <c r="AE838" s="166">
        <v>0</v>
      </c>
      <c r="AF838" s="166">
        <v>0</v>
      </c>
      <c r="AG838" s="166">
        <v>0</v>
      </c>
      <c r="AH838" s="166">
        <v>0</v>
      </c>
      <c r="AI838" s="166">
        <v>0</v>
      </c>
      <c r="AJ838" s="166">
        <v>0</v>
      </c>
      <c r="AK838" s="166">
        <v>0</v>
      </c>
      <c r="AL838" s="166">
        <v>0</v>
      </c>
      <c r="AM838" s="166">
        <v>0</v>
      </c>
      <c r="AN838" s="166">
        <v>0</v>
      </c>
      <c r="AO838" s="166">
        <v>0</v>
      </c>
      <c r="AP838" s="166">
        <v>0</v>
      </c>
      <c r="AQ838" s="166">
        <v>0</v>
      </c>
      <c r="AR838" s="166">
        <v>0</v>
      </c>
      <c r="AS838" s="166">
        <v>0</v>
      </c>
      <c r="AT838" s="166">
        <v>0</v>
      </c>
      <c r="AU838" s="166">
        <v>0</v>
      </c>
      <c r="AV838" s="166">
        <v>0</v>
      </c>
      <c r="AW838" s="166">
        <v>0</v>
      </c>
      <c r="AX838" s="166">
        <v>0</v>
      </c>
      <c r="AY838" s="166">
        <v>0</v>
      </c>
      <c r="AZ838" s="166">
        <v>0</v>
      </c>
      <c r="BA838" s="166">
        <v>0</v>
      </c>
      <c r="BB838" s="166">
        <v>0</v>
      </c>
      <c r="BC838" s="166">
        <v>0</v>
      </c>
      <c r="BD838" s="166">
        <v>0</v>
      </c>
      <c r="BE838" s="166">
        <v>0</v>
      </c>
      <c r="BF838" s="166">
        <v>0</v>
      </c>
      <c r="BG838" s="166">
        <v>0</v>
      </c>
      <c r="BH838" s="166">
        <v>0</v>
      </c>
      <c r="BI838" s="166">
        <v>0</v>
      </c>
      <c r="BJ838" s="166">
        <v>0</v>
      </c>
      <c r="BK838" s="166">
        <v>0</v>
      </c>
      <c r="BL838" s="166">
        <v>0</v>
      </c>
      <c r="BM838" s="166">
        <v>0</v>
      </c>
      <c r="BN838" s="166">
        <v>0</v>
      </c>
      <c r="BO838" s="166">
        <v>0</v>
      </c>
      <c r="BP838" s="166">
        <v>0</v>
      </c>
      <c r="BQ838" s="166">
        <v>0</v>
      </c>
      <c r="BR838" s="166">
        <v>2273679.69</v>
      </c>
      <c r="BS838" s="166">
        <v>2273679.69</v>
      </c>
      <c r="BT838" s="168">
        <v>0.98770000000000002</v>
      </c>
      <c r="BU838" s="166">
        <v>183266.66828400001</v>
      </c>
      <c r="BV838" s="166">
        <v>2245713.4298129999</v>
      </c>
      <c r="BW838" s="166">
        <v>0</v>
      </c>
      <c r="BX838" s="166">
        <v>0</v>
      </c>
      <c r="BY838" s="166">
        <v>0</v>
      </c>
      <c r="BZ838" s="166">
        <v>0</v>
      </c>
      <c r="CA838" s="166">
        <v>0</v>
      </c>
      <c r="CB838" s="166">
        <v>0</v>
      </c>
      <c r="CC838" s="166">
        <v>0</v>
      </c>
      <c r="CD838" s="166">
        <v>0</v>
      </c>
      <c r="CE838" s="166">
        <v>0</v>
      </c>
      <c r="CF838" s="166">
        <v>0</v>
      </c>
      <c r="CG838" s="166">
        <v>0</v>
      </c>
      <c r="CH838" s="166">
        <v>0</v>
      </c>
      <c r="CI838" s="166">
        <v>0</v>
      </c>
      <c r="CJ838" s="166">
        <v>0</v>
      </c>
      <c r="CK838" s="166">
        <v>0</v>
      </c>
      <c r="CL838" s="166">
        <v>0</v>
      </c>
      <c r="CM838" s="166">
        <v>0</v>
      </c>
      <c r="CN838" s="166">
        <v>0</v>
      </c>
      <c r="CO838" s="166">
        <v>0</v>
      </c>
      <c r="CP838" s="166">
        <v>0</v>
      </c>
      <c r="CQ838" s="166">
        <v>0</v>
      </c>
      <c r="CR838" s="166">
        <v>0</v>
      </c>
      <c r="CS838" s="166">
        <v>0</v>
      </c>
      <c r="CT838" s="166">
        <v>0</v>
      </c>
      <c r="CU838" s="166">
        <v>0</v>
      </c>
      <c r="CV838" s="166">
        <v>0</v>
      </c>
      <c r="CW838" s="166">
        <v>0</v>
      </c>
      <c r="CX838" s="166">
        <v>0</v>
      </c>
      <c r="CY838" s="166">
        <v>2245713.4298129999</v>
      </c>
      <c r="CZ838" s="166">
        <v>2245713.4298129999</v>
      </c>
    </row>
    <row r="839" spans="1:104" x14ac:dyDescent="0.2">
      <c r="A839" s="167" t="s">
        <v>370</v>
      </c>
    </row>
    <row r="840" spans="1:104" x14ac:dyDescent="0.2">
      <c r="A840" s="167" t="s">
        <v>1163</v>
      </c>
      <c r="B840" s="166">
        <v>0</v>
      </c>
      <c r="C840" s="166">
        <v>0</v>
      </c>
      <c r="D840" s="166">
        <v>0</v>
      </c>
      <c r="E840" s="166">
        <v>0</v>
      </c>
      <c r="F840" s="166">
        <v>0</v>
      </c>
      <c r="G840" s="166">
        <v>0</v>
      </c>
      <c r="H840" s="166">
        <v>0</v>
      </c>
      <c r="I840" s="166">
        <v>0</v>
      </c>
      <c r="J840" s="166">
        <v>0</v>
      </c>
      <c r="K840" s="166">
        <v>0</v>
      </c>
      <c r="L840" s="166">
        <v>0</v>
      </c>
      <c r="M840" s="166">
        <v>0</v>
      </c>
      <c r="N840" s="166">
        <v>0</v>
      </c>
      <c r="O840" s="166">
        <v>0</v>
      </c>
      <c r="P840" s="166">
        <v>0</v>
      </c>
      <c r="Q840" s="166">
        <v>0</v>
      </c>
      <c r="R840" s="166">
        <v>0</v>
      </c>
      <c r="S840" s="166">
        <v>0</v>
      </c>
      <c r="T840" s="166">
        <v>0</v>
      </c>
      <c r="U840" s="166">
        <v>0</v>
      </c>
      <c r="V840" s="166">
        <v>0</v>
      </c>
      <c r="W840" s="166">
        <v>0</v>
      </c>
      <c r="X840" s="166">
        <v>0</v>
      </c>
      <c r="Y840" s="166">
        <v>0</v>
      </c>
      <c r="Z840" s="166">
        <v>0</v>
      </c>
      <c r="AA840" s="166">
        <v>0</v>
      </c>
      <c r="AB840" s="166">
        <v>0</v>
      </c>
      <c r="AC840" s="166">
        <v>0</v>
      </c>
      <c r="AD840" s="166">
        <v>0</v>
      </c>
      <c r="AE840" s="166">
        <v>0</v>
      </c>
      <c r="AF840" s="166">
        <v>0</v>
      </c>
      <c r="AG840" s="166">
        <v>0</v>
      </c>
      <c r="AH840" s="166">
        <v>0</v>
      </c>
      <c r="AI840" s="166">
        <v>0</v>
      </c>
      <c r="AJ840" s="166">
        <v>0</v>
      </c>
      <c r="AK840" s="166">
        <v>0</v>
      </c>
      <c r="AL840" s="166">
        <v>0</v>
      </c>
      <c r="AM840" s="166">
        <v>0</v>
      </c>
      <c r="AN840" s="166">
        <v>0</v>
      </c>
      <c r="AO840" s="166">
        <v>0</v>
      </c>
      <c r="AP840" s="166">
        <v>0</v>
      </c>
      <c r="AQ840" s="166">
        <v>0</v>
      </c>
      <c r="AR840" s="166">
        <v>0</v>
      </c>
      <c r="AS840" s="166">
        <v>0</v>
      </c>
      <c r="AT840" s="166">
        <v>0</v>
      </c>
      <c r="AU840" s="166">
        <v>0</v>
      </c>
      <c r="AV840" s="166">
        <v>0</v>
      </c>
      <c r="AW840" s="166">
        <v>0</v>
      </c>
      <c r="AX840" s="166">
        <v>0</v>
      </c>
      <c r="AY840" s="166">
        <v>0</v>
      </c>
      <c r="AZ840" s="166">
        <v>0</v>
      </c>
      <c r="BA840" s="166">
        <v>0</v>
      </c>
      <c r="BB840" s="166">
        <v>0</v>
      </c>
      <c r="BC840" s="166">
        <v>0</v>
      </c>
      <c r="BD840" s="166">
        <v>0</v>
      </c>
      <c r="BE840" s="166">
        <v>0</v>
      </c>
      <c r="BF840" s="166">
        <v>0</v>
      </c>
      <c r="BG840" s="166">
        <v>0</v>
      </c>
      <c r="BH840" s="166">
        <v>0</v>
      </c>
      <c r="BI840" s="166">
        <v>0</v>
      </c>
      <c r="BJ840" s="166">
        <v>0</v>
      </c>
      <c r="BK840" s="166">
        <v>0</v>
      </c>
      <c r="BL840" s="166">
        <v>0</v>
      </c>
      <c r="BM840" s="166">
        <v>0</v>
      </c>
      <c r="BN840" s="166">
        <v>0</v>
      </c>
      <c r="BO840" s="166">
        <v>0</v>
      </c>
      <c r="BP840" s="166">
        <v>0</v>
      </c>
      <c r="BQ840" s="166">
        <v>0</v>
      </c>
      <c r="BR840" s="166">
        <v>0</v>
      </c>
      <c r="BS840" s="166">
        <v>0</v>
      </c>
      <c r="BT840" s="168">
        <v>1</v>
      </c>
      <c r="BU840" s="166">
        <v>0</v>
      </c>
      <c r="BV840" s="166">
        <v>0</v>
      </c>
      <c r="BW840" s="166">
        <v>0</v>
      </c>
      <c r="BX840" s="166">
        <v>0</v>
      </c>
      <c r="BY840" s="166">
        <v>0</v>
      </c>
      <c r="BZ840" s="166">
        <v>0</v>
      </c>
      <c r="CA840" s="166">
        <v>0</v>
      </c>
      <c r="CB840" s="166">
        <v>0</v>
      </c>
      <c r="CC840" s="166">
        <v>0</v>
      </c>
      <c r="CD840" s="166">
        <v>0</v>
      </c>
      <c r="CE840" s="166">
        <v>0</v>
      </c>
      <c r="CF840" s="166">
        <v>0</v>
      </c>
      <c r="CG840" s="166">
        <v>0</v>
      </c>
      <c r="CH840" s="166">
        <v>0</v>
      </c>
      <c r="CI840" s="166">
        <v>0</v>
      </c>
      <c r="CJ840" s="166">
        <v>0</v>
      </c>
      <c r="CK840" s="166">
        <v>0</v>
      </c>
      <c r="CL840" s="166">
        <v>0</v>
      </c>
      <c r="CM840" s="166">
        <v>0</v>
      </c>
      <c r="CN840" s="166">
        <v>0</v>
      </c>
      <c r="CO840" s="166">
        <v>0</v>
      </c>
      <c r="CP840" s="166">
        <v>0</v>
      </c>
      <c r="CQ840" s="166">
        <v>0</v>
      </c>
      <c r="CR840" s="166">
        <v>0</v>
      </c>
      <c r="CS840" s="166">
        <v>0</v>
      </c>
      <c r="CT840" s="166">
        <v>0</v>
      </c>
      <c r="CU840" s="166">
        <v>0</v>
      </c>
      <c r="CV840" s="166">
        <v>0</v>
      </c>
      <c r="CW840" s="166">
        <v>0</v>
      </c>
      <c r="CX840" s="166">
        <v>0</v>
      </c>
      <c r="CY840" s="166">
        <v>0</v>
      </c>
      <c r="CZ840" s="166">
        <v>0</v>
      </c>
    </row>
    <row r="841" spans="1:104" x14ac:dyDescent="0.2">
      <c r="A841" s="167" t="s">
        <v>1164</v>
      </c>
      <c r="B841" s="166">
        <v>0</v>
      </c>
      <c r="C841" s="166">
        <v>0</v>
      </c>
      <c r="D841" s="166">
        <v>0</v>
      </c>
      <c r="E841" s="166">
        <v>0</v>
      </c>
      <c r="F841" s="166">
        <v>0</v>
      </c>
      <c r="G841" s="166">
        <v>0</v>
      </c>
      <c r="H841" s="166">
        <v>0</v>
      </c>
      <c r="I841" s="166">
        <v>0</v>
      </c>
      <c r="J841" s="166">
        <v>0</v>
      </c>
      <c r="K841" s="166">
        <v>0</v>
      </c>
      <c r="L841" s="166">
        <v>0</v>
      </c>
      <c r="M841" s="166">
        <v>0</v>
      </c>
      <c r="N841" s="166">
        <v>0</v>
      </c>
      <c r="O841" s="166">
        <v>0</v>
      </c>
      <c r="P841" s="166">
        <v>0</v>
      </c>
      <c r="Q841" s="166">
        <v>0</v>
      </c>
      <c r="R841" s="166">
        <v>0</v>
      </c>
      <c r="S841" s="166">
        <v>0</v>
      </c>
      <c r="T841" s="166">
        <v>0</v>
      </c>
      <c r="U841" s="166">
        <v>0</v>
      </c>
      <c r="V841" s="166">
        <v>0</v>
      </c>
      <c r="W841" s="166">
        <v>0</v>
      </c>
      <c r="X841" s="166">
        <v>0</v>
      </c>
      <c r="Y841" s="166">
        <v>0</v>
      </c>
      <c r="Z841" s="166">
        <v>0</v>
      </c>
      <c r="AA841" s="166">
        <v>0</v>
      </c>
      <c r="AB841" s="166">
        <v>0</v>
      </c>
      <c r="AC841" s="166">
        <v>0</v>
      </c>
      <c r="AD841" s="166">
        <v>0</v>
      </c>
      <c r="AE841" s="166">
        <v>0</v>
      </c>
      <c r="AF841" s="166">
        <v>0</v>
      </c>
      <c r="AG841" s="166">
        <v>0</v>
      </c>
      <c r="AH841" s="166">
        <v>0</v>
      </c>
      <c r="AI841" s="166">
        <v>0</v>
      </c>
      <c r="AJ841" s="166">
        <v>0</v>
      </c>
      <c r="AK841" s="166">
        <v>0</v>
      </c>
      <c r="AL841" s="166">
        <v>0</v>
      </c>
      <c r="AM841" s="166">
        <v>0</v>
      </c>
      <c r="AN841" s="166">
        <v>0</v>
      </c>
      <c r="AO841" s="166">
        <v>0</v>
      </c>
      <c r="AP841" s="166">
        <v>0</v>
      </c>
      <c r="AQ841" s="166">
        <v>0</v>
      </c>
      <c r="AR841" s="166">
        <v>0</v>
      </c>
      <c r="AS841" s="166">
        <v>0</v>
      </c>
      <c r="AT841" s="166">
        <v>0</v>
      </c>
      <c r="AU841" s="166">
        <v>0</v>
      </c>
      <c r="AV841" s="166">
        <v>0</v>
      </c>
      <c r="AW841" s="166">
        <v>0</v>
      </c>
      <c r="AX841" s="166">
        <v>0</v>
      </c>
      <c r="AY841" s="166">
        <v>0</v>
      </c>
      <c r="AZ841" s="166">
        <v>0</v>
      </c>
      <c r="BA841" s="166">
        <v>0</v>
      </c>
      <c r="BB841" s="166">
        <v>0</v>
      </c>
      <c r="BC841" s="166">
        <v>0</v>
      </c>
      <c r="BD841" s="166">
        <v>0</v>
      </c>
      <c r="BE841" s="166">
        <v>0</v>
      </c>
      <c r="BF841" s="166">
        <v>0</v>
      </c>
      <c r="BG841" s="166">
        <v>0</v>
      </c>
      <c r="BH841" s="166">
        <v>0</v>
      </c>
      <c r="BI841" s="166">
        <v>0</v>
      </c>
      <c r="BJ841" s="166">
        <v>0</v>
      </c>
      <c r="BK841" s="166">
        <v>0</v>
      </c>
      <c r="BL841" s="166">
        <v>0</v>
      </c>
      <c r="BM841" s="166">
        <v>0</v>
      </c>
      <c r="BN841" s="166">
        <v>0</v>
      </c>
      <c r="BO841" s="166">
        <v>0</v>
      </c>
      <c r="BP841" s="166">
        <v>0</v>
      </c>
      <c r="BQ841" s="166">
        <v>0</v>
      </c>
      <c r="BR841" s="166">
        <v>0</v>
      </c>
      <c r="BS841" s="166">
        <v>0</v>
      </c>
      <c r="BT841" s="168">
        <v>1</v>
      </c>
      <c r="BU841" s="166">
        <v>0</v>
      </c>
      <c r="BV841" s="166">
        <v>0</v>
      </c>
      <c r="BW841" s="166">
        <v>0</v>
      </c>
      <c r="BX841" s="166">
        <v>0</v>
      </c>
      <c r="BY841" s="166">
        <v>0</v>
      </c>
      <c r="BZ841" s="166">
        <v>0</v>
      </c>
      <c r="CA841" s="166">
        <v>0</v>
      </c>
      <c r="CB841" s="166">
        <v>0</v>
      </c>
      <c r="CC841" s="166">
        <v>0</v>
      </c>
      <c r="CD841" s="166">
        <v>0</v>
      </c>
      <c r="CE841" s="166">
        <v>0</v>
      </c>
      <c r="CF841" s="166">
        <v>0</v>
      </c>
      <c r="CG841" s="166">
        <v>0</v>
      </c>
      <c r="CH841" s="166">
        <v>0</v>
      </c>
      <c r="CI841" s="166">
        <v>0</v>
      </c>
      <c r="CJ841" s="166">
        <v>0</v>
      </c>
      <c r="CK841" s="166">
        <v>0</v>
      </c>
      <c r="CL841" s="166">
        <v>0</v>
      </c>
      <c r="CM841" s="166">
        <v>0</v>
      </c>
      <c r="CN841" s="166">
        <v>0</v>
      </c>
      <c r="CO841" s="166">
        <v>0</v>
      </c>
      <c r="CP841" s="166">
        <v>0</v>
      </c>
      <c r="CQ841" s="166">
        <v>0</v>
      </c>
      <c r="CR841" s="166">
        <v>0</v>
      </c>
      <c r="CS841" s="166">
        <v>0</v>
      </c>
      <c r="CT841" s="166">
        <v>0</v>
      </c>
      <c r="CU841" s="166">
        <v>0</v>
      </c>
      <c r="CV841" s="166">
        <v>0</v>
      </c>
      <c r="CW841" s="166">
        <v>0</v>
      </c>
      <c r="CX841" s="166">
        <v>0</v>
      </c>
      <c r="CY841" s="166">
        <v>0</v>
      </c>
      <c r="CZ841" s="166">
        <v>0</v>
      </c>
    </row>
    <row r="842" spans="1:104" x14ac:dyDescent="0.2">
      <c r="A842" s="167" t="s">
        <v>1165</v>
      </c>
      <c r="B842" s="166">
        <v>0</v>
      </c>
      <c r="C842" s="166">
        <v>0</v>
      </c>
      <c r="D842" s="166">
        <v>0</v>
      </c>
      <c r="E842" s="166">
        <v>0</v>
      </c>
      <c r="F842" s="166">
        <v>0</v>
      </c>
      <c r="G842" s="166">
        <v>0</v>
      </c>
      <c r="H842" s="166">
        <v>0</v>
      </c>
      <c r="I842" s="166">
        <v>0</v>
      </c>
      <c r="J842" s="166">
        <v>0</v>
      </c>
      <c r="K842" s="166">
        <v>0</v>
      </c>
      <c r="L842" s="166">
        <v>0</v>
      </c>
      <c r="M842" s="166">
        <v>0</v>
      </c>
      <c r="N842" s="166">
        <v>0</v>
      </c>
      <c r="O842" s="166">
        <v>0</v>
      </c>
      <c r="P842" s="166">
        <v>0</v>
      </c>
      <c r="Q842" s="166">
        <v>0</v>
      </c>
      <c r="R842" s="166">
        <v>0</v>
      </c>
      <c r="S842" s="166">
        <v>0</v>
      </c>
      <c r="T842" s="166">
        <v>0</v>
      </c>
      <c r="U842" s="166">
        <v>0</v>
      </c>
      <c r="V842" s="166">
        <v>0</v>
      </c>
      <c r="W842" s="166">
        <v>0</v>
      </c>
      <c r="X842" s="166">
        <v>0</v>
      </c>
      <c r="Y842" s="166">
        <v>0</v>
      </c>
      <c r="Z842" s="166">
        <v>0</v>
      </c>
      <c r="AA842" s="166">
        <v>0</v>
      </c>
      <c r="AB842" s="166">
        <v>0</v>
      </c>
      <c r="AC842" s="166">
        <v>0</v>
      </c>
      <c r="AD842" s="166">
        <v>0</v>
      </c>
      <c r="AE842" s="166">
        <v>0</v>
      </c>
      <c r="AF842" s="166">
        <v>0</v>
      </c>
      <c r="AG842" s="166">
        <v>0</v>
      </c>
      <c r="AH842" s="166">
        <v>0</v>
      </c>
      <c r="AI842" s="166">
        <v>0</v>
      </c>
      <c r="AJ842" s="166">
        <v>0</v>
      </c>
      <c r="AK842" s="166">
        <v>0</v>
      </c>
      <c r="AL842" s="166">
        <v>0</v>
      </c>
      <c r="AM842" s="166">
        <v>0</v>
      </c>
      <c r="AN842" s="166">
        <v>0</v>
      </c>
      <c r="AO842" s="166">
        <v>0</v>
      </c>
      <c r="AP842" s="166">
        <v>0</v>
      </c>
      <c r="AQ842" s="166">
        <v>0</v>
      </c>
      <c r="AR842" s="166">
        <v>0</v>
      </c>
      <c r="AS842" s="166">
        <v>0</v>
      </c>
      <c r="AT842" s="166">
        <v>0</v>
      </c>
      <c r="AU842" s="166">
        <v>0</v>
      </c>
      <c r="AV842" s="166">
        <v>0</v>
      </c>
      <c r="AW842" s="166">
        <v>0</v>
      </c>
      <c r="AX842" s="166">
        <v>0</v>
      </c>
      <c r="AY842" s="166">
        <v>0</v>
      </c>
      <c r="AZ842" s="166">
        <v>0</v>
      </c>
      <c r="BA842" s="166">
        <v>0</v>
      </c>
      <c r="BB842" s="166">
        <v>0</v>
      </c>
      <c r="BC842" s="166">
        <v>0</v>
      </c>
      <c r="BD842" s="166">
        <v>0</v>
      </c>
      <c r="BE842" s="166">
        <v>0</v>
      </c>
      <c r="BF842" s="166">
        <v>0</v>
      </c>
      <c r="BG842" s="166">
        <v>0</v>
      </c>
      <c r="BH842" s="166">
        <v>0</v>
      </c>
      <c r="BI842" s="166">
        <v>0</v>
      </c>
      <c r="BJ842" s="166">
        <v>0</v>
      </c>
      <c r="BK842" s="166">
        <v>0</v>
      </c>
      <c r="BL842" s="166">
        <v>0</v>
      </c>
      <c r="BM842" s="166">
        <v>0</v>
      </c>
      <c r="BN842" s="166">
        <v>0</v>
      </c>
      <c r="BO842" s="166">
        <v>0</v>
      </c>
      <c r="BP842" s="166">
        <v>0</v>
      </c>
      <c r="BQ842" s="166">
        <v>0</v>
      </c>
      <c r="BR842" s="166">
        <v>0</v>
      </c>
      <c r="BS842" s="166">
        <v>0</v>
      </c>
      <c r="BT842" s="168">
        <v>1</v>
      </c>
      <c r="BU842" s="166">
        <v>0</v>
      </c>
      <c r="BV842" s="166">
        <v>0</v>
      </c>
      <c r="BW842" s="166">
        <v>0</v>
      </c>
      <c r="BX842" s="166">
        <v>0</v>
      </c>
      <c r="BY842" s="166">
        <v>0</v>
      </c>
      <c r="BZ842" s="166">
        <v>0</v>
      </c>
      <c r="CA842" s="166">
        <v>0</v>
      </c>
      <c r="CB842" s="166">
        <v>0</v>
      </c>
      <c r="CC842" s="166">
        <v>0</v>
      </c>
      <c r="CD842" s="166">
        <v>0</v>
      </c>
      <c r="CE842" s="166">
        <v>0</v>
      </c>
      <c r="CF842" s="166">
        <v>0</v>
      </c>
      <c r="CG842" s="166">
        <v>0</v>
      </c>
      <c r="CH842" s="166">
        <v>0</v>
      </c>
      <c r="CI842" s="166">
        <v>0</v>
      </c>
      <c r="CJ842" s="166">
        <v>0</v>
      </c>
      <c r="CK842" s="166">
        <v>0</v>
      </c>
      <c r="CL842" s="166">
        <v>0</v>
      </c>
      <c r="CM842" s="166">
        <v>0</v>
      </c>
      <c r="CN842" s="166">
        <v>0</v>
      </c>
      <c r="CO842" s="166">
        <v>0</v>
      </c>
      <c r="CP842" s="166">
        <v>0</v>
      </c>
      <c r="CQ842" s="166">
        <v>0</v>
      </c>
      <c r="CR842" s="166">
        <v>0</v>
      </c>
      <c r="CS842" s="166">
        <v>0</v>
      </c>
      <c r="CT842" s="166">
        <v>0</v>
      </c>
      <c r="CU842" s="166">
        <v>0</v>
      </c>
      <c r="CV842" s="166">
        <v>0</v>
      </c>
      <c r="CW842" s="166">
        <v>0</v>
      </c>
      <c r="CX842" s="166">
        <v>0</v>
      </c>
      <c r="CY842" s="166">
        <v>0</v>
      </c>
      <c r="CZ842" s="166">
        <v>0</v>
      </c>
    </row>
    <row r="843" spans="1:104" x14ac:dyDescent="0.2">
      <c r="A843" s="167" t="s">
        <v>1166</v>
      </c>
      <c r="B843" s="166">
        <v>0</v>
      </c>
      <c r="C843" s="166">
        <v>0</v>
      </c>
      <c r="D843" s="166">
        <v>0</v>
      </c>
      <c r="E843" s="166">
        <v>0</v>
      </c>
      <c r="F843" s="166">
        <v>0</v>
      </c>
      <c r="G843" s="166">
        <v>0</v>
      </c>
      <c r="H843" s="166">
        <v>0</v>
      </c>
      <c r="I843" s="166">
        <v>0</v>
      </c>
      <c r="J843" s="166">
        <v>0</v>
      </c>
      <c r="K843" s="166">
        <v>0</v>
      </c>
      <c r="L843" s="166">
        <v>0</v>
      </c>
      <c r="M843" s="166">
        <v>0</v>
      </c>
      <c r="N843" s="166">
        <v>0</v>
      </c>
      <c r="O843" s="166">
        <v>0</v>
      </c>
      <c r="P843" s="166">
        <v>0</v>
      </c>
      <c r="Q843" s="166">
        <v>0</v>
      </c>
      <c r="R843" s="166">
        <v>0</v>
      </c>
      <c r="S843" s="166">
        <v>0</v>
      </c>
      <c r="T843" s="166">
        <v>0</v>
      </c>
      <c r="U843" s="166">
        <v>0</v>
      </c>
      <c r="V843" s="166">
        <v>0</v>
      </c>
      <c r="W843" s="166">
        <v>0</v>
      </c>
      <c r="X843" s="166">
        <v>0</v>
      </c>
      <c r="Y843" s="166">
        <v>0</v>
      </c>
      <c r="Z843" s="166">
        <v>0</v>
      </c>
      <c r="AA843" s="166">
        <v>0</v>
      </c>
      <c r="AB843" s="166">
        <v>0</v>
      </c>
      <c r="AC843" s="166">
        <v>0</v>
      </c>
      <c r="AD843" s="166">
        <v>0</v>
      </c>
      <c r="AE843" s="166">
        <v>0</v>
      </c>
      <c r="AF843" s="166">
        <v>0</v>
      </c>
      <c r="AG843" s="166">
        <v>0</v>
      </c>
      <c r="AH843" s="166">
        <v>0</v>
      </c>
      <c r="AI843" s="166">
        <v>0</v>
      </c>
      <c r="AJ843" s="166">
        <v>0</v>
      </c>
      <c r="AK843" s="166">
        <v>0</v>
      </c>
      <c r="AL843" s="166">
        <v>0</v>
      </c>
      <c r="AM843" s="166">
        <v>0</v>
      </c>
      <c r="AN843" s="166">
        <v>0</v>
      </c>
      <c r="AO843" s="166">
        <v>0</v>
      </c>
      <c r="AP843" s="166">
        <v>0</v>
      </c>
      <c r="AQ843" s="166">
        <v>0</v>
      </c>
      <c r="AR843" s="166">
        <v>0</v>
      </c>
      <c r="AS843" s="166">
        <v>0</v>
      </c>
      <c r="AT843" s="166">
        <v>0</v>
      </c>
      <c r="AU843" s="166">
        <v>0</v>
      </c>
      <c r="AV843" s="166">
        <v>0</v>
      </c>
      <c r="AW843" s="166">
        <v>0</v>
      </c>
      <c r="AX843" s="166">
        <v>0</v>
      </c>
      <c r="AY843" s="166">
        <v>0</v>
      </c>
      <c r="AZ843" s="166">
        <v>0</v>
      </c>
      <c r="BA843" s="166">
        <v>0</v>
      </c>
      <c r="BB843" s="166">
        <v>0</v>
      </c>
      <c r="BC843" s="166">
        <v>0</v>
      </c>
      <c r="BD843" s="166">
        <v>0</v>
      </c>
      <c r="BE843" s="166">
        <v>0</v>
      </c>
      <c r="BF843" s="166">
        <v>0</v>
      </c>
      <c r="BG843" s="166">
        <v>0</v>
      </c>
      <c r="BH843" s="166">
        <v>0</v>
      </c>
      <c r="BI843" s="166">
        <v>0</v>
      </c>
      <c r="BJ843" s="166">
        <v>0</v>
      </c>
      <c r="BK843" s="166">
        <v>0</v>
      </c>
      <c r="BL843" s="166">
        <v>0</v>
      </c>
      <c r="BM843" s="166">
        <v>0</v>
      </c>
      <c r="BN843" s="166">
        <v>0</v>
      </c>
      <c r="BO843" s="166">
        <v>0</v>
      </c>
      <c r="BP843" s="166">
        <v>0</v>
      </c>
      <c r="BQ843" s="166">
        <v>0</v>
      </c>
      <c r="BR843" s="166">
        <v>0</v>
      </c>
      <c r="BS843" s="166">
        <v>0</v>
      </c>
      <c r="BT843" s="168">
        <v>0.98770000000000002</v>
      </c>
      <c r="BU843" s="166">
        <v>0</v>
      </c>
      <c r="BV843" s="166">
        <v>0</v>
      </c>
      <c r="BW843" s="166">
        <v>0</v>
      </c>
      <c r="BX843" s="166">
        <v>0</v>
      </c>
      <c r="BY843" s="166">
        <v>0</v>
      </c>
      <c r="BZ843" s="166">
        <v>0</v>
      </c>
      <c r="CA843" s="166">
        <v>0</v>
      </c>
      <c r="CB843" s="166">
        <v>0</v>
      </c>
      <c r="CC843" s="166">
        <v>0</v>
      </c>
      <c r="CD843" s="166">
        <v>0</v>
      </c>
      <c r="CE843" s="166">
        <v>0</v>
      </c>
      <c r="CF843" s="166">
        <v>0</v>
      </c>
      <c r="CG843" s="166">
        <v>0</v>
      </c>
      <c r="CH843" s="166">
        <v>0</v>
      </c>
      <c r="CI843" s="166">
        <v>0</v>
      </c>
      <c r="CJ843" s="166">
        <v>0</v>
      </c>
      <c r="CK843" s="166">
        <v>0</v>
      </c>
      <c r="CL843" s="166">
        <v>0</v>
      </c>
      <c r="CM843" s="166">
        <v>0</v>
      </c>
      <c r="CN843" s="166">
        <v>0</v>
      </c>
      <c r="CO843" s="166">
        <v>0</v>
      </c>
      <c r="CP843" s="166">
        <v>0</v>
      </c>
      <c r="CQ843" s="166">
        <v>0</v>
      </c>
      <c r="CR843" s="166">
        <v>0</v>
      </c>
      <c r="CS843" s="166">
        <v>0</v>
      </c>
      <c r="CT843" s="166">
        <v>0</v>
      </c>
      <c r="CU843" s="166">
        <v>0</v>
      </c>
      <c r="CV843" s="166">
        <v>0</v>
      </c>
      <c r="CW843" s="166">
        <v>0</v>
      </c>
      <c r="CX843" s="166">
        <v>0</v>
      </c>
      <c r="CY843" s="166">
        <v>0</v>
      </c>
      <c r="CZ843" s="166">
        <v>0</v>
      </c>
    </row>
    <row r="844" spans="1:104" x14ac:dyDescent="0.2">
      <c r="A844" s="167" t="s">
        <v>1167</v>
      </c>
      <c r="B844" s="166">
        <v>0</v>
      </c>
      <c r="C844" s="166">
        <v>0</v>
      </c>
      <c r="D844" s="166">
        <v>0</v>
      </c>
      <c r="E844" s="166">
        <v>0</v>
      </c>
      <c r="F844" s="166">
        <v>0</v>
      </c>
      <c r="G844" s="166">
        <v>0</v>
      </c>
      <c r="H844" s="166">
        <v>0</v>
      </c>
      <c r="I844" s="166">
        <v>0</v>
      </c>
      <c r="J844" s="166">
        <v>0</v>
      </c>
      <c r="K844" s="166">
        <v>0</v>
      </c>
      <c r="L844" s="166">
        <v>0</v>
      </c>
      <c r="M844" s="166">
        <v>0</v>
      </c>
      <c r="N844" s="166">
        <v>0</v>
      </c>
      <c r="O844" s="166">
        <v>0</v>
      </c>
      <c r="P844" s="166">
        <v>0</v>
      </c>
      <c r="Q844" s="166">
        <v>0</v>
      </c>
      <c r="R844" s="166">
        <v>0</v>
      </c>
      <c r="S844" s="166">
        <v>0</v>
      </c>
      <c r="T844" s="166">
        <v>0</v>
      </c>
      <c r="U844" s="166">
        <v>0</v>
      </c>
      <c r="V844" s="166">
        <v>0</v>
      </c>
      <c r="W844" s="166">
        <v>0</v>
      </c>
      <c r="X844" s="166">
        <v>0</v>
      </c>
      <c r="Y844" s="166">
        <v>0</v>
      </c>
      <c r="Z844" s="166">
        <v>0</v>
      </c>
      <c r="AA844" s="166">
        <v>0</v>
      </c>
      <c r="AB844" s="166">
        <v>0</v>
      </c>
      <c r="AC844" s="166">
        <v>0</v>
      </c>
      <c r="AD844" s="166">
        <v>0</v>
      </c>
      <c r="AE844" s="166">
        <v>0</v>
      </c>
      <c r="AF844" s="166">
        <v>0</v>
      </c>
      <c r="AG844" s="166">
        <v>0</v>
      </c>
      <c r="AH844" s="166">
        <v>0</v>
      </c>
      <c r="AI844" s="166">
        <v>0</v>
      </c>
      <c r="AJ844" s="166">
        <v>0</v>
      </c>
      <c r="AK844" s="166">
        <v>0</v>
      </c>
      <c r="AL844" s="166">
        <v>0</v>
      </c>
      <c r="AM844" s="166">
        <v>0</v>
      </c>
      <c r="AN844" s="166">
        <v>0</v>
      </c>
      <c r="AO844" s="166">
        <v>0</v>
      </c>
      <c r="AP844" s="166">
        <v>0</v>
      </c>
      <c r="AQ844" s="166">
        <v>0</v>
      </c>
      <c r="AR844" s="166">
        <v>0</v>
      </c>
      <c r="AS844" s="166">
        <v>0</v>
      </c>
      <c r="AT844" s="166">
        <v>0</v>
      </c>
      <c r="AU844" s="166">
        <v>0</v>
      </c>
      <c r="AV844" s="166">
        <v>0</v>
      </c>
      <c r="AW844" s="166">
        <v>0</v>
      </c>
      <c r="AX844" s="166">
        <v>0</v>
      </c>
      <c r="AY844" s="166">
        <v>0</v>
      </c>
      <c r="AZ844" s="166">
        <v>0</v>
      </c>
      <c r="BA844" s="166">
        <v>0</v>
      </c>
      <c r="BB844" s="166">
        <v>0</v>
      </c>
      <c r="BC844" s="166">
        <v>0</v>
      </c>
      <c r="BD844" s="166">
        <v>0</v>
      </c>
      <c r="BE844" s="166">
        <v>0</v>
      </c>
      <c r="BF844" s="166">
        <v>0</v>
      </c>
      <c r="BG844" s="166">
        <v>0</v>
      </c>
      <c r="BH844" s="166">
        <v>0</v>
      </c>
      <c r="BI844" s="166">
        <v>0</v>
      </c>
      <c r="BJ844" s="166">
        <v>0</v>
      </c>
      <c r="BK844" s="166">
        <v>0</v>
      </c>
      <c r="BL844" s="166">
        <v>0</v>
      </c>
      <c r="BM844" s="166">
        <v>0</v>
      </c>
      <c r="BN844" s="166">
        <v>0</v>
      </c>
      <c r="BO844" s="166">
        <v>0</v>
      </c>
      <c r="BP844" s="166">
        <v>0</v>
      </c>
      <c r="BQ844" s="166">
        <v>0</v>
      </c>
      <c r="BR844" s="166">
        <v>0</v>
      </c>
      <c r="BS844" s="166">
        <v>0</v>
      </c>
      <c r="BT844" s="168">
        <v>1</v>
      </c>
      <c r="BU844" s="166">
        <v>0</v>
      </c>
      <c r="BV844" s="166">
        <v>0</v>
      </c>
      <c r="BW844" s="166">
        <v>0</v>
      </c>
      <c r="BX844" s="166">
        <v>0</v>
      </c>
      <c r="BY844" s="166">
        <v>0</v>
      </c>
      <c r="BZ844" s="166">
        <v>0</v>
      </c>
      <c r="CA844" s="166">
        <v>0</v>
      </c>
      <c r="CB844" s="166">
        <v>0</v>
      </c>
      <c r="CC844" s="166">
        <v>0</v>
      </c>
      <c r="CD844" s="166">
        <v>0</v>
      </c>
      <c r="CE844" s="166">
        <v>0</v>
      </c>
      <c r="CF844" s="166">
        <v>0</v>
      </c>
      <c r="CG844" s="166">
        <v>0</v>
      </c>
      <c r="CH844" s="166">
        <v>0</v>
      </c>
      <c r="CI844" s="166">
        <v>0</v>
      </c>
      <c r="CJ844" s="166">
        <v>0</v>
      </c>
      <c r="CK844" s="166">
        <v>0</v>
      </c>
      <c r="CL844" s="166">
        <v>0</v>
      </c>
      <c r="CM844" s="166">
        <v>0</v>
      </c>
      <c r="CN844" s="166">
        <v>0</v>
      </c>
      <c r="CO844" s="166">
        <v>0</v>
      </c>
      <c r="CP844" s="166">
        <v>0</v>
      </c>
      <c r="CQ844" s="166">
        <v>0</v>
      </c>
      <c r="CR844" s="166">
        <v>0</v>
      </c>
      <c r="CS844" s="166">
        <v>0</v>
      </c>
      <c r="CT844" s="166">
        <v>0</v>
      </c>
      <c r="CU844" s="166">
        <v>0</v>
      </c>
      <c r="CV844" s="166">
        <v>0</v>
      </c>
      <c r="CW844" s="166">
        <v>0</v>
      </c>
      <c r="CX844" s="166">
        <v>0</v>
      </c>
      <c r="CY844" s="166">
        <v>0</v>
      </c>
      <c r="CZ844" s="166">
        <v>0</v>
      </c>
    </row>
    <row r="845" spans="1:104" x14ac:dyDescent="0.2">
      <c r="A845" s="167" t="s">
        <v>1168</v>
      </c>
      <c r="B845" s="166">
        <v>0</v>
      </c>
      <c r="C845" s="166">
        <v>0</v>
      </c>
      <c r="D845" s="166">
        <v>0</v>
      </c>
      <c r="E845" s="166">
        <v>0</v>
      </c>
      <c r="F845" s="166">
        <v>0</v>
      </c>
      <c r="G845" s="166">
        <v>0</v>
      </c>
      <c r="H845" s="166">
        <v>0</v>
      </c>
      <c r="I845" s="166">
        <v>0</v>
      </c>
      <c r="J845" s="166">
        <v>0</v>
      </c>
      <c r="K845" s="166">
        <v>0</v>
      </c>
      <c r="L845" s="166">
        <v>0</v>
      </c>
      <c r="M845" s="166">
        <v>0</v>
      </c>
      <c r="N845" s="166">
        <v>0</v>
      </c>
      <c r="O845" s="166">
        <v>0</v>
      </c>
      <c r="P845" s="166">
        <v>0</v>
      </c>
      <c r="Q845" s="166">
        <v>0</v>
      </c>
      <c r="R845" s="166">
        <v>0</v>
      </c>
      <c r="S845" s="166">
        <v>0</v>
      </c>
      <c r="T845" s="166">
        <v>0</v>
      </c>
      <c r="U845" s="166">
        <v>0</v>
      </c>
      <c r="V845" s="166">
        <v>0</v>
      </c>
      <c r="W845" s="166">
        <v>0</v>
      </c>
      <c r="X845" s="166">
        <v>0</v>
      </c>
      <c r="Y845" s="166">
        <v>0</v>
      </c>
      <c r="Z845" s="166">
        <v>0</v>
      </c>
      <c r="AA845" s="166">
        <v>0</v>
      </c>
      <c r="AB845" s="166">
        <v>0</v>
      </c>
      <c r="AC845" s="166">
        <v>0</v>
      </c>
      <c r="AD845" s="166">
        <v>0</v>
      </c>
      <c r="AE845" s="166">
        <v>0</v>
      </c>
      <c r="AF845" s="166">
        <v>0</v>
      </c>
      <c r="AG845" s="166">
        <v>0</v>
      </c>
      <c r="AH845" s="166">
        <v>0</v>
      </c>
      <c r="AI845" s="166">
        <v>0</v>
      </c>
      <c r="AJ845" s="166">
        <v>0</v>
      </c>
      <c r="AK845" s="166">
        <v>0</v>
      </c>
      <c r="AL845" s="166">
        <v>0</v>
      </c>
      <c r="AM845" s="166">
        <v>0</v>
      </c>
      <c r="AN845" s="166">
        <v>0</v>
      </c>
      <c r="AO845" s="166">
        <v>0</v>
      </c>
      <c r="AP845" s="166">
        <v>0</v>
      </c>
      <c r="AQ845" s="166">
        <v>0</v>
      </c>
      <c r="AR845" s="166">
        <v>0</v>
      </c>
      <c r="AS845" s="166">
        <v>0</v>
      </c>
      <c r="AT845" s="166">
        <v>0</v>
      </c>
      <c r="AU845" s="166">
        <v>0</v>
      </c>
      <c r="AV845" s="166">
        <v>0</v>
      </c>
      <c r="AW845" s="166">
        <v>0</v>
      </c>
      <c r="AX845" s="166">
        <v>0</v>
      </c>
      <c r="AY845" s="166">
        <v>0</v>
      </c>
      <c r="AZ845" s="166">
        <v>0</v>
      </c>
      <c r="BA845" s="166">
        <v>0</v>
      </c>
      <c r="BB845" s="166">
        <v>0</v>
      </c>
      <c r="BC845" s="166">
        <v>0</v>
      </c>
      <c r="BD845" s="166">
        <v>0</v>
      </c>
      <c r="BE845" s="166">
        <v>0</v>
      </c>
      <c r="BF845" s="166">
        <v>0</v>
      </c>
      <c r="BG845" s="166">
        <v>0</v>
      </c>
      <c r="BH845" s="166">
        <v>0</v>
      </c>
      <c r="BI845" s="166">
        <v>0</v>
      </c>
      <c r="BJ845" s="166">
        <v>0</v>
      </c>
      <c r="BK845" s="166">
        <v>0</v>
      </c>
      <c r="BL845" s="166">
        <v>0</v>
      </c>
      <c r="BM845" s="166">
        <v>0</v>
      </c>
      <c r="BN845" s="166">
        <v>0</v>
      </c>
      <c r="BO845" s="166">
        <v>0</v>
      </c>
      <c r="BP845" s="166">
        <v>0</v>
      </c>
      <c r="BQ845" s="166">
        <v>0</v>
      </c>
      <c r="BR845" s="166">
        <v>0</v>
      </c>
      <c r="BS845" s="166">
        <v>0</v>
      </c>
      <c r="BT845" s="168">
        <v>0</v>
      </c>
      <c r="BU845" s="166">
        <v>0</v>
      </c>
      <c r="BV845" s="166">
        <v>0</v>
      </c>
      <c r="BW845" s="166">
        <v>0</v>
      </c>
      <c r="BX845" s="166">
        <v>0</v>
      </c>
      <c r="BY845" s="166">
        <v>0</v>
      </c>
      <c r="BZ845" s="166">
        <v>0</v>
      </c>
      <c r="CA845" s="166">
        <v>0</v>
      </c>
      <c r="CB845" s="166">
        <v>0</v>
      </c>
      <c r="CC845" s="166">
        <v>0</v>
      </c>
      <c r="CD845" s="166">
        <v>0</v>
      </c>
      <c r="CE845" s="166">
        <v>0</v>
      </c>
      <c r="CF845" s="166">
        <v>0</v>
      </c>
      <c r="CG845" s="166">
        <v>0</v>
      </c>
      <c r="CH845" s="166">
        <v>0</v>
      </c>
      <c r="CI845" s="166">
        <v>0</v>
      </c>
      <c r="CJ845" s="166">
        <v>0</v>
      </c>
      <c r="CK845" s="166">
        <v>0</v>
      </c>
      <c r="CL845" s="166">
        <v>0</v>
      </c>
      <c r="CM845" s="166">
        <v>0</v>
      </c>
      <c r="CN845" s="166">
        <v>0</v>
      </c>
      <c r="CO845" s="166">
        <v>0</v>
      </c>
      <c r="CP845" s="166">
        <v>0</v>
      </c>
      <c r="CQ845" s="166">
        <v>0</v>
      </c>
      <c r="CR845" s="166">
        <v>0</v>
      </c>
      <c r="CS845" s="166">
        <v>0</v>
      </c>
      <c r="CT845" s="166">
        <v>0</v>
      </c>
      <c r="CU845" s="166">
        <v>0</v>
      </c>
      <c r="CV845" s="166">
        <v>0</v>
      </c>
      <c r="CW845" s="166">
        <v>0</v>
      </c>
      <c r="CX845" s="166">
        <v>0</v>
      </c>
      <c r="CY845" s="166">
        <v>0</v>
      </c>
      <c r="CZ845" s="166">
        <v>0</v>
      </c>
    </row>
    <row r="846" spans="1:104" x14ac:dyDescent="0.2">
      <c r="A846" s="167" t="s">
        <v>377</v>
      </c>
    </row>
    <row r="847" spans="1:104" x14ac:dyDescent="0.2">
      <c r="A847" s="167" t="s">
        <v>378</v>
      </c>
      <c r="B847" s="166">
        <v>0</v>
      </c>
      <c r="C847" s="166">
        <v>0</v>
      </c>
      <c r="D847" s="166">
        <v>0</v>
      </c>
      <c r="E847" s="166">
        <v>0</v>
      </c>
      <c r="F847" s="166">
        <v>0</v>
      </c>
      <c r="G847" s="166">
        <v>0</v>
      </c>
      <c r="H847" s="166">
        <v>0</v>
      </c>
      <c r="I847" s="166">
        <v>0</v>
      </c>
      <c r="J847" s="166">
        <v>0</v>
      </c>
      <c r="K847" s="166">
        <v>0</v>
      </c>
      <c r="L847" s="166">
        <v>0</v>
      </c>
      <c r="M847" s="166">
        <v>0</v>
      </c>
      <c r="N847" s="166">
        <v>0</v>
      </c>
      <c r="O847" s="166">
        <v>0</v>
      </c>
      <c r="P847" s="166">
        <v>0</v>
      </c>
      <c r="Q847" s="166">
        <v>0</v>
      </c>
      <c r="R847" s="166">
        <v>0</v>
      </c>
      <c r="S847" s="166">
        <v>0</v>
      </c>
      <c r="T847" s="166">
        <v>0</v>
      </c>
      <c r="U847" s="166">
        <v>0</v>
      </c>
      <c r="V847" s="166">
        <v>0</v>
      </c>
      <c r="W847" s="166">
        <v>0</v>
      </c>
      <c r="X847" s="166">
        <v>0</v>
      </c>
      <c r="Y847" s="166">
        <v>0</v>
      </c>
      <c r="Z847" s="166">
        <v>0</v>
      </c>
      <c r="AA847" s="166">
        <v>0</v>
      </c>
      <c r="AB847" s="166">
        <v>0</v>
      </c>
      <c r="AC847" s="166">
        <v>0</v>
      </c>
      <c r="AD847" s="166">
        <v>0</v>
      </c>
      <c r="AE847" s="166">
        <v>0</v>
      </c>
      <c r="AF847" s="166">
        <v>0</v>
      </c>
      <c r="AG847" s="166">
        <v>0</v>
      </c>
      <c r="AH847" s="166">
        <v>0</v>
      </c>
      <c r="AI847" s="166">
        <v>0</v>
      </c>
      <c r="AJ847" s="166">
        <v>0</v>
      </c>
      <c r="AK847" s="166">
        <v>0</v>
      </c>
      <c r="AL847" s="166">
        <v>0</v>
      </c>
      <c r="AM847" s="166">
        <v>0</v>
      </c>
      <c r="AN847" s="166">
        <v>0</v>
      </c>
      <c r="AO847" s="166">
        <v>0</v>
      </c>
      <c r="AP847" s="166">
        <v>0</v>
      </c>
      <c r="AQ847" s="166">
        <v>0</v>
      </c>
      <c r="AR847" s="166">
        <v>0</v>
      </c>
      <c r="AS847" s="166">
        <v>0</v>
      </c>
      <c r="AT847" s="166">
        <v>0</v>
      </c>
      <c r="AU847" s="166">
        <v>0</v>
      </c>
      <c r="AV847" s="166">
        <v>0</v>
      </c>
      <c r="AW847" s="166">
        <v>0</v>
      </c>
      <c r="AX847" s="166">
        <v>0</v>
      </c>
      <c r="AY847" s="166">
        <v>0</v>
      </c>
      <c r="AZ847" s="166">
        <v>0</v>
      </c>
      <c r="BA847" s="166">
        <v>0</v>
      </c>
      <c r="BB847" s="166">
        <v>0</v>
      </c>
      <c r="BC847" s="166">
        <v>0</v>
      </c>
      <c r="BD847" s="166">
        <v>0</v>
      </c>
      <c r="BE847" s="166">
        <v>0</v>
      </c>
      <c r="BF847" s="166">
        <v>0</v>
      </c>
      <c r="BG847" s="166">
        <v>0</v>
      </c>
      <c r="BH847" s="166">
        <v>0</v>
      </c>
      <c r="BI847" s="166">
        <v>0</v>
      </c>
      <c r="BJ847" s="166">
        <v>0</v>
      </c>
      <c r="BK847" s="166">
        <v>0</v>
      </c>
      <c r="BL847" s="166">
        <v>0</v>
      </c>
      <c r="BM847" s="166">
        <v>0</v>
      </c>
      <c r="BN847" s="166">
        <v>0</v>
      </c>
      <c r="BO847" s="166">
        <v>0</v>
      </c>
      <c r="BP847" s="166">
        <v>0</v>
      </c>
      <c r="BQ847" s="166">
        <v>0</v>
      </c>
      <c r="BR847" s="166">
        <v>0</v>
      </c>
      <c r="BS847" s="166">
        <v>0</v>
      </c>
      <c r="BT847" s="168">
        <v>1</v>
      </c>
      <c r="BU847" s="166">
        <v>0</v>
      </c>
      <c r="BV847" s="166">
        <v>0</v>
      </c>
      <c r="BW847" s="166">
        <v>0</v>
      </c>
      <c r="BX847" s="166">
        <v>0</v>
      </c>
      <c r="BY847" s="166">
        <v>0</v>
      </c>
      <c r="BZ847" s="166">
        <v>0</v>
      </c>
      <c r="CA847" s="166">
        <v>0</v>
      </c>
      <c r="CB847" s="166">
        <v>0</v>
      </c>
      <c r="CC847" s="166">
        <v>0</v>
      </c>
      <c r="CD847" s="166">
        <v>0</v>
      </c>
      <c r="CE847" s="166">
        <v>0</v>
      </c>
      <c r="CF847" s="166">
        <v>0</v>
      </c>
      <c r="CG847" s="166">
        <v>0</v>
      </c>
      <c r="CH847" s="166">
        <v>0</v>
      </c>
      <c r="CI847" s="166">
        <v>0</v>
      </c>
      <c r="CJ847" s="166">
        <v>0</v>
      </c>
      <c r="CK847" s="166">
        <v>0</v>
      </c>
      <c r="CL847" s="166">
        <v>0</v>
      </c>
      <c r="CM847" s="166">
        <v>0</v>
      </c>
      <c r="CN847" s="166">
        <v>0</v>
      </c>
      <c r="CO847" s="166">
        <v>0</v>
      </c>
      <c r="CP847" s="166">
        <v>0</v>
      </c>
      <c r="CQ847" s="166">
        <v>0</v>
      </c>
      <c r="CR847" s="166">
        <v>0</v>
      </c>
      <c r="CS847" s="166">
        <v>0</v>
      </c>
      <c r="CT847" s="166">
        <v>0</v>
      </c>
      <c r="CU847" s="166">
        <v>0</v>
      </c>
      <c r="CV847" s="166">
        <v>0</v>
      </c>
      <c r="CW847" s="166">
        <v>0</v>
      </c>
      <c r="CX847" s="166">
        <v>0</v>
      </c>
      <c r="CY847" s="166">
        <v>0</v>
      </c>
      <c r="CZ847" s="166">
        <v>0</v>
      </c>
    </row>
    <row r="848" spans="1:104" x14ac:dyDescent="0.2">
      <c r="A848" s="170" t="s">
        <v>379</v>
      </c>
      <c r="B848" s="166">
        <v>79992352.989999905</v>
      </c>
      <c r="C848" s="166">
        <v>79992352.989999905</v>
      </c>
      <c r="D848" s="166">
        <v>0</v>
      </c>
      <c r="E848" s="166">
        <v>0</v>
      </c>
      <c r="F848" s="166">
        <v>0</v>
      </c>
      <c r="G848" s="166">
        <v>0</v>
      </c>
      <c r="H848" s="166">
        <v>0</v>
      </c>
      <c r="I848" s="166">
        <v>0</v>
      </c>
      <c r="J848" s="166">
        <v>0</v>
      </c>
      <c r="K848" s="166">
        <v>0</v>
      </c>
      <c r="L848" s="166">
        <v>0</v>
      </c>
      <c r="M848" s="166">
        <v>0</v>
      </c>
      <c r="N848" s="166">
        <v>0</v>
      </c>
      <c r="O848" s="166">
        <v>0</v>
      </c>
      <c r="P848" s="166">
        <v>0</v>
      </c>
      <c r="Q848" s="166">
        <v>0</v>
      </c>
      <c r="R848" s="166">
        <v>0</v>
      </c>
      <c r="S848" s="166">
        <v>0</v>
      </c>
      <c r="T848" s="166">
        <v>0</v>
      </c>
      <c r="U848" s="166">
        <v>0</v>
      </c>
      <c r="V848" s="166">
        <v>0</v>
      </c>
      <c r="W848" s="166">
        <v>0</v>
      </c>
      <c r="X848" s="166">
        <v>0</v>
      </c>
      <c r="Y848" s="166">
        <v>0</v>
      </c>
      <c r="Z848" s="166">
        <v>0</v>
      </c>
      <c r="AA848" s="166">
        <v>0</v>
      </c>
      <c r="AB848" s="166">
        <v>0</v>
      </c>
      <c r="AC848" s="166">
        <v>0</v>
      </c>
      <c r="AD848" s="166">
        <v>0</v>
      </c>
      <c r="AE848" s="166">
        <v>0</v>
      </c>
      <c r="AF848" s="166">
        <v>0</v>
      </c>
      <c r="AG848" s="166">
        <v>0</v>
      </c>
      <c r="AH848" s="166">
        <v>0</v>
      </c>
      <c r="AI848" s="166">
        <v>0</v>
      </c>
      <c r="AJ848" s="166">
        <v>0</v>
      </c>
      <c r="AK848" s="166">
        <v>0</v>
      </c>
      <c r="AL848" s="166">
        <v>0</v>
      </c>
      <c r="AM848" s="166">
        <v>0</v>
      </c>
      <c r="AN848" s="166">
        <v>0</v>
      </c>
      <c r="AO848" s="166">
        <v>0</v>
      </c>
      <c r="AP848" s="166">
        <v>0</v>
      </c>
      <c r="AQ848" s="166">
        <v>0</v>
      </c>
      <c r="AR848" s="166">
        <v>0</v>
      </c>
      <c r="AS848" s="166">
        <v>0</v>
      </c>
      <c r="AT848" s="166">
        <v>0</v>
      </c>
      <c r="AU848" s="166">
        <v>0</v>
      </c>
      <c r="AV848" s="166">
        <v>0</v>
      </c>
      <c r="AW848" s="166">
        <v>0</v>
      </c>
      <c r="AX848" s="166">
        <v>0</v>
      </c>
      <c r="AY848" s="166">
        <v>0</v>
      </c>
      <c r="AZ848" s="166">
        <v>0</v>
      </c>
      <c r="BA848" s="166">
        <v>0</v>
      </c>
      <c r="BB848" s="166">
        <v>0</v>
      </c>
      <c r="BC848" s="166">
        <v>0</v>
      </c>
      <c r="BD848" s="166">
        <v>0</v>
      </c>
      <c r="BE848" s="166">
        <v>0</v>
      </c>
      <c r="BF848" s="166">
        <v>0</v>
      </c>
      <c r="BG848" s="166">
        <v>0</v>
      </c>
      <c r="BH848" s="166">
        <v>0</v>
      </c>
      <c r="BI848" s="166">
        <v>0</v>
      </c>
      <c r="BJ848" s="166">
        <v>0</v>
      </c>
      <c r="BK848" s="166">
        <v>0</v>
      </c>
      <c r="BL848" s="166">
        <v>0</v>
      </c>
      <c r="BM848" s="166">
        <v>0</v>
      </c>
      <c r="BN848" s="166">
        <v>0</v>
      </c>
      <c r="BO848" s="166">
        <v>0</v>
      </c>
      <c r="BP848" s="166">
        <v>0</v>
      </c>
      <c r="BQ848" s="166">
        <v>0</v>
      </c>
      <c r="BR848" s="166">
        <v>79992352.989999905</v>
      </c>
      <c r="BS848" s="166">
        <v>79992352.989999995</v>
      </c>
      <c r="BT848" s="168">
        <v>0</v>
      </c>
      <c r="BU848" s="166">
        <v>6981157.98289908</v>
      </c>
      <c r="BV848" s="166">
        <v>79962961.652585894</v>
      </c>
      <c r="BW848" s="166">
        <v>0</v>
      </c>
      <c r="BX848" s="166">
        <v>0</v>
      </c>
      <c r="BY848" s="166">
        <v>0</v>
      </c>
      <c r="BZ848" s="166">
        <v>0</v>
      </c>
      <c r="CA848" s="166">
        <v>0</v>
      </c>
      <c r="CB848" s="166">
        <v>0</v>
      </c>
      <c r="CC848" s="166">
        <v>0</v>
      </c>
      <c r="CD848" s="166">
        <v>0</v>
      </c>
      <c r="CE848" s="166">
        <v>0</v>
      </c>
      <c r="CF848" s="166">
        <v>0</v>
      </c>
      <c r="CG848" s="166">
        <v>0</v>
      </c>
      <c r="CH848" s="166">
        <v>0</v>
      </c>
      <c r="CI848" s="166">
        <v>0</v>
      </c>
      <c r="CJ848" s="166">
        <v>0</v>
      </c>
      <c r="CK848" s="166">
        <v>0</v>
      </c>
      <c r="CL848" s="166">
        <v>0</v>
      </c>
      <c r="CM848" s="166">
        <v>0</v>
      </c>
      <c r="CN848" s="166">
        <v>0</v>
      </c>
      <c r="CO848" s="166">
        <v>0</v>
      </c>
      <c r="CP848" s="166">
        <v>0</v>
      </c>
      <c r="CQ848" s="166">
        <v>0</v>
      </c>
      <c r="CR848" s="166">
        <v>0</v>
      </c>
      <c r="CS848" s="166">
        <v>0</v>
      </c>
      <c r="CT848" s="166">
        <v>0</v>
      </c>
      <c r="CU848" s="166">
        <v>0</v>
      </c>
      <c r="CV848" s="166">
        <v>0</v>
      </c>
      <c r="CW848" s="166">
        <v>0</v>
      </c>
      <c r="CX848" s="166">
        <v>0</v>
      </c>
      <c r="CY848" s="166">
        <v>79962961.652585894</v>
      </c>
      <c r="CZ848" s="166">
        <v>79962961.652585894</v>
      </c>
    </row>
    <row r="849" spans="1:104" x14ac:dyDescent="0.2">
      <c r="A849" s="167" t="s">
        <v>380</v>
      </c>
    </row>
    <row r="850" spans="1:104" x14ac:dyDescent="0.2">
      <c r="A850" s="170" t="s">
        <v>381</v>
      </c>
      <c r="B850" s="166">
        <v>110051665.36999901</v>
      </c>
      <c r="C850" s="166">
        <v>110051665.36999901</v>
      </c>
      <c r="D850" s="166">
        <v>0</v>
      </c>
      <c r="E850" s="166">
        <v>0</v>
      </c>
      <c r="F850" s="166">
        <v>0</v>
      </c>
      <c r="G850" s="166">
        <v>0</v>
      </c>
      <c r="H850" s="166">
        <v>0</v>
      </c>
      <c r="I850" s="166">
        <v>0</v>
      </c>
      <c r="J850" s="166">
        <v>0</v>
      </c>
      <c r="K850" s="166">
        <v>0</v>
      </c>
      <c r="L850" s="166">
        <v>0</v>
      </c>
      <c r="M850" s="166">
        <v>0</v>
      </c>
      <c r="N850" s="166">
        <v>0</v>
      </c>
      <c r="O850" s="166">
        <v>0</v>
      </c>
      <c r="P850" s="166">
        <v>0</v>
      </c>
      <c r="Q850" s="166">
        <v>0</v>
      </c>
      <c r="R850" s="166">
        <v>0</v>
      </c>
      <c r="S850" s="166">
        <v>0</v>
      </c>
      <c r="T850" s="166">
        <v>0</v>
      </c>
      <c r="U850" s="166">
        <v>0</v>
      </c>
      <c r="V850" s="166">
        <v>0</v>
      </c>
      <c r="W850" s="166">
        <v>0</v>
      </c>
      <c r="X850" s="166">
        <v>0</v>
      </c>
      <c r="Y850" s="166">
        <v>0</v>
      </c>
      <c r="Z850" s="166">
        <v>0</v>
      </c>
      <c r="AA850" s="166">
        <v>0</v>
      </c>
      <c r="AB850" s="166">
        <v>0</v>
      </c>
      <c r="AC850" s="166">
        <v>0</v>
      </c>
      <c r="AD850" s="166">
        <v>0</v>
      </c>
      <c r="AE850" s="166">
        <v>0</v>
      </c>
      <c r="AF850" s="166">
        <v>0</v>
      </c>
      <c r="AG850" s="166">
        <v>0</v>
      </c>
      <c r="AH850" s="166">
        <v>0</v>
      </c>
      <c r="AI850" s="166">
        <v>0</v>
      </c>
      <c r="AJ850" s="166">
        <v>0</v>
      </c>
      <c r="AK850" s="166">
        <v>0</v>
      </c>
      <c r="AL850" s="166">
        <v>0</v>
      </c>
      <c r="AM850" s="166">
        <v>0</v>
      </c>
      <c r="AN850" s="166">
        <v>0</v>
      </c>
      <c r="AO850" s="166">
        <v>0</v>
      </c>
      <c r="AP850" s="166">
        <v>0</v>
      </c>
      <c r="AQ850" s="166">
        <v>0</v>
      </c>
      <c r="AR850" s="166">
        <v>0</v>
      </c>
      <c r="AS850" s="166">
        <v>0</v>
      </c>
      <c r="AT850" s="166">
        <v>0</v>
      </c>
      <c r="AU850" s="166">
        <v>0</v>
      </c>
      <c r="AV850" s="166">
        <v>0</v>
      </c>
      <c r="AW850" s="166">
        <v>0</v>
      </c>
      <c r="AX850" s="166">
        <v>0</v>
      </c>
      <c r="AY850" s="166">
        <v>0</v>
      </c>
      <c r="AZ850" s="166">
        <v>0</v>
      </c>
      <c r="BA850" s="166">
        <v>0</v>
      </c>
      <c r="BB850" s="166">
        <v>0</v>
      </c>
      <c r="BC850" s="166">
        <v>0</v>
      </c>
      <c r="BD850" s="166">
        <v>0</v>
      </c>
      <c r="BE850" s="166">
        <v>0</v>
      </c>
      <c r="BF850" s="166">
        <v>0</v>
      </c>
      <c r="BG850" s="166">
        <v>0</v>
      </c>
      <c r="BH850" s="166">
        <v>0</v>
      </c>
      <c r="BI850" s="166">
        <v>0</v>
      </c>
      <c r="BJ850" s="166">
        <v>0</v>
      </c>
      <c r="BK850" s="166">
        <v>0</v>
      </c>
      <c r="BL850" s="166">
        <v>0</v>
      </c>
      <c r="BM850" s="166">
        <v>0</v>
      </c>
      <c r="BN850" s="166">
        <v>0</v>
      </c>
      <c r="BO850" s="166">
        <v>0</v>
      </c>
      <c r="BP850" s="166">
        <v>0</v>
      </c>
      <c r="BQ850" s="166">
        <v>0</v>
      </c>
      <c r="BR850" s="166">
        <v>110051665.36999901</v>
      </c>
      <c r="BS850" s="166">
        <v>110051665.37</v>
      </c>
      <c r="BT850" s="168">
        <v>0</v>
      </c>
      <c r="BU850" s="166">
        <v>9488252.2101460397</v>
      </c>
      <c r="BV850" s="166">
        <v>109978696.083534</v>
      </c>
      <c r="BW850" s="166">
        <v>0</v>
      </c>
      <c r="BX850" s="166">
        <v>0</v>
      </c>
      <c r="BY850" s="166">
        <v>0</v>
      </c>
      <c r="BZ850" s="166">
        <v>0</v>
      </c>
      <c r="CA850" s="166">
        <v>0</v>
      </c>
      <c r="CB850" s="166">
        <v>0</v>
      </c>
      <c r="CC850" s="166">
        <v>0</v>
      </c>
      <c r="CD850" s="166">
        <v>0</v>
      </c>
      <c r="CE850" s="166">
        <v>0</v>
      </c>
      <c r="CF850" s="166">
        <v>0</v>
      </c>
      <c r="CG850" s="166">
        <v>0</v>
      </c>
      <c r="CH850" s="166">
        <v>0</v>
      </c>
      <c r="CI850" s="166">
        <v>0</v>
      </c>
      <c r="CJ850" s="166">
        <v>0</v>
      </c>
      <c r="CK850" s="166">
        <v>0</v>
      </c>
      <c r="CL850" s="166">
        <v>0</v>
      </c>
      <c r="CM850" s="166">
        <v>0</v>
      </c>
      <c r="CN850" s="166">
        <v>0</v>
      </c>
      <c r="CO850" s="166">
        <v>0</v>
      </c>
      <c r="CP850" s="166">
        <v>0</v>
      </c>
      <c r="CQ850" s="166">
        <v>0</v>
      </c>
      <c r="CR850" s="166">
        <v>0</v>
      </c>
      <c r="CS850" s="166">
        <v>0</v>
      </c>
      <c r="CT850" s="166">
        <v>0</v>
      </c>
      <c r="CU850" s="166">
        <v>0</v>
      </c>
      <c r="CV850" s="166">
        <v>0</v>
      </c>
      <c r="CW850" s="166">
        <v>0</v>
      </c>
      <c r="CX850" s="166">
        <v>0</v>
      </c>
      <c r="CY850" s="166">
        <v>109978696.083534</v>
      </c>
      <c r="CZ850" s="166">
        <v>109978696.083534</v>
      </c>
    </row>
    <row r="851" spans="1:104" x14ac:dyDescent="0.2">
      <c r="A851" s="167" t="s">
        <v>382</v>
      </c>
    </row>
    <row r="852" spans="1:104" x14ac:dyDescent="0.2">
      <c r="A852" s="170" t="s">
        <v>383</v>
      </c>
    </row>
    <row r="853" spans="1:104" x14ac:dyDescent="0.2">
      <c r="A853" s="167" t="s">
        <v>384</v>
      </c>
      <c r="B853" s="166">
        <v>88002.159999999902</v>
      </c>
      <c r="C853" s="166">
        <v>88002.159999999902</v>
      </c>
      <c r="D853" s="166">
        <v>0</v>
      </c>
      <c r="E853" s="166">
        <v>0</v>
      </c>
      <c r="F853" s="166">
        <v>0</v>
      </c>
      <c r="G853" s="166">
        <v>0</v>
      </c>
      <c r="H853" s="166">
        <v>0</v>
      </c>
      <c r="I853" s="166">
        <v>0</v>
      </c>
      <c r="J853" s="166">
        <v>0</v>
      </c>
      <c r="K853" s="166">
        <v>0</v>
      </c>
      <c r="L853" s="166">
        <v>0</v>
      </c>
      <c r="M853" s="166">
        <v>0</v>
      </c>
      <c r="N853" s="166">
        <v>0</v>
      </c>
      <c r="O853" s="166">
        <v>0</v>
      </c>
      <c r="P853" s="166">
        <v>0</v>
      </c>
      <c r="Q853" s="166">
        <v>0</v>
      </c>
      <c r="R853" s="166">
        <v>0</v>
      </c>
      <c r="S853" s="166">
        <v>0</v>
      </c>
      <c r="T853" s="166">
        <v>0</v>
      </c>
      <c r="U853" s="166">
        <v>0</v>
      </c>
      <c r="V853" s="166">
        <v>0</v>
      </c>
      <c r="W853" s="166">
        <v>0</v>
      </c>
      <c r="X853" s="166">
        <v>0</v>
      </c>
      <c r="Y853" s="166">
        <v>0</v>
      </c>
      <c r="Z853" s="166">
        <v>0</v>
      </c>
      <c r="AA853" s="166">
        <v>0</v>
      </c>
      <c r="AB853" s="166">
        <v>0</v>
      </c>
      <c r="AC853" s="166">
        <v>0</v>
      </c>
      <c r="AD853" s="166">
        <v>0</v>
      </c>
      <c r="AE853" s="166">
        <v>0</v>
      </c>
      <c r="AF853" s="166">
        <v>0</v>
      </c>
      <c r="AG853" s="166">
        <v>0</v>
      </c>
      <c r="AH853" s="166">
        <v>0</v>
      </c>
      <c r="AI853" s="166">
        <v>0</v>
      </c>
      <c r="AJ853" s="166">
        <v>0</v>
      </c>
      <c r="AK853" s="166">
        <v>0</v>
      </c>
      <c r="AL853" s="166">
        <v>0</v>
      </c>
      <c r="AM853" s="166">
        <v>0</v>
      </c>
      <c r="AN853" s="166">
        <v>0</v>
      </c>
      <c r="AO853" s="166">
        <v>0</v>
      </c>
      <c r="AP853" s="166">
        <v>0</v>
      </c>
      <c r="AQ853" s="166">
        <v>0</v>
      </c>
      <c r="AR853" s="166">
        <v>0</v>
      </c>
      <c r="AS853" s="166">
        <v>0</v>
      </c>
      <c r="AT853" s="166">
        <v>0</v>
      </c>
      <c r="AU853" s="166">
        <v>0</v>
      </c>
      <c r="AV853" s="166">
        <v>0</v>
      </c>
      <c r="AW853" s="166">
        <v>0</v>
      </c>
      <c r="AX853" s="166">
        <v>0</v>
      </c>
      <c r="AY853" s="166">
        <v>0</v>
      </c>
      <c r="AZ853" s="166">
        <v>0</v>
      </c>
      <c r="BA853" s="166">
        <v>0</v>
      </c>
      <c r="BB853" s="166">
        <v>0</v>
      </c>
      <c r="BC853" s="166">
        <v>0</v>
      </c>
      <c r="BD853" s="166">
        <v>0</v>
      </c>
      <c r="BE853" s="166">
        <v>0</v>
      </c>
      <c r="BF853" s="166">
        <v>0</v>
      </c>
      <c r="BG853" s="166">
        <v>0</v>
      </c>
      <c r="BH853" s="166">
        <v>0</v>
      </c>
      <c r="BI853" s="166">
        <v>0</v>
      </c>
      <c r="BJ853" s="166">
        <v>0</v>
      </c>
      <c r="BK853" s="166">
        <v>0</v>
      </c>
      <c r="BL853" s="166">
        <v>0</v>
      </c>
      <c r="BM853" s="166">
        <v>0</v>
      </c>
      <c r="BN853" s="166">
        <v>0</v>
      </c>
      <c r="BO853" s="166">
        <v>0</v>
      </c>
      <c r="BP853" s="166">
        <v>0</v>
      </c>
      <c r="BQ853" s="166">
        <v>0</v>
      </c>
      <c r="BR853" s="166">
        <v>88002.159999999902</v>
      </c>
      <c r="BS853" s="166">
        <v>88002.159999999902</v>
      </c>
      <c r="BT853" s="168">
        <v>0.99981757645615099</v>
      </c>
      <c r="BU853" s="166">
        <v>7373.6886018526002</v>
      </c>
      <c r="BV853" s="166">
        <v>87986.103462139101</v>
      </c>
      <c r="BW853" s="166">
        <v>0</v>
      </c>
      <c r="BX853" s="166">
        <v>0</v>
      </c>
      <c r="BY853" s="166">
        <v>0</v>
      </c>
      <c r="BZ853" s="166">
        <v>0</v>
      </c>
      <c r="CA853" s="166">
        <v>0</v>
      </c>
      <c r="CB853" s="166">
        <v>0</v>
      </c>
      <c r="CC853" s="166">
        <v>0</v>
      </c>
      <c r="CD853" s="166">
        <v>0</v>
      </c>
      <c r="CE853" s="166">
        <v>0</v>
      </c>
      <c r="CF853" s="166">
        <v>0</v>
      </c>
      <c r="CG853" s="166">
        <v>0</v>
      </c>
      <c r="CH853" s="166">
        <v>0</v>
      </c>
      <c r="CI853" s="166">
        <v>0</v>
      </c>
      <c r="CJ853" s="166">
        <v>0</v>
      </c>
      <c r="CK853" s="166">
        <v>0</v>
      </c>
      <c r="CL853" s="166">
        <v>0</v>
      </c>
      <c r="CM853" s="166">
        <v>0</v>
      </c>
      <c r="CN853" s="166">
        <v>0</v>
      </c>
      <c r="CO853" s="166">
        <v>0</v>
      </c>
      <c r="CP853" s="166">
        <v>0</v>
      </c>
      <c r="CQ853" s="166">
        <v>0</v>
      </c>
      <c r="CR853" s="166">
        <v>0</v>
      </c>
      <c r="CS853" s="166">
        <v>0</v>
      </c>
      <c r="CT853" s="166">
        <v>0</v>
      </c>
      <c r="CU853" s="166">
        <v>0</v>
      </c>
      <c r="CV853" s="166">
        <v>0</v>
      </c>
      <c r="CW853" s="166">
        <v>0</v>
      </c>
      <c r="CX853" s="166">
        <v>0</v>
      </c>
      <c r="CY853" s="166">
        <v>87986.103462139101</v>
      </c>
      <c r="CZ853" s="166">
        <v>87986.103462139101</v>
      </c>
    </row>
    <row r="854" spans="1:104" x14ac:dyDescent="0.2">
      <c r="A854" s="167" t="s">
        <v>385</v>
      </c>
    </row>
    <row r="855" spans="1:104" x14ac:dyDescent="0.2">
      <c r="A855" s="167" t="s">
        <v>386</v>
      </c>
      <c r="B855" s="166">
        <v>815195.22</v>
      </c>
      <c r="C855" s="166">
        <v>815195.22</v>
      </c>
      <c r="D855" s="166">
        <v>0</v>
      </c>
      <c r="E855" s="166">
        <v>0</v>
      </c>
      <c r="F855" s="166">
        <v>0</v>
      </c>
      <c r="G855" s="166">
        <v>0</v>
      </c>
      <c r="H855" s="166">
        <v>0</v>
      </c>
      <c r="I855" s="166">
        <v>0</v>
      </c>
      <c r="J855" s="166">
        <v>0</v>
      </c>
      <c r="K855" s="166">
        <v>0</v>
      </c>
      <c r="L855" s="166">
        <v>0</v>
      </c>
      <c r="M855" s="166">
        <v>0</v>
      </c>
      <c r="N855" s="166">
        <v>0</v>
      </c>
      <c r="O855" s="166">
        <v>0</v>
      </c>
      <c r="P855" s="166">
        <v>0</v>
      </c>
      <c r="Q855" s="166">
        <v>0</v>
      </c>
      <c r="R855" s="166">
        <v>0</v>
      </c>
      <c r="S855" s="166">
        <v>0</v>
      </c>
      <c r="T855" s="166">
        <v>0</v>
      </c>
      <c r="U855" s="166">
        <v>0</v>
      </c>
      <c r="V855" s="166">
        <v>0</v>
      </c>
      <c r="W855" s="166">
        <v>0</v>
      </c>
      <c r="X855" s="166">
        <v>0</v>
      </c>
      <c r="Y855" s="166">
        <v>0</v>
      </c>
      <c r="Z855" s="166">
        <v>0</v>
      </c>
      <c r="AA855" s="166">
        <v>0</v>
      </c>
      <c r="AB855" s="166">
        <v>0</v>
      </c>
      <c r="AC855" s="166">
        <v>0</v>
      </c>
      <c r="AD855" s="166">
        <v>0</v>
      </c>
      <c r="AE855" s="166">
        <v>0</v>
      </c>
      <c r="AF855" s="166">
        <v>0</v>
      </c>
      <c r="AG855" s="166">
        <v>0</v>
      </c>
      <c r="AH855" s="166">
        <v>0</v>
      </c>
      <c r="AI855" s="166">
        <v>0</v>
      </c>
      <c r="AJ855" s="166">
        <v>0</v>
      </c>
      <c r="AK855" s="166">
        <v>0</v>
      </c>
      <c r="AL855" s="166">
        <v>0</v>
      </c>
      <c r="AM855" s="166">
        <v>0</v>
      </c>
      <c r="AN855" s="166">
        <v>0</v>
      </c>
      <c r="AO855" s="166">
        <v>0</v>
      </c>
      <c r="AP855" s="166">
        <v>0</v>
      </c>
      <c r="AQ855" s="166">
        <v>0</v>
      </c>
      <c r="AR855" s="166">
        <v>0</v>
      </c>
      <c r="AS855" s="166">
        <v>0</v>
      </c>
      <c r="AT855" s="166">
        <v>0</v>
      </c>
      <c r="AU855" s="166">
        <v>0</v>
      </c>
      <c r="AV855" s="166">
        <v>0</v>
      </c>
      <c r="AW855" s="166">
        <v>0</v>
      </c>
      <c r="AX855" s="166">
        <v>0</v>
      </c>
      <c r="AY855" s="166">
        <v>0</v>
      </c>
      <c r="AZ855" s="166">
        <v>0</v>
      </c>
      <c r="BA855" s="166">
        <v>0</v>
      </c>
      <c r="BB855" s="166">
        <v>0</v>
      </c>
      <c r="BC855" s="166">
        <v>0</v>
      </c>
      <c r="BD855" s="166">
        <v>0</v>
      </c>
      <c r="BE855" s="166">
        <v>0</v>
      </c>
      <c r="BF855" s="166">
        <v>0</v>
      </c>
      <c r="BG855" s="166">
        <v>0</v>
      </c>
      <c r="BH855" s="166">
        <v>0</v>
      </c>
      <c r="BI855" s="166">
        <v>0</v>
      </c>
      <c r="BJ855" s="166">
        <v>0</v>
      </c>
      <c r="BK855" s="166">
        <v>0</v>
      </c>
      <c r="BL855" s="166">
        <v>0</v>
      </c>
      <c r="BM855" s="166">
        <v>0</v>
      </c>
      <c r="BN855" s="166">
        <v>0</v>
      </c>
      <c r="BO855" s="166">
        <v>0</v>
      </c>
      <c r="BP855" s="166">
        <v>0</v>
      </c>
      <c r="BQ855" s="166">
        <v>0</v>
      </c>
      <c r="BR855" s="166">
        <v>815195.22</v>
      </c>
      <c r="BS855" s="166">
        <v>815195.22</v>
      </c>
      <c r="BT855" s="168">
        <v>0.98770000000000002</v>
      </c>
      <c r="BU855" s="166">
        <v>65658.532863</v>
      </c>
      <c r="BV855" s="166">
        <v>805168.31879399996</v>
      </c>
      <c r="BW855" s="166">
        <v>0</v>
      </c>
      <c r="BX855" s="166">
        <v>0</v>
      </c>
      <c r="BY855" s="166">
        <v>0</v>
      </c>
      <c r="BZ855" s="166">
        <v>0</v>
      </c>
      <c r="CA855" s="166">
        <v>0</v>
      </c>
      <c r="CB855" s="166">
        <v>0</v>
      </c>
      <c r="CC855" s="166">
        <v>0</v>
      </c>
      <c r="CD855" s="166">
        <v>0</v>
      </c>
      <c r="CE855" s="166">
        <v>0</v>
      </c>
      <c r="CF855" s="166">
        <v>0</v>
      </c>
      <c r="CG855" s="166">
        <v>0</v>
      </c>
      <c r="CH855" s="166">
        <v>0</v>
      </c>
      <c r="CI855" s="166">
        <v>0</v>
      </c>
      <c r="CJ855" s="166">
        <v>0</v>
      </c>
      <c r="CK855" s="166">
        <v>0</v>
      </c>
      <c r="CL855" s="166">
        <v>0</v>
      </c>
      <c r="CM855" s="166">
        <v>0</v>
      </c>
      <c r="CN855" s="166">
        <v>0</v>
      </c>
      <c r="CO855" s="166">
        <v>0</v>
      </c>
      <c r="CP855" s="166">
        <v>0</v>
      </c>
      <c r="CQ855" s="166">
        <v>0</v>
      </c>
      <c r="CR855" s="166">
        <v>0</v>
      </c>
      <c r="CS855" s="166">
        <v>0</v>
      </c>
      <c r="CT855" s="166">
        <v>0</v>
      </c>
      <c r="CU855" s="166">
        <v>0</v>
      </c>
      <c r="CV855" s="166">
        <v>0</v>
      </c>
      <c r="CW855" s="166">
        <v>0</v>
      </c>
      <c r="CX855" s="166">
        <v>0</v>
      </c>
      <c r="CY855" s="166">
        <v>805168.31879399996</v>
      </c>
      <c r="CZ855" s="166">
        <v>805168.31879399996</v>
      </c>
    </row>
    <row r="856" spans="1:104" x14ac:dyDescent="0.2">
      <c r="A856" s="167" t="s">
        <v>387</v>
      </c>
    </row>
    <row r="857" spans="1:104" x14ac:dyDescent="0.2">
      <c r="A857" s="167" t="s">
        <v>703</v>
      </c>
      <c r="B857" s="166">
        <v>52332208.119999997</v>
      </c>
      <c r="C857" s="166">
        <v>52332208.119999997</v>
      </c>
      <c r="D857" s="166">
        <v>0</v>
      </c>
      <c r="E857" s="166">
        <v>0</v>
      </c>
      <c r="F857" s="166">
        <v>0</v>
      </c>
      <c r="G857" s="166">
        <v>0</v>
      </c>
      <c r="H857" s="166">
        <v>0</v>
      </c>
      <c r="I857" s="166">
        <v>0</v>
      </c>
      <c r="J857" s="166">
        <v>0</v>
      </c>
      <c r="K857" s="166">
        <v>0</v>
      </c>
      <c r="L857" s="166">
        <v>0</v>
      </c>
      <c r="M857" s="166">
        <v>0</v>
      </c>
      <c r="N857" s="166">
        <v>0</v>
      </c>
      <c r="O857" s="166">
        <v>0</v>
      </c>
      <c r="P857" s="166">
        <v>0</v>
      </c>
      <c r="Q857" s="166">
        <v>0</v>
      </c>
      <c r="R857" s="166">
        <v>0</v>
      </c>
      <c r="S857" s="166">
        <v>0</v>
      </c>
      <c r="T857" s="166">
        <v>0</v>
      </c>
      <c r="U857" s="166">
        <v>0</v>
      </c>
      <c r="V857" s="166">
        <v>0</v>
      </c>
      <c r="W857" s="166">
        <v>0</v>
      </c>
      <c r="X857" s="166">
        <v>0</v>
      </c>
      <c r="Y857" s="166">
        <v>0</v>
      </c>
      <c r="Z857" s="166">
        <v>0</v>
      </c>
      <c r="AA857" s="166">
        <v>0</v>
      </c>
      <c r="AB857" s="166">
        <v>0</v>
      </c>
      <c r="AC857" s="166">
        <v>0</v>
      </c>
      <c r="AD857" s="166">
        <v>0</v>
      </c>
      <c r="AE857" s="166">
        <v>0</v>
      </c>
      <c r="AF857" s="166">
        <v>0</v>
      </c>
      <c r="AG857" s="166">
        <v>0</v>
      </c>
      <c r="AH857" s="166">
        <v>0</v>
      </c>
      <c r="AI857" s="166">
        <v>0</v>
      </c>
      <c r="AJ857" s="166">
        <v>0</v>
      </c>
      <c r="AK857" s="166">
        <v>0</v>
      </c>
      <c r="AL857" s="166">
        <v>0</v>
      </c>
      <c r="AM857" s="166">
        <v>0</v>
      </c>
      <c r="AN857" s="166">
        <v>0</v>
      </c>
      <c r="AO857" s="166">
        <v>0</v>
      </c>
      <c r="AP857" s="166">
        <v>0</v>
      </c>
      <c r="AQ857" s="166">
        <v>0</v>
      </c>
      <c r="AR857" s="166">
        <v>0</v>
      </c>
      <c r="AS857" s="166">
        <v>0</v>
      </c>
      <c r="AT857" s="166">
        <v>0</v>
      </c>
      <c r="AU857" s="166">
        <v>0</v>
      </c>
      <c r="AV857" s="166">
        <v>0</v>
      </c>
      <c r="AW857" s="166">
        <v>0</v>
      </c>
      <c r="AX857" s="166">
        <v>0</v>
      </c>
      <c r="AY857" s="166">
        <v>0</v>
      </c>
      <c r="AZ857" s="166">
        <v>0</v>
      </c>
      <c r="BA857" s="166">
        <v>0</v>
      </c>
      <c r="BB857" s="166">
        <v>0</v>
      </c>
      <c r="BC857" s="166">
        <v>0</v>
      </c>
      <c r="BD857" s="166">
        <v>0</v>
      </c>
      <c r="BE857" s="166">
        <v>0</v>
      </c>
      <c r="BF857" s="166">
        <v>0</v>
      </c>
      <c r="BG857" s="166">
        <v>0</v>
      </c>
      <c r="BH857" s="166">
        <v>0</v>
      </c>
      <c r="BI857" s="166">
        <v>0</v>
      </c>
      <c r="BJ857" s="166">
        <v>0</v>
      </c>
      <c r="BK857" s="166">
        <v>0</v>
      </c>
      <c r="BL857" s="166">
        <v>0</v>
      </c>
      <c r="BM857" s="166">
        <v>0</v>
      </c>
      <c r="BN857" s="166">
        <v>0</v>
      </c>
      <c r="BO857" s="166">
        <v>0</v>
      </c>
      <c r="BP857" s="166">
        <v>0</v>
      </c>
      <c r="BQ857" s="166">
        <v>0</v>
      </c>
      <c r="BR857" s="166">
        <v>52332208.119999997</v>
      </c>
      <c r="BS857" s="166">
        <v>52332208.119999997</v>
      </c>
      <c r="BT857" s="166">
        <v>1000</v>
      </c>
      <c r="BU857" s="166">
        <v>4645598.05</v>
      </c>
      <c r="BV857" s="166">
        <v>52332208.119999997</v>
      </c>
      <c r="BW857" s="166">
        <v>0</v>
      </c>
      <c r="BX857" s="166">
        <v>0</v>
      </c>
      <c r="BY857" s="166">
        <v>0</v>
      </c>
      <c r="BZ857" s="166">
        <v>0</v>
      </c>
      <c r="CA857" s="166">
        <v>0</v>
      </c>
      <c r="CB857" s="166">
        <v>0</v>
      </c>
      <c r="CC857" s="166">
        <v>0</v>
      </c>
      <c r="CD857" s="166">
        <v>0</v>
      </c>
      <c r="CE857" s="166">
        <v>0</v>
      </c>
      <c r="CF857" s="166">
        <v>0</v>
      </c>
      <c r="CG857" s="166">
        <v>0</v>
      </c>
      <c r="CH857" s="166">
        <v>0</v>
      </c>
      <c r="CI857" s="166">
        <v>0</v>
      </c>
      <c r="CJ857" s="166">
        <v>0</v>
      </c>
      <c r="CK857" s="166">
        <v>0</v>
      </c>
      <c r="CL857" s="166">
        <v>0</v>
      </c>
      <c r="CM857" s="166">
        <v>0</v>
      </c>
      <c r="CN857" s="166">
        <v>0</v>
      </c>
      <c r="CO857" s="166">
        <v>0</v>
      </c>
      <c r="CP857" s="166">
        <v>0</v>
      </c>
      <c r="CQ857" s="166">
        <v>0</v>
      </c>
      <c r="CR857" s="166">
        <v>0</v>
      </c>
      <c r="CS857" s="166">
        <v>0</v>
      </c>
      <c r="CT857" s="166">
        <v>0</v>
      </c>
      <c r="CU857" s="166">
        <v>0</v>
      </c>
      <c r="CV857" s="166">
        <v>0</v>
      </c>
      <c r="CW857" s="166">
        <v>0</v>
      </c>
      <c r="CX857" s="166">
        <v>0</v>
      </c>
      <c r="CY857" s="166">
        <v>52332208.119999997</v>
      </c>
      <c r="CZ857" s="166">
        <v>52332208.119999997</v>
      </c>
    </row>
    <row r="858" spans="1:104" x14ac:dyDescent="0.2">
      <c r="A858" s="167" t="s">
        <v>704</v>
      </c>
      <c r="B858" s="166">
        <v>0</v>
      </c>
      <c r="C858" s="166">
        <v>0</v>
      </c>
      <c r="D858" s="166">
        <v>0</v>
      </c>
      <c r="E858" s="166">
        <v>0</v>
      </c>
      <c r="F858" s="166">
        <v>0</v>
      </c>
      <c r="G858" s="166">
        <v>0</v>
      </c>
      <c r="H858" s="166">
        <v>0</v>
      </c>
      <c r="I858" s="166">
        <v>0</v>
      </c>
      <c r="J858" s="166">
        <v>0</v>
      </c>
      <c r="K858" s="166">
        <v>0</v>
      </c>
      <c r="L858" s="166">
        <v>0</v>
      </c>
      <c r="M858" s="166">
        <v>0</v>
      </c>
      <c r="N858" s="166">
        <v>0</v>
      </c>
      <c r="O858" s="166">
        <v>0</v>
      </c>
      <c r="P858" s="166">
        <v>0</v>
      </c>
      <c r="Q858" s="166">
        <v>0</v>
      </c>
      <c r="R858" s="166">
        <v>0</v>
      </c>
      <c r="S858" s="166">
        <v>0</v>
      </c>
      <c r="T858" s="166">
        <v>0</v>
      </c>
      <c r="U858" s="166">
        <v>0</v>
      </c>
      <c r="V858" s="166">
        <v>0</v>
      </c>
      <c r="W858" s="166">
        <v>0</v>
      </c>
      <c r="X858" s="166">
        <v>0</v>
      </c>
      <c r="Y858" s="166">
        <v>0</v>
      </c>
      <c r="Z858" s="166">
        <v>0</v>
      </c>
      <c r="AA858" s="166">
        <v>0</v>
      </c>
      <c r="AB858" s="166">
        <v>0</v>
      </c>
      <c r="AC858" s="166">
        <v>0</v>
      </c>
      <c r="AD858" s="166">
        <v>0</v>
      </c>
      <c r="AE858" s="166">
        <v>0</v>
      </c>
      <c r="AF858" s="166">
        <v>0</v>
      </c>
      <c r="AG858" s="166">
        <v>0</v>
      </c>
      <c r="AH858" s="166">
        <v>0</v>
      </c>
      <c r="AI858" s="166">
        <v>0</v>
      </c>
      <c r="AJ858" s="166">
        <v>0</v>
      </c>
      <c r="AK858" s="166">
        <v>0</v>
      </c>
      <c r="AL858" s="166">
        <v>0</v>
      </c>
      <c r="AM858" s="166">
        <v>0</v>
      </c>
      <c r="AN858" s="166">
        <v>0</v>
      </c>
      <c r="AO858" s="166">
        <v>0</v>
      </c>
      <c r="AP858" s="166">
        <v>0</v>
      </c>
      <c r="AQ858" s="166">
        <v>0</v>
      </c>
      <c r="AR858" s="166">
        <v>0</v>
      </c>
      <c r="AS858" s="166">
        <v>0</v>
      </c>
      <c r="AT858" s="166">
        <v>0</v>
      </c>
      <c r="AU858" s="166">
        <v>0</v>
      </c>
      <c r="AV858" s="166">
        <v>0</v>
      </c>
      <c r="AW858" s="166">
        <v>0</v>
      </c>
      <c r="AX858" s="166">
        <v>0</v>
      </c>
      <c r="AY858" s="166">
        <v>0</v>
      </c>
      <c r="AZ858" s="166">
        <v>0</v>
      </c>
      <c r="BA858" s="166">
        <v>0</v>
      </c>
      <c r="BB858" s="166">
        <v>0</v>
      </c>
      <c r="BC858" s="166">
        <v>0</v>
      </c>
      <c r="BD858" s="166">
        <v>0</v>
      </c>
      <c r="BE858" s="166">
        <v>0</v>
      </c>
      <c r="BF858" s="166">
        <v>0</v>
      </c>
      <c r="BG858" s="166">
        <v>0</v>
      </c>
      <c r="BH858" s="166">
        <v>0</v>
      </c>
      <c r="BI858" s="166">
        <v>0</v>
      </c>
      <c r="BJ858" s="166">
        <v>0</v>
      </c>
      <c r="BK858" s="166">
        <v>0</v>
      </c>
      <c r="BL858" s="166">
        <v>0</v>
      </c>
      <c r="BM858" s="166">
        <v>0</v>
      </c>
      <c r="BN858" s="166">
        <v>0</v>
      </c>
      <c r="BO858" s="166">
        <v>0</v>
      </c>
      <c r="BP858" s="166">
        <v>0</v>
      </c>
      <c r="BQ858" s="166">
        <v>0</v>
      </c>
      <c r="BR858" s="166">
        <v>0</v>
      </c>
      <c r="BS858" s="166">
        <v>0</v>
      </c>
      <c r="BT858" s="166">
        <v>1000</v>
      </c>
      <c r="BU858" s="166">
        <v>0</v>
      </c>
      <c r="BV858" s="166">
        <v>0</v>
      </c>
      <c r="BW858" s="166">
        <v>0</v>
      </c>
      <c r="BX858" s="166">
        <v>0</v>
      </c>
      <c r="BY858" s="166">
        <v>0</v>
      </c>
      <c r="BZ858" s="166">
        <v>0</v>
      </c>
      <c r="CA858" s="166">
        <v>0</v>
      </c>
      <c r="CB858" s="166">
        <v>0</v>
      </c>
      <c r="CC858" s="166">
        <v>0</v>
      </c>
      <c r="CD858" s="166">
        <v>0</v>
      </c>
      <c r="CE858" s="166">
        <v>0</v>
      </c>
      <c r="CF858" s="166">
        <v>0</v>
      </c>
      <c r="CG858" s="166">
        <v>0</v>
      </c>
      <c r="CH858" s="166">
        <v>0</v>
      </c>
      <c r="CI858" s="166">
        <v>0</v>
      </c>
      <c r="CJ858" s="166">
        <v>0</v>
      </c>
      <c r="CK858" s="166">
        <v>0</v>
      </c>
      <c r="CL858" s="166">
        <v>0</v>
      </c>
      <c r="CM858" s="166">
        <v>0</v>
      </c>
      <c r="CN858" s="166">
        <v>0</v>
      </c>
      <c r="CO858" s="166">
        <v>0</v>
      </c>
      <c r="CP858" s="166">
        <v>0</v>
      </c>
      <c r="CQ858" s="166">
        <v>0</v>
      </c>
      <c r="CR858" s="166">
        <v>0</v>
      </c>
      <c r="CS858" s="166">
        <v>0</v>
      </c>
      <c r="CT858" s="166">
        <v>0</v>
      </c>
      <c r="CU858" s="166">
        <v>0</v>
      </c>
      <c r="CV858" s="166">
        <v>0</v>
      </c>
      <c r="CW858" s="166">
        <v>0</v>
      </c>
      <c r="CX858" s="166">
        <v>0</v>
      </c>
      <c r="CY858" s="166">
        <v>0</v>
      </c>
      <c r="CZ858" s="166">
        <v>0</v>
      </c>
    </row>
    <row r="859" spans="1:104" x14ac:dyDescent="0.2">
      <c r="A859" s="167" t="s">
        <v>389</v>
      </c>
      <c r="B859" s="166">
        <v>52332208.119999997</v>
      </c>
      <c r="C859" s="166">
        <v>52332208.119999997</v>
      </c>
      <c r="D859" s="166">
        <v>0</v>
      </c>
      <c r="E859" s="166">
        <v>0</v>
      </c>
      <c r="F859" s="166">
        <v>0</v>
      </c>
      <c r="G859" s="166">
        <v>0</v>
      </c>
      <c r="H859" s="166">
        <v>0</v>
      </c>
      <c r="I859" s="166">
        <v>0</v>
      </c>
      <c r="J859" s="166">
        <v>0</v>
      </c>
      <c r="K859" s="166">
        <v>0</v>
      </c>
      <c r="L859" s="166">
        <v>0</v>
      </c>
      <c r="M859" s="166">
        <v>0</v>
      </c>
      <c r="N859" s="166">
        <v>0</v>
      </c>
      <c r="O859" s="166">
        <v>0</v>
      </c>
      <c r="P859" s="166">
        <v>0</v>
      </c>
      <c r="Q859" s="166">
        <v>0</v>
      </c>
      <c r="R859" s="166">
        <v>0</v>
      </c>
      <c r="S859" s="166">
        <v>0</v>
      </c>
      <c r="T859" s="166">
        <v>0</v>
      </c>
      <c r="U859" s="166">
        <v>0</v>
      </c>
      <c r="V859" s="166">
        <v>0</v>
      </c>
      <c r="W859" s="166">
        <v>0</v>
      </c>
      <c r="X859" s="166">
        <v>0</v>
      </c>
      <c r="Y859" s="166">
        <v>0</v>
      </c>
      <c r="Z859" s="166">
        <v>0</v>
      </c>
      <c r="AA859" s="166">
        <v>0</v>
      </c>
      <c r="AB859" s="166">
        <v>0</v>
      </c>
      <c r="AC859" s="166">
        <v>0</v>
      </c>
      <c r="AD859" s="166">
        <v>0</v>
      </c>
      <c r="AE859" s="166">
        <v>0</v>
      </c>
      <c r="AF859" s="166">
        <v>0</v>
      </c>
      <c r="AG859" s="166">
        <v>0</v>
      </c>
      <c r="AH859" s="166">
        <v>0</v>
      </c>
      <c r="AI859" s="166">
        <v>0</v>
      </c>
      <c r="AJ859" s="166">
        <v>0</v>
      </c>
      <c r="AK859" s="166">
        <v>0</v>
      </c>
      <c r="AL859" s="166">
        <v>0</v>
      </c>
      <c r="AM859" s="166">
        <v>0</v>
      </c>
      <c r="AN859" s="166">
        <v>0</v>
      </c>
      <c r="AO859" s="166">
        <v>0</v>
      </c>
      <c r="AP859" s="166">
        <v>0</v>
      </c>
      <c r="AQ859" s="166">
        <v>0</v>
      </c>
      <c r="AR859" s="166">
        <v>0</v>
      </c>
      <c r="AS859" s="166">
        <v>0</v>
      </c>
      <c r="AT859" s="166">
        <v>0</v>
      </c>
      <c r="AU859" s="166">
        <v>0</v>
      </c>
      <c r="AV859" s="166">
        <v>0</v>
      </c>
      <c r="AW859" s="166">
        <v>0</v>
      </c>
      <c r="AX859" s="166">
        <v>0</v>
      </c>
      <c r="AY859" s="166">
        <v>0</v>
      </c>
      <c r="AZ859" s="166">
        <v>0</v>
      </c>
      <c r="BA859" s="166">
        <v>0</v>
      </c>
      <c r="BB859" s="166">
        <v>0</v>
      </c>
      <c r="BC859" s="166">
        <v>0</v>
      </c>
      <c r="BD859" s="166">
        <v>0</v>
      </c>
      <c r="BE859" s="166">
        <v>0</v>
      </c>
      <c r="BF859" s="166">
        <v>0</v>
      </c>
      <c r="BG859" s="166">
        <v>0</v>
      </c>
      <c r="BH859" s="166">
        <v>0</v>
      </c>
      <c r="BI859" s="166">
        <v>0</v>
      </c>
      <c r="BJ859" s="166">
        <v>0</v>
      </c>
      <c r="BK859" s="166">
        <v>0</v>
      </c>
      <c r="BL859" s="166">
        <v>0</v>
      </c>
      <c r="BM859" s="166">
        <v>0</v>
      </c>
      <c r="BN859" s="166">
        <v>0</v>
      </c>
      <c r="BO859" s="166">
        <v>0</v>
      </c>
      <c r="BP859" s="166">
        <v>0</v>
      </c>
      <c r="BQ859" s="166">
        <v>0</v>
      </c>
      <c r="BR859" s="166">
        <v>52332208.119999997</v>
      </c>
      <c r="BS859" s="166">
        <v>52332208.119999997</v>
      </c>
      <c r="BT859" s="168">
        <v>1</v>
      </c>
      <c r="BU859" s="166">
        <v>4645598.05</v>
      </c>
      <c r="BV859" s="166">
        <v>52332208.119999997</v>
      </c>
      <c r="BW859" s="166">
        <v>0</v>
      </c>
      <c r="BX859" s="166">
        <v>0</v>
      </c>
      <c r="BY859" s="166">
        <v>0</v>
      </c>
      <c r="BZ859" s="166">
        <v>0</v>
      </c>
      <c r="CA859" s="166">
        <v>0</v>
      </c>
      <c r="CB859" s="166">
        <v>0</v>
      </c>
      <c r="CC859" s="166">
        <v>0</v>
      </c>
      <c r="CD859" s="166">
        <v>0</v>
      </c>
      <c r="CE859" s="166">
        <v>0</v>
      </c>
      <c r="CF859" s="166">
        <v>0</v>
      </c>
      <c r="CG859" s="166">
        <v>0</v>
      </c>
      <c r="CH859" s="166">
        <v>0</v>
      </c>
      <c r="CI859" s="166">
        <v>0</v>
      </c>
      <c r="CJ859" s="166">
        <v>0</v>
      </c>
      <c r="CK859" s="166">
        <v>0</v>
      </c>
      <c r="CL859" s="166">
        <v>0</v>
      </c>
      <c r="CM859" s="166">
        <v>0</v>
      </c>
      <c r="CN859" s="166">
        <v>0</v>
      </c>
      <c r="CO859" s="166">
        <v>0</v>
      </c>
      <c r="CP859" s="166">
        <v>0</v>
      </c>
      <c r="CQ859" s="166">
        <v>0</v>
      </c>
      <c r="CR859" s="166">
        <v>0</v>
      </c>
      <c r="CS859" s="166">
        <v>0</v>
      </c>
      <c r="CT859" s="166">
        <v>0</v>
      </c>
      <c r="CU859" s="166">
        <v>0</v>
      </c>
      <c r="CV859" s="166">
        <v>0</v>
      </c>
      <c r="CW859" s="166">
        <v>0</v>
      </c>
      <c r="CX859" s="166">
        <v>0</v>
      </c>
      <c r="CY859" s="166">
        <v>52332208.119999997</v>
      </c>
      <c r="CZ859" s="166">
        <v>52332208.119999997</v>
      </c>
    </row>
    <row r="860" spans="1:104" x14ac:dyDescent="0.2">
      <c r="A860" s="167" t="s">
        <v>390</v>
      </c>
    </row>
    <row r="861" spans="1:104" x14ac:dyDescent="0.2">
      <c r="A861" s="167" t="s">
        <v>1169</v>
      </c>
      <c r="B861" s="166">
        <v>31846718.969999999</v>
      </c>
      <c r="C861" s="166">
        <v>31846718.969999999</v>
      </c>
      <c r="D861" s="166">
        <v>0</v>
      </c>
      <c r="E861" s="166">
        <v>0</v>
      </c>
      <c r="F861" s="166">
        <v>0</v>
      </c>
      <c r="G861" s="166">
        <v>0</v>
      </c>
      <c r="H861" s="166">
        <v>0</v>
      </c>
      <c r="I861" s="166">
        <v>0</v>
      </c>
      <c r="J861" s="166">
        <v>0</v>
      </c>
      <c r="K861" s="166">
        <v>0</v>
      </c>
      <c r="L861" s="166">
        <v>0</v>
      </c>
      <c r="M861" s="166">
        <v>0</v>
      </c>
      <c r="N861" s="166">
        <v>0</v>
      </c>
      <c r="O861" s="166">
        <v>0</v>
      </c>
      <c r="P861" s="166">
        <v>0</v>
      </c>
      <c r="Q861" s="166">
        <v>0</v>
      </c>
      <c r="R861" s="166">
        <v>0</v>
      </c>
      <c r="S861" s="166">
        <v>0</v>
      </c>
      <c r="T861" s="166">
        <v>0</v>
      </c>
      <c r="U861" s="166">
        <v>0</v>
      </c>
      <c r="V861" s="166">
        <v>0</v>
      </c>
      <c r="W861" s="166">
        <v>0</v>
      </c>
      <c r="X861" s="166">
        <v>0</v>
      </c>
      <c r="Y861" s="166">
        <v>0</v>
      </c>
      <c r="Z861" s="166">
        <v>0</v>
      </c>
      <c r="AA861" s="166">
        <v>0</v>
      </c>
      <c r="AB861" s="166">
        <v>0</v>
      </c>
      <c r="AC861" s="166">
        <v>0</v>
      </c>
      <c r="AD861" s="166">
        <v>0</v>
      </c>
      <c r="AE861" s="166">
        <v>0</v>
      </c>
      <c r="AF861" s="166">
        <v>0</v>
      </c>
      <c r="AG861" s="166">
        <v>0</v>
      </c>
      <c r="AH861" s="166">
        <v>0</v>
      </c>
      <c r="AI861" s="166">
        <v>0</v>
      </c>
      <c r="AJ861" s="166">
        <v>0</v>
      </c>
      <c r="AK861" s="166">
        <v>0</v>
      </c>
      <c r="AL861" s="166">
        <v>0</v>
      </c>
      <c r="AM861" s="166">
        <v>0</v>
      </c>
      <c r="AN861" s="166">
        <v>0</v>
      </c>
      <c r="AO861" s="166">
        <v>0</v>
      </c>
      <c r="AP861" s="166">
        <v>0</v>
      </c>
      <c r="AQ861" s="166">
        <v>0</v>
      </c>
      <c r="AR861" s="166">
        <v>0</v>
      </c>
      <c r="AS861" s="166">
        <v>0</v>
      </c>
      <c r="AT861" s="166">
        <v>0</v>
      </c>
      <c r="AU861" s="166">
        <v>0</v>
      </c>
      <c r="AV861" s="166">
        <v>0</v>
      </c>
      <c r="AW861" s="166">
        <v>0</v>
      </c>
      <c r="AX861" s="166">
        <v>0</v>
      </c>
      <c r="AY861" s="166">
        <v>0</v>
      </c>
      <c r="AZ861" s="166">
        <v>0</v>
      </c>
      <c r="BA861" s="166">
        <v>0</v>
      </c>
      <c r="BB861" s="166">
        <v>0</v>
      </c>
      <c r="BC861" s="166">
        <v>0</v>
      </c>
      <c r="BD861" s="166">
        <v>0</v>
      </c>
      <c r="BE861" s="166">
        <v>0</v>
      </c>
      <c r="BF861" s="166">
        <v>0</v>
      </c>
      <c r="BG861" s="166">
        <v>0</v>
      </c>
      <c r="BH861" s="166">
        <v>0</v>
      </c>
      <c r="BI861" s="166">
        <v>0</v>
      </c>
      <c r="BJ861" s="166">
        <v>0</v>
      </c>
      <c r="BK861" s="166">
        <v>0</v>
      </c>
      <c r="BL861" s="166">
        <v>0</v>
      </c>
      <c r="BM861" s="166">
        <v>0</v>
      </c>
      <c r="BN861" s="166">
        <v>0</v>
      </c>
      <c r="BO861" s="166">
        <v>0</v>
      </c>
      <c r="BP861" s="166">
        <v>0</v>
      </c>
      <c r="BQ861" s="166">
        <v>0</v>
      </c>
      <c r="BR861" s="166">
        <v>31846718.969999999</v>
      </c>
      <c r="BS861" s="166">
        <v>31846718.969999999</v>
      </c>
      <c r="BT861" s="168">
        <v>1</v>
      </c>
      <c r="BU861" s="166">
        <v>2449431.02</v>
      </c>
      <c r="BV861" s="166">
        <v>31846718.969999999</v>
      </c>
      <c r="BW861" s="166">
        <v>0</v>
      </c>
      <c r="BX861" s="166">
        <v>0</v>
      </c>
      <c r="BY861" s="166">
        <v>0</v>
      </c>
      <c r="BZ861" s="166">
        <v>0</v>
      </c>
      <c r="CA861" s="166">
        <v>0</v>
      </c>
      <c r="CB861" s="166">
        <v>0</v>
      </c>
      <c r="CC861" s="166">
        <v>0</v>
      </c>
      <c r="CD861" s="166">
        <v>0</v>
      </c>
      <c r="CE861" s="166">
        <v>0</v>
      </c>
      <c r="CF861" s="166">
        <v>0</v>
      </c>
      <c r="CG861" s="166">
        <v>0</v>
      </c>
      <c r="CH861" s="166">
        <v>0</v>
      </c>
      <c r="CI861" s="166">
        <v>0</v>
      </c>
      <c r="CJ861" s="166">
        <v>0</v>
      </c>
      <c r="CK861" s="166">
        <v>0</v>
      </c>
      <c r="CL861" s="166">
        <v>0</v>
      </c>
      <c r="CM861" s="166">
        <v>0</v>
      </c>
      <c r="CN861" s="166">
        <v>0</v>
      </c>
      <c r="CO861" s="166">
        <v>0</v>
      </c>
      <c r="CP861" s="166">
        <v>0</v>
      </c>
      <c r="CQ861" s="166">
        <v>0</v>
      </c>
      <c r="CR861" s="166">
        <v>0</v>
      </c>
      <c r="CS861" s="166">
        <v>0</v>
      </c>
      <c r="CT861" s="166">
        <v>0</v>
      </c>
      <c r="CU861" s="166">
        <v>0</v>
      </c>
      <c r="CV861" s="166">
        <v>0</v>
      </c>
      <c r="CW861" s="166">
        <v>0</v>
      </c>
      <c r="CX861" s="166">
        <v>0</v>
      </c>
      <c r="CY861" s="166">
        <v>31846718.969999999</v>
      </c>
      <c r="CZ861" s="166">
        <v>31846718.969999999</v>
      </c>
    </row>
    <row r="862" spans="1:104" x14ac:dyDescent="0.2">
      <c r="A862" s="167" t="s">
        <v>392</v>
      </c>
    </row>
    <row r="863" spans="1:104" x14ac:dyDescent="0.2">
      <c r="A863" s="167" t="s">
        <v>393</v>
      </c>
      <c r="B863" s="166">
        <v>0</v>
      </c>
      <c r="C863" s="166">
        <v>0</v>
      </c>
      <c r="D863" s="166">
        <v>0</v>
      </c>
      <c r="E863" s="166">
        <v>0</v>
      </c>
      <c r="F863" s="166">
        <v>0</v>
      </c>
      <c r="G863" s="166">
        <v>0</v>
      </c>
      <c r="H863" s="166">
        <v>0</v>
      </c>
      <c r="I863" s="166">
        <v>0</v>
      </c>
      <c r="J863" s="166">
        <v>0</v>
      </c>
      <c r="K863" s="166">
        <v>0</v>
      </c>
      <c r="L863" s="166">
        <v>0</v>
      </c>
      <c r="M863" s="166">
        <v>0</v>
      </c>
      <c r="N863" s="166">
        <v>0</v>
      </c>
      <c r="O863" s="166">
        <v>0</v>
      </c>
      <c r="P863" s="166">
        <v>0</v>
      </c>
      <c r="Q863" s="166">
        <v>0</v>
      </c>
      <c r="R863" s="166">
        <v>0</v>
      </c>
      <c r="S863" s="166">
        <v>0</v>
      </c>
      <c r="T863" s="166">
        <v>0</v>
      </c>
      <c r="U863" s="166">
        <v>0</v>
      </c>
      <c r="V863" s="166">
        <v>0</v>
      </c>
      <c r="W863" s="166">
        <v>0</v>
      </c>
      <c r="X863" s="166">
        <v>0</v>
      </c>
      <c r="Y863" s="166">
        <v>0</v>
      </c>
      <c r="Z863" s="166">
        <v>0</v>
      </c>
      <c r="AA863" s="166">
        <v>0</v>
      </c>
      <c r="AB863" s="166">
        <v>0</v>
      </c>
      <c r="AC863" s="166">
        <v>0</v>
      </c>
      <c r="AD863" s="166">
        <v>0</v>
      </c>
      <c r="AE863" s="166">
        <v>0</v>
      </c>
      <c r="AF863" s="166">
        <v>0</v>
      </c>
      <c r="AG863" s="166">
        <v>0</v>
      </c>
      <c r="AH863" s="166">
        <v>0</v>
      </c>
      <c r="AI863" s="166">
        <v>0</v>
      </c>
      <c r="AJ863" s="166">
        <v>0</v>
      </c>
      <c r="AK863" s="166">
        <v>0</v>
      </c>
      <c r="AL863" s="166">
        <v>0</v>
      </c>
      <c r="AM863" s="166">
        <v>0</v>
      </c>
      <c r="AN863" s="166">
        <v>0</v>
      </c>
      <c r="AO863" s="166">
        <v>0</v>
      </c>
      <c r="AP863" s="166">
        <v>0</v>
      </c>
      <c r="AQ863" s="166">
        <v>0</v>
      </c>
      <c r="AR863" s="166">
        <v>0</v>
      </c>
      <c r="AS863" s="166">
        <v>0</v>
      </c>
      <c r="AT863" s="166">
        <v>0</v>
      </c>
      <c r="AU863" s="166">
        <v>0</v>
      </c>
      <c r="AV863" s="166">
        <v>0</v>
      </c>
      <c r="AW863" s="166">
        <v>0</v>
      </c>
      <c r="AX863" s="166">
        <v>0</v>
      </c>
      <c r="AY863" s="166">
        <v>0</v>
      </c>
      <c r="AZ863" s="166">
        <v>0</v>
      </c>
      <c r="BA863" s="166">
        <v>0</v>
      </c>
      <c r="BB863" s="166">
        <v>0</v>
      </c>
      <c r="BC863" s="166">
        <v>0</v>
      </c>
      <c r="BD863" s="166">
        <v>0</v>
      </c>
      <c r="BE863" s="166">
        <v>0</v>
      </c>
      <c r="BF863" s="166">
        <v>0</v>
      </c>
      <c r="BG863" s="166">
        <v>0</v>
      </c>
      <c r="BH863" s="166">
        <v>0</v>
      </c>
      <c r="BI863" s="166">
        <v>0</v>
      </c>
      <c r="BJ863" s="166">
        <v>0</v>
      </c>
      <c r="BK863" s="166">
        <v>0</v>
      </c>
      <c r="BL863" s="166">
        <v>0</v>
      </c>
      <c r="BM863" s="166">
        <v>0</v>
      </c>
      <c r="BN863" s="166">
        <v>0</v>
      </c>
      <c r="BO863" s="166">
        <v>0</v>
      </c>
      <c r="BP863" s="166">
        <v>0</v>
      </c>
      <c r="BQ863" s="166">
        <v>0</v>
      </c>
      <c r="BR863" s="166">
        <v>0</v>
      </c>
      <c r="BS863" s="166">
        <v>0</v>
      </c>
      <c r="BT863" s="168">
        <v>0.99981757645615099</v>
      </c>
      <c r="BU863" s="166">
        <v>0</v>
      </c>
      <c r="BV863" s="166">
        <v>0</v>
      </c>
      <c r="BW863" s="166">
        <v>0</v>
      </c>
      <c r="BX863" s="166">
        <v>0</v>
      </c>
      <c r="BY863" s="166">
        <v>0</v>
      </c>
      <c r="BZ863" s="166">
        <v>0</v>
      </c>
      <c r="CA863" s="166">
        <v>0</v>
      </c>
      <c r="CB863" s="166">
        <v>0</v>
      </c>
      <c r="CC863" s="166">
        <v>0</v>
      </c>
      <c r="CD863" s="166">
        <v>0</v>
      </c>
      <c r="CE863" s="166">
        <v>0</v>
      </c>
      <c r="CF863" s="166">
        <v>0</v>
      </c>
      <c r="CG863" s="166">
        <v>0</v>
      </c>
      <c r="CH863" s="166">
        <v>0</v>
      </c>
      <c r="CI863" s="166">
        <v>0</v>
      </c>
      <c r="CJ863" s="166">
        <v>0</v>
      </c>
      <c r="CK863" s="166">
        <v>0</v>
      </c>
      <c r="CL863" s="166">
        <v>0</v>
      </c>
      <c r="CM863" s="166">
        <v>0</v>
      </c>
      <c r="CN863" s="166">
        <v>0</v>
      </c>
      <c r="CO863" s="166">
        <v>0</v>
      </c>
      <c r="CP863" s="166">
        <v>0</v>
      </c>
      <c r="CQ863" s="166">
        <v>0</v>
      </c>
      <c r="CR863" s="166">
        <v>0</v>
      </c>
      <c r="CS863" s="166">
        <v>0</v>
      </c>
      <c r="CT863" s="166">
        <v>0</v>
      </c>
      <c r="CU863" s="166">
        <v>0</v>
      </c>
      <c r="CV863" s="166">
        <v>0</v>
      </c>
      <c r="CW863" s="166">
        <v>0</v>
      </c>
      <c r="CX863" s="166">
        <v>0</v>
      </c>
      <c r="CY863" s="166">
        <v>0</v>
      </c>
      <c r="CZ863" s="166">
        <v>0</v>
      </c>
    </row>
    <row r="864" spans="1:104" x14ac:dyDescent="0.2">
      <c r="A864" s="170" t="s">
        <v>394</v>
      </c>
      <c r="B864" s="166">
        <v>85082124.469999999</v>
      </c>
      <c r="C864" s="166">
        <v>85082124.469999999</v>
      </c>
      <c r="D864" s="166">
        <v>0</v>
      </c>
      <c r="E864" s="166">
        <v>0</v>
      </c>
      <c r="F864" s="166">
        <v>0</v>
      </c>
      <c r="G864" s="166">
        <v>0</v>
      </c>
      <c r="H864" s="166">
        <v>0</v>
      </c>
      <c r="I864" s="166">
        <v>0</v>
      </c>
      <c r="J864" s="166">
        <v>0</v>
      </c>
      <c r="K864" s="166">
        <v>0</v>
      </c>
      <c r="L864" s="166">
        <v>0</v>
      </c>
      <c r="M864" s="166">
        <v>0</v>
      </c>
      <c r="N864" s="166">
        <v>0</v>
      </c>
      <c r="O864" s="166">
        <v>0</v>
      </c>
      <c r="P864" s="166">
        <v>0</v>
      </c>
      <c r="Q864" s="166">
        <v>0</v>
      </c>
      <c r="R864" s="166">
        <v>0</v>
      </c>
      <c r="S864" s="166">
        <v>0</v>
      </c>
      <c r="T864" s="166">
        <v>0</v>
      </c>
      <c r="U864" s="166">
        <v>0</v>
      </c>
      <c r="V864" s="166">
        <v>0</v>
      </c>
      <c r="W864" s="166">
        <v>0</v>
      </c>
      <c r="X864" s="166">
        <v>0</v>
      </c>
      <c r="Y864" s="166">
        <v>0</v>
      </c>
      <c r="Z864" s="166">
        <v>0</v>
      </c>
      <c r="AA864" s="166">
        <v>0</v>
      </c>
      <c r="AB864" s="166">
        <v>0</v>
      </c>
      <c r="AC864" s="166">
        <v>0</v>
      </c>
      <c r="AD864" s="166">
        <v>0</v>
      </c>
      <c r="AE864" s="166">
        <v>0</v>
      </c>
      <c r="AF864" s="166">
        <v>0</v>
      </c>
      <c r="AG864" s="166">
        <v>0</v>
      </c>
      <c r="AH864" s="166">
        <v>0</v>
      </c>
      <c r="AI864" s="166">
        <v>0</v>
      </c>
      <c r="AJ864" s="166">
        <v>0</v>
      </c>
      <c r="AK864" s="166">
        <v>0</v>
      </c>
      <c r="AL864" s="166">
        <v>0</v>
      </c>
      <c r="AM864" s="166">
        <v>0</v>
      </c>
      <c r="AN864" s="166">
        <v>0</v>
      </c>
      <c r="AO864" s="166">
        <v>0</v>
      </c>
      <c r="AP864" s="166">
        <v>0</v>
      </c>
      <c r="AQ864" s="166">
        <v>0</v>
      </c>
      <c r="AR864" s="166">
        <v>0</v>
      </c>
      <c r="AS864" s="166">
        <v>0</v>
      </c>
      <c r="AT864" s="166">
        <v>0</v>
      </c>
      <c r="AU864" s="166">
        <v>0</v>
      </c>
      <c r="AV864" s="166">
        <v>0</v>
      </c>
      <c r="AW864" s="166">
        <v>0</v>
      </c>
      <c r="AX864" s="166">
        <v>0</v>
      </c>
      <c r="AY864" s="166">
        <v>0</v>
      </c>
      <c r="AZ864" s="166">
        <v>0</v>
      </c>
      <c r="BA864" s="166">
        <v>0</v>
      </c>
      <c r="BB864" s="166">
        <v>0</v>
      </c>
      <c r="BC864" s="166">
        <v>0</v>
      </c>
      <c r="BD864" s="166">
        <v>0</v>
      </c>
      <c r="BE864" s="166">
        <v>0</v>
      </c>
      <c r="BF864" s="166">
        <v>0</v>
      </c>
      <c r="BG864" s="166">
        <v>0</v>
      </c>
      <c r="BH864" s="166">
        <v>0</v>
      </c>
      <c r="BI864" s="166">
        <v>0</v>
      </c>
      <c r="BJ864" s="166">
        <v>0</v>
      </c>
      <c r="BK864" s="166">
        <v>0</v>
      </c>
      <c r="BL864" s="166">
        <v>0</v>
      </c>
      <c r="BM864" s="166">
        <v>0</v>
      </c>
      <c r="BN864" s="166">
        <v>0</v>
      </c>
      <c r="BO864" s="166">
        <v>0</v>
      </c>
      <c r="BP864" s="166">
        <v>0</v>
      </c>
      <c r="BQ864" s="166">
        <v>0</v>
      </c>
      <c r="BR864" s="166">
        <v>85082124.469999999</v>
      </c>
      <c r="BS864" s="166">
        <v>85082124.469999999</v>
      </c>
      <c r="BT864" s="168">
        <v>0</v>
      </c>
      <c r="BU864" s="166">
        <v>7168061.2914648503</v>
      </c>
      <c r="BV864" s="166">
        <v>85072081.512256101</v>
      </c>
      <c r="BW864" s="166">
        <v>0</v>
      </c>
      <c r="BX864" s="166">
        <v>0</v>
      </c>
      <c r="BY864" s="166">
        <v>0</v>
      </c>
      <c r="BZ864" s="166">
        <v>0</v>
      </c>
      <c r="CA864" s="166">
        <v>0</v>
      </c>
      <c r="CB864" s="166">
        <v>0</v>
      </c>
      <c r="CC864" s="166">
        <v>0</v>
      </c>
      <c r="CD864" s="166">
        <v>0</v>
      </c>
      <c r="CE864" s="166">
        <v>0</v>
      </c>
      <c r="CF864" s="166">
        <v>0</v>
      </c>
      <c r="CG864" s="166">
        <v>0</v>
      </c>
      <c r="CH864" s="166">
        <v>0</v>
      </c>
      <c r="CI864" s="166">
        <v>0</v>
      </c>
      <c r="CJ864" s="166">
        <v>0</v>
      </c>
      <c r="CK864" s="166">
        <v>0</v>
      </c>
      <c r="CL864" s="166">
        <v>0</v>
      </c>
      <c r="CM864" s="166">
        <v>0</v>
      </c>
      <c r="CN864" s="166">
        <v>0</v>
      </c>
      <c r="CO864" s="166">
        <v>0</v>
      </c>
      <c r="CP864" s="166">
        <v>0</v>
      </c>
      <c r="CQ864" s="166">
        <v>0</v>
      </c>
      <c r="CR864" s="166">
        <v>0</v>
      </c>
      <c r="CS864" s="166">
        <v>0</v>
      </c>
      <c r="CT864" s="166">
        <v>0</v>
      </c>
      <c r="CU864" s="166">
        <v>0</v>
      </c>
      <c r="CV864" s="166">
        <v>0</v>
      </c>
      <c r="CW864" s="166">
        <v>0</v>
      </c>
      <c r="CX864" s="166">
        <v>0</v>
      </c>
      <c r="CY864" s="166">
        <v>85072081.512256101</v>
      </c>
      <c r="CZ864" s="166">
        <v>85072081.512256101</v>
      </c>
    </row>
    <row r="865" spans="1:104" x14ac:dyDescent="0.2">
      <c r="A865" s="167" t="s">
        <v>395</v>
      </c>
    </row>
    <row r="866" spans="1:104" x14ac:dyDescent="0.2">
      <c r="A866" s="170" t="s">
        <v>396</v>
      </c>
    </row>
    <row r="867" spans="1:104" x14ac:dyDescent="0.2">
      <c r="A867" s="167" t="s">
        <v>397</v>
      </c>
      <c r="B867" s="166">
        <v>0</v>
      </c>
      <c r="C867" s="166">
        <v>0</v>
      </c>
      <c r="D867" s="166">
        <v>0</v>
      </c>
      <c r="E867" s="166">
        <v>0</v>
      </c>
      <c r="F867" s="166">
        <v>0</v>
      </c>
      <c r="G867" s="166">
        <v>0</v>
      </c>
      <c r="H867" s="166">
        <v>0</v>
      </c>
      <c r="I867" s="166">
        <v>0</v>
      </c>
      <c r="J867" s="166">
        <v>0</v>
      </c>
      <c r="K867" s="166">
        <v>0</v>
      </c>
      <c r="L867" s="166">
        <v>0</v>
      </c>
      <c r="M867" s="166">
        <v>0</v>
      </c>
      <c r="N867" s="166">
        <v>0</v>
      </c>
      <c r="O867" s="166">
        <v>0</v>
      </c>
      <c r="P867" s="166">
        <v>0</v>
      </c>
      <c r="Q867" s="166">
        <v>0</v>
      </c>
      <c r="R867" s="166">
        <v>0</v>
      </c>
      <c r="S867" s="166">
        <v>0</v>
      </c>
      <c r="T867" s="166">
        <v>0</v>
      </c>
      <c r="U867" s="166">
        <v>0</v>
      </c>
      <c r="V867" s="166">
        <v>0</v>
      </c>
      <c r="W867" s="166">
        <v>0</v>
      </c>
      <c r="X867" s="166">
        <v>0</v>
      </c>
      <c r="Y867" s="166">
        <v>0</v>
      </c>
      <c r="Z867" s="166">
        <v>0</v>
      </c>
      <c r="AA867" s="166">
        <v>0</v>
      </c>
      <c r="AB867" s="166">
        <v>0</v>
      </c>
      <c r="AC867" s="166">
        <v>0</v>
      </c>
      <c r="AD867" s="166">
        <v>0</v>
      </c>
      <c r="AE867" s="166">
        <v>0</v>
      </c>
      <c r="AF867" s="166">
        <v>0</v>
      </c>
      <c r="AG867" s="166">
        <v>0</v>
      </c>
      <c r="AH867" s="166">
        <v>0</v>
      </c>
      <c r="AI867" s="166">
        <v>0</v>
      </c>
      <c r="AJ867" s="166">
        <v>0</v>
      </c>
      <c r="AK867" s="166">
        <v>0</v>
      </c>
      <c r="AL867" s="166">
        <v>0</v>
      </c>
      <c r="AM867" s="166">
        <v>0</v>
      </c>
      <c r="AN867" s="166">
        <v>0</v>
      </c>
      <c r="AO867" s="166">
        <v>0</v>
      </c>
      <c r="AP867" s="166">
        <v>0</v>
      </c>
      <c r="AQ867" s="166">
        <v>0</v>
      </c>
      <c r="AR867" s="166">
        <v>0</v>
      </c>
      <c r="AS867" s="166">
        <v>0</v>
      </c>
      <c r="AT867" s="166">
        <v>0</v>
      </c>
      <c r="AU867" s="166">
        <v>0</v>
      </c>
      <c r="AV867" s="166">
        <v>0</v>
      </c>
      <c r="AW867" s="166">
        <v>0</v>
      </c>
      <c r="AX867" s="166">
        <v>0</v>
      </c>
      <c r="AY867" s="166">
        <v>0</v>
      </c>
      <c r="AZ867" s="166">
        <v>0</v>
      </c>
      <c r="BA867" s="166">
        <v>0</v>
      </c>
      <c r="BB867" s="166">
        <v>0</v>
      </c>
      <c r="BC867" s="166">
        <v>0</v>
      </c>
      <c r="BD867" s="166">
        <v>0</v>
      </c>
      <c r="BE867" s="166">
        <v>0</v>
      </c>
      <c r="BF867" s="166">
        <v>0</v>
      </c>
      <c r="BG867" s="166">
        <v>0</v>
      </c>
      <c r="BH867" s="166">
        <v>0</v>
      </c>
      <c r="BI867" s="166">
        <v>0</v>
      </c>
      <c r="BJ867" s="166">
        <v>0</v>
      </c>
      <c r="BK867" s="166">
        <v>0</v>
      </c>
      <c r="BL867" s="166">
        <v>0</v>
      </c>
      <c r="BM867" s="166">
        <v>0</v>
      </c>
      <c r="BN867" s="166">
        <v>0</v>
      </c>
      <c r="BO867" s="166">
        <v>0</v>
      </c>
      <c r="BP867" s="166">
        <v>0</v>
      </c>
      <c r="BQ867" s="166">
        <v>0</v>
      </c>
      <c r="BR867" s="166">
        <v>0</v>
      </c>
      <c r="BS867" s="166">
        <v>0</v>
      </c>
      <c r="BT867" s="168">
        <v>1</v>
      </c>
      <c r="BU867" s="166">
        <v>0</v>
      </c>
      <c r="BV867" s="166">
        <v>0</v>
      </c>
      <c r="BW867" s="166">
        <v>0</v>
      </c>
      <c r="BX867" s="166">
        <v>0</v>
      </c>
      <c r="BY867" s="166">
        <v>0</v>
      </c>
      <c r="BZ867" s="166">
        <v>0</v>
      </c>
      <c r="CA867" s="166">
        <v>0</v>
      </c>
      <c r="CB867" s="166">
        <v>0</v>
      </c>
      <c r="CC867" s="166">
        <v>0</v>
      </c>
      <c r="CD867" s="166">
        <v>0</v>
      </c>
      <c r="CE867" s="166">
        <v>0</v>
      </c>
      <c r="CF867" s="166">
        <v>0</v>
      </c>
      <c r="CG867" s="166">
        <v>0</v>
      </c>
      <c r="CH867" s="166">
        <v>0</v>
      </c>
      <c r="CI867" s="166">
        <v>0</v>
      </c>
      <c r="CJ867" s="166">
        <v>0</v>
      </c>
      <c r="CK867" s="166">
        <v>0</v>
      </c>
      <c r="CL867" s="166">
        <v>0</v>
      </c>
      <c r="CM867" s="166">
        <v>0</v>
      </c>
      <c r="CN867" s="166">
        <v>0</v>
      </c>
      <c r="CO867" s="166">
        <v>0</v>
      </c>
      <c r="CP867" s="166">
        <v>0</v>
      </c>
      <c r="CQ867" s="166">
        <v>0</v>
      </c>
      <c r="CR867" s="166">
        <v>0</v>
      </c>
      <c r="CS867" s="166">
        <v>0</v>
      </c>
      <c r="CT867" s="166">
        <v>0</v>
      </c>
      <c r="CU867" s="166">
        <v>0</v>
      </c>
      <c r="CV867" s="166">
        <v>0</v>
      </c>
      <c r="CW867" s="166">
        <v>0</v>
      </c>
      <c r="CX867" s="166">
        <v>0</v>
      </c>
      <c r="CY867" s="166">
        <v>0</v>
      </c>
      <c r="CZ867" s="166">
        <v>0</v>
      </c>
    </row>
    <row r="868" spans="1:104" x14ac:dyDescent="0.2">
      <c r="A868" s="167" t="s">
        <v>1171</v>
      </c>
      <c r="B868" s="166">
        <v>0</v>
      </c>
      <c r="C868" s="166">
        <v>0</v>
      </c>
      <c r="D868" s="166">
        <v>0</v>
      </c>
      <c r="E868" s="166">
        <v>0</v>
      </c>
      <c r="F868" s="166">
        <v>0</v>
      </c>
      <c r="G868" s="166">
        <v>0</v>
      </c>
      <c r="H868" s="166">
        <v>0</v>
      </c>
      <c r="I868" s="166">
        <v>0</v>
      </c>
      <c r="J868" s="166">
        <v>0</v>
      </c>
      <c r="K868" s="166">
        <v>0</v>
      </c>
      <c r="L868" s="166">
        <v>0</v>
      </c>
      <c r="M868" s="166">
        <v>0</v>
      </c>
      <c r="N868" s="166">
        <v>0</v>
      </c>
      <c r="O868" s="166">
        <v>0</v>
      </c>
      <c r="P868" s="166">
        <v>0</v>
      </c>
      <c r="Q868" s="166">
        <v>0</v>
      </c>
      <c r="R868" s="166">
        <v>0</v>
      </c>
      <c r="S868" s="166">
        <v>0</v>
      </c>
      <c r="T868" s="166">
        <v>0</v>
      </c>
      <c r="U868" s="166">
        <v>0</v>
      </c>
      <c r="V868" s="166">
        <v>0</v>
      </c>
      <c r="W868" s="166">
        <v>0</v>
      </c>
      <c r="X868" s="166">
        <v>0</v>
      </c>
      <c r="Y868" s="166">
        <v>0</v>
      </c>
      <c r="Z868" s="166">
        <v>0</v>
      </c>
      <c r="AA868" s="166">
        <v>0</v>
      </c>
      <c r="AB868" s="166">
        <v>0</v>
      </c>
      <c r="AC868" s="166">
        <v>0</v>
      </c>
      <c r="AD868" s="166">
        <v>0</v>
      </c>
      <c r="AE868" s="166">
        <v>0</v>
      </c>
      <c r="AF868" s="166">
        <v>0</v>
      </c>
      <c r="AG868" s="166">
        <v>0</v>
      </c>
      <c r="AH868" s="166">
        <v>0</v>
      </c>
      <c r="AI868" s="166">
        <v>0</v>
      </c>
      <c r="AJ868" s="166">
        <v>0</v>
      </c>
      <c r="AK868" s="166">
        <v>0</v>
      </c>
      <c r="AL868" s="166">
        <v>0</v>
      </c>
      <c r="AM868" s="166">
        <v>0</v>
      </c>
      <c r="AN868" s="166">
        <v>0</v>
      </c>
      <c r="AO868" s="166">
        <v>0</v>
      </c>
      <c r="AP868" s="166">
        <v>0</v>
      </c>
      <c r="AQ868" s="166">
        <v>0</v>
      </c>
      <c r="AR868" s="166">
        <v>0</v>
      </c>
      <c r="AS868" s="166">
        <v>0</v>
      </c>
      <c r="AT868" s="166">
        <v>0</v>
      </c>
      <c r="AU868" s="166">
        <v>0</v>
      </c>
      <c r="AV868" s="166">
        <v>0</v>
      </c>
      <c r="AW868" s="166">
        <v>0</v>
      </c>
      <c r="AX868" s="166">
        <v>0</v>
      </c>
      <c r="AY868" s="166">
        <v>0</v>
      </c>
      <c r="AZ868" s="166">
        <v>0</v>
      </c>
      <c r="BA868" s="166">
        <v>0</v>
      </c>
      <c r="BB868" s="166">
        <v>0</v>
      </c>
      <c r="BC868" s="166">
        <v>0</v>
      </c>
      <c r="BD868" s="166">
        <v>0</v>
      </c>
      <c r="BE868" s="166">
        <v>0</v>
      </c>
      <c r="BF868" s="166">
        <v>0</v>
      </c>
      <c r="BG868" s="166">
        <v>0</v>
      </c>
      <c r="BH868" s="166">
        <v>0</v>
      </c>
      <c r="BI868" s="166">
        <v>0</v>
      </c>
      <c r="BJ868" s="166">
        <v>0</v>
      </c>
      <c r="BK868" s="166">
        <v>0</v>
      </c>
      <c r="BL868" s="166">
        <v>0</v>
      </c>
      <c r="BM868" s="166">
        <v>0</v>
      </c>
      <c r="BN868" s="166">
        <v>0</v>
      </c>
      <c r="BO868" s="166">
        <v>0</v>
      </c>
      <c r="BP868" s="166">
        <v>0</v>
      </c>
      <c r="BQ868" s="166">
        <v>0</v>
      </c>
      <c r="BR868" s="166">
        <v>0</v>
      </c>
      <c r="BS868" s="166">
        <v>0</v>
      </c>
      <c r="BT868" s="168">
        <v>1</v>
      </c>
      <c r="BU868" s="166">
        <v>0</v>
      </c>
      <c r="BV868" s="166">
        <v>0</v>
      </c>
      <c r="BW868" s="166">
        <v>0</v>
      </c>
      <c r="BX868" s="166">
        <v>0</v>
      </c>
      <c r="BY868" s="166">
        <v>0</v>
      </c>
      <c r="BZ868" s="166">
        <v>0</v>
      </c>
      <c r="CA868" s="166">
        <v>0</v>
      </c>
      <c r="CB868" s="166">
        <v>0</v>
      </c>
      <c r="CC868" s="166">
        <v>0</v>
      </c>
      <c r="CD868" s="166">
        <v>0</v>
      </c>
      <c r="CE868" s="166">
        <v>0</v>
      </c>
      <c r="CF868" s="166">
        <v>0</v>
      </c>
      <c r="CG868" s="166">
        <v>0</v>
      </c>
      <c r="CH868" s="166">
        <v>0</v>
      </c>
      <c r="CI868" s="166">
        <v>0</v>
      </c>
      <c r="CJ868" s="166">
        <v>0</v>
      </c>
      <c r="CK868" s="166">
        <v>0</v>
      </c>
      <c r="CL868" s="166">
        <v>0</v>
      </c>
      <c r="CM868" s="166">
        <v>0</v>
      </c>
      <c r="CN868" s="166">
        <v>0</v>
      </c>
      <c r="CO868" s="166">
        <v>0</v>
      </c>
      <c r="CP868" s="166">
        <v>0</v>
      </c>
      <c r="CQ868" s="166">
        <v>0</v>
      </c>
      <c r="CR868" s="166">
        <v>0</v>
      </c>
      <c r="CS868" s="166">
        <v>0</v>
      </c>
      <c r="CT868" s="166">
        <v>0</v>
      </c>
      <c r="CU868" s="166">
        <v>0</v>
      </c>
      <c r="CV868" s="166">
        <v>0</v>
      </c>
      <c r="CW868" s="166">
        <v>0</v>
      </c>
      <c r="CX868" s="166">
        <v>0</v>
      </c>
      <c r="CY868" s="166">
        <v>0</v>
      </c>
      <c r="CZ868" s="166">
        <v>0</v>
      </c>
    </row>
    <row r="869" spans="1:104" x14ac:dyDescent="0.2">
      <c r="A869" s="167" t="s">
        <v>399</v>
      </c>
      <c r="B869" s="166">
        <v>0</v>
      </c>
      <c r="C869" s="166">
        <v>0</v>
      </c>
      <c r="D869" s="166">
        <v>0</v>
      </c>
      <c r="E869" s="166">
        <v>0</v>
      </c>
      <c r="F869" s="166">
        <v>0</v>
      </c>
      <c r="G869" s="166">
        <v>0</v>
      </c>
      <c r="H869" s="166">
        <v>0</v>
      </c>
      <c r="I869" s="166">
        <v>0</v>
      </c>
      <c r="J869" s="166">
        <v>0</v>
      </c>
      <c r="K869" s="166">
        <v>0</v>
      </c>
      <c r="L869" s="166">
        <v>0</v>
      </c>
      <c r="M869" s="166">
        <v>0</v>
      </c>
      <c r="N869" s="166">
        <v>0</v>
      </c>
      <c r="O869" s="166">
        <v>0</v>
      </c>
      <c r="P869" s="166">
        <v>0</v>
      </c>
      <c r="Q869" s="166">
        <v>0</v>
      </c>
      <c r="R869" s="166">
        <v>0</v>
      </c>
      <c r="S869" s="166">
        <v>0</v>
      </c>
      <c r="T869" s="166">
        <v>0</v>
      </c>
      <c r="U869" s="166">
        <v>0</v>
      </c>
      <c r="V869" s="166">
        <v>0</v>
      </c>
      <c r="W869" s="166">
        <v>0</v>
      </c>
      <c r="X869" s="166">
        <v>0</v>
      </c>
      <c r="Y869" s="166">
        <v>0</v>
      </c>
      <c r="Z869" s="166">
        <v>0</v>
      </c>
      <c r="AA869" s="166">
        <v>0</v>
      </c>
      <c r="AB869" s="166">
        <v>0</v>
      </c>
      <c r="AC869" s="166">
        <v>0</v>
      </c>
      <c r="AD869" s="166">
        <v>0</v>
      </c>
      <c r="AE869" s="166">
        <v>0</v>
      </c>
      <c r="AF869" s="166">
        <v>0</v>
      </c>
      <c r="AG869" s="166">
        <v>0</v>
      </c>
      <c r="AH869" s="166">
        <v>0</v>
      </c>
      <c r="AI869" s="166">
        <v>0</v>
      </c>
      <c r="AJ869" s="166">
        <v>0</v>
      </c>
      <c r="AK869" s="166">
        <v>0</v>
      </c>
      <c r="AL869" s="166">
        <v>0</v>
      </c>
      <c r="AM869" s="166">
        <v>0</v>
      </c>
      <c r="AN869" s="166">
        <v>0</v>
      </c>
      <c r="AO869" s="166">
        <v>0</v>
      </c>
      <c r="AP869" s="166">
        <v>0</v>
      </c>
      <c r="AQ869" s="166">
        <v>0</v>
      </c>
      <c r="AR869" s="166">
        <v>0</v>
      </c>
      <c r="AS869" s="166">
        <v>0</v>
      </c>
      <c r="AT869" s="166">
        <v>0</v>
      </c>
      <c r="AU869" s="166">
        <v>0</v>
      </c>
      <c r="AV869" s="166">
        <v>0</v>
      </c>
      <c r="AW869" s="166">
        <v>0</v>
      </c>
      <c r="AX869" s="166">
        <v>0</v>
      </c>
      <c r="AY869" s="166">
        <v>0</v>
      </c>
      <c r="AZ869" s="166">
        <v>0</v>
      </c>
      <c r="BA869" s="166">
        <v>0</v>
      </c>
      <c r="BB869" s="166">
        <v>0</v>
      </c>
      <c r="BC869" s="166">
        <v>0</v>
      </c>
      <c r="BD869" s="166">
        <v>0</v>
      </c>
      <c r="BE869" s="166">
        <v>0</v>
      </c>
      <c r="BF869" s="166">
        <v>0</v>
      </c>
      <c r="BG869" s="166">
        <v>0</v>
      </c>
      <c r="BH869" s="166">
        <v>0</v>
      </c>
      <c r="BI869" s="166">
        <v>0</v>
      </c>
      <c r="BJ869" s="166">
        <v>0</v>
      </c>
      <c r="BK869" s="166">
        <v>0</v>
      </c>
      <c r="BL869" s="166">
        <v>0</v>
      </c>
      <c r="BM869" s="166">
        <v>0</v>
      </c>
      <c r="BN869" s="166">
        <v>0</v>
      </c>
      <c r="BO869" s="166">
        <v>0</v>
      </c>
      <c r="BP869" s="166">
        <v>0</v>
      </c>
      <c r="BQ869" s="166">
        <v>0</v>
      </c>
      <c r="BR869" s="166">
        <v>0</v>
      </c>
      <c r="BS869" s="166">
        <v>0</v>
      </c>
      <c r="BT869" s="168">
        <v>1</v>
      </c>
      <c r="BU869" s="166">
        <v>0</v>
      </c>
      <c r="BV869" s="166">
        <v>0</v>
      </c>
      <c r="BW869" s="166">
        <v>0</v>
      </c>
      <c r="BX869" s="166">
        <v>0</v>
      </c>
      <c r="BY869" s="166">
        <v>0</v>
      </c>
      <c r="BZ869" s="166">
        <v>0</v>
      </c>
      <c r="CA869" s="166">
        <v>0</v>
      </c>
      <c r="CB869" s="166">
        <v>0</v>
      </c>
      <c r="CC869" s="166">
        <v>0</v>
      </c>
      <c r="CD869" s="166">
        <v>0</v>
      </c>
      <c r="CE869" s="166">
        <v>0</v>
      </c>
      <c r="CF869" s="166">
        <v>0</v>
      </c>
      <c r="CG869" s="166">
        <v>0</v>
      </c>
      <c r="CH869" s="166">
        <v>0</v>
      </c>
      <c r="CI869" s="166">
        <v>0</v>
      </c>
      <c r="CJ869" s="166">
        <v>0</v>
      </c>
      <c r="CK869" s="166">
        <v>0</v>
      </c>
      <c r="CL869" s="166">
        <v>0</v>
      </c>
      <c r="CM869" s="166">
        <v>0</v>
      </c>
      <c r="CN869" s="166">
        <v>0</v>
      </c>
      <c r="CO869" s="166">
        <v>0</v>
      </c>
      <c r="CP869" s="166">
        <v>0</v>
      </c>
      <c r="CQ869" s="166">
        <v>0</v>
      </c>
      <c r="CR869" s="166">
        <v>0</v>
      </c>
      <c r="CS869" s="166">
        <v>0</v>
      </c>
      <c r="CT869" s="166">
        <v>0</v>
      </c>
      <c r="CU869" s="166">
        <v>0</v>
      </c>
      <c r="CV869" s="166">
        <v>0</v>
      </c>
      <c r="CW869" s="166">
        <v>0</v>
      </c>
      <c r="CX869" s="166">
        <v>0</v>
      </c>
      <c r="CY869" s="166">
        <v>0</v>
      </c>
      <c r="CZ869" s="166">
        <v>0</v>
      </c>
    </row>
    <row r="870" spans="1:104" x14ac:dyDescent="0.2">
      <c r="A870" s="167" t="s">
        <v>1172</v>
      </c>
      <c r="B870" s="166">
        <v>10493572.1299999</v>
      </c>
      <c r="C870" s="166">
        <v>10493572.1299999</v>
      </c>
      <c r="D870" s="166">
        <v>0</v>
      </c>
      <c r="E870" s="166">
        <v>0</v>
      </c>
      <c r="F870" s="166">
        <v>0</v>
      </c>
      <c r="G870" s="166">
        <v>0</v>
      </c>
      <c r="H870" s="166">
        <v>0</v>
      </c>
      <c r="I870" s="166">
        <v>0</v>
      </c>
      <c r="J870" s="166">
        <v>0</v>
      </c>
      <c r="K870" s="166">
        <v>0</v>
      </c>
      <c r="L870" s="166">
        <v>0</v>
      </c>
      <c r="M870" s="166">
        <v>0</v>
      </c>
      <c r="N870" s="166">
        <v>0</v>
      </c>
      <c r="O870" s="166">
        <v>0</v>
      </c>
      <c r="P870" s="166">
        <v>0</v>
      </c>
      <c r="Q870" s="166">
        <v>0</v>
      </c>
      <c r="R870" s="166">
        <v>0</v>
      </c>
      <c r="S870" s="166">
        <v>0</v>
      </c>
      <c r="T870" s="166">
        <v>0</v>
      </c>
      <c r="U870" s="166">
        <v>0</v>
      </c>
      <c r="V870" s="166">
        <v>0</v>
      </c>
      <c r="W870" s="166">
        <v>0</v>
      </c>
      <c r="X870" s="166">
        <v>0</v>
      </c>
      <c r="Y870" s="166">
        <v>0</v>
      </c>
      <c r="Z870" s="166">
        <v>0</v>
      </c>
      <c r="AA870" s="166">
        <v>0</v>
      </c>
      <c r="AB870" s="166">
        <v>0</v>
      </c>
      <c r="AC870" s="166">
        <v>0</v>
      </c>
      <c r="AD870" s="166">
        <v>0</v>
      </c>
      <c r="AE870" s="166">
        <v>0</v>
      </c>
      <c r="AF870" s="166">
        <v>0</v>
      </c>
      <c r="AG870" s="166">
        <v>0</v>
      </c>
      <c r="AH870" s="166">
        <v>0</v>
      </c>
      <c r="AI870" s="166">
        <v>0</v>
      </c>
      <c r="AJ870" s="166">
        <v>0</v>
      </c>
      <c r="AK870" s="166">
        <v>0</v>
      </c>
      <c r="AL870" s="166">
        <v>0</v>
      </c>
      <c r="AM870" s="166">
        <v>0</v>
      </c>
      <c r="AN870" s="166">
        <v>0</v>
      </c>
      <c r="AO870" s="166">
        <v>0</v>
      </c>
      <c r="AP870" s="166">
        <v>0</v>
      </c>
      <c r="AQ870" s="166">
        <v>0</v>
      </c>
      <c r="AR870" s="166">
        <v>0</v>
      </c>
      <c r="AS870" s="166">
        <v>0</v>
      </c>
      <c r="AT870" s="166">
        <v>0</v>
      </c>
      <c r="AU870" s="166">
        <v>0</v>
      </c>
      <c r="AV870" s="166">
        <v>0</v>
      </c>
      <c r="AW870" s="166">
        <v>0</v>
      </c>
      <c r="AX870" s="166">
        <v>0</v>
      </c>
      <c r="AY870" s="166">
        <v>0</v>
      </c>
      <c r="AZ870" s="166">
        <v>0</v>
      </c>
      <c r="BA870" s="166">
        <v>0</v>
      </c>
      <c r="BB870" s="166">
        <v>0</v>
      </c>
      <c r="BC870" s="166">
        <v>0</v>
      </c>
      <c r="BD870" s="166">
        <v>0</v>
      </c>
      <c r="BE870" s="166">
        <v>0</v>
      </c>
      <c r="BF870" s="166">
        <v>0</v>
      </c>
      <c r="BG870" s="166">
        <v>0</v>
      </c>
      <c r="BH870" s="166">
        <v>0</v>
      </c>
      <c r="BI870" s="166">
        <v>0</v>
      </c>
      <c r="BJ870" s="166">
        <v>0</v>
      </c>
      <c r="BK870" s="166">
        <v>0</v>
      </c>
      <c r="BL870" s="166">
        <v>0</v>
      </c>
      <c r="BM870" s="166">
        <v>0</v>
      </c>
      <c r="BN870" s="166">
        <v>0</v>
      </c>
      <c r="BO870" s="166">
        <v>0</v>
      </c>
      <c r="BP870" s="166">
        <v>0</v>
      </c>
      <c r="BQ870" s="166">
        <v>0</v>
      </c>
      <c r="BR870" s="166">
        <v>10493572.1299999</v>
      </c>
      <c r="BS870" s="166">
        <v>10493572.1299999</v>
      </c>
      <c r="BT870" s="168">
        <v>1</v>
      </c>
      <c r="BU870" s="166">
        <v>787683.10999999905</v>
      </c>
      <c r="BV870" s="166">
        <v>10493572.1299999</v>
      </c>
      <c r="BW870" s="166">
        <v>0</v>
      </c>
      <c r="BX870" s="166">
        <v>0</v>
      </c>
      <c r="BY870" s="166">
        <v>0</v>
      </c>
      <c r="BZ870" s="166">
        <v>0</v>
      </c>
      <c r="CA870" s="166">
        <v>0</v>
      </c>
      <c r="CB870" s="166">
        <v>0</v>
      </c>
      <c r="CC870" s="166">
        <v>0</v>
      </c>
      <c r="CD870" s="166">
        <v>0</v>
      </c>
      <c r="CE870" s="166">
        <v>0</v>
      </c>
      <c r="CF870" s="166">
        <v>0</v>
      </c>
      <c r="CG870" s="166">
        <v>0</v>
      </c>
      <c r="CH870" s="166">
        <v>0</v>
      </c>
      <c r="CI870" s="166">
        <v>0</v>
      </c>
      <c r="CJ870" s="166">
        <v>0</v>
      </c>
      <c r="CK870" s="166">
        <v>0</v>
      </c>
      <c r="CL870" s="166">
        <v>0</v>
      </c>
      <c r="CM870" s="166">
        <v>0</v>
      </c>
      <c r="CN870" s="166">
        <v>0</v>
      </c>
      <c r="CO870" s="166">
        <v>0</v>
      </c>
      <c r="CP870" s="166">
        <v>0</v>
      </c>
      <c r="CQ870" s="166">
        <v>0</v>
      </c>
      <c r="CR870" s="166">
        <v>0</v>
      </c>
      <c r="CS870" s="166">
        <v>0</v>
      </c>
      <c r="CT870" s="166">
        <v>0</v>
      </c>
      <c r="CU870" s="166">
        <v>0</v>
      </c>
      <c r="CV870" s="166">
        <v>0</v>
      </c>
      <c r="CW870" s="166">
        <v>0</v>
      </c>
      <c r="CX870" s="166">
        <v>0</v>
      </c>
      <c r="CY870" s="166">
        <v>10493572.1299999</v>
      </c>
      <c r="CZ870" s="166">
        <v>10493572.1299999</v>
      </c>
    </row>
    <row r="871" spans="1:104" x14ac:dyDescent="0.2">
      <c r="A871" s="170" t="s">
        <v>401</v>
      </c>
      <c r="B871" s="166">
        <v>10493572.1299999</v>
      </c>
      <c r="C871" s="166">
        <v>10493572.1299999</v>
      </c>
      <c r="D871" s="166">
        <v>0</v>
      </c>
      <c r="E871" s="166">
        <v>0</v>
      </c>
      <c r="F871" s="166">
        <v>0</v>
      </c>
      <c r="G871" s="166">
        <v>0</v>
      </c>
      <c r="H871" s="166">
        <v>0</v>
      </c>
      <c r="I871" s="166">
        <v>0</v>
      </c>
      <c r="J871" s="166">
        <v>0</v>
      </c>
      <c r="K871" s="166">
        <v>0</v>
      </c>
      <c r="L871" s="166">
        <v>0</v>
      </c>
      <c r="M871" s="166">
        <v>0</v>
      </c>
      <c r="N871" s="166">
        <v>0</v>
      </c>
      <c r="O871" s="166">
        <v>0</v>
      </c>
      <c r="P871" s="166">
        <v>0</v>
      </c>
      <c r="Q871" s="166">
        <v>0</v>
      </c>
      <c r="R871" s="166">
        <v>0</v>
      </c>
      <c r="S871" s="166">
        <v>0</v>
      </c>
      <c r="T871" s="166">
        <v>0</v>
      </c>
      <c r="U871" s="166">
        <v>0</v>
      </c>
      <c r="V871" s="166">
        <v>0</v>
      </c>
      <c r="W871" s="166">
        <v>0</v>
      </c>
      <c r="X871" s="166">
        <v>0</v>
      </c>
      <c r="Y871" s="166">
        <v>0</v>
      </c>
      <c r="Z871" s="166">
        <v>0</v>
      </c>
      <c r="AA871" s="166">
        <v>0</v>
      </c>
      <c r="AB871" s="166">
        <v>0</v>
      </c>
      <c r="AC871" s="166">
        <v>0</v>
      </c>
      <c r="AD871" s="166">
        <v>0</v>
      </c>
      <c r="AE871" s="166">
        <v>0</v>
      </c>
      <c r="AF871" s="166">
        <v>0</v>
      </c>
      <c r="AG871" s="166">
        <v>0</v>
      </c>
      <c r="AH871" s="166">
        <v>0</v>
      </c>
      <c r="AI871" s="166">
        <v>0</v>
      </c>
      <c r="AJ871" s="166">
        <v>0</v>
      </c>
      <c r="AK871" s="166">
        <v>0</v>
      </c>
      <c r="AL871" s="166">
        <v>0</v>
      </c>
      <c r="AM871" s="166">
        <v>0</v>
      </c>
      <c r="AN871" s="166">
        <v>0</v>
      </c>
      <c r="AO871" s="166">
        <v>0</v>
      </c>
      <c r="AP871" s="166">
        <v>0</v>
      </c>
      <c r="AQ871" s="166">
        <v>0</v>
      </c>
      <c r="AR871" s="166">
        <v>0</v>
      </c>
      <c r="AS871" s="166">
        <v>0</v>
      </c>
      <c r="AT871" s="166">
        <v>0</v>
      </c>
      <c r="AU871" s="166">
        <v>0</v>
      </c>
      <c r="AV871" s="166">
        <v>0</v>
      </c>
      <c r="AW871" s="166">
        <v>0</v>
      </c>
      <c r="AX871" s="166">
        <v>0</v>
      </c>
      <c r="AY871" s="166">
        <v>0</v>
      </c>
      <c r="AZ871" s="166">
        <v>0</v>
      </c>
      <c r="BA871" s="166">
        <v>0</v>
      </c>
      <c r="BB871" s="166">
        <v>0</v>
      </c>
      <c r="BC871" s="166">
        <v>0</v>
      </c>
      <c r="BD871" s="166">
        <v>0</v>
      </c>
      <c r="BE871" s="166">
        <v>0</v>
      </c>
      <c r="BF871" s="166">
        <v>0</v>
      </c>
      <c r="BG871" s="166">
        <v>0</v>
      </c>
      <c r="BH871" s="166">
        <v>0</v>
      </c>
      <c r="BI871" s="166">
        <v>0</v>
      </c>
      <c r="BJ871" s="166">
        <v>0</v>
      </c>
      <c r="BK871" s="166">
        <v>0</v>
      </c>
      <c r="BL871" s="166">
        <v>0</v>
      </c>
      <c r="BM871" s="166">
        <v>0</v>
      </c>
      <c r="BN871" s="166">
        <v>0</v>
      </c>
      <c r="BO871" s="166">
        <v>0</v>
      </c>
      <c r="BP871" s="166">
        <v>0</v>
      </c>
      <c r="BQ871" s="166">
        <v>0</v>
      </c>
      <c r="BR871" s="166">
        <v>10493572.1299999</v>
      </c>
      <c r="BS871" s="166">
        <v>10493572.1299999</v>
      </c>
      <c r="BT871" s="168">
        <v>0</v>
      </c>
      <c r="BU871" s="166">
        <v>787683.10999999905</v>
      </c>
      <c r="BV871" s="166">
        <v>10493572.1299999</v>
      </c>
      <c r="BW871" s="166">
        <v>0</v>
      </c>
      <c r="BX871" s="166">
        <v>0</v>
      </c>
      <c r="BY871" s="166">
        <v>0</v>
      </c>
      <c r="BZ871" s="166">
        <v>0</v>
      </c>
      <c r="CA871" s="166">
        <v>0</v>
      </c>
      <c r="CB871" s="166">
        <v>0</v>
      </c>
      <c r="CC871" s="166">
        <v>0</v>
      </c>
      <c r="CD871" s="166">
        <v>0</v>
      </c>
      <c r="CE871" s="166">
        <v>0</v>
      </c>
      <c r="CF871" s="166">
        <v>0</v>
      </c>
      <c r="CG871" s="166">
        <v>0</v>
      </c>
      <c r="CH871" s="166">
        <v>0</v>
      </c>
      <c r="CI871" s="166">
        <v>0</v>
      </c>
      <c r="CJ871" s="166">
        <v>0</v>
      </c>
      <c r="CK871" s="166">
        <v>0</v>
      </c>
      <c r="CL871" s="166">
        <v>0</v>
      </c>
      <c r="CM871" s="166">
        <v>0</v>
      </c>
      <c r="CN871" s="166">
        <v>0</v>
      </c>
      <c r="CO871" s="166">
        <v>0</v>
      </c>
      <c r="CP871" s="166">
        <v>0</v>
      </c>
      <c r="CQ871" s="166">
        <v>0</v>
      </c>
      <c r="CR871" s="166">
        <v>0</v>
      </c>
      <c r="CS871" s="166">
        <v>0</v>
      </c>
      <c r="CT871" s="166">
        <v>0</v>
      </c>
      <c r="CU871" s="166">
        <v>0</v>
      </c>
      <c r="CV871" s="166">
        <v>0</v>
      </c>
      <c r="CW871" s="166">
        <v>0</v>
      </c>
      <c r="CX871" s="166">
        <v>0</v>
      </c>
      <c r="CY871" s="166">
        <v>10493572.1299999</v>
      </c>
      <c r="CZ871" s="166">
        <v>10493572.1299999</v>
      </c>
    </row>
    <row r="872" spans="1:104" x14ac:dyDescent="0.2">
      <c r="A872" s="167" t="s">
        <v>402</v>
      </c>
    </row>
    <row r="873" spans="1:104" x14ac:dyDescent="0.2">
      <c r="A873" s="170" t="s">
        <v>403</v>
      </c>
    </row>
    <row r="874" spans="1:104" x14ac:dyDescent="0.2">
      <c r="A874" s="167" t="s">
        <v>404</v>
      </c>
      <c r="B874" s="166">
        <v>0</v>
      </c>
      <c r="C874" s="166">
        <v>0</v>
      </c>
      <c r="D874" s="166">
        <v>0</v>
      </c>
      <c r="E874" s="166">
        <v>0</v>
      </c>
      <c r="F874" s="166">
        <v>0</v>
      </c>
      <c r="G874" s="166">
        <v>0</v>
      </c>
      <c r="H874" s="166">
        <v>0</v>
      </c>
      <c r="I874" s="166">
        <v>0</v>
      </c>
      <c r="J874" s="166">
        <v>0</v>
      </c>
      <c r="K874" s="166">
        <v>0</v>
      </c>
      <c r="L874" s="166">
        <v>0</v>
      </c>
      <c r="M874" s="166">
        <v>0</v>
      </c>
      <c r="N874" s="166">
        <v>0</v>
      </c>
      <c r="O874" s="166">
        <v>0</v>
      </c>
      <c r="P874" s="166">
        <v>0</v>
      </c>
      <c r="Q874" s="166">
        <v>0</v>
      </c>
      <c r="R874" s="166">
        <v>0</v>
      </c>
      <c r="S874" s="166">
        <v>0</v>
      </c>
      <c r="T874" s="166">
        <v>0</v>
      </c>
      <c r="U874" s="166">
        <v>0</v>
      </c>
      <c r="V874" s="166">
        <v>0</v>
      </c>
      <c r="W874" s="166">
        <v>0</v>
      </c>
      <c r="X874" s="166">
        <v>0</v>
      </c>
      <c r="Y874" s="166">
        <v>0</v>
      </c>
      <c r="Z874" s="166">
        <v>0</v>
      </c>
      <c r="AA874" s="166">
        <v>0</v>
      </c>
      <c r="AB874" s="166">
        <v>0</v>
      </c>
      <c r="AC874" s="166">
        <v>0</v>
      </c>
      <c r="AD874" s="166">
        <v>0</v>
      </c>
      <c r="AE874" s="166">
        <v>0</v>
      </c>
      <c r="AF874" s="166">
        <v>0</v>
      </c>
      <c r="AG874" s="166">
        <v>0</v>
      </c>
      <c r="AH874" s="166">
        <v>0</v>
      </c>
      <c r="AI874" s="166">
        <v>0</v>
      </c>
      <c r="AJ874" s="166">
        <v>0</v>
      </c>
      <c r="AK874" s="166">
        <v>0</v>
      </c>
      <c r="AL874" s="166">
        <v>0</v>
      </c>
      <c r="AM874" s="166">
        <v>0</v>
      </c>
      <c r="AN874" s="166">
        <v>0</v>
      </c>
      <c r="AO874" s="166">
        <v>0</v>
      </c>
      <c r="AP874" s="166">
        <v>0</v>
      </c>
      <c r="AQ874" s="166">
        <v>0</v>
      </c>
      <c r="AR874" s="166">
        <v>0</v>
      </c>
      <c r="AS874" s="166">
        <v>0</v>
      </c>
      <c r="AT874" s="166">
        <v>0</v>
      </c>
      <c r="AU874" s="166">
        <v>0</v>
      </c>
      <c r="AV874" s="166">
        <v>0</v>
      </c>
      <c r="AW874" s="166">
        <v>0</v>
      </c>
      <c r="AX874" s="166">
        <v>0</v>
      </c>
      <c r="AY874" s="166">
        <v>0</v>
      </c>
      <c r="AZ874" s="166">
        <v>0</v>
      </c>
      <c r="BA874" s="166">
        <v>0</v>
      </c>
      <c r="BB874" s="166">
        <v>0</v>
      </c>
      <c r="BC874" s="166">
        <v>0</v>
      </c>
      <c r="BD874" s="166">
        <v>0</v>
      </c>
      <c r="BE874" s="166">
        <v>0</v>
      </c>
      <c r="BF874" s="166">
        <v>0</v>
      </c>
      <c r="BG874" s="166">
        <v>0</v>
      </c>
      <c r="BH874" s="166">
        <v>0</v>
      </c>
      <c r="BI874" s="166">
        <v>0</v>
      </c>
      <c r="BJ874" s="166">
        <v>0</v>
      </c>
      <c r="BK874" s="166">
        <v>0</v>
      </c>
      <c r="BL874" s="166">
        <v>0</v>
      </c>
      <c r="BM874" s="166">
        <v>0</v>
      </c>
      <c r="BN874" s="166">
        <v>0</v>
      </c>
      <c r="BO874" s="166">
        <v>0</v>
      </c>
      <c r="BP874" s="166">
        <v>0</v>
      </c>
      <c r="BQ874" s="166">
        <v>0</v>
      </c>
      <c r="BR874" s="166">
        <v>0</v>
      </c>
      <c r="BS874" s="166">
        <v>0</v>
      </c>
      <c r="BT874" s="168">
        <v>1</v>
      </c>
      <c r="BU874" s="166">
        <v>0</v>
      </c>
      <c r="BV874" s="166">
        <v>0</v>
      </c>
      <c r="BW874" s="166">
        <v>0</v>
      </c>
      <c r="BX874" s="166">
        <v>0</v>
      </c>
      <c r="BY874" s="166">
        <v>0</v>
      </c>
      <c r="BZ874" s="166">
        <v>0</v>
      </c>
      <c r="CA874" s="166">
        <v>0</v>
      </c>
      <c r="CB874" s="166">
        <v>0</v>
      </c>
      <c r="CC874" s="166">
        <v>0</v>
      </c>
      <c r="CD874" s="166">
        <v>0</v>
      </c>
      <c r="CE874" s="166">
        <v>0</v>
      </c>
      <c r="CF874" s="166">
        <v>0</v>
      </c>
      <c r="CG874" s="166">
        <v>0</v>
      </c>
      <c r="CH874" s="166">
        <v>0</v>
      </c>
      <c r="CI874" s="166">
        <v>0</v>
      </c>
      <c r="CJ874" s="166">
        <v>0</v>
      </c>
      <c r="CK874" s="166">
        <v>0</v>
      </c>
      <c r="CL874" s="166">
        <v>0</v>
      </c>
      <c r="CM874" s="166">
        <v>0</v>
      </c>
      <c r="CN874" s="166">
        <v>0</v>
      </c>
      <c r="CO874" s="166">
        <v>0</v>
      </c>
      <c r="CP874" s="166">
        <v>0</v>
      </c>
      <c r="CQ874" s="166">
        <v>0</v>
      </c>
      <c r="CR874" s="166">
        <v>0</v>
      </c>
      <c r="CS874" s="166">
        <v>0</v>
      </c>
      <c r="CT874" s="166">
        <v>0</v>
      </c>
      <c r="CU874" s="166">
        <v>0</v>
      </c>
      <c r="CV874" s="166">
        <v>0</v>
      </c>
      <c r="CW874" s="166">
        <v>0</v>
      </c>
      <c r="CX874" s="166">
        <v>0</v>
      </c>
      <c r="CY874" s="166">
        <v>0</v>
      </c>
      <c r="CZ874" s="166">
        <v>0</v>
      </c>
    </row>
    <row r="875" spans="1:104" x14ac:dyDescent="0.2">
      <c r="A875" s="167" t="s">
        <v>1174</v>
      </c>
      <c r="B875" s="166">
        <v>5629074.9399999902</v>
      </c>
      <c r="C875" s="166">
        <v>5629074.9399999902</v>
      </c>
      <c r="D875" s="166">
        <v>0</v>
      </c>
      <c r="E875" s="166">
        <v>0</v>
      </c>
      <c r="F875" s="166">
        <v>0</v>
      </c>
      <c r="G875" s="166">
        <v>0</v>
      </c>
      <c r="H875" s="166">
        <v>0</v>
      </c>
      <c r="I875" s="166">
        <v>0</v>
      </c>
      <c r="J875" s="166">
        <v>0</v>
      </c>
      <c r="K875" s="166">
        <v>0</v>
      </c>
      <c r="L875" s="166">
        <v>0</v>
      </c>
      <c r="M875" s="166">
        <v>0</v>
      </c>
      <c r="N875" s="166">
        <v>0</v>
      </c>
      <c r="O875" s="166">
        <v>0</v>
      </c>
      <c r="P875" s="166">
        <v>0</v>
      </c>
      <c r="Q875" s="166">
        <v>0</v>
      </c>
      <c r="R875" s="166">
        <v>0</v>
      </c>
      <c r="S875" s="166">
        <v>0</v>
      </c>
      <c r="T875" s="166">
        <v>0</v>
      </c>
      <c r="U875" s="166">
        <v>0</v>
      </c>
      <c r="V875" s="166">
        <v>0</v>
      </c>
      <c r="W875" s="166">
        <v>0</v>
      </c>
      <c r="X875" s="166">
        <v>0</v>
      </c>
      <c r="Y875" s="166">
        <v>0</v>
      </c>
      <c r="Z875" s="166">
        <v>0</v>
      </c>
      <c r="AA875" s="166">
        <v>0</v>
      </c>
      <c r="AB875" s="166">
        <v>0</v>
      </c>
      <c r="AC875" s="166">
        <v>0</v>
      </c>
      <c r="AD875" s="166">
        <v>0</v>
      </c>
      <c r="AE875" s="166">
        <v>0</v>
      </c>
      <c r="AF875" s="166">
        <v>0</v>
      </c>
      <c r="AG875" s="166">
        <v>0</v>
      </c>
      <c r="AH875" s="166">
        <v>0</v>
      </c>
      <c r="AI875" s="166">
        <v>0</v>
      </c>
      <c r="AJ875" s="166">
        <v>0</v>
      </c>
      <c r="AK875" s="166">
        <v>0</v>
      </c>
      <c r="AL875" s="166">
        <v>0</v>
      </c>
      <c r="AM875" s="166">
        <v>0</v>
      </c>
      <c r="AN875" s="166">
        <v>0</v>
      </c>
      <c r="AO875" s="166">
        <v>0</v>
      </c>
      <c r="AP875" s="166">
        <v>0</v>
      </c>
      <c r="AQ875" s="166">
        <v>0</v>
      </c>
      <c r="AR875" s="166">
        <v>0</v>
      </c>
      <c r="AS875" s="166">
        <v>0</v>
      </c>
      <c r="AT875" s="166">
        <v>0</v>
      </c>
      <c r="AU875" s="166">
        <v>0</v>
      </c>
      <c r="AV875" s="166">
        <v>0</v>
      </c>
      <c r="AW875" s="166">
        <v>0</v>
      </c>
      <c r="AX875" s="166">
        <v>0</v>
      </c>
      <c r="AY875" s="166">
        <v>0</v>
      </c>
      <c r="AZ875" s="166">
        <v>0</v>
      </c>
      <c r="BA875" s="166">
        <v>0</v>
      </c>
      <c r="BB875" s="166">
        <v>0</v>
      </c>
      <c r="BC875" s="166">
        <v>0</v>
      </c>
      <c r="BD875" s="166">
        <v>0</v>
      </c>
      <c r="BE875" s="166">
        <v>0</v>
      </c>
      <c r="BF875" s="166">
        <v>0</v>
      </c>
      <c r="BG875" s="166">
        <v>0</v>
      </c>
      <c r="BH875" s="166">
        <v>0</v>
      </c>
      <c r="BI875" s="166">
        <v>0</v>
      </c>
      <c r="BJ875" s="166">
        <v>0</v>
      </c>
      <c r="BK875" s="166">
        <v>0</v>
      </c>
      <c r="BL875" s="166">
        <v>0</v>
      </c>
      <c r="BM875" s="166">
        <v>0</v>
      </c>
      <c r="BN875" s="166">
        <v>0</v>
      </c>
      <c r="BO875" s="166">
        <v>0</v>
      </c>
      <c r="BP875" s="166">
        <v>0</v>
      </c>
      <c r="BQ875" s="166">
        <v>0</v>
      </c>
      <c r="BR875" s="166">
        <v>5629074.9399999902</v>
      </c>
      <c r="BS875" s="166">
        <v>5629074.9399999902</v>
      </c>
      <c r="BT875" s="168">
        <v>1</v>
      </c>
      <c r="BU875" s="166">
        <v>287851.49</v>
      </c>
      <c r="BV875" s="166">
        <v>5629074.9399999902</v>
      </c>
      <c r="BW875" s="166">
        <v>0</v>
      </c>
      <c r="BX875" s="166">
        <v>0</v>
      </c>
      <c r="BY875" s="166">
        <v>0</v>
      </c>
      <c r="BZ875" s="166">
        <v>0</v>
      </c>
      <c r="CA875" s="166">
        <v>0</v>
      </c>
      <c r="CB875" s="166">
        <v>0</v>
      </c>
      <c r="CC875" s="166">
        <v>0</v>
      </c>
      <c r="CD875" s="166">
        <v>0</v>
      </c>
      <c r="CE875" s="166">
        <v>0</v>
      </c>
      <c r="CF875" s="166">
        <v>0</v>
      </c>
      <c r="CG875" s="166">
        <v>0</v>
      </c>
      <c r="CH875" s="166">
        <v>0</v>
      </c>
      <c r="CI875" s="166">
        <v>0</v>
      </c>
      <c r="CJ875" s="166">
        <v>0</v>
      </c>
      <c r="CK875" s="166">
        <v>0</v>
      </c>
      <c r="CL875" s="166">
        <v>0</v>
      </c>
      <c r="CM875" s="166">
        <v>0</v>
      </c>
      <c r="CN875" s="166">
        <v>0</v>
      </c>
      <c r="CO875" s="166">
        <v>0</v>
      </c>
      <c r="CP875" s="166">
        <v>0</v>
      </c>
      <c r="CQ875" s="166">
        <v>0</v>
      </c>
      <c r="CR875" s="166">
        <v>0</v>
      </c>
      <c r="CS875" s="166">
        <v>0</v>
      </c>
      <c r="CT875" s="166">
        <v>0</v>
      </c>
      <c r="CU875" s="166">
        <v>0</v>
      </c>
      <c r="CV875" s="166">
        <v>0</v>
      </c>
      <c r="CW875" s="166">
        <v>0</v>
      </c>
      <c r="CX875" s="166">
        <v>0</v>
      </c>
      <c r="CY875" s="166">
        <v>5629074.9399999902</v>
      </c>
      <c r="CZ875" s="166">
        <v>5629074.9399999902</v>
      </c>
    </row>
    <row r="876" spans="1:104" x14ac:dyDescent="0.2">
      <c r="A876" s="167" t="s">
        <v>1175</v>
      </c>
      <c r="B876" s="166">
        <v>413385.609999999</v>
      </c>
      <c r="C876" s="166">
        <v>413385.609999999</v>
      </c>
      <c r="D876" s="166">
        <v>0</v>
      </c>
      <c r="E876" s="166">
        <v>0</v>
      </c>
      <c r="F876" s="166">
        <v>0</v>
      </c>
      <c r="G876" s="166">
        <v>0</v>
      </c>
      <c r="H876" s="166">
        <v>0</v>
      </c>
      <c r="I876" s="166">
        <v>0</v>
      </c>
      <c r="J876" s="166">
        <v>0</v>
      </c>
      <c r="K876" s="166">
        <v>0</v>
      </c>
      <c r="L876" s="166">
        <v>0</v>
      </c>
      <c r="M876" s="166">
        <v>0</v>
      </c>
      <c r="N876" s="166">
        <v>0</v>
      </c>
      <c r="O876" s="166">
        <v>0</v>
      </c>
      <c r="P876" s="166">
        <v>0</v>
      </c>
      <c r="Q876" s="166">
        <v>0</v>
      </c>
      <c r="R876" s="166">
        <v>0</v>
      </c>
      <c r="S876" s="166">
        <v>0</v>
      </c>
      <c r="T876" s="166">
        <v>0</v>
      </c>
      <c r="U876" s="166">
        <v>0</v>
      </c>
      <c r="V876" s="166">
        <v>0</v>
      </c>
      <c r="W876" s="166">
        <v>0</v>
      </c>
      <c r="X876" s="166">
        <v>0</v>
      </c>
      <c r="Y876" s="166">
        <v>0</v>
      </c>
      <c r="Z876" s="166">
        <v>0</v>
      </c>
      <c r="AA876" s="166">
        <v>0</v>
      </c>
      <c r="AB876" s="166">
        <v>0</v>
      </c>
      <c r="AC876" s="166">
        <v>0</v>
      </c>
      <c r="AD876" s="166">
        <v>0</v>
      </c>
      <c r="AE876" s="166">
        <v>0</v>
      </c>
      <c r="AF876" s="166">
        <v>0</v>
      </c>
      <c r="AG876" s="166">
        <v>0</v>
      </c>
      <c r="AH876" s="166">
        <v>0</v>
      </c>
      <c r="AI876" s="166">
        <v>0</v>
      </c>
      <c r="AJ876" s="166">
        <v>0</v>
      </c>
      <c r="AK876" s="166">
        <v>0</v>
      </c>
      <c r="AL876" s="166">
        <v>0</v>
      </c>
      <c r="AM876" s="166">
        <v>0</v>
      </c>
      <c r="AN876" s="166">
        <v>0</v>
      </c>
      <c r="AO876" s="166">
        <v>0</v>
      </c>
      <c r="AP876" s="166">
        <v>0</v>
      </c>
      <c r="AQ876" s="166">
        <v>0</v>
      </c>
      <c r="AR876" s="166">
        <v>0</v>
      </c>
      <c r="AS876" s="166">
        <v>0</v>
      </c>
      <c r="AT876" s="166">
        <v>0</v>
      </c>
      <c r="AU876" s="166">
        <v>0</v>
      </c>
      <c r="AV876" s="166">
        <v>0</v>
      </c>
      <c r="AW876" s="166">
        <v>0</v>
      </c>
      <c r="AX876" s="166">
        <v>0</v>
      </c>
      <c r="AY876" s="166">
        <v>0</v>
      </c>
      <c r="AZ876" s="166">
        <v>0</v>
      </c>
      <c r="BA876" s="166">
        <v>0</v>
      </c>
      <c r="BB876" s="166">
        <v>0</v>
      </c>
      <c r="BC876" s="166">
        <v>0</v>
      </c>
      <c r="BD876" s="166">
        <v>0</v>
      </c>
      <c r="BE876" s="166">
        <v>0</v>
      </c>
      <c r="BF876" s="166">
        <v>0</v>
      </c>
      <c r="BG876" s="166">
        <v>0</v>
      </c>
      <c r="BH876" s="166">
        <v>0</v>
      </c>
      <c r="BI876" s="166">
        <v>0</v>
      </c>
      <c r="BJ876" s="166">
        <v>0</v>
      </c>
      <c r="BK876" s="166">
        <v>0</v>
      </c>
      <c r="BL876" s="166">
        <v>0</v>
      </c>
      <c r="BM876" s="166">
        <v>0</v>
      </c>
      <c r="BN876" s="166">
        <v>0</v>
      </c>
      <c r="BO876" s="166">
        <v>0</v>
      </c>
      <c r="BP876" s="166">
        <v>0</v>
      </c>
      <c r="BQ876" s="166">
        <v>0</v>
      </c>
      <c r="BR876" s="166">
        <v>413385.609999999</v>
      </c>
      <c r="BS876" s="166">
        <v>413385.609999999</v>
      </c>
      <c r="BT876" s="168">
        <v>1</v>
      </c>
      <c r="BU876" s="166">
        <v>36613.699999999997</v>
      </c>
      <c r="BV876" s="166">
        <v>413385.609999999</v>
      </c>
      <c r="BW876" s="166">
        <v>0</v>
      </c>
      <c r="BX876" s="166">
        <v>0</v>
      </c>
      <c r="BY876" s="166">
        <v>0</v>
      </c>
      <c r="BZ876" s="166">
        <v>0</v>
      </c>
      <c r="CA876" s="166">
        <v>0</v>
      </c>
      <c r="CB876" s="166">
        <v>0</v>
      </c>
      <c r="CC876" s="166">
        <v>0</v>
      </c>
      <c r="CD876" s="166">
        <v>0</v>
      </c>
      <c r="CE876" s="166">
        <v>0</v>
      </c>
      <c r="CF876" s="166">
        <v>0</v>
      </c>
      <c r="CG876" s="166">
        <v>0</v>
      </c>
      <c r="CH876" s="166">
        <v>0</v>
      </c>
      <c r="CI876" s="166">
        <v>0</v>
      </c>
      <c r="CJ876" s="166">
        <v>0</v>
      </c>
      <c r="CK876" s="166">
        <v>0</v>
      </c>
      <c r="CL876" s="166">
        <v>0</v>
      </c>
      <c r="CM876" s="166">
        <v>0</v>
      </c>
      <c r="CN876" s="166">
        <v>0</v>
      </c>
      <c r="CO876" s="166">
        <v>0</v>
      </c>
      <c r="CP876" s="166">
        <v>0</v>
      </c>
      <c r="CQ876" s="166">
        <v>0</v>
      </c>
      <c r="CR876" s="166">
        <v>0</v>
      </c>
      <c r="CS876" s="166">
        <v>0</v>
      </c>
      <c r="CT876" s="166">
        <v>0</v>
      </c>
      <c r="CU876" s="166">
        <v>0</v>
      </c>
      <c r="CV876" s="166">
        <v>0</v>
      </c>
      <c r="CW876" s="166">
        <v>0</v>
      </c>
      <c r="CX876" s="166">
        <v>0</v>
      </c>
      <c r="CY876" s="166">
        <v>413385.609999999</v>
      </c>
      <c r="CZ876" s="166">
        <v>413385.609999999</v>
      </c>
    </row>
    <row r="877" spans="1:104" x14ac:dyDescent="0.2">
      <c r="A877" s="167" t="s">
        <v>1176</v>
      </c>
      <c r="B877" s="166">
        <v>0</v>
      </c>
      <c r="C877" s="166">
        <v>0</v>
      </c>
      <c r="D877" s="166">
        <v>0</v>
      </c>
      <c r="E877" s="166">
        <v>0</v>
      </c>
      <c r="F877" s="166">
        <v>0</v>
      </c>
      <c r="G877" s="166">
        <v>0</v>
      </c>
      <c r="H877" s="166">
        <v>0</v>
      </c>
      <c r="I877" s="166">
        <v>0</v>
      </c>
      <c r="J877" s="166">
        <v>0</v>
      </c>
      <c r="K877" s="166">
        <v>0</v>
      </c>
      <c r="L877" s="166">
        <v>0</v>
      </c>
      <c r="M877" s="166">
        <v>0</v>
      </c>
      <c r="N877" s="166">
        <v>0</v>
      </c>
      <c r="O877" s="166">
        <v>0</v>
      </c>
      <c r="P877" s="166">
        <v>0</v>
      </c>
      <c r="Q877" s="166">
        <v>0</v>
      </c>
      <c r="R877" s="166">
        <v>0</v>
      </c>
      <c r="S877" s="166">
        <v>0</v>
      </c>
      <c r="T877" s="166">
        <v>0</v>
      </c>
      <c r="U877" s="166">
        <v>0</v>
      </c>
      <c r="V877" s="166">
        <v>0</v>
      </c>
      <c r="W877" s="166">
        <v>0</v>
      </c>
      <c r="X877" s="166">
        <v>0</v>
      </c>
      <c r="Y877" s="166">
        <v>0</v>
      </c>
      <c r="Z877" s="166">
        <v>0</v>
      </c>
      <c r="AA877" s="166">
        <v>0</v>
      </c>
      <c r="AB877" s="166">
        <v>0</v>
      </c>
      <c r="AC877" s="166">
        <v>0</v>
      </c>
      <c r="AD877" s="166">
        <v>0</v>
      </c>
      <c r="AE877" s="166">
        <v>0</v>
      </c>
      <c r="AF877" s="166">
        <v>0</v>
      </c>
      <c r="AG877" s="166">
        <v>0</v>
      </c>
      <c r="AH877" s="166">
        <v>0</v>
      </c>
      <c r="AI877" s="166">
        <v>0</v>
      </c>
      <c r="AJ877" s="166">
        <v>0</v>
      </c>
      <c r="AK877" s="166">
        <v>0</v>
      </c>
      <c r="AL877" s="166">
        <v>0</v>
      </c>
      <c r="AM877" s="166">
        <v>0</v>
      </c>
      <c r="AN877" s="166">
        <v>0</v>
      </c>
      <c r="AO877" s="166">
        <v>0</v>
      </c>
      <c r="AP877" s="166">
        <v>0</v>
      </c>
      <c r="AQ877" s="166">
        <v>0</v>
      </c>
      <c r="AR877" s="166">
        <v>0</v>
      </c>
      <c r="AS877" s="166">
        <v>0</v>
      </c>
      <c r="AT877" s="166">
        <v>0</v>
      </c>
      <c r="AU877" s="166">
        <v>0</v>
      </c>
      <c r="AV877" s="166">
        <v>0</v>
      </c>
      <c r="AW877" s="166">
        <v>0</v>
      </c>
      <c r="AX877" s="166">
        <v>0</v>
      </c>
      <c r="AY877" s="166">
        <v>0</v>
      </c>
      <c r="AZ877" s="166">
        <v>0</v>
      </c>
      <c r="BA877" s="166">
        <v>0</v>
      </c>
      <c r="BB877" s="166">
        <v>0</v>
      </c>
      <c r="BC877" s="166">
        <v>0</v>
      </c>
      <c r="BD877" s="166">
        <v>0</v>
      </c>
      <c r="BE877" s="166">
        <v>0</v>
      </c>
      <c r="BF877" s="166">
        <v>0</v>
      </c>
      <c r="BG877" s="166">
        <v>0</v>
      </c>
      <c r="BH877" s="166">
        <v>0</v>
      </c>
      <c r="BI877" s="166">
        <v>0</v>
      </c>
      <c r="BJ877" s="166">
        <v>0</v>
      </c>
      <c r="BK877" s="166">
        <v>0</v>
      </c>
      <c r="BL877" s="166">
        <v>0</v>
      </c>
      <c r="BM877" s="166">
        <v>0</v>
      </c>
      <c r="BN877" s="166">
        <v>0</v>
      </c>
      <c r="BO877" s="166">
        <v>0</v>
      </c>
      <c r="BP877" s="166">
        <v>0</v>
      </c>
      <c r="BQ877" s="166">
        <v>0</v>
      </c>
      <c r="BR877" s="166">
        <v>0</v>
      </c>
      <c r="BS877" s="166">
        <v>0</v>
      </c>
      <c r="BT877" s="168">
        <v>1</v>
      </c>
      <c r="BU877" s="166">
        <v>0</v>
      </c>
      <c r="BV877" s="166">
        <v>0</v>
      </c>
      <c r="BW877" s="166">
        <v>0</v>
      </c>
      <c r="BX877" s="166">
        <v>0</v>
      </c>
      <c r="BY877" s="166">
        <v>0</v>
      </c>
      <c r="BZ877" s="166">
        <v>0</v>
      </c>
      <c r="CA877" s="166">
        <v>0</v>
      </c>
      <c r="CB877" s="166">
        <v>0</v>
      </c>
      <c r="CC877" s="166">
        <v>0</v>
      </c>
      <c r="CD877" s="166">
        <v>0</v>
      </c>
      <c r="CE877" s="166">
        <v>0</v>
      </c>
      <c r="CF877" s="166">
        <v>0</v>
      </c>
      <c r="CG877" s="166">
        <v>0</v>
      </c>
      <c r="CH877" s="166">
        <v>0</v>
      </c>
      <c r="CI877" s="166">
        <v>0</v>
      </c>
      <c r="CJ877" s="166">
        <v>0</v>
      </c>
      <c r="CK877" s="166">
        <v>0</v>
      </c>
      <c r="CL877" s="166">
        <v>0</v>
      </c>
      <c r="CM877" s="166">
        <v>0</v>
      </c>
      <c r="CN877" s="166">
        <v>0</v>
      </c>
      <c r="CO877" s="166">
        <v>0</v>
      </c>
      <c r="CP877" s="166">
        <v>0</v>
      </c>
      <c r="CQ877" s="166">
        <v>0</v>
      </c>
      <c r="CR877" s="166">
        <v>0</v>
      </c>
      <c r="CS877" s="166">
        <v>0</v>
      </c>
      <c r="CT877" s="166">
        <v>0</v>
      </c>
      <c r="CU877" s="166">
        <v>0</v>
      </c>
      <c r="CV877" s="166">
        <v>0</v>
      </c>
      <c r="CW877" s="166">
        <v>0</v>
      </c>
      <c r="CX877" s="166">
        <v>0</v>
      </c>
      <c r="CY877" s="166">
        <v>0</v>
      </c>
      <c r="CZ877" s="166">
        <v>0</v>
      </c>
    </row>
    <row r="878" spans="1:104" x14ac:dyDescent="0.2">
      <c r="A878" s="170" t="s">
        <v>408</v>
      </c>
      <c r="B878" s="166">
        <v>6042460.5499999998</v>
      </c>
      <c r="C878" s="166">
        <v>6042460.5499999998</v>
      </c>
      <c r="D878" s="166">
        <v>0</v>
      </c>
      <c r="E878" s="166">
        <v>0</v>
      </c>
      <c r="F878" s="166">
        <v>0</v>
      </c>
      <c r="G878" s="166">
        <v>0</v>
      </c>
      <c r="H878" s="166">
        <v>0</v>
      </c>
      <c r="I878" s="166">
        <v>0</v>
      </c>
      <c r="J878" s="166">
        <v>0</v>
      </c>
      <c r="K878" s="166">
        <v>0</v>
      </c>
      <c r="L878" s="166">
        <v>0</v>
      </c>
      <c r="M878" s="166">
        <v>0</v>
      </c>
      <c r="N878" s="166">
        <v>0</v>
      </c>
      <c r="O878" s="166">
        <v>0</v>
      </c>
      <c r="P878" s="166">
        <v>0</v>
      </c>
      <c r="Q878" s="166">
        <v>0</v>
      </c>
      <c r="R878" s="166">
        <v>0</v>
      </c>
      <c r="S878" s="166">
        <v>0</v>
      </c>
      <c r="T878" s="166">
        <v>0</v>
      </c>
      <c r="U878" s="166">
        <v>0</v>
      </c>
      <c r="V878" s="166">
        <v>0</v>
      </c>
      <c r="W878" s="166">
        <v>0</v>
      </c>
      <c r="X878" s="166">
        <v>0</v>
      </c>
      <c r="Y878" s="166">
        <v>0</v>
      </c>
      <c r="Z878" s="166">
        <v>0</v>
      </c>
      <c r="AA878" s="166">
        <v>0</v>
      </c>
      <c r="AB878" s="166">
        <v>0</v>
      </c>
      <c r="AC878" s="166">
        <v>0</v>
      </c>
      <c r="AD878" s="166">
        <v>0</v>
      </c>
      <c r="AE878" s="166">
        <v>0</v>
      </c>
      <c r="AF878" s="166">
        <v>0</v>
      </c>
      <c r="AG878" s="166">
        <v>0</v>
      </c>
      <c r="AH878" s="166">
        <v>0</v>
      </c>
      <c r="AI878" s="166">
        <v>0</v>
      </c>
      <c r="AJ878" s="166">
        <v>0</v>
      </c>
      <c r="AK878" s="166">
        <v>0</v>
      </c>
      <c r="AL878" s="166">
        <v>0</v>
      </c>
      <c r="AM878" s="166">
        <v>0</v>
      </c>
      <c r="AN878" s="166">
        <v>0</v>
      </c>
      <c r="AO878" s="166">
        <v>0</v>
      </c>
      <c r="AP878" s="166">
        <v>0</v>
      </c>
      <c r="AQ878" s="166">
        <v>0</v>
      </c>
      <c r="AR878" s="166">
        <v>0</v>
      </c>
      <c r="AS878" s="166">
        <v>0</v>
      </c>
      <c r="AT878" s="166">
        <v>0</v>
      </c>
      <c r="AU878" s="166">
        <v>0</v>
      </c>
      <c r="AV878" s="166">
        <v>0</v>
      </c>
      <c r="AW878" s="166">
        <v>0</v>
      </c>
      <c r="AX878" s="166">
        <v>0</v>
      </c>
      <c r="AY878" s="166">
        <v>0</v>
      </c>
      <c r="AZ878" s="166">
        <v>0</v>
      </c>
      <c r="BA878" s="166">
        <v>0</v>
      </c>
      <c r="BB878" s="166">
        <v>0</v>
      </c>
      <c r="BC878" s="166">
        <v>0</v>
      </c>
      <c r="BD878" s="166">
        <v>0</v>
      </c>
      <c r="BE878" s="166">
        <v>0</v>
      </c>
      <c r="BF878" s="166">
        <v>0</v>
      </c>
      <c r="BG878" s="166">
        <v>0</v>
      </c>
      <c r="BH878" s="166">
        <v>0</v>
      </c>
      <c r="BI878" s="166">
        <v>0</v>
      </c>
      <c r="BJ878" s="166">
        <v>0</v>
      </c>
      <c r="BK878" s="166">
        <v>0</v>
      </c>
      <c r="BL878" s="166">
        <v>0</v>
      </c>
      <c r="BM878" s="166">
        <v>0</v>
      </c>
      <c r="BN878" s="166">
        <v>0</v>
      </c>
      <c r="BO878" s="166">
        <v>0</v>
      </c>
      <c r="BP878" s="166">
        <v>0</v>
      </c>
      <c r="BQ878" s="166">
        <v>0</v>
      </c>
      <c r="BR878" s="166">
        <v>6042460.5499999998</v>
      </c>
      <c r="BS878" s="166">
        <v>6042460.5499999998</v>
      </c>
      <c r="BT878" s="168">
        <v>0</v>
      </c>
      <c r="BU878" s="166">
        <v>324465.19</v>
      </c>
      <c r="BV878" s="166">
        <v>6042460.5499999998</v>
      </c>
      <c r="BW878" s="166">
        <v>0</v>
      </c>
      <c r="BX878" s="166">
        <v>0</v>
      </c>
      <c r="BY878" s="166">
        <v>0</v>
      </c>
      <c r="BZ878" s="166">
        <v>0</v>
      </c>
      <c r="CA878" s="166">
        <v>0</v>
      </c>
      <c r="CB878" s="166">
        <v>0</v>
      </c>
      <c r="CC878" s="166">
        <v>0</v>
      </c>
      <c r="CD878" s="166">
        <v>0</v>
      </c>
      <c r="CE878" s="166">
        <v>0</v>
      </c>
      <c r="CF878" s="166">
        <v>0</v>
      </c>
      <c r="CG878" s="166">
        <v>0</v>
      </c>
      <c r="CH878" s="166">
        <v>0</v>
      </c>
      <c r="CI878" s="166">
        <v>0</v>
      </c>
      <c r="CJ878" s="166">
        <v>0</v>
      </c>
      <c r="CK878" s="166">
        <v>0</v>
      </c>
      <c r="CL878" s="166">
        <v>0</v>
      </c>
      <c r="CM878" s="166">
        <v>0</v>
      </c>
      <c r="CN878" s="166">
        <v>0</v>
      </c>
      <c r="CO878" s="166">
        <v>0</v>
      </c>
      <c r="CP878" s="166">
        <v>0</v>
      </c>
      <c r="CQ878" s="166">
        <v>0</v>
      </c>
      <c r="CR878" s="166">
        <v>0</v>
      </c>
      <c r="CS878" s="166">
        <v>0</v>
      </c>
      <c r="CT878" s="166">
        <v>0</v>
      </c>
      <c r="CU878" s="166">
        <v>0</v>
      </c>
      <c r="CV878" s="166">
        <v>0</v>
      </c>
      <c r="CW878" s="166">
        <v>0</v>
      </c>
      <c r="CX878" s="166">
        <v>0</v>
      </c>
      <c r="CY878" s="166">
        <v>6042460.5499999998</v>
      </c>
      <c r="CZ878" s="166">
        <v>6042460.5499999998</v>
      </c>
    </row>
    <row r="879" spans="1:104" x14ac:dyDescent="0.2">
      <c r="A879" s="167" t="s">
        <v>409</v>
      </c>
    </row>
    <row r="880" spans="1:104" x14ac:dyDescent="0.2">
      <c r="A880" s="170" t="s">
        <v>410</v>
      </c>
    </row>
    <row r="881" spans="1:104" x14ac:dyDescent="0.2">
      <c r="A881" s="167" t="s">
        <v>1178</v>
      </c>
      <c r="B881" s="166">
        <v>75064935.429999903</v>
      </c>
      <c r="C881" s="166">
        <v>75064935.429999903</v>
      </c>
      <c r="D881" s="166">
        <v>0</v>
      </c>
      <c r="E881" s="166">
        <v>0</v>
      </c>
      <c r="F881" s="166">
        <v>0</v>
      </c>
      <c r="G881" s="166">
        <v>0</v>
      </c>
      <c r="H881" s="166">
        <v>0</v>
      </c>
      <c r="I881" s="166">
        <v>0</v>
      </c>
      <c r="J881" s="166">
        <v>0</v>
      </c>
      <c r="K881" s="166">
        <v>0</v>
      </c>
      <c r="L881" s="166">
        <v>0</v>
      </c>
      <c r="M881" s="166">
        <v>0</v>
      </c>
      <c r="N881" s="166">
        <v>0</v>
      </c>
      <c r="O881" s="166">
        <v>0</v>
      </c>
      <c r="P881" s="166">
        <v>0</v>
      </c>
      <c r="Q881" s="166">
        <v>0</v>
      </c>
      <c r="R881" s="166">
        <v>0</v>
      </c>
      <c r="S881" s="166">
        <v>0</v>
      </c>
      <c r="T881" s="166">
        <v>0</v>
      </c>
      <c r="U881" s="166">
        <v>0</v>
      </c>
      <c r="V881" s="166">
        <v>0</v>
      </c>
      <c r="W881" s="166">
        <v>0</v>
      </c>
      <c r="X881" s="166">
        <v>0</v>
      </c>
      <c r="Y881" s="166">
        <v>0</v>
      </c>
      <c r="Z881" s="166">
        <v>0</v>
      </c>
      <c r="AA881" s="166">
        <v>0</v>
      </c>
      <c r="AB881" s="166">
        <v>0</v>
      </c>
      <c r="AC881" s="166">
        <v>0</v>
      </c>
      <c r="AD881" s="166">
        <v>0</v>
      </c>
      <c r="AE881" s="166">
        <v>0</v>
      </c>
      <c r="AF881" s="166">
        <v>0</v>
      </c>
      <c r="AG881" s="166">
        <v>0</v>
      </c>
      <c r="AH881" s="166">
        <v>0</v>
      </c>
      <c r="AI881" s="166">
        <v>0</v>
      </c>
      <c r="AJ881" s="166">
        <v>0</v>
      </c>
      <c r="AK881" s="166">
        <v>0</v>
      </c>
      <c r="AL881" s="166">
        <v>0</v>
      </c>
      <c r="AM881" s="166">
        <v>0</v>
      </c>
      <c r="AN881" s="166">
        <v>0</v>
      </c>
      <c r="AO881" s="166">
        <v>0</v>
      </c>
      <c r="AP881" s="166">
        <v>0</v>
      </c>
      <c r="AQ881" s="166">
        <v>0</v>
      </c>
      <c r="AR881" s="166">
        <v>0</v>
      </c>
      <c r="AS881" s="166">
        <v>0</v>
      </c>
      <c r="AT881" s="166">
        <v>0</v>
      </c>
      <c r="AU881" s="166">
        <v>0</v>
      </c>
      <c r="AV881" s="166">
        <v>0</v>
      </c>
      <c r="AW881" s="166">
        <v>0</v>
      </c>
      <c r="AX881" s="166">
        <v>0</v>
      </c>
      <c r="AY881" s="166">
        <v>0</v>
      </c>
      <c r="AZ881" s="166">
        <v>0</v>
      </c>
      <c r="BA881" s="166">
        <v>0</v>
      </c>
      <c r="BB881" s="166">
        <v>0</v>
      </c>
      <c r="BC881" s="166">
        <v>0</v>
      </c>
      <c r="BD881" s="166">
        <v>0</v>
      </c>
      <c r="BE881" s="166">
        <v>0</v>
      </c>
      <c r="BF881" s="166">
        <v>0</v>
      </c>
      <c r="BG881" s="166">
        <v>0</v>
      </c>
      <c r="BH881" s="166">
        <v>0</v>
      </c>
      <c r="BI881" s="166">
        <v>0</v>
      </c>
      <c r="BJ881" s="166">
        <v>0</v>
      </c>
      <c r="BK881" s="166">
        <v>0</v>
      </c>
      <c r="BL881" s="166">
        <v>0</v>
      </c>
      <c r="BM881" s="166">
        <v>0</v>
      </c>
      <c r="BN881" s="166">
        <v>0</v>
      </c>
      <c r="BO881" s="166">
        <v>0</v>
      </c>
      <c r="BP881" s="166">
        <v>0</v>
      </c>
      <c r="BQ881" s="166">
        <v>0</v>
      </c>
      <c r="BR881" s="166">
        <v>75064935.429999903</v>
      </c>
      <c r="BS881" s="166">
        <v>75064935.429999903</v>
      </c>
      <c r="BT881" s="168">
        <v>0.96779000000000004</v>
      </c>
      <c r="BU881" s="166">
        <v>3801416.7459344999</v>
      </c>
      <c r="BV881" s="166">
        <v>72647093.859799698</v>
      </c>
      <c r="BW881" s="166">
        <v>0</v>
      </c>
      <c r="BX881" s="166">
        <v>0</v>
      </c>
      <c r="BY881" s="166">
        <v>0</v>
      </c>
      <c r="BZ881" s="166">
        <v>0</v>
      </c>
      <c r="CA881" s="166">
        <v>0</v>
      </c>
      <c r="CB881" s="166">
        <v>0</v>
      </c>
      <c r="CC881" s="166">
        <v>0</v>
      </c>
      <c r="CD881" s="166">
        <v>0</v>
      </c>
      <c r="CE881" s="166">
        <v>0</v>
      </c>
      <c r="CF881" s="166">
        <v>0</v>
      </c>
      <c r="CG881" s="166">
        <v>0</v>
      </c>
      <c r="CH881" s="166">
        <v>0</v>
      </c>
      <c r="CI881" s="166">
        <v>0</v>
      </c>
      <c r="CJ881" s="166">
        <v>0</v>
      </c>
      <c r="CK881" s="166">
        <v>0</v>
      </c>
      <c r="CL881" s="166">
        <v>0</v>
      </c>
      <c r="CM881" s="166">
        <v>0</v>
      </c>
      <c r="CN881" s="166">
        <v>0</v>
      </c>
      <c r="CO881" s="166">
        <v>0</v>
      </c>
      <c r="CP881" s="166">
        <v>0</v>
      </c>
      <c r="CQ881" s="166">
        <v>0</v>
      </c>
      <c r="CR881" s="166">
        <v>0</v>
      </c>
      <c r="CS881" s="166">
        <v>0</v>
      </c>
      <c r="CT881" s="166">
        <v>0</v>
      </c>
      <c r="CU881" s="166">
        <v>0</v>
      </c>
      <c r="CV881" s="166">
        <v>0</v>
      </c>
      <c r="CW881" s="166">
        <v>0</v>
      </c>
      <c r="CX881" s="166">
        <v>0</v>
      </c>
      <c r="CY881" s="166">
        <v>72647093.859799698</v>
      </c>
      <c r="CZ881" s="166">
        <v>72647093.859799698</v>
      </c>
    </row>
    <row r="882" spans="1:104" x14ac:dyDescent="0.2">
      <c r="A882" s="167" t="s">
        <v>1179</v>
      </c>
      <c r="B882" s="166">
        <v>0</v>
      </c>
      <c r="C882" s="166">
        <v>0</v>
      </c>
      <c r="D882" s="166">
        <v>0</v>
      </c>
      <c r="E882" s="166">
        <v>0</v>
      </c>
      <c r="F882" s="166">
        <v>0</v>
      </c>
      <c r="G882" s="166">
        <v>0</v>
      </c>
      <c r="H882" s="166">
        <v>0</v>
      </c>
      <c r="I882" s="166">
        <v>0</v>
      </c>
      <c r="J882" s="166">
        <v>0</v>
      </c>
      <c r="K882" s="166">
        <v>0</v>
      </c>
      <c r="L882" s="166">
        <v>0</v>
      </c>
      <c r="M882" s="166">
        <v>0</v>
      </c>
      <c r="N882" s="166">
        <v>0</v>
      </c>
      <c r="O882" s="166">
        <v>0</v>
      </c>
      <c r="P882" s="166">
        <v>0</v>
      </c>
      <c r="Q882" s="166">
        <v>0</v>
      </c>
      <c r="R882" s="166">
        <v>0</v>
      </c>
      <c r="S882" s="166">
        <v>0</v>
      </c>
      <c r="T882" s="166">
        <v>0</v>
      </c>
      <c r="U882" s="166">
        <v>0</v>
      </c>
      <c r="V882" s="166">
        <v>0</v>
      </c>
      <c r="W882" s="166">
        <v>0</v>
      </c>
      <c r="X882" s="166">
        <v>0</v>
      </c>
      <c r="Y882" s="166">
        <v>0</v>
      </c>
      <c r="Z882" s="166">
        <v>0</v>
      </c>
      <c r="AA882" s="166">
        <v>0</v>
      </c>
      <c r="AB882" s="166">
        <v>0</v>
      </c>
      <c r="AC882" s="166">
        <v>0</v>
      </c>
      <c r="AD882" s="166">
        <v>0</v>
      </c>
      <c r="AE882" s="166">
        <v>0</v>
      </c>
      <c r="AF882" s="166">
        <v>0</v>
      </c>
      <c r="AG882" s="166">
        <v>0</v>
      </c>
      <c r="AH882" s="166">
        <v>0</v>
      </c>
      <c r="AI882" s="166">
        <v>0</v>
      </c>
      <c r="AJ882" s="166">
        <v>0</v>
      </c>
      <c r="AK882" s="166">
        <v>0</v>
      </c>
      <c r="AL882" s="166">
        <v>0</v>
      </c>
      <c r="AM882" s="166">
        <v>0</v>
      </c>
      <c r="AN882" s="166">
        <v>0</v>
      </c>
      <c r="AO882" s="166">
        <v>0</v>
      </c>
      <c r="AP882" s="166">
        <v>0</v>
      </c>
      <c r="AQ882" s="166">
        <v>0</v>
      </c>
      <c r="AR882" s="166">
        <v>0</v>
      </c>
      <c r="AS882" s="166">
        <v>0</v>
      </c>
      <c r="AT882" s="166">
        <v>0</v>
      </c>
      <c r="AU882" s="166">
        <v>0</v>
      </c>
      <c r="AV882" s="166">
        <v>0</v>
      </c>
      <c r="AW882" s="166">
        <v>0</v>
      </c>
      <c r="AX882" s="166">
        <v>0</v>
      </c>
      <c r="AY882" s="166">
        <v>0</v>
      </c>
      <c r="AZ882" s="166">
        <v>0</v>
      </c>
      <c r="BA882" s="166">
        <v>0</v>
      </c>
      <c r="BB882" s="166">
        <v>0</v>
      </c>
      <c r="BC882" s="166">
        <v>0</v>
      </c>
      <c r="BD882" s="166">
        <v>0</v>
      </c>
      <c r="BE882" s="166">
        <v>0</v>
      </c>
      <c r="BF882" s="166">
        <v>0</v>
      </c>
      <c r="BG882" s="166">
        <v>0</v>
      </c>
      <c r="BH882" s="166">
        <v>0</v>
      </c>
      <c r="BI882" s="166">
        <v>0</v>
      </c>
      <c r="BJ882" s="166">
        <v>0</v>
      </c>
      <c r="BK882" s="166">
        <v>0</v>
      </c>
      <c r="BL882" s="166">
        <v>0</v>
      </c>
      <c r="BM882" s="166">
        <v>0</v>
      </c>
      <c r="BN882" s="166">
        <v>0</v>
      </c>
      <c r="BO882" s="166">
        <v>0</v>
      </c>
      <c r="BP882" s="166">
        <v>0</v>
      </c>
      <c r="BQ882" s="166">
        <v>0</v>
      </c>
      <c r="BR882" s="166">
        <v>0</v>
      </c>
      <c r="BS882" s="166">
        <v>0</v>
      </c>
      <c r="BT882" s="168">
        <v>0</v>
      </c>
      <c r="BU882" s="166">
        <v>0</v>
      </c>
      <c r="BV882" s="166">
        <v>0</v>
      </c>
      <c r="BW882" s="166">
        <v>0</v>
      </c>
      <c r="BX882" s="166">
        <v>0</v>
      </c>
      <c r="BY882" s="166">
        <v>0</v>
      </c>
      <c r="BZ882" s="166">
        <v>0</v>
      </c>
      <c r="CA882" s="166">
        <v>0</v>
      </c>
      <c r="CB882" s="166">
        <v>0</v>
      </c>
      <c r="CC882" s="166">
        <v>0</v>
      </c>
      <c r="CD882" s="166">
        <v>0</v>
      </c>
      <c r="CE882" s="166">
        <v>0</v>
      </c>
      <c r="CF882" s="166">
        <v>0</v>
      </c>
      <c r="CG882" s="166">
        <v>0</v>
      </c>
      <c r="CH882" s="166">
        <v>0</v>
      </c>
      <c r="CI882" s="166">
        <v>0</v>
      </c>
      <c r="CJ882" s="166">
        <v>0</v>
      </c>
      <c r="CK882" s="166">
        <v>0</v>
      </c>
      <c r="CL882" s="166">
        <v>0</v>
      </c>
      <c r="CM882" s="166">
        <v>0</v>
      </c>
      <c r="CN882" s="166">
        <v>0</v>
      </c>
      <c r="CO882" s="166">
        <v>0</v>
      </c>
      <c r="CP882" s="166">
        <v>0</v>
      </c>
      <c r="CQ882" s="166">
        <v>0</v>
      </c>
      <c r="CR882" s="166">
        <v>0</v>
      </c>
      <c r="CS882" s="166">
        <v>0</v>
      </c>
      <c r="CT882" s="166">
        <v>0</v>
      </c>
      <c r="CU882" s="166">
        <v>0</v>
      </c>
      <c r="CV882" s="166">
        <v>0</v>
      </c>
      <c r="CW882" s="166">
        <v>0</v>
      </c>
      <c r="CX882" s="166">
        <v>0</v>
      </c>
      <c r="CY882" s="166">
        <v>0</v>
      </c>
      <c r="CZ882" s="166">
        <v>0</v>
      </c>
    </row>
    <row r="883" spans="1:104" x14ac:dyDescent="0.2">
      <c r="A883" s="167" t="s">
        <v>413</v>
      </c>
      <c r="B883" s="166">
        <v>75064935.429999903</v>
      </c>
      <c r="C883" s="166">
        <v>75064935.429999903</v>
      </c>
      <c r="D883" s="166">
        <v>0</v>
      </c>
      <c r="E883" s="166">
        <v>0</v>
      </c>
      <c r="F883" s="166">
        <v>0</v>
      </c>
      <c r="G883" s="166">
        <v>0</v>
      </c>
      <c r="H883" s="166">
        <v>0</v>
      </c>
      <c r="I883" s="166">
        <v>0</v>
      </c>
      <c r="J883" s="166">
        <v>0</v>
      </c>
      <c r="K883" s="166">
        <v>0</v>
      </c>
      <c r="L883" s="166">
        <v>0</v>
      </c>
      <c r="M883" s="166">
        <v>0</v>
      </c>
      <c r="N883" s="166">
        <v>0</v>
      </c>
      <c r="O883" s="166">
        <v>0</v>
      </c>
      <c r="P883" s="166">
        <v>0</v>
      </c>
      <c r="Q883" s="166">
        <v>0</v>
      </c>
      <c r="R883" s="166">
        <v>0</v>
      </c>
      <c r="S883" s="166">
        <v>0</v>
      </c>
      <c r="T883" s="166">
        <v>0</v>
      </c>
      <c r="U883" s="166">
        <v>0</v>
      </c>
      <c r="V883" s="166">
        <v>0</v>
      </c>
      <c r="W883" s="166">
        <v>0</v>
      </c>
      <c r="X883" s="166">
        <v>0</v>
      </c>
      <c r="Y883" s="166">
        <v>0</v>
      </c>
      <c r="Z883" s="166">
        <v>0</v>
      </c>
      <c r="AA883" s="166">
        <v>0</v>
      </c>
      <c r="AB883" s="166">
        <v>0</v>
      </c>
      <c r="AC883" s="166">
        <v>0</v>
      </c>
      <c r="AD883" s="166">
        <v>0</v>
      </c>
      <c r="AE883" s="166">
        <v>0</v>
      </c>
      <c r="AF883" s="166">
        <v>0</v>
      </c>
      <c r="AG883" s="166">
        <v>0</v>
      </c>
      <c r="AH883" s="166">
        <v>0</v>
      </c>
      <c r="AI883" s="166">
        <v>0</v>
      </c>
      <c r="AJ883" s="166">
        <v>0</v>
      </c>
      <c r="AK883" s="166">
        <v>0</v>
      </c>
      <c r="AL883" s="166">
        <v>0</v>
      </c>
      <c r="AM883" s="166">
        <v>0</v>
      </c>
      <c r="AN883" s="166">
        <v>0</v>
      </c>
      <c r="AO883" s="166">
        <v>0</v>
      </c>
      <c r="AP883" s="166">
        <v>0</v>
      </c>
      <c r="AQ883" s="166">
        <v>0</v>
      </c>
      <c r="AR883" s="166">
        <v>0</v>
      </c>
      <c r="AS883" s="166">
        <v>0</v>
      </c>
      <c r="AT883" s="166">
        <v>0</v>
      </c>
      <c r="AU883" s="166">
        <v>0</v>
      </c>
      <c r="AV883" s="166">
        <v>0</v>
      </c>
      <c r="AW883" s="166">
        <v>0</v>
      </c>
      <c r="AX883" s="166">
        <v>0</v>
      </c>
      <c r="AY883" s="166">
        <v>0</v>
      </c>
      <c r="AZ883" s="166">
        <v>0</v>
      </c>
      <c r="BA883" s="166">
        <v>0</v>
      </c>
      <c r="BB883" s="166">
        <v>0</v>
      </c>
      <c r="BC883" s="166">
        <v>0</v>
      </c>
      <c r="BD883" s="166">
        <v>0</v>
      </c>
      <c r="BE883" s="166">
        <v>0</v>
      </c>
      <c r="BF883" s="166">
        <v>0</v>
      </c>
      <c r="BG883" s="166">
        <v>0</v>
      </c>
      <c r="BH883" s="166">
        <v>0</v>
      </c>
      <c r="BI883" s="166">
        <v>0</v>
      </c>
      <c r="BJ883" s="166">
        <v>0</v>
      </c>
      <c r="BK883" s="166">
        <v>0</v>
      </c>
      <c r="BL883" s="166">
        <v>0</v>
      </c>
      <c r="BM883" s="166">
        <v>0</v>
      </c>
      <c r="BN883" s="166">
        <v>0</v>
      </c>
      <c r="BO883" s="166">
        <v>0</v>
      </c>
      <c r="BP883" s="166">
        <v>0</v>
      </c>
      <c r="BQ883" s="166">
        <v>0</v>
      </c>
      <c r="BR883" s="166">
        <v>75064935.429999903</v>
      </c>
      <c r="BS883" s="166">
        <v>75064935.429999903</v>
      </c>
      <c r="BT883" s="168">
        <v>0</v>
      </c>
      <c r="BU883" s="166">
        <v>3801416.7459344999</v>
      </c>
      <c r="BV883" s="166">
        <v>72647093.859799698</v>
      </c>
      <c r="BW883" s="166">
        <v>0</v>
      </c>
      <c r="BX883" s="166">
        <v>0</v>
      </c>
      <c r="BY883" s="166">
        <v>0</v>
      </c>
      <c r="BZ883" s="166">
        <v>0</v>
      </c>
      <c r="CA883" s="166">
        <v>0</v>
      </c>
      <c r="CB883" s="166">
        <v>0</v>
      </c>
      <c r="CC883" s="166">
        <v>0</v>
      </c>
      <c r="CD883" s="166">
        <v>0</v>
      </c>
      <c r="CE883" s="166">
        <v>0</v>
      </c>
      <c r="CF883" s="166">
        <v>0</v>
      </c>
      <c r="CG883" s="166">
        <v>0</v>
      </c>
      <c r="CH883" s="166">
        <v>0</v>
      </c>
      <c r="CI883" s="166">
        <v>0</v>
      </c>
      <c r="CJ883" s="166">
        <v>0</v>
      </c>
      <c r="CK883" s="166">
        <v>0</v>
      </c>
      <c r="CL883" s="166">
        <v>0</v>
      </c>
      <c r="CM883" s="166">
        <v>0</v>
      </c>
      <c r="CN883" s="166">
        <v>0</v>
      </c>
      <c r="CO883" s="166">
        <v>0</v>
      </c>
      <c r="CP883" s="166">
        <v>0</v>
      </c>
      <c r="CQ883" s="166">
        <v>0</v>
      </c>
      <c r="CR883" s="166">
        <v>0</v>
      </c>
      <c r="CS883" s="166">
        <v>0</v>
      </c>
      <c r="CT883" s="166">
        <v>0</v>
      </c>
      <c r="CU883" s="166">
        <v>0</v>
      </c>
      <c r="CV883" s="166">
        <v>0</v>
      </c>
      <c r="CW883" s="166">
        <v>0</v>
      </c>
      <c r="CX883" s="166">
        <v>0</v>
      </c>
      <c r="CY883" s="166">
        <v>72647093.859799698</v>
      </c>
      <c r="CZ883" s="166">
        <v>72647093.859799698</v>
      </c>
    </row>
    <row r="884" spans="1:104" x14ac:dyDescent="0.2">
      <c r="A884" s="167" t="s">
        <v>414</v>
      </c>
    </row>
    <row r="885" spans="1:104" x14ac:dyDescent="0.2">
      <c r="A885" s="167" t="s">
        <v>1180</v>
      </c>
      <c r="B885" s="166">
        <v>50212617.789999999</v>
      </c>
      <c r="C885" s="166">
        <v>50212617.789999999</v>
      </c>
      <c r="D885" s="166">
        <v>0</v>
      </c>
      <c r="E885" s="166">
        <v>0</v>
      </c>
      <c r="F885" s="166">
        <v>0</v>
      </c>
      <c r="G885" s="166">
        <v>0</v>
      </c>
      <c r="H885" s="166">
        <v>0</v>
      </c>
      <c r="I885" s="166">
        <v>0</v>
      </c>
      <c r="J885" s="166">
        <v>0</v>
      </c>
      <c r="K885" s="166">
        <v>0</v>
      </c>
      <c r="L885" s="166">
        <v>0</v>
      </c>
      <c r="M885" s="166">
        <v>0</v>
      </c>
      <c r="N885" s="166">
        <v>0</v>
      </c>
      <c r="O885" s="166">
        <v>0</v>
      </c>
      <c r="P885" s="166">
        <v>0</v>
      </c>
      <c r="Q885" s="166">
        <v>0</v>
      </c>
      <c r="R885" s="166">
        <v>0</v>
      </c>
      <c r="S885" s="166">
        <v>0</v>
      </c>
      <c r="T885" s="166">
        <v>0</v>
      </c>
      <c r="U885" s="166">
        <v>0</v>
      </c>
      <c r="V885" s="166">
        <v>0</v>
      </c>
      <c r="W885" s="166">
        <v>0</v>
      </c>
      <c r="X885" s="166">
        <v>0</v>
      </c>
      <c r="Y885" s="166">
        <v>0</v>
      </c>
      <c r="Z885" s="166">
        <v>0</v>
      </c>
      <c r="AA885" s="166">
        <v>0</v>
      </c>
      <c r="AB885" s="166">
        <v>0</v>
      </c>
      <c r="AC885" s="166">
        <v>0</v>
      </c>
      <c r="AD885" s="166">
        <v>0</v>
      </c>
      <c r="AE885" s="166">
        <v>0</v>
      </c>
      <c r="AF885" s="166">
        <v>0</v>
      </c>
      <c r="AG885" s="166">
        <v>0</v>
      </c>
      <c r="AH885" s="166">
        <v>0</v>
      </c>
      <c r="AI885" s="166">
        <v>0</v>
      </c>
      <c r="AJ885" s="166">
        <v>0</v>
      </c>
      <c r="AK885" s="166">
        <v>0</v>
      </c>
      <c r="AL885" s="166">
        <v>0</v>
      </c>
      <c r="AM885" s="166">
        <v>0</v>
      </c>
      <c r="AN885" s="166">
        <v>0</v>
      </c>
      <c r="AO885" s="166">
        <v>0</v>
      </c>
      <c r="AP885" s="166">
        <v>0</v>
      </c>
      <c r="AQ885" s="166">
        <v>0</v>
      </c>
      <c r="AR885" s="166">
        <v>0</v>
      </c>
      <c r="AS885" s="166">
        <v>0</v>
      </c>
      <c r="AT885" s="166">
        <v>0</v>
      </c>
      <c r="AU885" s="166">
        <v>0</v>
      </c>
      <c r="AV885" s="166">
        <v>0</v>
      </c>
      <c r="AW885" s="166">
        <v>0</v>
      </c>
      <c r="AX885" s="166">
        <v>0</v>
      </c>
      <c r="AY885" s="166">
        <v>0</v>
      </c>
      <c r="AZ885" s="166">
        <v>0</v>
      </c>
      <c r="BA885" s="166">
        <v>0</v>
      </c>
      <c r="BB885" s="166">
        <v>0</v>
      </c>
      <c r="BC885" s="166">
        <v>0</v>
      </c>
      <c r="BD885" s="166">
        <v>0</v>
      </c>
      <c r="BE885" s="166">
        <v>0</v>
      </c>
      <c r="BF885" s="166">
        <v>0</v>
      </c>
      <c r="BG885" s="166">
        <v>0</v>
      </c>
      <c r="BH885" s="166">
        <v>0</v>
      </c>
      <c r="BI885" s="166">
        <v>0</v>
      </c>
      <c r="BJ885" s="166">
        <v>0</v>
      </c>
      <c r="BK885" s="166">
        <v>0</v>
      </c>
      <c r="BL885" s="166">
        <v>0</v>
      </c>
      <c r="BM885" s="166">
        <v>0</v>
      </c>
      <c r="BN885" s="166">
        <v>0</v>
      </c>
      <c r="BO885" s="166">
        <v>0</v>
      </c>
      <c r="BP885" s="166">
        <v>0</v>
      </c>
      <c r="BQ885" s="166">
        <v>0</v>
      </c>
      <c r="BR885" s="166">
        <v>50212617.789999999</v>
      </c>
      <c r="BS885" s="166">
        <v>50212617.789999999</v>
      </c>
      <c r="BT885" s="168">
        <v>0.96779000000000004</v>
      </c>
      <c r="BU885" s="166">
        <v>693789.47908009996</v>
      </c>
      <c r="BV885" s="166">
        <v>48595269.3709841</v>
      </c>
      <c r="BW885" s="166">
        <v>0</v>
      </c>
      <c r="BX885" s="166">
        <v>0</v>
      </c>
      <c r="BY885" s="166">
        <v>0</v>
      </c>
      <c r="BZ885" s="166">
        <v>0</v>
      </c>
      <c r="CA885" s="166">
        <v>0</v>
      </c>
      <c r="CB885" s="166">
        <v>0</v>
      </c>
      <c r="CC885" s="166">
        <v>0</v>
      </c>
      <c r="CD885" s="166">
        <v>0</v>
      </c>
      <c r="CE885" s="166">
        <v>0</v>
      </c>
      <c r="CF885" s="166">
        <v>0</v>
      </c>
      <c r="CG885" s="166">
        <v>0</v>
      </c>
      <c r="CH885" s="166">
        <v>0</v>
      </c>
      <c r="CI885" s="166">
        <v>0</v>
      </c>
      <c r="CJ885" s="166">
        <v>0</v>
      </c>
      <c r="CK885" s="166">
        <v>0</v>
      </c>
      <c r="CL885" s="166">
        <v>0</v>
      </c>
      <c r="CM885" s="166">
        <v>0</v>
      </c>
      <c r="CN885" s="166">
        <v>0</v>
      </c>
      <c r="CO885" s="166">
        <v>0</v>
      </c>
      <c r="CP885" s="166">
        <v>0</v>
      </c>
      <c r="CQ885" s="166">
        <v>0</v>
      </c>
      <c r="CR885" s="166">
        <v>0</v>
      </c>
      <c r="CS885" s="166">
        <v>0</v>
      </c>
      <c r="CT885" s="166">
        <v>0</v>
      </c>
      <c r="CU885" s="166">
        <v>0</v>
      </c>
      <c r="CV885" s="166">
        <v>0</v>
      </c>
      <c r="CW885" s="166">
        <v>0</v>
      </c>
      <c r="CX885" s="166">
        <v>0</v>
      </c>
      <c r="CY885" s="166">
        <v>48595269.3709841</v>
      </c>
      <c r="CZ885" s="166">
        <v>48595269.3709841</v>
      </c>
    </row>
    <row r="886" spans="1:104" x14ac:dyDescent="0.2">
      <c r="A886" s="167" t="s">
        <v>1181</v>
      </c>
      <c r="B886" s="166">
        <v>0</v>
      </c>
      <c r="C886" s="166">
        <v>0</v>
      </c>
      <c r="D886" s="166">
        <v>0</v>
      </c>
      <c r="E886" s="166">
        <v>0</v>
      </c>
      <c r="F886" s="166">
        <v>0</v>
      </c>
      <c r="G886" s="166">
        <v>0</v>
      </c>
      <c r="H886" s="166">
        <v>0</v>
      </c>
      <c r="I886" s="166">
        <v>0</v>
      </c>
      <c r="J886" s="166">
        <v>0</v>
      </c>
      <c r="K886" s="166">
        <v>0</v>
      </c>
      <c r="L886" s="166">
        <v>0</v>
      </c>
      <c r="M886" s="166">
        <v>0</v>
      </c>
      <c r="N886" s="166">
        <v>0</v>
      </c>
      <c r="O886" s="166">
        <v>0</v>
      </c>
      <c r="P886" s="166">
        <v>0</v>
      </c>
      <c r="Q886" s="166">
        <v>0</v>
      </c>
      <c r="R886" s="166">
        <v>0</v>
      </c>
      <c r="S886" s="166">
        <v>0</v>
      </c>
      <c r="T886" s="166">
        <v>0</v>
      </c>
      <c r="U886" s="166">
        <v>0</v>
      </c>
      <c r="V886" s="166">
        <v>0</v>
      </c>
      <c r="W886" s="166">
        <v>0</v>
      </c>
      <c r="X886" s="166">
        <v>0</v>
      </c>
      <c r="Y886" s="166">
        <v>0</v>
      </c>
      <c r="Z886" s="166">
        <v>0</v>
      </c>
      <c r="AA886" s="166">
        <v>0</v>
      </c>
      <c r="AB886" s="166">
        <v>0</v>
      </c>
      <c r="AC886" s="166">
        <v>0</v>
      </c>
      <c r="AD886" s="166">
        <v>0</v>
      </c>
      <c r="AE886" s="166">
        <v>0</v>
      </c>
      <c r="AF886" s="166">
        <v>0</v>
      </c>
      <c r="AG886" s="166">
        <v>0</v>
      </c>
      <c r="AH886" s="166">
        <v>0</v>
      </c>
      <c r="AI886" s="166">
        <v>0</v>
      </c>
      <c r="AJ886" s="166">
        <v>0</v>
      </c>
      <c r="AK886" s="166">
        <v>0</v>
      </c>
      <c r="AL886" s="166">
        <v>0</v>
      </c>
      <c r="AM886" s="166">
        <v>0</v>
      </c>
      <c r="AN886" s="166">
        <v>0</v>
      </c>
      <c r="AO886" s="166">
        <v>0</v>
      </c>
      <c r="AP886" s="166">
        <v>0</v>
      </c>
      <c r="AQ886" s="166">
        <v>0</v>
      </c>
      <c r="AR886" s="166">
        <v>0</v>
      </c>
      <c r="AS886" s="166">
        <v>0</v>
      </c>
      <c r="AT886" s="166">
        <v>0</v>
      </c>
      <c r="AU886" s="166">
        <v>0</v>
      </c>
      <c r="AV886" s="166">
        <v>0</v>
      </c>
      <c r="AW886" s="166">
        <v>0</v>
      </c>
      <c r="AX886" s="166">
        <v>0</v>
      </c>
      <c r="AY886" s="166">
        <v>0</v>
      </c>
      <c r="AZ886" s="166">
        <v>0</v>
      </c>
      <c r="BA886" s="166">
        <v>0</v>
      </c>
      <c r="BB886" s="166">
        <v>0</v>
      </c>
      <c r="BC886" s="166">
        <v>0</v>
      </c>
      <c r="BD886" s="166">
        <v>0</v>
      </c>
      <c r="BE886" s="166">
        <v>0</v>
      </c>
      <c r="BF886" s="166">
        <v>0</v>
      </c>
      <c r="BG886" s="166">
        <v>0</v>
      </c>
      <c r="BH886" s="166">
        <v>0</v>
      </c>
      <c r="BI886" s="166">
        <v>0</v>
      </c>
      <c r="BJ886" s="166">
        <v>0</v>
      </c>
      <c r="BK886" s="166">
        <v>0</v>
      </c>
      <c r="BL886" s="166">
        <v>0</v>
      </c>
      <c r="BM886" s="166">
        <v>0</v>
      </c>
      <c r="BN886" s="166">
        <v>0</v>
      </c>
      <c r="BO886" s="166">
        <v>0</v>
      </c>
      <c r="BP886" s="166">
        <v>0</v>
      </c>
      <c r="BQ886" s="166">
        <v>0</v>
      </c>
      <c r="BR886" s="166">
        <v>0</v>
      </c>
      <c r="BS886" s="166">
        <v>0</v>
      </c>
      <c r="BT886" s="168">
        <v>0</v>
      </c>
      <c r="BU886" s="166">
        <v>0</v>
      </c>
      <c r="BV886" s="166">
        <v>0</v>
      </c>
      <c r="BW886" s="166">
        <v>0</v>
      </c>
      <c r="BX886" s="166">
        <v>0</v>
      </c>
      <c r="BY886" s="166">
        <v>0</v>
      </c>
      <c r="BZ886" s="166">
        <v>0</v>
      </c>
      <c r="CA886" s="166">
        <v>0</v>
      </c>
      <c r="CB886" s="166">
        <v>0</v>
      </c>
      <c r="CC886" s="166">
        <v>0</v>
      </c>
      <c r="CD886" s="166">
        <v>0</v>
      </c>
      <c r="CE886" s="166">
        <v>0</v>
      </c>
      <c r="CF886" s="166">
        <v>0</v>
      </c>
      <c r="CG886" s="166">
        <v>0</v>
      </c>
      <c r="CH886" s="166">
        <v>0</v>
      </c>
      <c r="CI886" s="166">
        <v>0</v>
      </c>
      <c r="CJ886" s="166">
        <v>0</v>
      </c>
      <c r="CK886" s="166">
        <v>0</v>
      </c>
      <c r="CL886" s="166">
        <v>0</v>
      </c>
      <c r="CM886" s="166">
        <v>0</v>
      </c>
      <c r="CN886" s="166">
        <v>0</v>
      </c>
      <c r="CO886" s="166">
        <v>0</v>
      </c>
      <c r="CP886" s="166">
        <v>0</v>
      </c>
      <c r="CQ886" s="166">
        <v>0</v>
      </c>
      <c r="CR886" s="166">
        <v>0</v>
      </c>
      <c r="CS886" s="166">
        <v>0</v>
      </c>
      <c r="CT886" s="166">
        <v>0</v>
      </c>
      <c r="CU886" s="166">
        <v>0</v>
      </c>
      <c r="CV886" s="166">
        <v>0</v>
      </c>
      <c r="CW886" s="166">
        <v>0</v>
      </c>
      <c r="CX886" s="166">
        <v>0</v>
      </c>
      <c r="CY886" s="166">
        <v>0</v>
      </c>
      <c r="CZ886" s="166">
        <v>0</v>
      </c>
    </row>
    <row r="887" spans="1:104" x14ac:dyDescent="0.2">
      <c r="A887" s="167" t="s">
        <v>1182</v>
      </c>
      <c r="B887" s="166">
        <v>50212617.789999999</v>
      </c>
      <c r="C887" s="166">
        <v>50212617.789999999</v>
      </c>
      <c r="D887" s="166">
        <v>0</v>
      </c>
      <c r="E887" s="166">
        <v>0</v>
      </c>
      <c r="F887" s="166">
        <v>0</v>
      </c>
      <c r="G887" s="166">
        <v>0</v>
      </c>
      <c r="H887" s="166">
        <v>0</v>
      </c>
      <c r="I887" s="166">
        <v>0</v>
      </c>
      <c r="J887" s="166">
        <v>0</v>
      </c>
      <c r="K887" s="166">
        <v>0</v>
      </c>
      <c r="L887" s="166">
        <v>0</v>
      </c>
      <c r="M887" s="166">
        <v>0</v>
      </c>
      <c r="N887" s="166">
        <v>0</v>
      </c>
      <c r="O887" s="166">
        <v>0</v>
      </c>
      <c r="P887" s="166">
        <v>0</v>
      </c>
      <c r="Q887" s="166">
        <v>0</v>
      </c>
      <c r="R887" s="166">
        <v>0</v>
      </c>
      <c r="S887" s="166">
        <v>0</v>
      </c>
      <c r="T887" s="166">
        <v>0</v>
      </c>
      <c r="U887" s="166">
        <v>0</v>
      </c>
      <c r="V887" s="166">
        <v>0</v>
      </c>
      <c r="W887" s="166">
        <v>0</v>
      </c>
      <c r="X887" s="166">
        <v>0</v>
      </c>
      <c r="Y887" s="166">
        <v>0</v>
      </c>
      <c r="Z887" s="166">
        <v>0</v>
      </c>
      <c r="AA887" s="166">
        <v>0</v>
      </c>
      <c r="AB887" s="166">
        <v>0</v>
      </c>
      <c r="AC887" s="166">
        <v>0</v>
      </c>
      <c r="AD887" s="166">
        <v>0</v>
      </c>
      <c r="AE887" s="166">
        <v>0</v>
      </c>
      <c r="AF887" s="166">
        <v>0</v>
      </c>
      <c r="AG887" s="166">
        <v>0</v>
      </c>
      <c r="AH887" s="166">
        <v>0</v>
      </c>
      <c r="AI887" s="166">
        <v>0</v>
      </c>
      <c r="AJ887" s="166">
        <v>0</v>
      </c>
      <c r="AK887" s="166">
        <v>0</v>
      </c>
      <c r="AL887" s="166">
        <v>0</v>
      </c>
      <c r="AM887" s="166">
        <v>0</v>
      </c>
      <c r="AN887" s="166">
        <v>0</v>
      </c>
      <c r="AO887" s="166">
        <v>0</v>
      </c>
      <c r="AP887" s="166">
        <v>0</v>
      </c>
      <c r="AQ887" s="166">
        <v>0</v>
      </c>
      <c r="AR887" s="166">
        <v>0</v>
      </c>
      <c r="AS887" s="166">
        <v>0</v>
      </c>
      <c r="AT887" s="166">
        <v>0</v>
      </c>
      <c r="AU887" s="166">
        <v>0</v>
      </c>
      <c r="AV887" s="166">
        <v>0</v>
      </c>
      <c r="AW887" s="166">
        <v>0</v>
      </c>
      <c r="AX887" s="166">
        <v>0</v>
      </c>
      <c r="AY887" s="166">
        <v>0</v>
      </c>
      <c r="AZ887" s="166">
        <v>0</v>
      </c>
      <c r="BA887" s="166">
        <v>0</v>
      </c>
      <c r="BB887" s="166">
        <v>0</v>
      </c>
      <c r="BC887" s="166">
        <v>0</v>
      </c>
      <c r="BD887" s="166">
        <v>0</v>
      </c>
      <c r="BE887" s="166">
        <v>0</v>
      </c>
      <c r="BF887" s="166">
        <v>0</v>
      </c>
      <c r="BG887" s="166">
        <v>0</v>
      </c>
      <c r="BH887" s="166">
        <v>0</v>
      </c>
      <c r="BI887" s="166">
        <v>0</v>
      </c>
      <c r="BJ887" s="166">
        <v>0</v>
      </c>
      <c r="BK887" s="166">
        <v>0</v>
      </c>
      <c r="BL887" s="166">
        <v>0</v>
      </c>
      <c r="BM887" s="166">
        <v>0</v>
      </c>
      <c r="BN887" s="166">
        <v>0</v>
      </c>
      <c r="BO887" s="166">
        <v>0</v>
      </c>
      <c r="BP887" s="166">
        <v>0</v>
      </c>
      <c r="BQ887" s="166">
        <v>0</v>
      </c>
      <c r="BR887" s="166">
        <v>50212617.789999999</v>
      </c>
      <c r="BS887" s="166">
        <v>50212617.789999999</v>
      </c>
      <c r="BT887" s="168">
        <v>0</v>
      </c>
      <c r="BU887" s="166">
        <v>693789.47908009996</v>
      </c>
      <c r="BV887" s="166">
        <v>48595269.3709841</v>
      </c>
      <c r="BW887" s="166">
        <v>0</v>
      </c>
      <c r="BX887" s="166">
        <v>0</v>
      </c>
      <c r="BY887" s="166">
        <v>0</v>
      </c>
      <c r="BZ887" s="166">
        <v>0</v>
      </c>
      <c r="CA887" s="166">
        <v>0</v>
      </c>
      <c r="CB887" s="166">
        <v>0</v>
      </c>
      <c r="CC887" s="166">
        <v>0</v>
      </c>
      <c r="CD887" s="166">
        <v>0</v>
      </c>
      <c r="CE887" s="166">
        <v>0</v>
      </c>
      <c r="CF887" s="166">
        <v>0</v>
      </c>
      <c r="CG887" s="166">
        <v>0</v>
      </c>
      <c r="CH887" s="166">
        <v>0</v>
      </c>
      <c r="CI887" s="166">
        <v>0</v>
      </c>
      <c r="CJ887" s="166">
        <v>0</v>
      </c>
      <c r="CK887" s="166">
        <v>0</v>
      </c>
      <c r="CL887" s="166">
        <v>0</v>
      </c>
      <c r="CM887" s="166">
        <v>0</v>
      </c>
      <c r="CN887" s="166">
        <v>0</v>
      </c>
      <c r="CO887" s="166">
        <v>0</v>
      </c>
      <c r="CP887" s="166">
        <v>0</v>
      </c>
      <c r="CQ887" s="166">
        <v>0</v>
      </c>
      <c r="CR887" s="166">
        <v>0</v>
      </c>
      <c r="CS887" s="166">
        <v>0</v>
      </c>
      <c r="CT887" s="166">
        <v>0</v>
      </c>
      <c r="CU887" s="166">
        <v>0</v>
      </c>
      <c r="CV887" s="166">
        <v>0</v>
      </c>
      <c r="CW887" s="166">
        <v>0</v>
      </c>
      <c r="CX887" s="166">
        <v>0</v>
      </c>
      <c r="CY887" s="166">
        <v>48595269.3709841</v>
      </c>
      <c r="CZ887" s="166">
        <v>48595269.3709841</v>
      </c>
    </row>
    <row r="888" spans="1:104" x14ac:dyDescent="0.2">
      <c r="A888" s="167" t="s">
        <v>418</v>
      </c>
    </row>
    <row r="889" spans="1:104" x14ac:dyDescent="0.2">
      <c r="A889" s="167" t="s">
        <v>419</v>
      </c>
      <c r="B889" s="166">
        <v>42936.46</v>
      </c>
      <c r="C889" s="166">
        <v>42936.46</v>
      </c>
      <c r="D889" s="166">
        <v>0</v>
      </c>
      <c r="E889" s="166">
        <v>0</v>
      </c>
      <c r="F889" s="166">
        <v>0</v>
      </c>
      <c r="G889" s="166">
        <v>0</v>
      </c>
      <c r="H889" s="166">
        <v>0</v>
      </c>
      <c r="I889" s="166">
        <v>0</v>
      </c>
      <c r="J889" s="166">
        <v>0</v>
      </c>
      <c r="K889" s="166">
        <v>0</v>
      </c>
      <c r="L889" s="166">
        <v>0</v>
      </c>
      <c r="M889" s="166">
        <v>0</v>
      </c>
      <c r="N889" s="166">
        <v>0</v>
      </c>
      <c r="O889" s="166">
        <v>0</v>
      </c>
      <c r="P889" s="166">
        <v>0</v>
      </c>
      <c r="Q889" s="166">
        <v>0</v>
      </c>
      <c r="R889" s="166">
        <v>0</v>
      </c>
      <c r="S889" s="166">
        <v>0</v>
      </c>
      <c r="T889" s="166">
        <v>0</v>
      </c>
      <c r="U889" s="166">
        <v>0</v>
      </c>
      <c r="V889" s="166">
        <v>0</v>
      </c>
      <c r="W889" s="166">
        <v>0</v>
      </c>
      <c r="X889" s="166">
        <v>0</v>
      </c>
      <c r="Y889" s="166">
        <v>0</v>
      </c>
      <c r="Z889" s="166">
        <v>0</v>
      </c>
      <c r="AA889" s="166">
        <v>0</v>
      </c>
      <c r="AB889" s="166">
        <v>0</v>
      </c>
      <c r="AC889" s="166">
        <v>0</v>
      </c>
      <c r="AD889" s="166">
        <v>0</v>
      </c>
      <c r="AE889" s="166">
        <v>0</v>
      </c>
      <c r="AF889" s="166">
        <v>0</v>
      </c>
      <c r="AG889" s="166">
        <v>0</v>
      </c>
      <c r="AH889" s="166">
        <v>0</v>
      </c>
      <c r="AI889" s="166">
        <v>0</v>
      </c>
      <c r="AJ889" s="166">
        <v>0</v>
      </c>
      <c r="AK889" s="166">
        <v>0</v>
      </c>
      <c r="AL889" s="166">
        <v>0</v>
      </c>
      <c r="AM889" s="166">
        <v>0</v>
      </c>
      <c r="AN889" s="166">
        <v>0</v>
      </c>
      <c r="AO889" s="166">
        <v>0</v>
      </c>
      <c r="AP889" s="166">
        <v>0</v>
      </c>
      <c r="AQ889" s="166">
        <v>0</v>
      </c>
      <c r="AR889" s="166">
        <v>0</v>
      </c>
      <c r="AS889" s="166">
        <v>0</v>
      </c>
      <c r="AT889" s="166">
        <v>0</v>
      </c>
      <c r="AU889" s="166">
        <v>0</v>
      </c>
      <c r="AV889" s="166">
        <v>0</v>
      </c>
      <c r="AW889" s="166">
        <v>0</v>
      </c>
      <c r="AX889" s="166">
        <v>0</v>
      </c>
      <c r="AY889" s="166">
        <v>0</v>
      </c>
      <c r="AZ889" s="166">
        <v>0</v>
      </c>
      <c r="BA889" s="166">
        <v>0</v>
      </c>
      <c r="BB889" s="166">
        <v>0</v>
      </c>
      <c r="BC889" s="166">
        <v>0</v>
      </c>
      <c r="BD889" s="166">
        <v>0</v>
      </c>
      <c r="BE889" s="166">
        <v>0</v>
      </c>
      <c r="BF889" s="166">
        <v>0</v>
      </c>
      <c r="BG889" s="166">
        <v>0</v>
      </c>
      <c r="BH889" s="166">
        <v>0</v>
      </c>
      <c r="BI889" s="166">
        <v>0</v>
      </c>
      <c r="BJ889" s="166">
        <v>0</v>
      </c>
      <c r="BK889" s="166">
        <v>0</v>
      </c>
      <c r="BL889" s="166">
        <v>0</v>
      </c>
      <c r="BM889" s="166">
        <v>0</v>
      </c>
      <c r="BN889" s="166">
        <v>0</v>
      </c>
      <c r="BO889" s="166">
        <v>0</v>
      </c>
      <c r="BP889" s="166">
        <v>0</v>
      </c>
      <c r="BQ889" s="166">
        <v>0</v>
      </c>
      <c r="BR889" s="166">
        <v>42936.46</v>
      </c>
      <c r="BS889" s="166">
        <v>42936.46</v>
      </c>
      <c r="BT889" s="168">
        <v>0.96779000000000004</v>
      </c>
      <c r="BU889" s="166">
        <v>3482.4181128</v>
      </c>
      <c r="BV889" s="166">
        <v>41553.476623399998</v>
      </c>
      <c r="BW889" s="166">
        <v>0</v>
      </c>
      <c r="BX889" s="166">
        <v>0</v>
      </c>
      <c r="BY889" s="166">
        <v>0</v>
      </c>
      <c r="BZ889" s="166">
        <v>0</v>
      </c>
      <c r="CA889" s="166">
        <v>0</v>
      </c>
      <c r="CB889" s="166">
        <v>0</v>
      </c>
      <c r="CC889" s="166">
        <v>0</v>
      </c>
      <c r="CD889" s="166">
        <v>0</v>
      </c>
      <c r="CE889" s="166">
        <v>0</v>
      </c>
      <c r="CF889" s="166">
        <v>0</v>
      </c>
      <c r="CG889" s="166">
        <v>0</v>
      </c>
      <c r="CH889" s="166">
        <v>0</v>
      </c>
      <c r="CI889" s="166">
        <v>0</v>
      </c>
      <c r="CJ889" s="166">
        <v>0</v>
      </c>
      <c r="CK889" s="166">
        <v>0</v>
      </c>
      <c r="CL889" s="166">
        <v>0</v>
      </c>
      <c r="CM889" s="166">
        <v>0</v>
      </c>
      <c r="CN889" s="166">
        <v>0</v>
      </c>
      <c r="CO889" s="166">
        <v>0</v>
      </c>
      <c r="CP889" s="166">
        <v>0</v>
      </c>
      <c r="CQ889" s="166">
        <v>0</v>
      </c>
      <c r="CR889" s="166">
        <v>0</v>
      </c>
      <c r="CS889" s="166">
        <v>0</v>
      </c>
      <c r="CT889" s="166">
        <v>0</v>
      </c>
      <c r="CU889" s="166">
        <v>0</v>
      </c>
      <c r="CV889" s="166">
        <v>0</v>
      </c>
      <c r="CW889" s="166">
        <v>0</v>
      </c>
      <c r="CX889" s="166">
        <v>0</v>
      </c>
      <c r="CY889" s="166">
        <v>41553.476623399998</v>
      </c>
      <c r="CZ889" s="166">
        <v>41553.476623399998</v>
      </c>
    </row>
    <row r="890" spans="1:104" x14ac:dyDescent="0.2">
      <c r="A890" s="167" t="s">
        <v>420</v>
      </c>
    </row>
    <row r="891" spans="1:104" x14ac:dyDescent="0.2">
      <c r="A891" s="167" t="s">
        <v>1183</v>
      </c>
      <c r="B891" s="166">
        <v>25877667.489999902</v>
      </c>
      <c r="C891" s="166">
        <v>25877667.489999902</v>
      </c>
      <c r="D891" s="166">
        <v>0</v>
      </c>
      <c r="E891" s="166">
        <v>0</v>
      </c>
      <c r="F891" s="166">
        <v>0</v>
      </c>
      <c r="G891" s="166">
        <v>0</v>
      </c>
      <c r="H891" s="166">
        <v>0</v>
      </c>
      <c r="I891" s="166">
        <v>0</v>
      </c>
      <c r="J891" s="166">
        <v>0</v>
      </c>
      <c r="K891" s="166">
        <v>0</v>
      </c>
      <c r="L891" s="166">
        <v>0</v>
      </c>
      <c r="M891" s="166">
        <v>0</v>
      </c>
      <c r="N891" s="166">
        <v>0</v>
      </c>
      <c r="O891" s="166">
        <v>0</v>
      </c>
      <c r="P891" s="166">
        <v>0</v>
      </c>
      <c r="Q891" s="166">
        <v>0</v>
      </c>
      <c r="R891" s="166">
        <v>0</v>
      </c>
      <c r="S891" s="166">
        <v>0</v>
      </c>
      <c r="T891" s="166">
        <v>0</v>
      </c>
      <c r="U891" s="166">
        <v>0</v>
      </c>
      <c r="V891" s="166">
        <v>0</v>
      </c>
      <c r="W891" s="166">
        <v>0</v>
      </c>
      <c r="X891" s="166">
        <v>0</v>
      </c>
      <c r="Y891" s="166">
        <v>0</v>
      </c>
      <c r="Z891" s="166">
        <v>0</v>
      </c>
      <c r="AA891" s="166">
        <v>0</v>
      </c>
      <c r="AB891" s="166">
        <v>0</v>
      </c>
      <c r="AC891" s="166">
        <v>0</v>
      </c>
      <c r="AD891" s="166">
        <v>0</v>
      </c>
      <c r="AE891" s="166">
        <v>0</v>
      </c>
      <c r="AF891" s="166">
        <v>0</v>
      </c>
      <c r="AG891" s="166">
        <v>0</v>
      </c>
      <c r="AH891" s="166">
        <v>0</v>
      </c>
      <c r="AI891" s="166">
        <v>0</v>
      </c>
      <c r="AJ891" s="166">
        <v>0</v>
      </c>
      <c r="AK891" s="166">
        <v>0</v>
      </c>
      <c r="AL891" s="166">
        <v>0</v>
      </c>
      <c r="AM891" s="166">
        <v>0</v>
      </c>
      <c r="AN891" s="166">
        <v>0</v>
      </c>
      <c r="AO891" s="166">
        <v>0</v>
      </c>
      <c r="AP891" s="166">
        <v>0</v>
      </c>
      <c r="AQ891" s="166">
        <v>0</v>
      </c>
      <c r="AR891" s="166">
        <v>0</v>
      </c>
      <c r="AS891" s="166">
        <v>0</v>
      </c>
      <c r="AT891" s="166">
        <v>0</v>
      </c>
      <c r="AU891" s="166">
        <v>0</v>
      </c>
      <c r="AV891" s="166">
        <v>0</v>
      </c>
      <c r="AW891" s="166">
        <v>0</v>
      </c>
      <c r="AX891" s="166">
        <v>0</v>
      </c>
      <c r="AY891" s="166">
        <v>0</v>
      </c>
      <c r="AZ891" s="166">
        <v>0</v>
      </c>
      <c r="BA891" s="166">
        <v>0</v>
      </c>
      <c r="BB891" s="166">
        <v>0</v>
      </c>
      <c r="BC891" s="166">
        <v>0</v>
      </c>
      <c r="BD891" s="166">
        <v>0</v>
      </c>
      <c r="BE891" s="166">
        <v>0</v>
      </c>
      <c r="BF891" s="166">
        <v>0</v>
      </c>
      <c r="BG891" s="166">
        <v>0</v>
      </c>
      <c r="BH891" s="166">
        <v>0</v>
      </c>
      <c r="BI891" s="166">
        <v>0</v>
      </c>
      <c r="BJ891" s="166">
        <v>0</v>
      </c>
      <c r="BK891" s="166">
        <v>0</v>
      </c>
      <c r="BL891" s="166">
        <v>0</v>
      </c>
      <c r="BM891" s="166">
        <v>0</v>
      </c>
      <c r="BN891" s="166">
        <v>0</v>
      </c>
      <c r="BO891" s="166">
        <v>0</v>
      </c>
      <c r="BP891" s="166">
        <v>0</v>
      </c>
      <c r="BQ891" s="166">
        <v>0</v>
      </c>
      <c r="BR891" s="166">
        <v>25877667.489999902</v>
      </c>
      <c r="BS891" s="166">
        <v>25877667.489999902</v>
      </c>
      <c r="BT891" s="168">
        <v>0.96779000000000004</v>
      </c>
      <c r="BU891" s="166">
        <v>2045778.20193779</v>
      </c>
      <c r="BV891" s="166">
        <v>25044147.820147</v>
      </c>
      <c r="BW891" s="166">
        <v>0</v>
      </c>
      <c r="BX891" s="166">
        <v>0</v>
      </c>
      <c r="BY891" s="166">
        <v>0</v>
      </c>
      <c r="BZ891" s="166">
        <v>0</v>
      </c>
      <c r="CA891" s="166">
        <v>0</v>
      </c>
      <c r="CB891" s="166">
        <v>0</v>
      </c>
      <c r="CC891" s="166">
        <v>0</v>
      </c>
      <c r="CD891" s="166">
        <v>0</v>
      </c>
      <c r="CE891" s="166">
        <v>0</v>
      </c>
      <c r="CF891" s="166">
        <v>0</v>
      </c>
      <c r="CG891" s="166">
        <v>0</v>
      </c>
      <c r="CH891" s="166">
        <v>0</v>
      </c>
      <c r="CI891" s="166">
        <v>0</v>
      </c>
      <c r="CJ891" s="166">
        <v>0</v>
      </c>
      <c r="CK891" s="166">
        <v>0</v>
      </c>
      <c r="CL891" s="166">
        <v>0</v>
      </c>
      <c r="CM891" s="166">
        <v>0</v>
      </c>
      <c r="CN891" s="166">
        <v>0</v>
      </c>
      <c r="CO891" s="166">
        <v>0</v>
      </c>
      <c r="CP891" s="166">
        <v>0</v>
      </c>
      <c r="CQ891" s="166">
        <v>0</v>
      </c>
      <c r="CR891" s="166">
        <v>0</v>
      </c>
      <c r="CS891" s="166">
        <v>0</v>
      </c>
      <c r="CT891" s="166">
        <v>0</v>
      </c>
      <c r="CU891" s="166">
        <v>0</v>
      </c>
      <c r="CV891" s="166">
        <v>0</v>
      </c>
      <c r="CW891" s="166">
        <v>0</v>
      </c>
      <c r="CX891" s="166">
        <v>0</v>
      </c>
      <c r="CY891" s="166">
        <v>25044147.820147</v>
      </c>
      <c r="CZ891" s="166">
        <v>25044147.820147</v>
      </c>
    </row>
    <row r="892" spans="1:104" x14ac:dyDescent="0.2">
      <c r="A892" s="167" t="s">
        <v>422</v>
      </c>
      <c r="B892" s="166">
        <v>0</v>
      </c>
      <c r="C892" s="166">
        <v>0</v>
      </c>
      <c r="D892" s="166">
        <v>0</v>
      </c>
      <c r="E892" s="166">
        <v>0</v>
      </c>
      <c r="F892" s="166">
        <v>0</v>
      </c>
      <c r="G892" s="166">
        <v>0</v>
      </c>
      <c r="H892" s="166">
        <v>0</v>
      </c>
      <c r="I892" s="166">
        <v>0</v>
      </c>
      <c r="J892" s="166">
        <v>0</v>
      </c>
      <c r="K892" s="166">
        <v>0</v>
      </c>
      <c r="L892" s="166">
        <v>0</v>
      </c>
      <c r="M892" s="166">
        <v>0</v>
      </c>
      <c r="N892" s="166">
        <v>0</v>
      </c>
      <c r="O892" s="166">
        <v>0</v>
      </c>
      <c r="P892" s="166">
        <v>0</v>
      </c>
      <c r="Q892" s="166">
        <v>0</v>
      </c>
      <c r="R892" s="166">
        <v>0</v>
      </c>
      <c r="S892" s="166">
        <v>0</v>
      </c>
      <c r="T892" s="166">
        <v>0</v>
      </c>
      <c r="U892" s="166">
        <v>0</v>
      </c>
      <c r="V892" s="166">
        <v>0</v>
      </c>
      <c r="W892" s="166">
        <v>0</v>
      </c>
      <c r="X892" s="166">
        <v>0</v>
      </c>
      <c r="Y892" s="166">
        <v>0</v>
      </c>
      <c r="Z892" s="166">
        <v>0</v>
      </c>
      <c r="AA892" s="166">
        <v>0</v>
      </c>
      <c r="AB892" s="166">
        <v>0</v>
      </c>
      <c r="AC892" s="166">
        <v>0</v>
      </c>
      <c r="AD892" s="166">
        <v>0</v>
      </c>
      <c r="AE892" s="166">
        <v>0</v>
      </c>
      <c r="AF892" s="166">
        <v>0</v>
      </c>
      <c r="AG892" s="166">
        <v>0</v>
      </c>
      <c r="AH892" s="166">
        <v>0</v>
      </c>
      <c r="AI892" s="166">
        <v>0</v>
      </c>
      <c r="AJ892" s="166">
        <v>0</v>
      </c>
      <c r="AK892" s="166">
        <v>0</v>
      </c>
      <c r="AL892" s="166">
        <v>0</v>
      </c>
      <c r="AM892" s="166">
        <v>0</v>
      </c>
      <c r="AN892" s="166">
        <v>0</v>
      </c>
      <c r="AO892" s="166">
        <v>0</v>
      </c>
      <c r="AP892" s="166">
        <v>0</v>
      </c>
      <c r="AQ892" s="166">
        <v>0</v>
      </c>
      <c r="AR892" s="166">
        <v>0</v>
      </c>
      <c r="AS892" s="166">
        <v>0</v>
      </c>
      <c r="AT892" s="166">
        <v>0</v>
      </c>
      <c r="AU892" s="166">
        <v>0</v>
      </c>
      <c r="AV892" s="166">
        <v>0</v>
      </c>
      <c r="AW892" s="166">
        <v>0</v>
      </c>
      <c r="AX892" s="166">
        <v>0</v>
      </c>
      <c r="AY892" s="166">
        <v>0</v>
      </c>
      <c r="AZ892" s="166">
        <v>0</v>
      </c>
      <c r="BA892" s="166">
        <v>0</v>
      </c>
      <c r="BB892" s="166">
        <v>0</v>
      </c>
      <c r="BC892" s="166">
        <v>0</v>
      </c>
      <c r="BD892" s="166">
        <v>0</v>
      </c>
      <c r="BE892" s="166">
        <v>0</v>
      </c>
      <c r="BF892" s="166">
        <v>0</v>
      </c>
      <c r="BG892" s="166">
        <v>0</v>
      </c>
      <c r="BH892" s="166">
        <v>0</v>
      </c>
      <c r="BI892" s="166">
        <v>0</v>
      </c>
      <c r="BJ892" s="166">
        <v>0</v>
      </c>
      <c r="BK892" s="166">
        <v>0</v>
      </c>
      <c r="BL892" s="166">
        <v>0</v>
      </c>
      <c r="BM892" s="166">
        <v>0</v>
      </c>
      <c r="BN892" s="166">
        <v>0</v>
      </c>
      <c r="BO892" s="166">
        <v>0</v>
      </c>
      <c r="BP892" s="166">
        <v>0</v>
      </c>
      <c r="BQ892" s="166">
        <v>0</v>
      </c>
      <c r="BR892" s="166">
        <v>0</v>
      </c>
      <c r="BS892" s="166">
        <v>0</v>
      </c>
      <c r="BT892" s="168">
        <v>0</v>
      </c>
      <c r="BU892" s="166">
        <v>0</v>
      </c>
      <c r="BV892" s="166">
        <v>0</v>
      </c>
      <c r="BW892" s="166">
        <v>0</v>
      </c>
      <c r="BX892" s="166">
        <v>0</v>
      </c>
      <c r="BY892" s="166">
        <v>0</v>
      </c>
      <c r="BZ892" s="166">
        <v>0</v>
      </c>
      <c r="CA892" s="166">
        <v>0</v>
      </c>
      <c r="CB892" s="166">
        <v>0</v>
      </c>
      <c r="CC892" s="166">
        <v>0</v>
      </c>
      <c r="CD892" s="166">
        <v>0</v>
      </c>
      <c r="CE892" s="166">
        <v>0</v>
      </c>
      <c r="CF892" s="166">
        <v>0</v>
      </c>
      <c r="CG892" s="166">
        <v>0</v>
      </c>
      <c r="CH892" s="166">
        <v>0</v>
      </c>
      <c r="CI892" s="166">
        <v>0</v>
      </c>
      <c r="CJ892" s="166">
        <v>0</v>
      </c>
      <c r="CK892" s="166">
        <v>0</v>
      </c>
      <c r="CL892" s="166">
        <v>0</v>
      </c>
      <c r="CM892" s="166">
        <v>0</v>
      </c>
      <c r="CN892" s="166">
        <v>0</v>
      </c>
      <c r="CO892" s="166">
        <v>0</v>
      </c>
      <c r="CP892" s="166">
        <v>0</v>
      </c>
      <c r="CQ892" s="166">
        <v>0</v>
      </c>
      <c r="CR892" s="166">
        <v>0</v>
      </c>
      <c r="CS892" s="166">
        <v>0</v>
      </c>
      <c r="CT892" s="166">
        <v>0</v>
      </c>
      <c r="CU892" s="166">
        <v>0</v>
      </c>
      <c r="CV892" s="166">
        <v>0</v>
      </c>
      <c r="CW892" s="166">
        <v>0</v>
      </c>
      <c r="CX892" s="166">
        <v>0</v>
      </c>
      <c r="CY892" s="166">
        <v>0</v>
      </c>
      <c r="CZ892" s="166">
        <v>0</v>
      </c>
    </row>
    <row r="893" spans="1:104" x14ac:dyDescent="0.2">
      <c r="A893" s="167" t="s">
        <v>705</v>
      </c>
      <c r="B893" s="166">
        <v>0</v>
      </c>
      <c r="C893" s="166">
        <v>0</v>
      </c>
      <c r="D893" s="166">
        <v>0</v>
      </c>
      <c r="E893" s="166">
        <v>0</v>
      </c>
      <c r="F893" s="166">
        <v>0</v>
      </c>
      <c r="G893" s="166">
        <v>0</v>
      </c>
      <c r="H893" s="166">
        <v>0</v>
      </c>
      <c r="I893" s="166">
        <v>0</v>
      </c>
      <c r="J893" s="166">
        <v>0</v>
      </c>
      <c r="K893" s="166">
        <v>0</v>
      </c>
      <c r="L893" s="166">
        <v>0</v>
      </c>
      <c r="M893" s="166">
        <v>0</v>
      </c>
      <c r="N893" s="166">
        <v>0</v>
      </c>
      <c r="O893" s="166">
        <v>0</v>
      </c>
      <c r="P893" s="166">
        <v>0</v>
      </c>
      <c r="Q893" s="166">
        <v>0</v>
      </c>
      <c r="R893" s="166">
        <v>0</v>
      </c>
      <c r="S893" s="166">
        <v>0</v>
      </c>
      <c r="T893" s="166">
        <v>0</v>
      </c>
      <c r="U893" s="166">
        <v>0</v>
      </c>
      <c r="V893" s="166">
        <v>0</v>
      </c>
      <c r="W893" s="166">
        <v>0</v>
      </c>
      <c r="X893" s="166">
        <v>0</v>
      </c>
      <c r="Y893" s="166">
        <v>0</v>
      </c>
      <c r="Z893" s="166">
        <v>0</v>
      </c>
      <c r="AA893" s="166">
        <v>0</v>
      </c>
      <c r="AB893" s="166">
        <v>0</v>
      </c>
      <c r="AC893" s="166">
        <v>0</v>
      </c>
      <c r="AD893" s="166">
        <v>0</v>
      </c>
      <c r="AE893" s="166">
        <v>0</v>
      </c>
      <c r="AF893" s="166">
        <v>0</v>
      </c>
      <c r="AG893" s="166">
        <v>0</v>
      </c>
      <c r="AH893" s="166">
        <v>0</v>
      </c>
      <c r="AI893" s="166">
        <v>0</v>
      </c>
      <c r="AJ893" s="166">
        <v>0</v>
      </c>
      <c r="AK893" s="166">
        <v>0</v>
      </c>
      <c r="AL893" s="166">
        <v>0</v>
      </c>
      <c r="AM893" s="166">
        <v>0</v>
      </c>
      <c r="AN893" s="166">
        <v>0</v>
      </c>
      <c r="AO893" s="166">
        <v>0</v>
      </c>
      <c r="AP893" s="166">
        <v>0</v>
      </c>
      <c r="AQ893" s="166">
        <v>0</v>
      </c>
      <c r="AR893" s="166">
        <v>0</v>
      </c>
      <c r="AS893" s="166">
        <v>0</v>
      </c>
      <c r="AT893" s="166">
        <v>0</v>
      </c>
      <c r="AU893" s="166">
        <v>0</v>
      </c>
      <c r="AV893" s="166">
        <v>0</v>
      </c>
      <c r="AW893" s="166">
        <v>0</v>
      </c>
      <c r="AX893" s="166">
        <v>0</v>
      </c>
      <c r="AY893" s="166">
        <v>0</v>
      </c>
      <c r="AZ893" s="166">
        <v>0</v>
      </c>
      <c r="BA893" s="166">
        <v>0</v>
      </c>
      <c r="BB893" s="166">
        <v>0</v>
      </c>
      <c r="BC893" s="166">
        <v>0</v>
      </c>
      <c r="BD893" s="166">
        <v>0</v>
      </c>
      <c r="BE893" s="166">
        <v>0</v>
      </c>
      <c r="BF893" s="166">
        <v>0</v>
      </c>
      <c r="BG893" s="166">
        <v>0</v>
      </c>
      <c r="BH893" s="166">
        <v>0</v>
      </c>
      <c r="BI893" s="166">
        <v>0</v>
      </c>
      <c r="BJ893" s="166">
        <v>0</v>
      </c>
      <c r="BK893" s="166">
        <v>0</v>
      </c>
      <c r="BL893" s="166">
        <v>0</v>
      </c>
      <c r="BM893" s="166">
        <v>0</v>
      </c>
      <c r="BN893" s="166">
        <v>0</v>
      </c>
      <c r="BO893" s="166">
        <v>0</v>
      </c>
      <c r="BP893" s="166">
        <v>0</v>
      </c>
      <c r="BQ893" s="166">
        <v>0</v>
      </c>
      <c r="BR893" s="166">
        <v>0</v>
      </c>
      <c r="BS893" s="166">
        <v>0</v>
      </c>
      <c r="BT893" s="166">
        <v>1000</v>
      </c>
      <c r="BU893" s="166">
        <v>0</v>
      </c>
      <c r="BV893" s="166">
        <v>0</v>
      </c>
      <c r="BW893" s="166">
        <v>0</v>
      </c>
      <c r="BX893" s="166">
        <v>0</v>
      </c>
      <c r="BY893" s="166">
        <v>0</v>
      </c>
      <c r="BZ893" s="166">
        <v>0</v>
      </c>
      <c r="CA893" s="166">
        <v>0</v>
      </c>
      <c r="CB893" s="166">
        <v>0</v>
      </c>
      <c r="CC893" s="166">
        <v>0</v>
      </c>
      <c r="CD893" s="166">
        <v>0</v>
      </c>
      <c r="CE893" s="166">
        <v>0</v>
      </c>
      <c r="CF893" s="166">
        <v>0</v>
      </c>
      <c r="CG893" s="166">
        <v>0</v>
      </c>
      <c r="CH893" s="166">
        <v>0</v>
      </c>
      <c r="CI893" s="166">
        <v>0</v>
      </c>
      <c r="CJ893" s="166">
        <v>0</v>
      </c>
      <c r="CK893" s="166">
        <v>0</v>
      </c>
      <c r="CL893" s="166">
        <v>0</v>
      </c>
      <c r="CM893" s="166">
        <v>0</v>
      </c>
      <c r="CN893" s="166">
        <v>0</v>
      </c>
      <c r="CO893" s="166">
        <v>0</v>
      </c>
      <c r="CP893" s="166">
        <v>0</v>
      </c>
      <c r="CQ893" s="166">
        <v>0</v>
      </c>
      <c r="CR893" s="166">
        <v>0</v>
      </c>
      <c r="CS893" s="166">
        <v>0</v>
      </c>
      <c r="CT893" s="166">
        <v>0</v>
      </c>
      <c r="CU893" s="166">
        <v>0</v>
      </c>
      <c r="CV893" s="166">
        <v>0</v>
      </c>
      <c r="CW893" s="166">
        <v>0</v>
      </c>
      <c r="CX893" s="166">
        <v>0</v>
      </c>
      <c r="CY893" s="166">
        <v>0</v>
      </c>
      <c r="CZ893" s="166">
        <v>0</v>
      </c>
    </row>
    <row r="894" spans="1:104" x14ac:dyDescent="0.2">
      <c r="A894" s="167" t="s">
        <v>423</v>
      </c>
      <c r="B894" s="166">
        <v>25877667.489999902</v>
      </c>
      <c r="C894" s="166">
        <v>25877667.489999902</v>
      </c>
      <c r="D894" s="166">
        <v>0</v>
      </c>
      <c r="E894" s="166">
        <v>0</v>
      </c>
      <c r="F894" s="166">
        <v>0</v>
      </c>
      <c r="G894" s="166">
        <v>0</v>
      </c>
      <c r="H894" s="166">
        <v>0</v>
      </c>
      <c r="I894" s="166">
        <v>0</v>
      </c>
      <c r="J894" s="166">
        <v>0</v>
      </c>
      <c r="K894" s="166">
        <v>0</v>
      </c>
      <c r="L894" s="166">
        <v>0</v>
      </c>
      <c r="M894" s="166">
        <v>0</v>
      </c>
      <c r="N894" s="166">
        <v>0</v>
      </c>
      <c r="O894" s="166">
        <v>0</v>
      </c>
      <c r="P894" s="166">
        <v>0</v>
      </c>
      <c r="Q894" s="166">
        <v>0</v>
      </c>
      <c r="R894" s="166">
        <v>0</v>
      </c>
      <c r="S894" s="166">
        <v>0</v>
      </c>
      <c r="T894" s="166">
        <v>0</v>
      </c>
      <c r="U894" s="166">
        <v>0</v>
      </c>
      <c r="V894" s="166">
        <v>0</v>
      </c>
      <c r="W894" s="166">
        <v>0</v>
      </c>
      <c r="X894" s="166">
        <v>0</v>
      </c>
      <c r="Y894" s="166">
        <v>0</v>
      </c>
      <c r="Z894" s="166">
        <v>0</v>
      </c>
      <c r="AA894" s="166">
        <v>0</v>
      </c>
      <c r="AB894" s="166">
        <v>0</v>
      </c>
      <c r="AC894" s="166">
        <v>0</v>
      </c>
      <c r="AD894" s="166">
        <v>0</v>
      </c>
      <c r="AE894" s="166">
        <v>0</v>
      </c>
      <c r="AF894" s="166">
        <v>0</v>
      </c>
      <c r="AG894" s="166">
        <v>0</v>
      </c>
      <c r="AH894" s="166">
        <v>0</v>
      </c>
      <c r="AI894" s="166">
        <v>0</v>
      </c>
      <c r="AJ894" s="166">
        <v>0</v>
      </c>
      <c r="AK894" s="166">
        <v>0</v>
      </c>
      <c r="AL894" s="166">
        <v>0</v>
      </c>
      <c r="AM894" s="166">
        <v>0</v>
      </c>
      <c r="AN894" s="166">
        <v>0</v>
      </c>
      <c r="AO894" s="166">
        <v>0</v>
      </c>
      <c r="AP894" s="166">
        <v>0</v>
      </c>
      <c r="AQ894" s="166">
        <v>0</v>
      </c>
      <c r="AR894" s="166">
        <v>0</v>
      </c>
      <c r="AS894" s="166">
        <v>0</v>
      </c>
      <c r="AT894" s="166">
        <v>0</v>
      </c>
      <c r="AU894" s="166">
        <v>0</v>
      </c>
      <c r="AV894" s="166">
        <v>0</v>
      </c>
      <c r="AW894" s="166">
        <v>0</v>
      </c>
      <c r="AX894" s="166">
        <v>0</v>
      </c>
      <c r="AY894" s="166">
        <v>0</v>
      </c>
      <c r="AZ894" s="166">
        <v>0</v>
      </c>
      <c r="BA894" s="166">
        <v>0</v>
      </c>
      <c r="BB894" s="166">
        <v>0</v>
      </c>
      <c r="BC894" s="166">
        <v>0</v>
      </c>
      <c r="BD894" s="166">
        <v>0</v>
      </c>
      <c r="BE894" s="166">
        <v>0</v>
      </c>
      <c r="BF894" s="166">
        <v>0</v>
      </c>
      <c r="BG894" s="166">
        <v>0</v>
      </c>
      <c r="BH894" s="166">
        <v>0</v>
      </c>
      <c r="BI894" s="166">
        <v>0</v>
      </c>
      <c r="BJ894" s="166">
        <v>0</v>
      </c>
      <c r="BK894" s="166">
        <v>0</v>
      </c>
      <c r="BL894" s="166">
        <v>0</v>
      </c>
      <c r="BM894" s="166">
        <v>0</v>
      </c>
      <c r="BN894" s="166">
        <v>0</v>
      </c>
      <c r="BO894" s="166">
        <v>0</v>
      </c>
      <c r="BP894" s="166">
        <v>0</v>
      </c>
      <c r="BQ894" s="166">
        <v>0</v>
      </c>
      <c r="BR894" s="166">
        <v>25877667.489999902</v>
      </c>
      <c r="BS894" s="166">
        <v>25877667.489999902</v>
      </c>
      <c r="BT894" s="168">
        <v>0</v>
      </c>
      <c r="BU894" s="166">
        <v>2045778.20193779</v>
      </c>
      <c r="BV894" s="166">
        <v>25044147.820147</v>
      </c>
      <c r="BW894" s="166">
        <v>0</v>
      </c>
      <c r="BX894" s="166">
        <v>0</v>
      </c>
      <c r="BY894" s="166">
        <v>0</v>
      </c>
      <c r="BZ894" s="166">
        <v>0</v>
      </c>
      <c r="CA894" s="166">
        <v>0</v>
      </c>
      <c r="CB894" s="166">
        <v>0</v>
      </c>
      <c r="CC894" s="166">
        <v>0</v>
      </c>
      <c r="CD894" s="166">
        <v>0</v>
      </c>
      <c r="CE894" s="166">
        <v>0</v>
      </c>
      <c r="CF894" s="166">
        <v>0</v>
      </c>
      <c r="CG894" s="166">
        <v>0</v>
      </c>
      <c r="CH894" s="166">
        <v>0</v>
      </c>
      <c r="CI894" s="166">
        <v>0</v>
      </c>
      <c r="CJ894" s="166">
        <v>0</v>
      </c>
      <c r="CK894" s="166">
        <v>0</v>
      </c>
      <c r="CL894" s="166">
        <v>0</v>
      </c>
      <c r="CM894" s="166">
        <v>0</v>
      </c>
      <c r="CN894" s="166">
        <v>0</v>
      </c>
      <c r="CO894" s="166">
        <v>0</v>
      </c>
      <c r="CP894" s="166">
        <v>0</v>
      </c>
      <c r="CQ894" s="166">
        <v>0</v>
      </c>
      <c r="CR894" s="166">
        <v>0</v>
      </c>
      <c r="CS894" s="166">
        <v>0</v>
      </c>
      <c r="CT894" s="166">
        <v>0</v>
      </c>
      <c r="CU894" s="166">
        <v>0</v>
      </c>
      <c r="CV894" s="166">
        <v>0</v>
      </c>
      <c r="CW894" s="166">
        <v>0</v>
      </c>
      <c r="CX894" s="166">
        <v>0</v>
      </c>
      <c r="CY894" s="166">
        <v>25044147.820147</v>
      </c>
      <c r="CZ894" s="166">
        <v>25044147.820147</v>
      </c>
    </row>
    <row r="895" spans="1:104" x14ac:dyDescent="0.2">
      <c r="A895" s="167" t="s">
        <v>1184</v>
      </c>
    </row>
    <row r="896" spans="1:104" x14ac:dyDescent="0.2">
      <c r="A896" s="167" t="s">
        <v>1185</v>
      </c>
      <c r="B896" s="166">
        <v>28180249.009999901</v>
      </c>
      <c r="C896" s="166">
        <v>28180249.009999901</v>
      </c>
      <c r="D896" s="166">
        <v>0</v>
      </c>
      <c r="E896" s="166">
        <v>0</v>
      </c>
      <c r="F896" s="166">
        <v>0</v>
      </c>
      <c r="G896" s="166">
        <v>0</v>
      </c>
      <c r="H896" s="166">
        <v>0</v>
      </c>
      <c r="I896" s="166">
        <v>0</v>
      </c>
      <c r="J896" s="166">
        <v>0</v>
      </c>
      <c r="K896" s="166">
        <v>0</v>
      </c>
      <c r="L896" s="166">
        <v>0</v>
      </c>
      <c r="M896" s="166">
        <v>0</v>
      </c>
      <c r="N896" s="166">
        <v>0</v>
      </c>
      <c r="O896" s="166">
        <v>0</v>
      </c>
      <c r="P896" s="166">
        <v>0</v>
      </c>
      <c r="Q896" s="166">
        <v>0</v>
      </c>
      <c r="R896" s="166">
        <v>0</v>
      </c>
      <c r="S896" s="166">
        <v>0</v>
      </c>
      <c r="T896" s="166">
        <v>0</v>
      </c>
      <c r="U896" s="166">
        <v>0</v>
      </c>
      <c r="V896" s="166">
        <v>0</v>
      </c>
      <c r="W896" s="166">
        <v>0</v>
      </c>
      <c r="X896" s="166">
        <v>0</v>
      </c>
      <c r="Y896" s="166">
        <v>0</v>
      </c>
      <c r="Z896" s="166">
        <v>0</v>
      </c>
      <c r="AA896" s="166">
        <v>0</v>
      </c>
      <c r="AB896" s="166">
        <v>0</v>
      </c>
      <c r="AC896" s="166">
        <v>0</v>
      </c>
      <c r="AD896" s="166">
        <v>0</v>
      </c>
      <c r="AE896" s="166">
        <v>0</v>
      </c>
      <c r="AF896" s="166">
        <v>0</v>
      </c>
      <c r="AG896" s="166">
        <v>0</v>
      </c>
      <c r="AH896" s="166">
        <v>0</v>
      </c>
      <c r="AI896" s="166">
        <v>0</v>
      </c>
      <c r="AJ896" s="166">
        <v>0</v>
      </c>
      <c r="AK896" s="166">
        <v>0</v>
      </c>
      <c r="AL896" s="166">
        <v>0</v>
      </c>
      <c r="AM896" s="166">
        <v>0</v>
      </c>
      <c r="AN896" s="166">
        <v>0</v>
      </c>
      <c r="AO896" s="166">
        <v>0</v>
      </c>
      <c r="AP896" s="166">
        <v>0</v>
      </c>
      <c r="AQ896" s="166">
        <v>0</v>
      </c>
      <c r="AR896" s="166">
        <v>0</v>
      </c>
      <c r="AS896" s="166">
        <v>0</v>
      </c>
      <c r="AT896" s="166">
        <v>0</v>
      </c>
      <c r="AU896" s="166">
        <v>0</v>
      </c>
      <c r="AV896" s="166">
        <v>0</v>
      </c>
      <c r="AW896" s="166">
        <v>0</v>
      </c>
      <c r="AX896" s="166">
        <v>0</v>
      </c>
      <c r="AY896" s="166">
        <v>0</v>
      </c>
      <c r="AZ896" s="166">
        <v>0</v>
      </c>
      <c r="BA896" s="166">
        <v>0</v>
      </c>
      <c r="BB896" s="166">
        <v>0</v>
      </c>
      <c r="BC896" s="166">
        <v>0</v>
      </c>
      <c r="BD896" s="166">
        <v>0</v>
      </c>
      <c r="BE896" s="166">
        <v>0</v>
      </c>
      <c r="BF896" s="166">
        <v>0</v>
      </c>
      <c r="BG896" s="166">
        <v>0</v>
      </c>
      <c r="BH896" s="166">
        <v>0</v>
      </c>
      <c r="BI896" s="166">
        <v>0</v>
      </c>
      <c r="BJ896" s="166">
        <v>0</v>
      </c>
      <c r="BK896" s="166">
        <v>0</v>
      </c>
      <c r="BL896" s="166">
        <v>0</v>
      </c>
      <c r="BM896" s="166">
        <v>0</v>
      </c>
      <c r="BN896" s="166">
        <v>0</v>
      </c>
      <c r="BO896" s="166">
        <v>0</v>
      </c>
      <c r="BP896" s="166">
        <v>0</v>
      </c>
      <c r="BQ896" s="166">
        <v>0</v>
      </c>
      <c r="BR896" s="166">
        <v>28180249.009999901</v>
      </c>
      <c r="BS896" s="166">
        <v>28180249.009999901</v>
      </c>
      <c r="BT896" s="168">
        <v>0.92744320276558201</v>
      </c>
      <c r="BU896" s="166">
        <v>2172222.7089463002</v>
      </c>
      <c r="BV896" s="166">
        <v>26135580.396566</v>
      </c>
      <c r="BW896" s="166">
        <v>0</v>
      </c>
      <c r="BX896" s="166">
        <v>0</v>
      </c>
      <c r="BY896" s="166">
        <v>0</v>
      </c>
      <c r="BZ896" s="166">
        <v>0</v>
      </c>
      <c r="CA896" s="166">
        <v>0</v>
      </c>
      <c r="CB896" s="166">
        <v>0</v>
      </c>
      <c r="CC896" s="166">
        <v>0</v>
      </c>
      <c r="CD896" s="166">
        <v>0</v>
      </c>
      <c r="CE896" s="166">
        <v>0</v>
      </c>
      <c r="CF896" s="166">
        <v>0</v>
      </c>
      <c r="CG896" s="166">
        <v>0</v>
      </c>
      <c r="CH896" s="166">
        <v>0</v>
      </c>
      <c r="CI896" s="166">
        <v>0</v>
      </c>
      <c r="CJ896" s="166">
        <v>0</v>
      </c>
      <c r="CK896" s="166">
        <v>0</v>
      </c>
      <c r="CL896" s="166">
        <v>0</v>
      </c>
      <c r="CM896" s="166">
        <v>0</v>
      </c>
      <c r="CN896" s="166">
        <v>0</v>
      </c>
      <c r="CO896" s="166">
        <v>0</v>
      </c>
      <c r="CP896" s="166">
        <v>0</v>
      </c>
      <c r="CQ896" s="166">
        <v>0</v>
      </c>
      <c r="CR896" s="166">
        <v>0</v>
      </c>
      <c r="CS896" s="166">
        <v>0</v>
      </c>
      <c r="CT896" s="166">
        <v>0</v>
      </c>
      <c r="CU896" s="166">
        <v>0</v>
      </c>
      <c r="CV896" s="166">
        <v>0</v>
      </c>
      <c r="CW896" s="166">
        <v>0</v>
      </c>
      <c r="CX896" s="166">
        <v>0</v>
      </c>
      <c r="CY896" s="166">
        <v>26135580.396566</v>
      </c>
      <c r="CZ896" s="166">
        <v>26135580.396566</v>
      </c>
    </row>
    <row r="897" spans="1:104" x14ac:dyDescent="0.2">
      <c r="A897" s="167" t="s">
        <v>426</v>
      </c>
      <c r="B897" s="166">
        <v>0</v>
      </c>
      <c r="C897" s="166">
        <v>0</v>
      </c>
      <c r="D897" s="166">
        <v>0</v>
      </c>
      <c r="E897" s="166">
        <v>0</v>
      </c>
      <c r="F897" s="166">
        <v>0</v>
      </c>
      <c r="G897" s="166">
        <v>0</v>
      </c>
      <c r="H897" s="166">
        <v>0</v>
      </c>
      <c r="I897" s="166">
        <v>0</v>
      </c>
      <c r="J897" s="166">
        <v>0</v>
      </c>
      <c r="K897" s="166">
        <v>0</v>
      </c>
      <c r="L897" s="166">
        <v>0</v>
      </c>
      <c r="M897" s="166">
        <v>0</v>
      </c>
      <c r="N897" s="166">
        <v>0</v>
      </c>
      <c r="O897" s="166">
        <v>0</v>
      </c>
      <c r="P897" s="166">
        <v>0</v>
      </c>
      <c r="Q897" s="166">
        <v>0</v>
      </c>
      <c r="R897" s="166">
        <v>0</v>
      </c>
      <c r="S897" s="166">
        <v>0</v>
      </c>
      <c r="T897" s="166">
        <v>0</v>
      </c>
      <c r="U897" s="166">
        <v>0</v>
      </c>
      <c r="V897" s="166">
        <v>0</v>
      </c>
      <c r="W897" s="166">
        <v>0</v>
      </c>
      <c r="X897" s="166">
        <v>0</v>
      </c>
      <c r="Y897" s="166">
        <v>0</v>
      </c>
      <c r="Z897" s="166">
        <v>0</v>
      </c>
      <c r="AA897" s="166">
        <v>0</v>
      </c>
      <c r="AB897" s="166">
        <v>0</v>
      </c>
      <c r="AC897" s="166">
        <v>0</v>
      </c>
      <c r="AD897" s="166">
        <v>0</v>
      </c>
      <c r="AE897" s="166">
        <v>0</v>
      </c>
      <c r="AF897" s="166">
        <v>0</v>
      </c>
      <c r="AG897" s="166">
        <v>0</v>
      </c>
      <c r="AH897" s="166">
        <v>0</v>
      </c>
      <c r="AI897" s="166">
        <v>0</v>
      </c>
      <c r="AJ897" s="166">
        <v>0</v>
      </c>
      <c r="AK897" s="166">
        <v>0</v>
      </c>
      <c r="AL897" s="166">
        <v>0</v>
      </c>
      <c r="AM897" s="166">
        <v>0</v>
      </c>
      <c r="AN897" s="166">
        <v>0</v>
      </c>
      <c r="AO897" s="166">
        <v>0</v>
      </c>
      <c r="AP897" s="166">
        <v>0</v>
      </c>
      <c r="AQ897" s="166">
        <v>0</v>
      </c>
      <c r="AR897" s="166">
        <v>0</v>
      </c>
      <c r="AS897" s="166">
        <v>0</v>
      </c>
      <c r="AT897" s="166">
        <v>0</v>
      </c>
      <c r="AU897" s="166">
        <v>0</v>
      </c>
      <c r="AV897" s="166">
        <v>0</v>
      </c>
      <c r="AW897" s="166">
        <v>0</v>
      </c>
      <c r="AX897" s="166">
        <v>0</v>
      </c>
      <c r="AY897" s="166">
        <v>0</v>
      </c>
      <c r="AZ897" s="166">
        <v>0</v>
      </c>
      <c r="BA897" s="166">
        <v>0</v>
      </c>
      <c r="BB897" s="166">
        <v>0</v>
      </c>
      <c r="BC897" s="166">
        <v>0</v>
      </c>
      <c r="BD897" s="166">
        <v>0</v>
      </c>
      <c r="BE897" s="166">
        <v>0</v>
      </c>
      <c r="BF897" s="166">
        <v>0</v>
      </c>
      <c r="BG897" s="166">
        <v>0</v>
      </c>
      <c r="BH897" s="166">
        <v>0</v>
      </c>
      <c r="BI897" s="166">
        <v>0</v>
      </c>
      <c r="BJ897" s="166">
        <v>0</v>
      </c>
      <c r="BK897" s="166">
        <v>0</v>
      </c>
      <c r="BL897" s="166">
        <v>0</v>
      </c>
      <c r="BM897" s="166">
        <v>0</v>
      </c>
      <c r="BN897" s="166">
        <v>0</v>
      </c>
      <c r="BO897" s="166">
        <v>0</v>
      </c>
      <c r="BP897" s="166">
        <v>0</v>
      </c>
      <c r="BQ897" s="166">
        <v>0</v>
      </c>
      <c r="BR897" s="166">
        <v>0</v>
      </c>
      <c r="BS897" s="166">
        <v>0</v>
      </c>
      <c r="BT897" s="168">
        <v>1</v>
      </c>
      <c r="BU897" s="166">
        <v>0</v>
      </c>
      <c r="BV897" s="166">
        <v>0</v>
      </c>
      <c r="BW897" s="166">
        <v>0</v>
      </c>
      <c r="BX897" s="166">
        <v>0</v>
      </c>
      <c r="BY897" s="166">
        <v>0</v>
      </c>
      <c r="BZ897" s="166">
        <v>0</v>
      </c>
      <c r="CA897" s="166">
        <v>0</v>
      </c>
      <c r="CB897" s="166">
        <v>0</v>
      </c>
      <c r="CC897" s="166">
        <v>0</v>
      </c>
      <c r="CD897" s="166">
        <v>0</v>
      </c>
      <c r="CE897" s="166">
        <v>0</v>
      </c>
      <c r="CF897" s="166">
        <v>0</v>
      </c>
      <c r="CG897" s="166">
        <v>0</v>
      </c>
      <c r="CH897" s="166">
        <v>0</v>
      </c>
      <c r="CI897" s="166">
        <v>0</v>
      </c>
      <c r="CJ897" s="166">
        <v>0</v>
      </c>
      <c r="CK897" s="166">
        <v>0</v>
      </c>
      <c r="CL897" s="166">
        <v>0</v>
      </c>
      <c r="CM897" s="166">
        <v>0</v>
      </c>
      <c r="CN897" s="166">
        <v>0</v>
      </c>
      <c r="CO897" s="166">
        <v>0</v>
      </c>
      <c r="CP897" s="166">
        <v>0</v>
      </c>
      <c r="CQ897" s="166">
        <v>0</v>
      </c>
      <c r="CR897" s="166">
        <v>0</v>
      </c>
      <c r="CS897" s="166">
        <v>0</v>
      </c>
      <c r="CT897" s="166">
        <v>0</v>
      </c>
      <c r="CU897" s="166">
        <v>0</v>
      </c>
      <c r="CV897" s="166">
        <v>0</v>
      </c>
      <c r="CW897" s="166">
        <v>0</v>
      </c>
      <c r="CX897" s="166">
        <v>0</v>
      </c>
      <c r="CY897" s="166">
        <v>0</v>
      </c>
      <c r="CZ897" s="166">
        <v>0</v>
      </c>
    </row>
    <row r="898" spans="1:104" x14ac:dyDescent="0.2">
      <c r="A898" s="167" t="s">
        <v>427</v>
      </c>
      <c r="B898" s="166">
        <v>0</v>
      </c>
      <c r="C898" s="166">
        <v>0</v>
      </c>
      <c r="D898" s="166">
        <v>0</v>
      </c>
      <c r="E898" s="166">
        <v>0</v>
      </c>
      <c r="F898" s="166">
        <v>0</v>
      </c>
      <c r="G898" s="166">
        <v>0</v>
      </c>
      <c r="H898" s="166">
        <v>0</v>
      </c>
      <c r="I898" s="166">
        <v>0</v>
      </c>
      <c r="J898" s="166">
        <v>0</v>
      </c>
      <c r="K898" s="166">
        <v>0</v>
      </c>
      <c r="L898" s="166">
        <v>0</v>
      </c>
      <c r="M898" s="166">
        <v>0</v>
      </c>
      <c r="N898" s="166">
        <v>0</v>
      </c>
      <c r="O898" s="166">
        <v>0</v>
      </c>
      <c r="P898" s="166">
        <v>0</v>
      </c>
      <c r="Q898" s="166">
        <v>0</v>
      </c>
      <c r="R898" s="166">
        <v>0</v>
      </c>
      <c r="S898" s="166">
        <v>0</v>
      </c>
      <c r="T898" s="166">
        <v>0</v>
      </c>
      <c r="U898" s="166">
        <v>0</v>
      </c>
      <c r="V898" s="166">
        <v>0</v>
      </c>
      <c r="W898" s="166">
        <v>0</v>
      </c>
      <c r="X898" s="166">
        <v>0</v>
      </c>
      <c r="Y898" s="166">
        <v>0</v>
      </c>
      <c r="Z898" s="166">
        <v>0</v>
      </c>
      <c r="AA898" s="166">
        <v>0</v>
      </c>
      <c r="AB898" s="166">
        <v>0</v>
      </c>
      <c r="AC898" s="166">
        <v>0</v>
      </c>
      <c r="AD898" s="166">
        <v>0</v>
      </c>
      <c r="AE898" s="166">
        <v>0</v>
      </c>
      <c r="AF898" s="166">
        <v>0</v>
      </c>
      <c r="AG898" s="166">
        <v>0</v>
      </c>
      <c r="AH898" s="166">
        <v>0</v>
      </c>
      <c r="AI898" s="166">
        <v>0</v>
      </c>
      <c r="AJ898" s="166">
        <v>0</v>
      </c>
      <c r="AK898" s="166">
        <v>0</v>
      </c>
      <c r="AL898" s="166">
        <v>0</v>
      </c>
      <c r="AM898" s="166">
        <v>0</v>
      </c>
      <c r="AN898" s="166">
        <v>0</v>
      </c>
      <c r="AO898" s="166">
        <v>0</v>
      </c>
      <c r="AP898" s="166">
        <v>0</v>
      </c>
      <c r="AQ898" s="166">
        <v>0</v>
      </c>
      <c r="AR898" s="166">
        <v>0</v>
      </c>
      <c r="AS898" s="166">
        <v>0</v>
      </c>
      <c r="AT898" s="166">
        <v>0</v>
      </c>
      <c r="AU898" s="166">
        <v>0</v>
      </c>
      <c r="AV898" s="166">
        <v>0</v>
      </c>
      <c r="AW898" s="166">
        <v>0</v>
      </c>
      <c r="AX898" s="166">
        <v>0</v>
      </c>
      <c r="AY898" s="166">
        <v>0</v>
      </c>
      <c r="AZ898" s="166">
        <v>0</v>
      </c>
      <c r="BA898" s="166">
        <v>0</v>
      </c>
      <c r="BB898" s="166">
        <v>0</v>
      </c>
      <c r="BC898" s="166">
        <v>0</v>
      </c>
      <c r="BD898" s="166">
        <v>0</v>
      </c>
      <c r="BE898" s="166">
        <v>0</v>
      </c>
      <c r="BF898" s="166">
        <v>0</v>
      </c>
      <c r="BG898" s="166">
        <v>0</v>
      </c>
      <c r="BH898" s="166">
        <v>0</v>
      </c>
      <c r="BI898" s="166">
        <v>0</v>
      </c>
      <c r="BJ898" s="166">
        <v>0</v>
      </c>
      <c r="BK898" s="166">
        <v>0</v>
      </c>
      <c r="BL898" s="166">
        <v>0</v>
      </c>
      <c r="BM898" s="166">
        <v>0</v>
      </c>
      <c r="BN898" s="166">
        <v>0</v>
      </c>
      <c r="BO898" s="166">
        <v>0</v>
      </c>
      <c r="BP898" s="166">
        <v>0</v>
      </c>
      <c r="BQ898" s="166">
        <v>0</v>
      </c>
      <c r="BR898" s="166">
        <v>0</v>
      </c>
      <c r="BS898" s="166">
        <v>0</v>
      </c>
      <c r="BT898" s="168">
        <v>0</v>
      </c>
      <c r="BU898" s="166">
        <v>0</v>
      </c>
      <c r="BV898" s="166">
        <v>0</v>
      </c>
      <c r="BW898" s="166">
        <v>0</v>
      </c>
      <c r="BX898" s="166">
        <v>0</v>
      </c>
      <c r="BY898" s="166">
        <v>0</v>
      </c>
      <c r="BZ898" s="166">
        <v>0</v>
      </c>
      <c r="CA898" s="166">
        <v>0</v>
      </c>
      <c r="CB898" s="166">
        <v>0</v>
      </c>
      <c r="CC898" s="166">
        <v>0</v>
      </c>
      <c r="CD898" s="166">
        <v>0</v>
      </c>
      <c r="CE898" s="166">
        <v>0</v>
      </c>
      <c r="CF898" s="166">
        <v>0</v>
      </c>
      <c r="CG898" s="166">
        <v>0</v>
      </c>
      <c r="CH898" s="166">
        <v>0</v>
      </c>
      <c r="CI898" s="166">
        <v>0</v>
      </c>
      <c r="CJ898" s="166">
        <v>0</v>
      </c>
      <c r="CK898" s="166">
        <v>0</v>
      </c>
      <c r="CL898" s="166">
        <v>0</v>
      </c>
      <c r="CM898" s="166">
        <v>0</v>
      </c>
      <c r="CN898" s="166">
        <v>0</v>
      </c>
      <c r="CO898" s="166">
        <v>0</v>
      </c>
      <c r="CP898" s="166">
        <v>0</v>
      </c>
      <c r="CQ898" s="166">
        <v>0</v>
      </c>
      <c r="CR898" s="166">
        <v>0</v>
      </c>
      <c r="CS898" s="166">
        <v>0</v>
      </c>
      <c r="CT898" s="166">
        <v>0</v>
      </c>
      <c r="CU898" s="166">
        <v>0</v>
      </c>
      <c r="CV898" s="166">
        <v>0</v>
      </c>
      <c r="CW898" s="166">
        <v>0</v>
      </c>
      <c r="CX898" s="166">
        <v>0</v>
      </c>
      <c r="CY898" s="166">
        <v>0</v>
      </c>
      <c r="CZ898" s="166">
        <v>0</v>
      </c>
    </row>
    <row r="899" spans="1:104" x14ac:dyDescent="0.2">
      <c r="A899" s="167" t="s">
        <v>1186</v>
      </c>
      <c r="B899" s="166">
        <v>28180249.009999901</v>
      </c>
      <c r="C899" s="166">
        <v>28180249.009999901</v>
      </c>
      <c r="D899" s="166">
        <v>0</v>
      </c>
      <c r="E899" s="166">
        <v>0</v>
      </c>
      <c r="F899" s="166">
        <v>0</v>
      </c>
      <c r="G899" s="166">
        <v>0</v>
      </c>
      <c r="H899" s="166">
        <v>0</v>
      </c>
      <c r="I899" s="166">
        <v>0</v>
      </c>
      <c r="J899" s="166">
        <v>0</v>
      </c>
      <c r="K899" s="166">
        <v>0</v>
      </c>
      <c r="L899" s="166">
        <v>0</v>
      </c>
      <c r="M899" s="166">
        <v>0</v>
      </c>
      <c r="N899" s="166">
        <v>0</v>
      </c>
      <c r="O899" s="166">
        <v>0</v>
      </c>
      <c r="P899" s="166">
        <v>0</v>
      </c>
      <c r="Q899" s="166">
        <v>0</v>
      </c>
      <c r="R899" s="166">
        <v>0</v>
      </c>
      <c r="S899" s="166">
        <v>0</v>
      </c>
      <c r="T899" s="166">
        <v>0</v>
      </c>
      <c r="U899" s="166">
        <v>0</v>
      </c>
      <c r="V899" s="166">
        <v>0</v>
      </c>
      <c r="W899" s="166">
        <v>0</v>
      </c>
      <c r="X899" s="166">
        <v>0</v>
      </c>
      <c r="Y899" s="166">
        <v>0</v>
      </c>
      <c r="Z899" s="166">
        <v>0</v>
      </c>
      <c r="AA899" s="166">
        <v>0</v>
      </c>
      <c r="AB899" s="166">
        <v>0</v>
      </c>
      <c r="AC899" s="166">
        <v>0</v>
      </c>
      <c r="AD899" s="166">
        <v>0</v>
      </c>
      <c r="AE899" s="166">
        <v>0</v>
      </c>
      <c r="AF899" s="166">
        <v>0</v>
      </c>
      <c r="AG899" s="166">
        <v>0</v>
      </c>
      <c r="AH899" s="166">
        <v>0</v>
      </c>
      <c r="AI899" s="166">
        <v>0</v>
      </c>
      <c r="AJ899" s="166">
        <v>0</v>
      </c>
      <c r="AK899" s="166">
        <v>0</v>
      </c>
      <c r="AL899" s="166">
        <v>0</v>
      </c>
      <c r="AM899" s="166">
        <v>0</v>
      </c>
      <c r="AN899" s="166">
        <v>0</v>
      </c>
      <c r="AO899" s="166">
        <v>0</v>
      </c>
      <c r="AP899" s="166">
        <v>0</v>
      </c>
      <c r="AQ899" s="166">
        <v>0</v>
      </c>
      <c r="AR899" s="166">
        <v>0</v>
      </c>
      <c r="AS899" s="166">
        <v>0</v>
      </c>
      <c r="AT899" s="166">
        <v>0</v>
      </c>
      <c r="AU899" s="166">
        <v>0</v>
      </c>
      <c r="AV899" s="166">
        <v>0</v>
      </c>
      <c r="AW899" s="166">
        <v>0</v>
      </c>
      <c r="AX899" s="166">
        <v>0</v>
      </c>
      <c r="AY899" s="166">
        <v>0</v>
      </c>
      <c r="AZ899" s="166">
        <v>0</v>
      </c>
      <c r="BA899" s="166">
        <v>0</v>
      </c>
      <c r="BB899" s="166">
        <v>0</v>
      </c>
      <c r="BC899" s="166">
        <v>0</v>
      </c>
      <c r="BD899" s="166">
        <v>0</v>
      </c>
      <c r="BE899" s="166">
        <v>0</v>
      </c>
      <c r="BF899" s="166">
        <v>0</v>
      </c>
      <c r="BG899" s="166">
        <v>0</v>
      </c>
      <c r="BH899" s="166">
        <v>0</v>
      </c>
      <c r="BI899" s="166">
        <v>0</v>
      </c>
      <c r="BJ899" s="166">
        <v>0</v>
      </c>
      <c r="BK899" s="166">
        <v>0</v>
      </c>
      <c r="BL899" s="166">
        <v>0</v>
      </c>
      <c r="BM899" s="166">
        <v>0</v>
      </c>
      <c r="BN899" s="166">
        <v>0</v>
      </c>
      <c r="BO899" s="166">
        <v>0</v>
      </c>
      <c r="BP899" s="166">
        <v>0</v>
      </c>
      <c r="BQ899" s="166">
        <v>0</v>
      </c>
      <c r="BR899" s="166">
        <v>28180249.009999901</v>
      </c>
      <c r="BS899" s="166">
        <v>28180249.009999901</v>
      </c>
      <c r="BT899" s="168">
        <v>0</v>
      </c>
      <c r="BU899" s="166">
        <v>2172222.7089463002</v>
      </c>
      <c r="BV899" s="166">
        <v>26135580.396566</v>
      </c>
      <c r="BW899" s="166">
        <v>0</v>
      </c>
      <c r="BX899" s="166">
        <v>0</v>
      </c>
      <c r="BY899" s="166">
        <v>0</v>
      </c>
      <c r="BZ899" s="166">
        <v>0</v>
      </c>
      <c r="CA899" s="166">
        <v>0</v>
      </c>
      <c r="CB899" s="166">
        <v>0</v>
      </c>
      <c r="CC899" s="166">
        <v>0</v>
      </c>
      <c r="CD899" s="166">
        <v>0</v>
      </c>
      <c r="CE899" s="166">
        <v>0</v>
      </c>
      <c r="CF899" s="166">
        <v>0</v>
      </c>
      <c r="CG899" s="166">
        <v>0</v>
      </c>
      <c r="CH899" s="166">
        <v>0</v>
      </c>
      <c r="CI899" s="166">
        <v>0</v>
      </c>
      <c r="CJ899" s="166">
        <v>0</v>
      </c>
      <c r="CK899" s="166">
        <v>0</v>
      </c>
      <c r="CL899" s="166">
        <v>0</v>
      </c>
      <c r="CM899" s="166">
        <v>0</v>
      </c>
      <c r="CN899" s="166">
        <v>0</v>
      </c>
      <c r="CO899" s="166">
        <v>0</v>
      </c>
      <c r="CP899" s="166">
        <v>0</v>
      </c>
      <c r="CQ899" s="166">
        <v>0</v>
      </c>
      <c r="CR899" s="166">
        <v>0</v>
      </c>
      <c r="CS899" s="166">
        <v>0</v>
      </c>
      <c r="CT899" s="166">
        <v>0</v>
      </c>
      <c r="CU899" s="166">
        <v>0</v>
      </c>
      <c r="CV899" s="166">
        <v>0</v>
      </c>
      <c r="CW899" s="166">
        <v>0</v>
      </c>
      <c r="CX899" s="166">
        <v>0</v>
      </c>
      <c r="CY899" s="166">
        <v>26135580.396566</v>
      </c>
      <c r="CZ899" s="166">
        <v>26135580.396566</v>
      </c>
    </row>
    <row r="900" spans="1:104" x14ac:dyDescent="0.2">
      <c r="A900" s="167" t="s">
        <v>1187</v>
      </c>
    </row>
    <row r="901" spans="1:104" x14ac:dyDescent="0.2">
      <c r="A901" s="167" t="s">
        <v>1188</v>
      </c>
      <c r="B901" s="166">
        <v>0</v>
      </c>
      <c r="C901" s="166">
        <v>0</v>
      </c>
      <c r="D901" s="166">
        <v>0</v>
      </c>
      <c r="E901" s="166">
        <v>0</v>
      </c>
      <c r="F901" s="166">
        <v>0</v>
      </c>
      <c r="G901" s="166">
        <v>0</v>
      </c>
      <c r="H901" s="166">
        <v>0</v>
      </c>
      <c r="I901" s="166">
        <v>0</v>
      </c>
      <c r="J901" s="166">
        <v>0</v>
      </c>
      <c r="K901" s="166">
        <v>0</v>
      </c>
      <c r="L901" s="166">
        <v>0</v>
      </c>
      <c r="M901" s="166">
        <v>0</v>
      </c>
      <c r="N901" s="166">
        <v>0</v>
      </c>
      <c r="O901" s="166">
        <v>0</v>
      </c>
      <c r="P901" s="166">
        <v>0</v>
      </c>
      <c r="Q901" s="166">
        <v>0</v>
      </c>
      <c r="R901" s="166">
        <v>0</v>
      </c>
      <c r="S901" s="166">
        <v>0</v>
      </c>
      <c r="T901" s="166">
        <v>0</v>
      </c>
      <c r="U901" s="166">
        <v>0</v>
      </c>
      <c r="V901" s="166">
        <v>0</v>
      </c>
      <c r="W901" s="166">
        <v>0</v>
      </c>
      <c r="X901" s="166">
        <v>0</v>
      </c>
      <c r="Y901" s="166">
        <v>0</v>
      </c>
      <c r="Z901" s="166">
        <v>0</v>
      </c>
      <c r="AA901" s="166">
        <v>0</v>
      </c>
      <c r="AB901" s="166">
        <v>0</v>
      </c>
      <c r="AC901" s="166">
        <v>0</v>
      </c>
      <c r="AD901" s="166">
        <v>0</v>
      </c>
      <c r="AE901" s="166">
        <v>0</v>
      </c>
      <c r="AF901" s="166">
        <v>0</v>
      </c>
      <c r="AG901" s="166">
        <v>0</v>
      </c>
      <c r="AH901" s="166">
        <v>0</v>
      </c>
      <c r="AI901" s="166">
        <v>0</v>
      </c>
      <c r="AJ901" s="166">
        <v>0</v>
      </c>
      <c r="AK901" s="166">
        <v>0</v>
      </c>
      <c r="AL901" s="166">
        <v>0</v>
      </c>
      <c r="AM901" s="166">
        <v>0</v>
      </c>
      <c r="AN901" s="166">
        <v>0</v>
      </c>
      <c r="AO901" s="166">
        <v>0</v>
      </c>
      <c r="AP901" s="166">
        <v>0</v>
      </c>
      <c r="AQ901" s="166">
        <v>0</v>
      </c>
      <c r="AR901" s="166">
        <v>0</v>
      </c>
      <c r="AS901" s="166">
        <v>0</v>
      </c>
      <c r="AT901" s="166">
        <v>0</v>
      </c>
      <c r="AU901" s="166">
        <v>0</v>
      </c>
      <c r="AV901" s="166">
        <v>0</v>
      </c>
      <c r="AW901" s="166">
        <v>0</v>
      </c>
      <c r="AX901" s="166">
        <v>0</v>
      </c>
      <c r="AY901" s="166">
        <v>0</v>
      </c>
      <c r="AZ901" s="166">
        <v>0</v>
      </c>
      <c r="BA901" s="166">
        <v>0</v>
      </c>
      <c r="BB901" s="166">
        <v>0</v>
      </c>
      <c r="BC901" s="166">
        <v>0</v>
      </c>
      <c r="BD901" s="166">
        <v>0</v>
      </c>
      <c r="BE901" s="166">
        <v>0</v>
      </c>
      <c r="BF901" s="166">
        <v>0</v>
      </c>
      <c r="BG901" s="166">
        <v>0</v>
      </c>
      <c r="BH901" s="166">
        <v>0</v>
      </c>
      <c r="BI901" s="166">
        <v>0</v>
      </c>
      <c r="BJ901" s="166">
        <v>0</v>
      </c>
      <c r="BK901" s="166">
        <v>0</v>
      </c>
      <c r="BL901" s="166">
        <v>0</v>
      </c>
      <c r="BM901" s="166">
        <v>0</v>
      </c>
      <c r="BN901" s="166">
        <v>0</v>
      </c>
      <c r="BO901" s="166">
        <v>0</v>
      </c>
      <c r="BP901" s="166">
        <v>0</v>
      </c>
      <c r="BQ901" s="166">
        <v>0</v>
      </c>
      <c r="BR901" s="166">
        <v>0</v>
      </c>
      <c r="BS901" s="166">
        <v>0</v>
      </c>
      <c r="BT901" s="168">
        <v>0</v>
      </c>
      <c r="BU901" s="166">
        <v>0</v>
      </c>
      <c r="BV901" s="166">
        <v>0</v>
      </c>
      <c r="BW901" s="166">
        <v>0</v>
      </c>
      <c r="BX901" s="166">
        <v>0</v>
      </c>
      <c r="BY901" s="166">
        <v>0</v>
      </c>
      <c r="BZ901" s="166">
        <v>0</v>
      </c>
      <c r="CA901" s="166">
        <v>0</v>
      </c>
      <c r="CB901" s="166">
        <v>0</v>
      </c>
      <c r="CC901" s="166">
        <v>0</v>
      </c>
      <c r="CD901" s="166">
        <v>0</v>
      </c>
      <c r="CE901" s="166">
        <v>0</v>
      </c>
      <c r="CF901" s="166">
        <v>0</v>
      </c>
      <c r="CG901" s="166">
        <v>0</v>
      </c>
      <c r="CH901" s="166">
        <v>0</v>
      </c>
      <c r="CI901" s="166">
        <v>0</v>
      </c>
      <c r="CJ901" s="166">
        <v>0</v>
      </c>
      <c r="CK901" s="166">
        <v>0</v>
      </c>
      <c r="CL901" s="166">
        <v>0</v>
      </c>
      <c r="CM901" s="166">
        <v>0</v>
      </c>
      <c r="CN901" s="166">
        <v>0</v>
      </c>
      <c r="CO901" s="166">
        <v>0</v>
      </c>
      <c r="CP901" s="166">
        <v>0</v>
      </c>
      <c r="CQ901" s="166">
        <v>0</v>
      </c>
      <c r="CR901" s="166">
        <v>0</v>
      </c>
      <c r="CS901" s="166">
        <v>0</v>
      </c>
      <c r="CT901" s="166">
        <v>0</v>
      </c>
      <c r="CU901" s="166">
        <v>0</v>
      </c>
      <c r="CV901" s="166">
        <v>0</v>
      </c>
      <c r="CW901" s="166">
        <v>0</v>
      </c>
      <c r="CX901" s="166">
        <v>0</v>
      </c>
      <c r="CY901" s="166">
        <v>0</v>
      </c>
      <c r="CZ901" s="166">
        <v>0</v>
      </c>
    </row>
    <row r="902" spans="1:104" x14ac:dyDescent="0.2">
      <c r="A902" s="167" t="s">
        <v>431</v>
      </c>
      <c r="B902" s="166">
        <v>0</v>
      </c>
      <c r="C902" s="166">
        <v>0</v>
      </c>
      <c r="D902" s="166">
        <v>0</v>
      </c>
      <c r="E902" s="166">
        <v>0</v>
      </c>
      <c r="F902" s="166">
        <v>0</v>
      </c>
      <c r="G902" s="166">
        <v>0</v>
      </c>
      <c r="H902" s="166">
        <v>0</v>
      </c>
      <c r="I902" s="166">
        <v>0</v>
      </c>
      <c r="J902" s="166">
        <v>0</v>
      </c>
      <c r="K902" s="166">
        <v>0</v>
      </c>
      <c r="L902" s="166">
        <v>0</v>
      </c>
      <c r="M902" s="166">
        <v>0</v>
      </c>
      <c r="N902" s="166">
        <v>0</v>
      </c>
      <c r="O902" s="166">
        <v>0</v>
      </c>
      <c r="P902" s="166">
        <v>0</v>
      </c>
      <c r="Q902" s="166">
        <v>0</v>
      </c>
      <c r="R902" s="166">
        <v>0</v>
      </c>
      <c r="S902" s="166">
        <v>0</v>
      </c>
      <c r="T902" s="166">
        <v>0</v>
      </c>
      <c r="U902" s="166">
        <v>0</v>
      </c>
      <c r="V902" s="166">
        <v>0</v>
      </c>
      <c r="W902" s="166">
        <v>0</v>
      </c>
      <c r="X902" s="166">
        <v>0</v>
      </c>
      <c r="Y902" s="166">
        <v>0</v>
      </c>
      <c r="Z902" s="166">
        <v>0</v>
      </c>
      <c r="AA902" s="166">
        <v>0</v>
      </c>
      <c r="AB902" s="166">
        <v>0</v>
      </c>
      <c r="AC902" s="166">
        <v>0</v>
      </c>
      <c r="AD902" s="166">
        <v>0</v>
      </c>
      <c r="AE902" s="166">
        <v>0</v>
      </c>
      <c r="AF902" s="166">
        <v>0</v>
      </c>
      <c r="AG902" s="166">
        <v>0</v>
      </c>
      <c r="AH902" s="166">
        <v>0</v>
      </c>
      <c r="AI902" s="166">
        <v>0</v>
      </c>
      <c r="AJ902" s="166">
        <v>0</v>
      </c>
      <c r="AK902" s="166">
        <v>0</v>
      </c>
      <c r="AL902" s="166">
        <v>0</v>
      </c>
      <c r="AM902" s="166">
        <v>0</v>
      </c>
      <c r="AN902" s="166">
        <v>0</v>
      </c>
      <c r="AO902" s="166">
        <v>0</v>
      </c>
      <c r="AP902" s="166">
        <v>0</v>
      </c>
      <c r="AQ902" s="166">
        <v>0</v>
      </c>
      <c r="AR902" s="166">
        <v>0</v>
      </c>
      <c r="AS902" s="166">
        <v>0</v>
      </c>
      <c r="AT902" s="166">
        <v>0</v>
      </c>
      <c r="AU902" s="166">
        <v>0</v>
      </c>
      <c r="AV902" s="166">
        <v>0</v>
      </c>
      <c r="AW902" s="166">
        <v>0</v>
      </c>
      <c r="AX902" s="166">
        <v>0</v>
      </c>
      <c r="AY902" s="166">
        <v>0</v>
      </c>
      <c r="AZ902" s="166">
        <v>0</v>
      </c>
      <c r="BA902" s="166">
        <v>0</v>
      </c>
      <c r="BB902" s="166">
        <v>0</v>
      </c>
      <c r="BC902" s="166">
        <v>0</v>
      </c>
      <c r="BD902" s="166">
        <v>0</v>
      </c>
      <c r="BE902" s="166">
        <v>0</v>
      </c>
      <c r="BF902" s="166">
        <v>0</v>
      </c>
      <c r="BG902" s="166">
        <v>0</v>
      </c>
      <c r="BH902" s="166">
        <v>0</v>
      </c>
      <c r="BI902" s="166">
        <v>0</v>
      </c>
      <c r="BJ902" s="166">
        <v>0</v>
      </c>
      <c r="BK902" s="166">
        <v>0</v>
      </c>
      <c r="BL902" s="166">
        <v>0</v>
      </c>
      <c r="BM902" s="166">
        <v>0</v>
      </c>
      <c r="BN902" s="166">
        <v>0</v>
      </c>
      <c r="BO902" s="166">
        <v>0</v>
      </c>
      <c r="BP902" s="166">
        <v>0</v>
      </c>
      <c r="BQ902" s="166">
        <v>0</v>
      </c>
      <c r="BR902" s="166">
        <v>0</v>
      </c>
      <c r="BS902" s="166">
        <v>0</v>
      </c>
      <c r="BT902" s="168">
        <v>1</v>
      </c>
      <c r="BU902" s="166">
        <v>0</v>
      </c>
      <c r="BV902" s="166">
        <v>0</v>
      </c>
      <c r="BW902" s="166">
        <v>0</v>
      </c>
      <c r="BX902" s="166">
        <v>0</v>
      </c>
      <c r="BY902" s="166">
        <v>0</v>
      </c>
      <c r="BZ902" s="166">
        <v>0</v>
      </c>
      <c r="CA902" s="166">
        <v>0</v>
      </c>
      <c r="CB902" s="166">
        <v>0</v>
      </c>
      <c r="CC902" s="166">
        <v>0</v>
      </c>
      <c r="CD902" s="166">
        <v>0</v>
      </c>
      <c r="CE902" s="166">
        <v>0</v>
      </c>
      <c r="CF902" s="166">
        <v>0</v>
      </c>
      <c r="CG902" s="166">
        <v>0</v>
      </c>
      <c r="CH902" s="166">
        <v>0</v>
      </c>
      <c r="CI902" s="166">
        <v>0</v>
      </c>
      <c r="CJ902" s="166">
        <v>0</v>
      </c>
      <c r="CK902" s="166">
        <v>0</v>
      </c>
      <c r="CL902" s="166">
        <v>0</v>
      </c>
      <c r="CM902" s="166">
        <v>0</v>
      </c>
      <c r="CN902" s="166">
        <v>0</v>
      </c>
      <c r="CO902" s="166">
        <v>0</v>
      </c>
      <c r="CP902" s="166">
        <v>0</v>
      </c>
      <c r="CQ902" s="166">
        <v>0</v>
      </c>
      <c r="CR902" s="166">
        <v>0</v>
      </c>
      <c r="CS902" s="166">
        <v>0</v>
      </c>
      <c r="CT902" s="166">
        <v>0</v>
      </c>
      <c r="CU902" s="166">
        <v>0</v>
      </c>
      <c r="CV902" s="166">
        <v>0</v>
      </c>
      <c r="CW902" s="166">
        <v>0</v>
      </c>
      <c r="CX902" s="166">
        <v>0</v>
      </c>
      <c r="CY902" s="166">
        <v>0</v>
      </c>
      <c r="CZ902" s="166">
        <v>0</v>
      </c>
    </row>
    <row r="903" spans="1:104" x14ac:dyDescent="0.2">
      <c r="A903" s="167" t="s">
        <v>432</v>
      </c>
      <c r="B903" s="166">
        <v>200000004</v>
      </c>
      <c r="C903" s="166">
        <v>200000004</v>
      </c>
      <c r="D903" s="166">
        <v>0</v>
      </c>
      <c r="E903" s="166">
        <v>0</v>
      </c>
      <c r="F903" s="166">
        <v>0</v>
      </c>
      <c r="G903" s="166">
        <v>0</v>
      </c>
      <c r="H903" s="166">
        <v>0</v>
      </c>
      <c r="I903" s="166">
        <v>0</v>
      </c>
      <c r="J903" s="166">
        <v>0</v>
      </c>
      <c r="K903" s="166">
        <v>0</v>
      </c>
      <c r="L903" s="166">
        <v>0</v>
      </c>
      <c r="M903" s="166">
        <v>0</v>
      </c>
      <c r="N903" s="166">
        <v>0</v>
      </c>
      <c r="O903" s="166">
        <v>0</v>
      </c>
      <c r="P903" s="166">
        <v>0</v>
      </c>
      <c r="Q903" s="166">
        <v>0</v>
      </c>
      <c r="R903" s="166">
        <v>0</v>
      </c>
      <c r="S903" s="166">
        <v>0</v>
      </c>
      <c r="T903" s="166">
        <v>0</v>
      </c>
      <c r="U903" s="166">
        <v>0</v>
      </c>
      <c r="V903" s="166">
        <v>0</v>
      </c>
      <c r="W903" s="166">
        <v>0</v>
      </c>
      <c r="X903" s="166">
        <v>0</v>
      </c>
      <c r="Y903" s="166">
        <v>0</v>
      </c>
      <c r="Z903" s="166">
        <v>0</v>
      </c>
      <c r="AA903" s="166">
        <v>0</v>
      </c>
      <c r="AB903" s="166">
        <v>0</v>
      </c>
      <c r="AC903" s="166">
        <v>0</v>
      </c>
      <c r="AD903" s="166">
        <v>0</v>
      </c>
      <c r="AE903" s="166">
        <v>0</v>
      </c>
      <c r="AF903" s="166">
        <v>0</v>
      </c>
      <c r="AG903" s="166">
        <v>0</v>
      </c>
      <c r="AH903" s="166">
        <v>0</v>
      </c>
      <c r="AI903" s="166">
        <v>0</v>
      </c>
      <c r="AJ903" s="166">
        <v>0</v>
      </c>
      <c r="AK903" s="166">
        <v>0</v>
      </c>
      <c r="AL903" s="166">
        <v>0</v>
      </c>
      <c r="AM903" s="166">
        <v>0</v>
      </c>
      <c r="AN903" s="166">
        <v>0</v>
      </c>
      <c r="AO903" s="166">
        <v>0</v>
      </c>
      <c r="AP903" s="166">
        <v>0</v>
      </c>
      <c r="AQ903" s="166">
        <v>0</v>
      </c>
      <c r="AR903" s="166">
        <v>0</v>
      </c>
      <c r="AS903" s="166">
        <v>0</v>
      </c>
      <c r="AT903" s="166">
        <v>0</v>
      </c>
      <c r="AU903" s="166">
        <v>0</v>
      </c>
      <c r="AV903" s="166">
        <v>0</v>
      </c>
      <c r="AW903" s="166">
        <v>0</v>
      </c>
      <c r="AX903" s="166">
        <v>0</v>
      </c>
      <c r="AY903" s="166">
        <v>0</v>
      </c>
      <c r="AZ903" s="166">
        <v>-200000004</v>
      </c>
      <c r="BA903" s="166">
        <v>0</v>
      </c>
      <c r="BB903" s="166">
        <v>0</v>
      </c>
      <c r="BC903" s="166">
        <v>0</v>
      </c>
      <c r="BD903" s="166">
        <v>0</v>
      </c>
      <c r="BE903" s="166">
        <v>0</v>
      </c>
      <c r="BF903" s="166">
        <v>0</v>
      </c>
      <c r="BG903" s="166">
        <v>0</v>
      </c>
      <c r="BH903" s="166">
        <v>0</v>
      </c>
      <c r="BI903" s="166">
        <v>0</v>
      </c>
      <c r="BJ903" s="166">
        <v>0</v>
      </c>
      <c r="BK903" s="166">
        <v>0</v>
      </c>
      <c r="BL903" s="166">
        <v>0</v>
      </c>
      <c r="BM903" s="166">
        <v>0</v>
      </c>
      <c r="BN903" s="166">
        <v>0</v>
      </c>
      <c r="BO903" s="166">
        <v>0</v>
      </c>
      <c r="BP903" s="166">
        <v>0</v>
      </c>
      <c r="BQ903" s="166">
        <v>-200000004</v>
      </c>
      <c r="BR903" s="166">
        <v>200000004</v>
      </c>
      <c r="BS903" s="166">
        <v>0</v>
      </c>
      <c r="BT903" s="168">
        <v>1</v>
      </c>
      <c r="BU903" s="166">
        <v>16666667</v>
      </c>
      <c r="BV903" s="166">
        <v>200000004</v>
      </c>
      <c r="BW903" s="166">
        <v>0</v>
      </c>
      <c r="BX903" s="166">
        <v>0</v>
      </c>
      <c r="BY903" s="166">
        <v>0</v>
      </c>
      <c r="BZ903" s="166">
        <v>0</v>
      </c>
      <c r="CA903" s="166">
        <v>0</v>
      </c>
      <c r="CB903" s="166">
        <v>0</v>
      </c>
      <c r="CC903" s="166">
        <v>0</v>
      </c>
      <c r="CD903" s="166">
        <v>0</v>
      </c>
      <c r="CE903" s="166">
        <v>0</v>
      </c>
      <c r="CF903" s="166">
        <v>0</v>
      </c>
      <c r="CG903" s="166">
        <v>0</v>
      </c>
      <c r="CH903" s="166">
        <v>0</v>
      </c>
      <c r="CI903" s="166">
        <v>0</v>
      </c>
      <c r="CJ903" s="166">
        <v>-200000004</v>
      </c>
      <c r="CK903" s="166">
        <v>0</v>
      </c>
      <c r="CL903" s="166">
        <v>0</v>
      </c>
      <c r="CM903" s="166">
        <v>0</v>
      </c>
      <c r="CN903" s="166">
        <v>0</v>
      </c>
      <c r="CO903" s="166">
        <v>0</v>
      </c>
      <c r="CP903" s="166">
        <v>0</v>
      </c>
      <c r="CQ903" s="166">
        <v>0</v>
      </c>
      <c r="CR903" s="166">
        <v>0</v>
      </c>
      <c r="CS903" s="166">
        <v>0</v>
      </c>
      <c r="CT903" s="166">
        <v>0</v>
      </c>
      <c r="CU903" s="166">
        <v>0</v>
      </c>
      <c r="CV903" s="166">
        <v>0</v>
      </c>
      <c r="CW903" s="166">
        <v>0</v>
      </c>
      <c r="CX903" s="166">
        <v>-200000004</v>
      </c>
      <c r="CY903" s="166">
        <v>0</v>
      </c>
      <c r="CZ903" s="166">
        <v>0</v>
      </c>
    </row>
    <row r="904" spans="1:104" x14ac:dyDescent="0.2">
      <c r="A904" s="167" t="s">
        <v>433</v>
      </c>
      <c r="B904" s="166">
        <v>200000004</v>
      </c>
      <c r="C904" s="166">
        <v>200000004</v>
      </c>
      <c r="D904" s="166">
        <v>0</v>
      </c>
      <c r="E904" s="166">
        <v>0</v>
      </c>
      <c r="F904" s="166">
        <v>0</v>
      </c>
      <c r="G904" s="166">
        <v>0</v>
      </c>
      <c r="H904" s="166">
        <v>0</v>
      </c>
      <c r="I904" s="166">
        <v>0</v>
      </c>
      <c r="J904" s="166">
        <v>0</v>
      </c>
      <c r="K904" s="166">
        <v>0</v>
      </c>
      <c r="L904" s="166">
        <v>0</v>
      </c>
      <c r="M904" s="166">
        <v>0</v>
      </c>
      <c r="N904" s="166">
        <v>0</v>
      </c>
      <c r="O904" s="166">
        <v>0</v>
      </c>
      <c r="P904" s="166">
        <v>0</v>
      </c>
      <c r="Q904" s="166">
        <v>0</v>
      </c>
      <c r="R904" s="166">
        <v>0</v>
      </c>
      <c r="S904" s="166">
        <v>0</v>
      </c>
      <c r="T904" s="166">
        <v>0</v>
      </c>
      <c r="U904" s="166">
        <v>0</v>
      </c>
      <c r="V904" s="166">
        <v>0</v>
      </c>
      <c r="W904" s="166">
        <v>0</v>
      </c>
      <c r="X904" s="166">
        <v>0</v>
      </c>
      <c r="Y904" s="166">
        <v>0</v>
      </c>
      <c r="Z904" s="166">
        <v>0</v>
      </c>
      <c r="AA904" s="166">
        <v>0</v>
      </c>
      <c r="AB904" s="166">
        <v>0</v>
      </c>
      <c r="AC904" s="166">
        <v>0</v>
      </c>
      <c r="AD904" s="166">
        <v>0</v>
      </c>
      <c r="AE904" s="166">
        <v>0</v>
      </c>
      <c r="AF904" s="166">
        <v>0</v>
      </c>
      <c r="AG904" s="166">
        <v>0</v>
      </c>
      <c r="AH904" s="166">
        <v>0</v>
      </c>
      <c r="AI904" s="166">
        <v>0</v>
      </c>
      <c r="AJ904" s="166">
        <v>0</v>
      </c>
      <c r="AK904" s="166">
        <v>0</v>
      </c>
      <c r="AL904" s="166">
        <v>0</v>
      </c>
      <c r="AM904" s="166">
        <v>0</v>
      </c>
      <c r="AN904" s="166">
        <v>0</v>
      </c>
      <c r="AO904" s="166">
        <v>0</v>
      </c>
      <c r="AP904" s="166">
        <v>0</v>
      </c>
      <c r="AQ904" s="166">
        <v>0</v>
      </c>
      <c r="AR904" s="166">
        <v>0</v>
      </c>
      <c r="AS904" s="166">
        <v>0</v>
      </c>
      <c r="AT904" s="166">
        <v>0</v>
      </c>
      <c r="AU904" s="166">
        <v>0</v>
      </c>
      <c r="AV904" s="166">
        <v>0</v>
      </c>
      <c r="AW904" s="166">
        <v>0</v>
      </c>
      <c r="AX904" s="166">
        <v>0</v>
      </c>
      <c r="AY904" s="166">
        <v>0</v>
      </c>
      <c r="AZ904" s="166">
        <v>-200000004</v>
      </c>
      <c r="BA904" s="166">
        <v>0</v>
      </c>
      <c r="BB904" s="166">
        <v>0</v>
      </c>
      <c r="BC904" s="166">
        <v>0</v>
      </c>
      <c r="BD904" s="166">
        <v>0</v>
      </c>
      <c r="BE904" s="166">
        <v>0</v>
      </c>
      <c r="BF904" s="166">
        <v>0</v>
      </c>
      <c r="BG904" s="166">
        <v>0</v>
      </c>
      <c r="BH904" s="166">
        <v>0</v>
      </c>
      <c r="BI904" s="166">
        <v>0</v>
      </c>
      <c r="BJ904" s="166">
        <v>0</v>
      </c>
      <c r="BK904" s="166">
        <v>0</v>
      </c>
      <c r="BL904" s="166">
        <v>0</v>
      </c>
      <c r="BM904" s="166">
        <v>0</v>
      </c>
      <c r="BN904" s="166">
        <v>0</v>
      </c>
      <c r="BO904" s="166">
        <v>0</v>
      </c>
      <c r="BP904" s="166">
        <v>0</v>
      </c>
      <c r="BQ904" s="166">
        <v>-200000004</v>
      </c>
      <c r="BR904" s="166">
        <v>200000004</v>
      </c>
      <c r="BS904" s="166">
        <v>0</v>
      </c>
      <c r="BT904" s="168">
        <v>0</v>
      </c>
      <c r="BU904" s="166">
        <v>16666667</v>
      </c>
      <c r="BV904" s="166">
        <v>200000004</v>
      </c>
      <c r="BW904" s="166">
        <v>0</v>
      </c>
      <c r="BX904" s="166">
        <v>0</v>
      </c>
      <c r="BY904" s="166">
        <v>0</v>
      </c>
      <c r="BZ904" s="166">
        <v>0</v>
      </c>
      <c r="CA904" s="166">
        <v>0</v>
      </c>
      <c r="CB904" s="166">
        <v>0</v>
      </c>
      <c r="CC904" s="166">
        <v>0</v>
      </c>
      <c r="CD904" s="166">
        <v>0</v>
      </c>
      <c r="CE904" s="166">
        <v>0</v>
      </c>
      <c r="CF904" s="166">
        <v>0</v>
      </c>
      <c r="CG904" s="166">
        <v>0</v>
      </c>
      <c r="CH904" s="166">
        <v>0</v>
      </c>
      <c r="CI904" s="166">
        <v>0</v>
      </c>
      <c r="CJ904" s="166">
        <v>-200000004</v>
      </c>
      <c r="CK904" s="166">
        <v>0</v>
      </c>
      <c r="CL904" s="166">
        <v>0</v>
      </c>
      <c r="CM904" s="166">
        <v>0</v>
      </c>
      <c r="CN904" s="166">
        <v>0</v>
      </c>
      <c r="CO904" s="166">
        <v>0</v>
      </c>
      <c r="CP904" s="166">
        <v>0</v>
      </c>
      <c r="CQ904" s="166">
        <v>0</v>
      </c>
      <c r="CR904" s="166">
        <v>0</v>
      </c>
      <c r="CS904" s="166">
        <v>0</v>
      </c>
      <c r="CT904" s="166">
        <v>0</v>
      </c>
      <c r="CU904" s="166">
        <v>0</v>
      </c>
      <c r="CV904" s="166">
        <v>0</v>
      </c>
      <c r="CW904" s="166">
        <v>0</v>
      </c>
      <c r="CX904" s="166">
        <v>-200000004</v>
      </c>
      <c r="CY904" s="166">
        <v>0</v>
      </c>
      <c r="CZ904" s="166">
        <v>0</v>
      </c>
    </row>
    <row r="905" spans="1:104" x14ac:dyDescent="0.2">
      <c r="A905" s="167" t="s">
        <v>434</v>
      </c>
    </row>
    <row r="906" spans="1:104" x14ac:dyDescent="0.2">
      <c r="A906" s="167" t="s">
        <v>1189</v>
      </c>
      <c r="B906" s="166">
        <v>7262776.9999999898</v>
      </c>
      <c r="C906" s="166">
        <v>7262776.9999999898</v>
      </c>
      <c r="D906" s="166">
        <v>0</v>
      </c>
      <c r="E906" s="166">
        <v>0</v>
      </c>
      <c r="F906" s="166">
        <v>0</v>
      </c>
      <c r="G906" s="166">
        <v>0</v>
      </c>
      <c r="H906" s="166">
        <v>0</v>
      </c>
      <c r="I906" s="166">
        <v>0</v>
      </c>
      <c r="J906" s="166">
        <v>0</v>
      </c>
      <c r="K906" s="166">
        <v>0</v>
      </c>
      <c r="L906" s="166">
        <v>0</v>
      </c>
      <c r="M906" s="166">
        <v>0</v>
      </c>
      <c r="N906" s="166">
        <v>0</v>
      </c>
      <c r="O906" s="166">
        <v>0</v>
      </c>
      <c r="P906" s="166">
        <v>0</v>
      </c>
      <c r="Q906" s="166">
        <v>0</v>
      </c>
      <c r="R906" s="166">
        <v>0</v>
      </c>
      <c r="S906" s="166">
        <v>0</v>
      </c>
      <c r="T906" s="166">
        <v>0</v>
      </c>
      <c r="U906" s="166">
        <v>0</v>
      </c>
      <c r="V906" s="166">
        <v>0</v>
      </c>
      <c r="W906" s="166">
        <v>0</v>
      </c>
      <c r="X906" s="166">
        <v>0</v>
      </c>
      <c r="Y906" s="166">
        <v>0</v>
      </c>
      <c r="Z906" s="166">
        <v>0</v>
      </c>
      <c r="AA906" s="166">
        <v>0</v>
      </c>
      <c r="AB906" s="166">
        <v>0</v>
      </c>
      <c r="AC906" s="166">
        <v>0</v>
      </c>
      <c r="AD906" s="166">
        <v>0</v>
      </c>
      <c r="AE906" s="166">
        <v>0</v>
      </c>
      <c r="AF906" s="166">
        <v>0</v>
      </c>
      <c r="AG906" s="166">
        <v>0</v>
      </c>
      <c r="AH906" s="166">
        <v>0</v>
      </c>
      <c r="AI906" s="166">
        <v>0</v>
      </c>
      <c r="AJ906" s="166">
        <v>0</v>
      </c>
      <c r="AK906" s="166">
        <v>0</v>
      </c>
      <c r="AL906" s="166">
        <v>0</v>
      </c>
      <c r="AM906" s="166">
        <v>0</v>
      </c>
      <c r="AN906" s="166">
        <v>0</v>
      </c>
      <c r="AO906" s="166">
        <v>0</v>
      </c>
      <c r="AP906" s="166">
        <v>0</v>
      </c>
      <c r="AQ906" s="166">
        <v>0</v>
      </c>
      <c r="AR906" s="166">
        <v>0</v>
      </c>
      <c r="AS906" s="166">
        <v>0</v>
      </c>
      <c r="AT906" s="166">
        <v>0</v>
      </c>
      <c r="AU906" s="166">
        <v>0</v>
      </c>
      <c r="AV906" s="166">
        <v>0</v>
      </c>
      <c r="AW906" s="166">
        <v>0</v>
      </c>
      <c r="AX906" s="166">
        <v>0</v>
      </c>
      <c r="AY906" s="166">
        <v>0</v>
      </c>
      <c r="AZ906" s="166">
        <v>0</v>
      </c>
      <c r="BA906" s="166">
        <v>0</v>
      </c>
      <c r="BB906" s="166">
        <v>0</v>
      </c>
      <c r="BC906" s="166">
        <v>0</v>
      </c>
      <c r="BD906" s="166">
        <v>0</v>
      </c>
      <c r="BE906" s="166">
        <v>0</v>
      </c>
      <c r="BF906" s="166">
        <v>0</v>
      </c>
      <c r="BG906" s="166">
        <v>0</v>
      </c>
      <c r="BH906" s="166">
        <v>0</v>
      </c>
      <c r="BI906" s="166">
        <v>0</v>
      </c>
      <c r="BJ906" s="166">
        <v>0</v>
      </c>
      <c r="BK906" s="166">
        <v>0</v>
      </c>
      <c r="BL906" s="166">
        <v>0</v>
      </c>
      <c r="BM906" s="166">
        <v>0</v>
      </c>
      <c r="BN906" s="166">
        <v>0</v>
      </c>
      <c r="BO906" s="166">
        <v>0</v>
      </c>
      <c r="BP906" s="166">
        <v>0</v>
      </c>
      <c r="BQ906" s="166">
        <v>0</v>
      </c>
      <c r="BR906" s="166">
        <v>7262776.9999999898</v>
      </c>
      <c r="BS906" s="166">
        <v>7262776.9999999898</v>
      </c>
      <c r="BT906" s="168">
        <v>0.96779000000000004</v>
      </c>
      <c r="BU906" s="166">
        <v>635374.48762369901</v>
      </c>
      <c r="BV906" s="166">
        <v>7028842.9528299896</v>
      </c>
      <c r="BW906" s="166">
        <v>0</v>
      </c>
      <c r="BX906" s="166">
        <v>0</v>
      </c>
      <c r="BY906" s="166">
        <v>0</v>
      </c>
      <c r="BZ906" s="166">
        <v>0</v>
      </c>
      <c r="CA906" s="166">
        <v>0</v>
      </c>
      <c r="CB906" s="166">
        <v>0</v>
      </c>
      <c r="CC906" s="166">
        <v>0</v>
      </c>
      <c r="CD906" s="166">
        <v>0</v>
      </c>
      <c r="CE906" s="166">
        <v>0</v>
      </c>
      <c r="CF906" s="166">
        <v>0</v>
      </c>
      <c r="CG906" s="166">
        <v>0</v>
      </c>
      <c r="CH906" s="166">
        <v>0</v>
      </c>
      <c r="CI906" s="166">
        <v>0</v>
      </c>
      <c r="CJ906" s="166">
        <v>0</v>
      </c>
      <c r="CK906" s="166">
        <v>0</v>
      </c>
      <c r="CL906" s="166">
        <v>0</v>
      </c>
      <c r="CM906" s="166">
        <v>0</v>
      </c>
      <c r="CN906" s="166">
        <v>0</v>
      </c>
      <c r="CO906" s="166">
        <v>0</v>
      </c>
      <c r="CP906" s="166">
        <v>0</v>
      </c>
      <c r="CQ906" s="166">
        <v>0</v>
      </c>
      <c r="CR906" s="166">
        <v>0</v>
      </c>
      <c r="CS906" s="166">
        <v>0</v>
      </c>
      <c r="CT906" s="166">
        <v>0</v>
      </c>
      <c r="CU906" s="166">
        <v>0</v>
      </c>
      <c r="CV906" s="166">
        <v>0</v>
      </c>
      <c r="CW906" s="166">
        <v>0</v>
      </c>
      <c r="CX906" s="166">
        <v>0</v>
      </c>
      <c r="CY906" s="166">
        <v>7028842.9528299896</v>
      </c>
      <c r="CZ906" s="166">
        <v>7028842.9528299896</v>
      </c>
    </row>
    <row r="907" spans="1:104" x14ac:dyDescent="0.2">
      <c r="A907" s="167" t="s">
        <v>1190</v>
      </c>
    </row>
    <row r="908" spans="1:104" x14ac:dyDescent="0.2">
      <c r="A908" s="167" t="s">
        <v>1191</v>
      </c>
      <c r="B908" s="166">
        <v>6597641.7440000298</v>
      </c>
      <c r="C908" s="166">
        <v>6597641.7440000298</v>
      </c>
      <c r="D908" s="166">
        <v>0</v>
      </c>
      <c r="E908" s="166">
        <v>0</v>
      </c>
      <c r="F908" s="166">
        <v>0</v>
      </c>
      <c r="G908" s="166">
        <v>0</v>
      </c>
      <c r="H908" s="166">
        <v>0</v>
      </c>
      <c r="I908" s="166">
        <v>0</v>
      </c>
      <c r="J908" s="166">
        <v>0</v>
      </c>
      <c r="K908" s="166">
        <v>0</v>
      </c>
      <c r="L908" s="166">
        <v>0</v>
      </c>
      <c r="M908" s="166">
        <v>0</v>
      </c>
      <c r="N908" s="166">
        <v>0</v>
      </c>
      <c r="O908" s="166">
        <v>0</v>
      </c>
      <c r="P908" s="166">
        <v>0</v>
      </c>
      <c r="Q908" s="166">
        <v>0</v>
      </c>
      <c r="R908" s="166">
        <v>0</v>
      </c>
      <c r="S908" s="166">
        <v>0</v>
      </c>
      <c r="T908" s="166">
        <v>0</v>
      </c>
      <c r="U908" s="166">
        <v>0</v>
      </c>
      <c r="V908" s="166">
        <v>0</v>
      </c>
      <c r="W908" s="166">
        <v>0</v>
      </c>
      <c r="X908" s="166">
        <v>0</v>
      </c>
      <c r="Y908" s="166">
        <v>0</v>
      </c>
      <c r="Z908" s="166">
        <v>0</v>
      </c>
      <c r="AA908" s="166">
        <v>0</v>
      </c>
      <c r="AB908" s="166">
        <v>0</v>
      </c>
      <c r="AC908" s="166">
        <v>0</v>
      </c>
      <c r="AD908" s="166">
        <v>0</v>
      </c>
      <c r="AE908" s="166">
        <v>0</v>
      </c>
      <c r="AF908" s="166">
        <v>0</v>
      </c>
      <c r="AG908" s="166">
        <v>0</v>
      </c>
      <c r="AH908" s="166">
        <v>0</v>
      </c>
      <c r="AI908" s="166">
        <v>0</v>
      </c>
      <c r="AJ908" s="166">
        <v>0</v>
      </c>
      <c r="AK908" s="166">
        <v>0</v>
      </c>
      <c r="AL908" s="166">
        <v>0</v>
      </c>
      <c r="AM908" s="166">
        <v>0</v>
      </c>
      <c r="AN908" s="166">
        <v>0</v>
      </c>
      <c r="AO908" s="166">
        <v>0</v>
      </c>
      <c r="AP908" s="166">
        <v>0</v>
      </c>
      <c r="AQ908" s="166">
        <v>0</v>
      </c>
      <c r="AR908" s="166">
        <v>0</v>
      </c>
      <c r="AS908" s="166">
        <v>0</v>
      </c>
      <c r="AT908" s="166">
        <v>0</v>
      </c>
      <c r="AU908" s="166">
        <v>0</v>
      </c>
      <c r="AV908" s="166">
        <v>0</v>
      </c>
      <c r="AW908" s="166">
        <v>0</v>
      </c>
      <c r="AX908" s="166">
        <v>0</v>
      </c>
      <c r="AY908" s="166">
        <v>0</v>
      </c>
      <c r="AZ908" s="166">
        <v>0</v>
      </c>
      <c r="BA908" s="166">
        <v>0</v>
      </c>
      <c r="BB908" s="166">
        <v>0</v>
      </c>
      <c r="BC908" s="166">
        <v>0</v>
      </c>
      <c r="BD908" s="166">
        <v>0</v>
      </c>
      <c r="BE908" s="166">
        <v>0</v>
      </c>
      <c r="BF908" s="166">
        <v>0</v>
      </c>
      <c r="BG908" s="166">
        <v>0</v>
      </c>
      <c r="BH908" s="166">
        <v>0</v>
      </c>
      <c r="BI908" s="166">
        <v>0</v>
      </c>
      <c r="BJ908" s="166">
        <v>0</v>
      </c>
      <c r="BK908" s="166">
        <v>0</v>
      </c>
      <c r="BL908" s="166">
        <v>0</v>
      </c>
      <c r="BM908" s="166">
        <v>0</v>
      </c>
      <c r="BN908" s="166">
        <v>0</v>
      </c>
      <c r="BO908" s="166">
        <v>0</v>
      </c>
      <c r="BP908" s="166">
        <v>0</v>
      </c>
      <c r="BQ908" s="166">
        <v>0</v>
      </c>
      <c r="BR908" s="166">
        <v>6597641.7440000298</v>
      </c>
      <c r="BS908" s="166">
        <v>6597641.7440000298</v>
      </c>
      <c r="BT908" s="168">
        <v>0.96779000000000004</v>
      </c>
      <c r="BU908" s="166">
        <v>2854641.5770386299</v>
      </c>
      <c r="BV908" s="166">
        <v>6385131.7034257902</v>
      </c>
      <c r="BW908" s="166">
        <v>0</v>
      </c>
      <c r="BX908" s="166">
        <v>0</v>
      </c>
      <c r="BY908" s="166">
        <v>0</v>
      </c>
      <c r="BZ908" s="166">
        <v>0</v>
      </c>
      <c r="CA908" s="166">
        <v>0</v>
      </c>
      <c r="CB908" s="166">
        <v>0</v>
      </c>
      <c r="CC908" s="166">
        <v>0</v>
      </c>
      <c r="CD908" s="166">
        <v>0</v>
      </c>
      <c r="CE908" s="166">
        <v>0</v>
      </c>
      <c r="CF908" s="166">
        <v>0</v>
      </c>
      <c r="CG908" s="166">
        <v>0</v>
      </c>
      <c r="CH908" s="166">
        <v>0</v>
      </c>
      <c r="CI908" s="166">
        <v>0</v>
      </c>
      <c r="CJ908" s="166">
        <v>0</v>
      </c>
      <c r="CK908" s="166">
        <v>0</v>
      </c>
      <c r="CL908" s="166">
        <v>0</v>
      </c>
      <c r="CM908" s="166">
        <v>0</v>
      </c>
      <c r="CN908" s="166">
        <v>0</v>
      </c>
      <c r="CO908" s="166">
        <v>0</v>
      </c>
      <c r="CP908" s="166">
        <v>0</v>
      </c>
      <c r="CQ908" s="166">
        <v>0</v>
      </c>
      <c r="CR908" s="166">
        <v>0</v>
      </c>
      <c r="CS908" s="166">
        <v>0</v>
      </c>
      <c r="CT908" s="166">
        <v>0</v>
      </c>
      <c r="CU908" s="166">
        <v>0</v>
      </c>
      <c r="CV908" s="166">
        <v>0</v>
      </c>
      <c r="CW908" s="166">
        <v>0</v>
      </c>
      <c r="CX908" s="166">
        <v>0</v>
      </c>
      <c r="CY908" s="166">
        <v>6385131.7034257902</v>
      </c>
      <c r="CZ908" s="166">
        <v>6385131.7034257902</v>
      </c>
    </row>
    <row r="909" spans="1:104" x14ac:dyDescent="0.2">
      <c r="A909" s="167" t="s">
        <v>1192</v>
      </c>
      <c r="B909" s="166">
        <v>0</v>
      </c>
      <c r="C909" s="166">
        <v>0</v>
      </c>
      <c r="D909" s="166">
        <v>0</v>
      </c>
      <c r="E909" s="166">
        <v>0</v>
      </c>
      <c r="F909" s="166">
        <v>0</v>
      </c>
      <c r="G909" s="166">
        <v>0</v>
      </c>
      <c r="H909" s="166">
        <v>0</v>
      </c>
      <c r="I909" s="166">
        <v>0</v>
      </c>
      <c r="J909" s="166">
        <v>0</v>
      </c>
      <c r="K909" s="166">
        <v>0</v>
      </c>
      <c r="L909" s="166">
        <v>0</v>
      </c>
      <c r="M909" s="166">
        <v>0</v>
      </c>
      <c r="N909" s="166">
        <v>0</v>
      </c>
      <c r="O909" s="166">
        <v>0</v>
      </c>
      <c r="P909" s="166">
        <v>0</v>
      </c>
      <c r="Q909" s="166">
        <v>0</v>
      </c>
      <c r="R909" s="166">
        <v>0</v>
      </c>
      <c r="S909" s="166">
        <v>0</v>
      </c>
      <c r="T909" s="166">
        <v>0</v>
      </c>
      <c r="U909" s="166">
        <v>0</v>
      </c>
      <c r="V909" s="166">
        <v>0</v>
      </c>
      <c r="W909" s="166">
        <v>0</v>
      </c>
      <c r="X909" s="166">
        <v>0</v>
      </c>
      <c r="Y909" s="166">
        <v>0</v>
      </c>
      <c r="Z909" s="166">
        <v>0</v>
      </c>
      <c r="AA909" s="166">
        <v>0</v>
      </c>
      <c r="AB909" s="166">
        <v>0</v>
      </c>
      <c r="AC909" s="166">
        <v>0</v>
      </c>
      <c r="AD909" s="166">
        <v>0</v>
      </c>
      <c r="AE909" s="166">
        <v>0</v>
      </c>
      <c r="AF909" s="166">
        <v>0</v>
      </c>
      <c r="AG909" s="166">
        <v>0</v>
      </c>
      <c r="AH909" s="166">
        <v>0</v>
      </c>
      <c r="AI909" s="166">
        <v>0</v>
      </c>
      <c r="AJ909" s="166">
        <v>0</v>
      </c>
      <c r="AK909" s="166">
        <v>0</v>
      </c>
      <c r="AL909" s="166">
        <v>0</v>
      </c>
      <c r="AM909" s="166">
        <v>0</v>
      </c>
      <c r="AN909" s="166">
        <v>0</v>
      </c>
      <c r="AO909" s="166">
        <v>0</v>
      </c>
      <c r="AP909" s="166">
        <v>0</v>
      </c>
      <c r="AQ909" s="166">
        <v>0</v>
      </c>
      <c r="AR909" s="166">
        <v>0</v>
      </c>
      <c r="AS909" s="166">
        <v>0</v>
      </c>
      <c r="AT909" s="166">
        <v>0</v>
      </c>
      <c r="AU909" s="166">
        <v>0</v>
      </c>
      <c r="AV909" s="166">
        <v>0</v>
      </c>
      <c r="AW909" s="166">
        <v>0</v>
      </c>
      <c r="AX909" s="166">
        <v>0</v>
      </c>
      <c r="AY909" s="166">
        <v>0</v>
      </c>
      <c r="AZ909" s="166">
        <v>0</v>
      </c>
      <c r="BA909" s="166">
        <v>0</v>
      </c>
      <c r="BB909" s="166">
        <v>0</v>
      </c>
      <c r="BC909" s="166">
        <v>0</v>
      </c>
      <c r="BD909" s="166">
        <v>0</v>
      </c>
      <c r="BE909" s="166">
        <v>0</v>
      </c>
      <c r="BF909" s="166">
        <v>0</v>
      </c>
      <c r="BG909" s="166">
        <v>0</v>
      </c>
      <c r="BH909" s="166">
        <v>0</v>
      </c>
      <c r="BI909" s="166">
        <v>0</v>
      </c>
      <c r="BJ909" s="166">
        <v>0</v>
      </c>
      <c r="BK909" s="166">
        <v>0</v>
      </c>
      <c r="BL909" s="166">
        <v>0</v>
      </c>
      <c r="BM909" s="166">
        <v>0</v>
      </c>
      <c r="BN909" s="166">
        <v>0</v>
      </c>
      <c r="BO909" s="166">
        <v>0</v>
      </c>
      <c r="BP909" s="166">
        <v>0</v>
      </c>
      <c r="BQ909" s="166">
        <v>0</v>
      </c>
      <c r="BR909" s="166">
        <v>0</v>
      </c>
      <c r="BS909" s="166">
        <v>0</v>
      </c>
      <c r="BT909" s="168">
        <v>0</v>
      </c>
      <c r="BU909" s="166">
        <v>0</v>
      </c>
      <c r="BV909" s="166">
        <v>0</v>
      </c>
      <c r="BW909" s="166">
        <v>0</v>
      </c>
      <c r="BX909" s="166">
        <v>0</v>
      </c>
      <c r="BY909" s="166">
        <v>0</v>
      </c>
      <c r="BZ909" s="166">
        <v>0</v>
      </c>
      <c r="CA909" s="166">
        <v>0</v>
      </c>
      <c r="CB909" s="166">
        <v>0</v>
      </c>
      <c r="CC909" s="166">
        <v>0</v>
      </c>
      <c r="CD909" s="166">
        <v>0</v>
      </c>
      <c r="CE909" s="166">
        <v>0</v>
      </c>
      <c r="CF909" s="166">
        <v>0</v>
      </c>
      <c r="CG909" s="166">
        <v>0</v>
      </c>
      <c r="CH909" s="166">
        <v>0</v>
      </c>
      <c r="CI909" s="166">
        <v>0</v>
      </c>
      <c r="CJ909" s="166">
        <v>0</v>
      </c>
      <c r="CK909" s="166">
        <v>0</v>
      </c>
      <c r="CL909" s="166">
        <v>0</v>
      </c>
      <c r="CM909" s="166">
        <v>0</v>
      </c>
      <c r="CN909" s="166">
        <v>0</v>
      </c>
      <c r="CO909" s="166">
        <v>0</v>
      </c>
      <c r="CP909" s="166">
        <v>0</v>
      </c>
      <c r="CQ909" s="166">
        <v>0</v>
      </c>
      <c r="CR909" s="166">
        <v>0</v>
      </c>
      <c r="CS909" s="166">
        <v>0</v>
      </c>
      <c r="CT909" s="166">
        <v>0</v>
      </c>
      <c r="CU909" s="166">
        <v>0</v>
      </c>
      <c r="CV909" s="166">
        <v>0</v>
      </c>
      <c r="CW909" s="166">
        <v>0</v>
      </c>
      <c r="CX909" s="166">
        <v>0</v>
      </c>
      <c r="CY909" s="166">
        <v>0</v>
      </c>
      <c r="CZ909" s="166">
        <v>0</v>
      </c>
    </row>
    <row r="910" spans="1:104" x14ac:dyDescent="0.2">
      <c r="A910" s="167" t="s">
        <v>1193</v>
      </c>
      <c r="B910" s="166">
        <v>6597641.7440000298</v>
      </c>
      <c r="C910" s="166">
        <v>6597641.7440000298</v>
      </c>
      <c r="D910" s="166">
        <v>0</v>
      </c>
      <c r="E910" s="166">
        <v>0</v>
      </c>
      <c r="F910" s="166">
        <v>0</v>
      </c>
      <c r="G910" s="166">
        <v>0</v>
      </c>
      <c r="H910" s="166">
        <v>0</v>
      </c>
      <c r="I910" s="166">
        <v>0</v>
      </c>
      <c r="J910" s="166">
        <v>0</v>
      </c>
      <c r="K910" s="166">
        <v>0</v>
      </c>
      <c r="L910" s="166">
        <v>0</v>
      </c>
      <c r="M910" s="166">
        <v>0</v>
      </c>
      <c r="N910" s="166">
        <v>0</v>
      </c>
      <c r="O910" s="166">
        <v>0</v>
      </c>
      <c r="P910" s="166">
        <v>0</v>
      </c>
      <c r="Q910" s="166">
        <v>0</v>
      </c>
      <c r="R910" s="166">
        <v>0</v>
      </c>
      <c r="S910" s="166">
        <v>0</v>
      </c>
      <c r="T910" s="166">
        <v>0</v>
      </c>
      <c r="U910" s="166">
        <v>0</v>
      </c>
      <c r="V910" s="166">
        <v>0</v>
      </c>
      <c r="W910" s="166">
        <v>0</v>
      </c>
      <c r="X910" s="166">
        <v>0</v>
      </c>
      <c r="Y910" s="166">
        <v>0</v>
      </c>
      <c r="Z910" s="166">
        <v>0</v>
      </c>
      <c r="AA910" s="166">
        <v>0</v>
      </c>
      <c r="AB910" s="166">
        <v>0</v>
      </c>
      <c r="AC910" s="166">
        <v>0</v>
      </c>
      <c r="AD910" s="166">
        <v>0</v>
      </c>
      <c r="AE910" s="166">
        <v>0</v>
      </c>
      <c r="AF910" s="166">
        <v>0</v>
      </c>
      <c r="AG910" s="166">
        <v>0</v>
      </c>
      <c r="AH910" s="166">
        <v>0</v>
      </c>
      <c r="AI910" s="166">
        <v>0</v>
      </c>
      <c r="AJ910" s="166">
        <v>0</v>
      </c>
      <c r="AK910" s="166">
        <v>0</v>
      </c>
      <c r="AL910" s="166">
        <v>0</v>
      </c>
      <c r="AM910" s="166">
        <v>0</v>
      </c>
      <c r="AN910" s="166">
        <v>0</v>
      </c>
      <c r="AO910" s="166">
        <v>0</v>
      </c>
      <c r="AP910" s="166">
        <v>0</v>
      </c>
      <c r="AQ910" s="166">
        <v>0</v>
      </c>
      <c r="AR910" s="166">
        <v>0</v>
      </c>
      <c r="AS910" s="166">
        <v>0</v>
      </c>
      <c r="AT910" s="166">
        <v>0</v>
      </c>
      <c r="AU910" s="166">
        <v>0</v>
      </c>
      <c r="AV910" s="166">
        <v>0</v>
      </c>
      <c r="AW910" s="166">
        <v>0</v>
      </c>
      <c r="AX910" s="166">
        <v>0</v>
      </c>
      <c r="AY910" s="166">
        <v>0</v>
      </c>
      <c r="AZ910" s="166">
        <v>0</v>
      </c>
      <c r="BA910" s="166">
        <v>0</v>
      </c>
      <c r="BB910" s="166">
        <v>0</v>
      </c>
      <c r="BC910" s="166">
        <v>0</v>
      </c>
      <c r="BD910" s="166">
        <v>0</v>
      </c>
      <c r="BE910" s="166">
        <v>0</v>
      </c>
      <c r="BF910" s="166">
        <v>0</v>
      </c>
      <c r="BG910" s="166">
        <v>0</v>
      </c>
      <c r="BH910" s="166">
        <v>0</v>
      </c>
      <c r="BI910" s="166">
        <v>0</v>
      </c>
      <c r="BJ910" s="166">
        <v>0</v>
      </c>
      <c r="BK910" s="166">
        <v>0</v>
      </c>
      <c r="BL910" s="166">
        <v>0</v>
      </c>
      <c r="BM910" s="166">
        <v>0</v>
      </c>
      <c r="BN910" s="166">
        <v>0</v>
      </c>
      <c r="BO910" s="166">
        <v>0</v>
      </c>
      <c r="BP910" s="166">
        <v>0</v>
      </c>
      <c r="BQ910" s="166">
        <v>0</v>
      </c>
      <c r="BR910" s="166">
        <v>6597641.7440000298</v>
      </c>
      <c r="BS910" s="166">
        <v>6597641.7440000298</v>
      </c>
      <c r="BT910" s="168">
        <v>0</v>
      </c>
      <c r="BU910" s="166">
        <v>2854641.5770386299</v>
      </c>
      <c r="BV910" s="166">
        <v>6385131.7034257902</v>
      </c>
      <c r="BW910" s="166">
        <v>0</v>
      </c>
      <c r="BX910" s="166">
        <v>0</v>
      </c>
      <c r="BY910" s="166">
        <v>0</v>
      </c>
      <c r="BZ910" s="166">
        <v>0</v>
      </c>
      <c r="CA910" s="166">
        <v>0</v>
      </c>
      <c r="CB910" s="166">
        <v>0</v>
      </c>
      <c r="CC910" s="166">
        <v>0</v>
      </c>
      <c r="CD910" s="166">
        <v>0</v>
      </c>
      <c r="CE910" s="166">
        <v>0</v>
      </c>
      <c r="CF910" s="166">
        <v>0</v>
      </c>
      <c r="CG910" s="166">
        <v>0</v>
      </c>
      <c r="CH910" s="166">
        <v>0</v>
      </c>
      <c r="CI910" s="166">
        <v>0</v>
      </c>
      <c r="CJ910" s="166">
        <v>0</v>
      </c>
      <c r="CK910" s="166">
        <v>0</v>
      </c>
      <c r="CL910" s="166">
        <v>0</v>
      </c>
      <c r="CM910" s="166">
        <v>0</v>
      </c>
      <c r="CN910" s="166">
        <v>0</v>
      </c>
      <c r="CO910" s="166">
        <v>0</v>
      </c>
      <c r="CP910" s="166">
        <v>0</v>
      </c>
      <c r="CQ910" s="166">
        <v>0</v>
      </c>
      <c r="CR910" s="166">
        <v>0</v>
      </c>
      <c r="CS910" s="166">
        <v>0</v>
      </c>
      <c r="CT910" s="166">
        <v>0</v>
      </c>
      <c r="CU910" s="166">
        <v>0</v>
      </c>
      <c r="CV910" s="166">
        <v>0</v>
      </c>
      <c r="CW910" s="166">
        <v>0</v>
      </c>
      <c r="CX910" s="166">
        <v>0</v>
      </c>
      <c r="CY910" s="166">
        <v>6385131.7034257902</v>
      </c>
      <c r="CZ910" s="166">
        <v>6385131.7034257902</v>
      </c>
    </row>
    <row r="911" spans="1:104" x14ac:dyDescent="0.2">
      <c r="A911" s="167" t="s">
        <v>1194</v>
      </c>
    </row>
    <row r="912" spans="1:104" x14ac:dyDescent="0.2">
      <c r="A912" s="167" t="s">
        <v>441</v>
      </c>
      <c r="B912" s="166">
        <v>0</v>
      </c>
      <c r="C912" s="166">
        <v>0</v>
      </c>
      <c r="D912" s="166">
        <v>0</v>
      </c>
      <c r="E912" s="166">
        <v>0</v>
      </c>
      <c r="F912" s="166">
        <v>0</v>
      </c>
      <c r="G912" s="166">
        <v>0</v>
      </c>
      <c r="H912" s="166">
        <v>0</v>
      </c>
      <c r="I912" s="166">
        <v>0</v>
      </c>
      <c r="J912" s="166">
        <v>0</v>
      </c>
      <c r="K912" s="166">
        <v>0</v>
      </c>
      <c r="L912" s="166">
        <v>0</v>
      </c>
      <c r="M912" s="166">
        <v>0</v>
      </c>
      <c r="N912" s="166">
        <v>0</v>
      </c>
      <c r="O912" s="166">
        <v>0</v>
      </c>
      <c r="P912" s="166">
        <v>0</v>
      </c>
      <c r="Q912" s="166">
        <v>0</v>
      </c>
      <c r="R912" s="166">
        <v>0</v>
      </c>
      <c r="S912" s="166">
        <v>0</v>
      </c>
      <c r="T912" s="166">
        <v>0</v>
      </c>
      <c r="U912" s="166">
        <v>0</v>
      </c>
      <c r="V912" s="166">
        <v>0</v>
      </c>
      <c r="W912" s="166">
        <v>0</v>
      </c>
      <c r="X912" s="166">
        <v>0</v>
      </c>
      <c r="Y912" s="166">
        <v>0</v>
      </c>
      <c r="Z912" s="166">
        <v>0</v>
      </c>
      <c r="AA912" s="166">
        <v>0</v>
      </c>
      <c r="AB912" s="166">
        <v>0</v>
      </c>
      <c r="AC912" s="166">
        <v>0</v>
      </c>
      <c r="AD912" s="166">
        <v>0</v>
      </c>
      <c r="AE912" s="166">
        <v>0</v>
      </c>
      <c r="AF912" s="166">
        <v>0</v>
      </c>
      <c r="AG912" s="166">
        <v>0</v>
      </c>
      <c r="AH912" s="166">
        <v>0</v>
      </c>
      <c r="AI912" s="166">
        <v>0</v>
      </c>
      <c r="AJ912" s="166">
        <v>0</v>
      </c>
      <c r="AK912" s="166">
        <v>0</v>
      </c>
      <c r="AL912" s="166">
        <v>0</v>
      </c>
      <c r="AM912" s="166">
        <v>0</v>
      </c>
      <c r="AN912" s="166">
        <v>0</v>
      </c>
      <c r="AO912" s="166">
        <v>0</v>
      </c>
      <c r="AP912" s="166">
        <v>0</v>
      </c>
      <c r="AQ912" s="166">
        <v>0</v>
      </c>
      <c r="AR912" s="166">
        <v>0</v>
      </c>
      <c r="AS912" s="166">
        <v>0</v>
      </c>
      <c r="AT912" s="166">
        <v>0</v>
      </c>
      <c r="AU912" s="166">
        <v>0</v>
      </c>
      <c r="AV912" s="166">
        <v>0</v>
      </c>
      <c r="AW912" s="166">
        <v>0</v>
      </c>
      <c r="AX912" s="166">
        <v>0</v>
      </c>
      <c r="AY912" s="166">
        <v>0</v>
      </c>
      <c r="AZ912" s="166">
        <v>0</v>
      </c>
      <c r="BA912" s="166">
        <v>0</v>
      </c>
      <c r="BB912" s="166">
        <v>0</v>
      </c>
      <c r="BC912" s="166">
        <v>0</v>
      </c>
      <c r="BD912" s="166">
        <v>0</v>
      </c>
      <c r="BE912" s="166">
        <v>0</v>
      </c>
      <c r="BF912" s="166">
        <v>0</v>
      </c>
      <c r="BG912" s="166">
        <v>0</v>
      </c>
      <c r="BH912" s="166">
        <v>0</v>
      </c>
      <c r="BI912" s="166">
        <v>0</v>
      </c>
      <c r="BJ912" s="166">
        <v>0</v>
      </c>
      <c r="BK912" s="166">
        <v>0</v>
      </c>
      <c r="BL912" s="166">
        <v>0</v>
      </c>
      <c r="BM912" s="166">
        <v>0</v>
      </c>
      <c r="BN912" s="166">
        <v>0</v>
      </c>
      <c r="BO912" s="166">
        <v>0</v>
      </c>
      <c r="BP912" s="166">
        <v>0</v>
      </c>
      <c r="BQ912" s="166">
        <v>0</v>
      </c>
      <c r="BR912" s="166">
        <v>0</v>
      </c>
      <c r="BS912" s="166">
        <v>0</v>
      </c>
      <c r="BT912" s="168">
        <v>0.96779000000000004</v>
      </c>
      <c r="BU912" s="166">
        <v>0</v>
      </c>
      <c r="BV912" s="166">
        <v>0</v>
      </c>
      <c r="BW912" s="166">
        <v>0</v>
      </c>
      <c r="BX912" s="166">
        <v>0</v>
      </c>
      <c r="BY912" s="166">
        <v>0</v>
      </c>
      <c r="BZ912" s="166">
        <v>0</v>
      </c>
      <c r="CA912" s="166">
        <v>0</v>
      </c>
      <c r="CB912" s="166">
        <v>0</v>
      </c>
      <c r="CC912" s="166">
        <v>0</v>
      </c>
      <c r="CD912" s="166">
        <v>0</v>
      </c>
      <c r="CE912" s="166">
        <v>0</v>
      </c>
      <c r="CF912" s="166">
        <v>0</v>
      </c>
      <c r="CG912" s="166">
        <v>0</v>
      </c>
      <c r="CH912" s="166">
        <v>0</v>
      </c>
      <c r="CI912" s="166">
        <v>0</v>
      </c>
      <c r="CJ912" s="166">
        <v>0</v>
      </c>
      <c r="CK912" s="166">
        <v>0</v>
      </c>
      <c r="CL912" s="166">
        <v>0</v>
      </c>
      <c r="CM912" s="166">
        <v>0</v>
      </c>
      <c r="CN912" s="166">
        <v>0</v>
      </c>
      <c r="CO912" s="166">
        <v>0</v>
      </c>
      <c r="CP912" s="166">
        <v>0</v>
      </c>
      <c r="CQ912" s="166">
        <v>0</v>
      </c>
      <c r="CR912" s="166">
        <v>0</v>
      </c>
      <c r="CS912" s="166">
        <v>0</v>
      </c>
      <c r="CT912" s="166">
        <v>0</v>
      </c>
      <c r="CU912" s="166">
        <v>0</v>
      </c>
      <c r="CV912" s="166">
        <v>0</v>
      </c>
      <c r="CW912" s="166">
        <v>0</v>
      </c>
      <c r="CX912" s="166">
        <v>0</v>
      </c>
      <c r="CY912" s="166">
        <v>0</v>
      </c>
      <c r="CZ912" s="166">
        <v>0</v>
      </c>
    </row>
    <row r="913" spans="1:104" x14ac:dyDescent="0.2">
      <c r="A913" s="167" t="s">
        <v>442</v>
      </c>
    </row>
    <row r="914" spans="1:104" x14ac:dyDescent="0.2">
      <c r="A914" s="167" t="s">
        <v>1195</v>
      </c>
      <c r="B914" s="166">
        <v>233705.15999999901</v>
      </c>
      <c r="C914" s="166">
        <v>233705.15999999901</v>
      </c>
      <c r="D914" s="166">
        <v>0</v>
      </c>
      <c r="E914" s="166">
        <v>0</v>
      </c>
      <c r="F914" s="166">
        <v>0</v>
      </c>
      <c r="G914" s="166">
        <v>0</v>
      </c>
      <c r="H914" s="166">
        <v>0</v>
      </c>
      <c r="I914" s="166">
        <v>0</v>
      </c>
      <c r="J914" s="166">
        <v>0</v>
      </c>
      <c r="K914" s="166">
        <v>0</v>
      </c>
      <c r="L914" s="166">
        <v>0</v>
      </c>
      <c r="M914" s="166">
        <v>0</v>
      </c>
      <c r="N914" s="166">
        <v>0</v>
      </c>
      <c r="O914" s="166">
        <v>0</v>
      </c>
      <c r="P914" s="166">
        <v>0</v>
      </c>
      <c r="Q914" s="166">
        <v>0</v>
      </c>
      <c r="R914" s="166">
        <v>0</v>
      </c>
      <c r="S914" s="166">
        <v>0</v>
      </c>
      <c r="T914" s="166">
        <v>0</v>
      </c>
      <c r="U914" s="166">
        <v>0</v>
      </c>
      <c r="V914" s="166">
        <v>0</v>
      </c>
      <c r="W914" s="166">
        <v>0</v>
      </c>
      <c r="X914" s="166">
        <v>0</v>
      </c>
      <c r="Y914" s="166">
        <v>0</v>
      </c>
      <c r="Z914" s="166">
        <v>0</v>
      </c>
      <c r="AA914" s="166">
        <v>0</v>
      </c>
      <c r="AB914" s="166">
        <v>0</v>
      </c>
      <c r="AC914" s="166">
        <v>0</v>
      </c>
      <c r="AD914" s="166">
        <v>0</v>
      </c>
      <c r="AE914" s="166">
        <v>0</v>
      </c>
      <c r="AF914" s="166">
        <v>0</v>
      </c>
      <c r="AG914" s="166">
        <v>0</v>
      </c>
      <c r="AH914" s="166">
        <v>0</v>
      </c>
      <c r="AI914" s="166">
        <v>0</v>
      </c>
      <c r="AJ914" s="166">
        <v>0</v>
      </c>
      <c r="AK914" s="166">
        <v>0</v>
      </c>
      <c r="AL914" s="166">
        <v>0</v>
      </c>
      <c r="AM914" s="166">
        <v>0</v>
      </c>
      <c r="AN914" s="166">
        <v>0</v>
      </c>
      <c r="AO914" s="166">
        <v>0</v>
      </c>
      <c r="AP914" s="166">
        <v>0</v>
      </c>
      <c r="AQ914" s="166">
        <v>0</v>
      </c>
      <c r="AR914" s="166">
        <v>0</v>
      </c>
      <c r="AS914" s="166">
        <v>0</v>
      </c>
      <c r="AT914" s="166">
        <v>0</v>
      </c>
      <c r="AU914" s="166">
        <v>0</v>
      </c>
      <c r="AV914" s="166">
        <v>0</v>
      </c>
      <c r="AW914" s="166">
        <v>0</v>
      </c>
      <c r="AX914" s="166">
        <v>0</v>
      </c>
      <c r="AY914" s="166">
        <v>0</v>
      </c>
      <c r="AZ914" s="166">
        <v>0</v>
      </c>
      <c r="BA914" s="166">
        <v>0</v>
      </c>
      <c r="BB914" s="166">
        <v>0</v>
      </c>
      <c r="BC914" s="166">
        <v>0</v>
      </c>
      <c r="BD914" s="166">
        <v>0</v>
      </c>
      <c r="BE914" s="166">
        <v>0</v>
      </c>
      <c r="BF914" s="166">
        <v>0</v>
      </c>
      <c r="BG914" s="166">
        <v>0</v>
      </c>
      <c r="BH914" s="166">
        <v>0</v>
      </c>
      <c r="BI914" s="166">
        <v>0</v>
      </c>
      <c r="BJ914" s="166">
        <v>0</v>
      </c>
      <c r="BK914" s="166">
        <v>0</v>
      </c>
      <c r="BL914" s="166">
        <v>0</v>
      </c>
      <c r="BM914" s="166">
        <v>0</v>
      </c>
      <c r="BN914" s="166">
        <v>0</v>
      </c>
      <c r="BO914" s="166">
        <v>0</v>
      </c>
      <c r="BP914" s="166">
        <v>0</v>
      </c>
      <c r="BQ914" s="166">
        <v>0</v>
      </c>
      <c r="BR914" s="166">
        <v>233705.15999999901</v>
      </c>
      <c r="BS914" s="166">
        <v>233705.15999999901</v>
      </c>
      <c r="BT914" s="168">
        <v>1</v>
      </c>
      <c r="BU914" s="166">
        <v>19475.43</v>
      </c>
      <c r="BV914" s="166">
        <v>233705.15999999901</v>
      </c>
      <c r="BW914" s="166">
        <v>0</v>
      </c>
      <c r="BX914" s="166">
        <v>0</v>
      </c>
      <c r="BY914" s="166">
        <v>0</v>
      </c>
      <c r="BZ914" s="166">
        <v>0</v>
      </c>
      <c r="CA914" s="166">
        <v>0</v>
      </c>
      <c r="CB914" s="166">
        <v>0</v>
      </c>
      <c r="CC914" s="166">
        <v>0</v>
      </c>
      <c r="CD914" s="166">
        <v>0</v>
      </c>
      <c r="CE914" s="166">
        <v>0</v>
      </c>
      <c r="CF914" s="166">
        <v>0</v>
      </c>
      <c r="CG914" s="166">
        <v>0</v>
      </c>
      <c r="CH914" s="166">
        <v>0</v>
      </c>
      <c r="CI914" s="166">
        <v>0</v>
      </c>
      <c r="CJ914" s="166">
        <v>0</v>
      </c>
      <c r="CK914" s="166">
        <v>0</v>
      </c>
      <c r="CL914" s="166">
        <v>0</v>
      </c>
      <c r="CM914" s="166">
        <v>0</v>
      </c>
      <c r="CN914" s="166">
        <v>0</v>
      </c>
      <c r="CO914" s="166">
        <v>0</v>
      </c>
      <c r="CP914" s="166">
        <v>0</v>
      </c>
      <c r="CQ914" s="166">
        <v>0</v>
      </c>
      <c r="CR914" s="166">
        <v>0</v>
      </c>
      <c r="CS914" s="166">
        <v>0</v>
      </c>
      <c r="CT914" s="166">
        <v>0</v>
      </c>
      <c r="CU914" s="166">
        <v>0</v>
      </c>
      <c r="CV914" s="166">
        <v>0</v>
      </c>
      <c r="CW914" s="166">
        <v>0</v>
      </c>
      <c r="CX914" s="166">
        <v>0</v>
      </c>
      <c r="CY914" s="166">
        <v>233705.15999999901</v>
      </c>
      <c r="CZ914" s="166">
        <v>233705.15999999901</v>
      </c>
    </row>
    <row r="915" spans="1:104" x14ac:dyDescent="0.2">
      <c r="A915" s="167" t="s">
        <v>1196</v>
      </c>
      <c r="B915" s="166">
        <v>0</v>
      </c>
      <c r="C915" s="166">
        <v>0</v>
      </c>
      <c r="D915" s="166">
        <v>0</v>
      </c>
      <c r="E915" s="166">
        <v>0</v>
      </c>
      <c r="F915" s="166">
        <v>0</v>
      </c>
      <c r="G915" s="166">
        <v>0</v>
      </c>
      <c r="H915" s="166">
        <v>0</v>
      </c>
      <c r="I915" s="166">
        <v>0</v>
      </c>
      <c r="J915" s="166">
        <v>0</v>
      </c>
      <c r="K915" s="166">
        <v>0</v>
      </c>
      <c r="L915" s="166">
        <v>0</v>
      </c>
      <c r="M915" s="166">
        <v>0</v>
      </c>
      <c r="N915" s="166">
        <v>0</v>
      </c>
      <c r="O915" s="166">
        <v>0</v>
      </c>
      <c r="P915" s="166">
        <v>0</v>
      </c>
      <c r="Q915" s="166">
        <v>0</v>
      </c>
      <c r="R915" s="166">
        <v>0</v>
      </c>
      <c r="S915" s="166">
        <v>0</v>
      </c>
      <c r="T915" s="166">
        <v>0</v>
      </c>
      <c r="U915" s="166">
        <v>0</v>
      </c>
      <c r="V915" s="166">
        <v>0</v>
      </c>
      <c r="W915" s="166">
        <v>0</v>
      </c>
      <c r="X915" s="166">
        <v>0</v>
      </c>
      <c r="Y915" s="166">
        <v>0</v>
      </c>
      <c r="Z915" s="166">
        <v>0</v>
      </c>
      <c r="AA915" s="166">
        <v>0</v>
      </c>
      <c r="AB915" s="166">
        <v>0</v>
      </c>
      <c r="AC915" s="166">
        <v>0</v>
      </c>
      <c r="AD915" s="166">
        <v>0</v>
      </c>
      <c r="AE915" s="166">
        <v>0</v>
      </c>
      <c r="AF915" s="166">
        <v>0</v>
      </c>
      <c r="AG915" s="166">
        <v>0</v>
      </c>
      <c r="AH915" s="166">
        <v>0</v>
      </c>
      <c r="AI915" s="166">
        <v>0</v>
      </c>
      <c r="AJ915" s="166">
        <v>0</v>
      </c>
      <c r="AK915" s="166">
        <v>0</v>
      </c>
      <c r="AL915" s="166">
        <v>0</v>
      </c>
      <c r="AM915" s="166">
        <v>0</v>
      </c>
      <c r="AN915" s="166">
        <v>0</v>
      </c>
      <c r="AO915" s="166">
        <v>0</v>
      </c>
      <c r="AP915" s="166">
        <v>0</v>
      </c>
      <c r="AQ915" s="166">
        <v>0</v>
      </c>
      <c r="AR915" s="166">
        <v>0</v>
      </c>
      <c r="AS915" s="166">
        <v>0</v>
      </c>
      <c r="AT915" s="166">
        <v>0</v>
      </c>
      <c r="AU915" s="166">
        <v>0</v>
      </c>
      <c r="AV915" s="166">
        <v>0</v>
      </c>
      <c r="AW915" s="166">
        <v>0</v>
      </c>
      <c r="AX915" s="166">
        <v>0</v>
      </c>
      <c r="AY915" s="166">
        <v>0</v>
      </c>
      <c r="AZ915" s="166">
        <v>0</v>
      </c>
      <c r="BA915" s="166">
        <v>0</v>
      </c>
      <c r="BB915" s="166">
        <v>0</v>
      </c>
      <c r="BC915" s="166">
        <v>0</v>
      </c>
      <c r="BD915" s="166">
        <v>0</v>
      </c>
      <c r="BE915" s="166">
        <v>0</v>
      </c>
      <c r="BF915" s="166">
        <v>0</v>
      </c>
      <c r="BG915" s="166">
        <v>0</v>
      </c>
      <c r="BH915" s="166">
        <v>0</v>
      </c>
      <c r="BI915" s="166">
        <v>0</v>
      </c>
      <c r="BJ915" s="166">
        <v>0</v>
      </c>
      <c r="BK915" s="166">
        <v>0</v>
      </c>
      <c r="BL915" s="166">
        <v>0</v>
      </c>
      <c r="BM915" s="166">
        <v>0</v>
      </c>
      <c r="BN915" s="166">
        <v>0</v>
      </c>
      <c r="BO915" s="166">
        <v>0</v>
      </c>
      <c r="BP915" s="166">
        <v>0</v>
      </c>
      <c r="BQ915" s="166">
        <v>0</v>
      </c>
      <c r="BR915" s="166">
        <v>0</v>
      </c>
      <c r="BS915" s="166">
        <v>0</v>
      </c>
      <c r="BT915" s="168">
        <v>0</v>
      </c>
      <c r="BU915" s="166">
        <v>0</v>
      </c>
      <c r="BV915" s="166">
        <v>0</v>
      </c>
      <c r="BW915" s="166">
        <v>0</v>
      </c>
      <c r="BX915" s="166">
        <v>0</v>
      </c>
      <c r="BY915" s="166">
        <v>0</v>
      </c>
      <c r="BZ915" s="166">
        <v>0</v>
      </c>
      <c r="CA915" s="166">
        <v>0</v>
      </c>
      <c r="CB915" s="166">
        <v>0</v>
      </c>
      <c r="CC915" s="166">
        <v>0</v>
      </c>
      <c r="CD915" s="166">
        <v>0</v>
      </c>
      <c r="CE915" s="166">
        <v>0</v>
      </c>
      <c r="CF915" s="166">
        <v>0</v>
      </c>
      <c r="CG915" s="166">
        <v>0</v>
      </c>
      <c r="CH915" s="166">
        <v>0</v>
      </c>
      <c r="CI915" s="166">
        <v>0</v>
      </c>
      <c r="CJ915" s="166">
        <v>0</v>
      </c>
      <c r="CK915" s="166">
        <v>0</v>
      </c>
      <c r="CL915" s="166">
        <v>0</v>
      </c>
      <c r="CM915" s="166">
        <v>0</v>
      </c>
      <c r="CN915" s="166">
        <v>0</v>
      </c>
      <c r="CO915" s="166">
        <v>0</v>
      </c>
      <c r="CP915" s="166">
        <v>0</v>
      </c>
      <c r="CQ915" s="166">
        <v>0</v>
      </c>
      <c r="CR915" s="166">
        <v>0</v>
      </c>
      <c r="CS915" s="166">
        <v>0</v>
      </c>
      <c r="CT915" s="166">
        <v>0</v>
      </c>
      <c r="CU915" s="166">
        <v>0</v>
      </c>
      <c r="CV915" s="166">
        <v>0</v>
      </c>
      <c r="CW915" s="166">
        <v>0</v>
      </c>
      <c r="CX915" s="166">
        <v>0</v>
      </c>
      <c r="CY915" s="166">
        <v>0</v>
      </c>
      <c r="CZ915" s="166">
        <v>0</v>
      </c>
    </row>
    <row r="916" spans="1:104" x14ac:dyDescent="0.2">
      <c r="A916" s="167" t="s">
        <v>445</v>
      </c>
      <c r="B916" s="166">
        <v>0</v>
      </c>
      <c r="C916" s="166">
        <v>0</v>
      </c>
      <c r="D916" s="166">
        <v>0</v>
      </c>
      <c r="E916" s="166">
        <v>0</v>
      </c>
      <c r="F916" s="166">
        <v>0</v>
      </c>
      <c r="G916" s="166">
        <v>0</v>
      </c>
      <c r="H916" s="166">
        <v>0</v>
      </c>
      <c r="I916" s="166">
        <v>0</v>
      </c>
      <c r="J916" s="166">
        <v>0</v>
      </c>
      <c r="K916" s="166">
        <v>0</v>
      </c>
      <c r="L916" s="166">
        <v>0</v>
      </c>
      <c r="M916" s="166">
        <v>0</v>
      </c>
      <c r="N916" s="166">
        <v>0</v>
      </c>
      <c r="O916" s="166">
        <v>0</v>
      </c>
      <c r="P916" s="166">
        <v>0</v>
      </c>
      <c r="Q916" s="166">
        <v>0</v>
      </c>
      <c r="R916" s="166">
        <v>0</v>
      </c>
      <c r="S916" s="166">
        <v>0</v>
      </c>
      <c r="T916" s="166">
        <v>0</v>
      </c>
      <c r="U916" s="166">
        <v>0</v>
      </c>
      <c r="V916" s="166">
        <v>0</v>
      </c>
      <c r="W916" s="166">
        <v>0</v>
      </c>
      <c r="X916" s="166">
        <v>0</v>
      </c>
      <c r="Y916" s="166">
        <v>0</v>
      </c>
      <c r="Z916" s="166">
        <v>0</v>
      </c>
      <c r="AA916" s="166">
        <v>0</v>
      </c>
      <c r="AB916" s="166">
        <v>0</v>
      </c>
      <c r="AC916" s="166">
        <v>0</v>
      </c>
      <c r="AD916" s="166">
        <v>0</v>
      </c>
      <c r="AE916" s="166">
        <v>0</v>
      </c>
      <c r="AF916" s="166">
        <v>0</v>
      </c>
      <c r="AG916" s="166">
        <v>0</v>
      </c>
      <c r="AH916" s="166">
        <v>0</v>
      </c>
      <c r="AI916" s="166">
        <v>0</v>
      </c>
      <c r="AJ916" s="166">
        <v>0</v>
      </c>
      <c r="AK916" s="166">
        <v>0</v>
      </c>
      <c r="AL916" s="166">
        <v>0</v>
      </c>
      <c r="AM916" s="166">
        <v>0</v>
      </c>
      <c r="AN916" s="166">
        <v>0</v>
      </c>
      <c r="AO916" s="166">
        <v>0</v>
      </c>
      <c r="AP916" s="166">
        <v>0</v>
      </c>
      <c r="AQ916" s="166">
        <v>0</v>
      </c>
      <c r="AR916" s="166">
        <v>0</v>
      </c>
      <c r="AS916" s="166">
        <v>0</v>
      </c>
      <c r="AT916" s="166">
        <v>0</v>
      </c>
      <c r="AU916" s="166">
        <v>0</v>
      </c>
      <c r="AV916" s="166">
        <v>0</v>
      </c>
      <c r="AW916" s="166">
        <v>0</v>
      </c>
      <c r="AX916" s="166">
        <v>-4255331.3826300399</v>
      </c>
      <c r="AY916" s="166">
        <v>0</v>
      </c>
      <c r="AZ916" s="166">
        <v>0</v>
      </c>
      <c r="BA916" s="166">
        <v>0</v>
      </c>
      <c r="BB916" s="166">
        <v>0</v>
      </c>
      <c r="BC916" s="166">
        <v>0</v>
      </c>
      <c r="BD916" s="166">
        <v>0</v>
      </c>
      <c r="BE916" s="166">
        <v>0</v>
      </c>
      <c r="BF916" s="166">
        <v>0</v>
      </c>
      <c r="BG916" s="166">
        <v>0</v>
      </c>
      <c r="BH916" s="166">
        <v>0</v>
      </c>
      <c r="BI916" s="166">
        <v>0</v>
      </c>
      <c r="BJ916" s="166">
        <v>0</v>
      </c>
      <c r="BK916" s="166">
        <v>0</v>
      </c>
      <c r="BL916" s="166">
        <v>0</v>
      </c>
      <c r="BM916" s="166">
        <v>0</v>
      </c>
      <c r="BN916" s="166">
        <v>0</v>
      </c>
      <c r="BO916" s="166">
        <v>-4255331.3826300399</v>
      </c>
      <c r="BP916" s="166">
        <v>0</v>
      </c>
      <c r="BQ916" s="166">
        <v>0</v>
      </c>
      <c r="BR916" s="166">
        <v>0</v>
      </c>
      <c r="BS916" s="166">
        <v>-4255331.3826300399</v>
      </c>
      <c r="BT916" s="168">
        <v>1</v>
      </c>
      <c r="BU916" s="166">
        <v>0</v>
      </c>
      <c r="BV916" s="166">
        <v>0</v>
      </c>
      <c r="BW916" s="166">
        <v>0</v>
      </c>
      <c r="BX916" s="166">
        <v>0</v>
      </c>
      <c r="BY916" s="166">
        <v>0</v>
      </c>
      <c r="BZ916" s="166">
        <v>0</v>
      </c>
      <c r="CA916" s="166">
        <v>0</v>
      </c>
      <c r="CB916" s="166">
        <v>0</v>
      </c>
      <c r="CC916" s="166">
        <v>0</v>
      </c>
      <c r="CD916" s="166">
        <v>0</v>
      </c>
      <c r="CE916" s="166">
        <v>0</v>
      </c>
      <c r="CF916" s="166">
        <v>0</v>
      </c>
      <c r="CG916" s="166">
        <v>0</v>
      </c>
      <c r="CH916" s="166">
        <v>-4255331.3826300399</v>
      </c>
      <c r="CI916" s="166">
        <v>0</v>
      </c>
      <c r="CJ916" s="166">
        <v>0</v>
      </c>
      <c r="CK916" s="166">
        <v>0</v>
      </c>
      <c r="CL916" s="166">
        <v>0</v>
      </c>
      <c r="CM916" s="166">
        <v>0</v>
      </c>
      <c r="CN916" s="166">
        <v>0</v>
      </c>
      <c r="CO916" s="166">
        <v>0</v>
      </c>
      <c r="CP916" s="166">
        <v>0</v>
      </c>
      <c r="CQ916" s="166">
        <v>0</v>
      </c>
      <c r="CR916" s="166">
        <v>0</v>
      </c>
      <c r="CS916" s="166">
        <v>0</v>
      </c>
      <c r="CT916" s="166">
        <v>0</v>
      </c>
      <c r="CU916" s="166">
        <v>0</v>
      </c>
      <c r="CV916" s="166">
        <v>-4255331.3826300399</v>
      </c>
      <c r="CW916" s="166">
        <v>0</v>
      </c>
      <c r="CX916" s="166">
        <v>0</v>
      </c>
      <c r="CY916" s="166">
        <v>-4255331.3826300399</v>
      </c>
      <c r="CZ916" s="166">
        <v>-4255331.3826300399</v>
      </c>
    </row>
    <row r="917" spans="1:104" x14ac:dyDescent="0.2">
      <c r="A917" s="167" t="s">
        <v>1197</v>
      </c>
      <c r="B917" s="166">
        <v>233705.15999999901</v>
      </c>
      <c r="C917" s="166">
        <v>233705.15999999901</v>
      </c>
      <c r="D917" s="166">
        <v>0</v>
      </c>
      <c r="E917" s="166">
        <v>0</v>
      </c>
      <c r="F917" s="166">
        <v>0</v>
      </c>
      <c r="G917" s="166">
        <v>0</v>
      </c>
      <c r="H917" s="166">
        <v>0</v>
      </c>
      <c r="I917" s="166">
        <v>0</v>
      </c>
      <c r="J917" s="166">
        <v>0</v>
      </c>
      <c r="K917" s="166">
        <v>0</v>
      </c>
      <c r="L917" s="166">
        <v>0</v>
      </c>
      <c r="M917" s="166">
        <v>0</v>
      </c>
      <c r="N917" s="166">
        <v>0</v>
      </c>
      <c r="O917" s="166">
        <v>0</v>
      </c>
      <c r="P917" s="166">
        <v>0</v>
      </c>
      <c r="Q917" s="166">
        <v>0</v>
      </c>
      <c r="R917" s="166">
        <v>0</v>
      </c>
      <c r="S917" s="166">
        <v>0</v>
      </c>
      <c r="T917" s="166">
        <v>0</v>
      </c>
      <c r="U917" s="166">
        <v>0</v>
      </c>
      <c r="V917" s="166">
        <v>0</v>
      </c>
      <c r="W917" s="166">
        <v>0</v>
      </c>
      <c r="X917" s="166">
        <v>0</v>
      </c>
      <c r="Y917" s="166">
        <v>0</v>
      </c>
      <c r="Z917" s="166">
        <v>0</v>
      </c>
      <c r="AA917" s="166">
        <v>0</v>
      </c>
      <c r="AB917" s="166">
        <v>0</v>
      </c>
      <c r="AC917" s="166">
        <v>0</v>
      </c>
      <c r="AD917" s="166">
        <v>0</v>
      </c>
      <c r="AE917" s="166">
        <v>0</v>
      </c>
      <c r="AF917" s="166">
        <v>0</v>
      </c>
      <c r="AG917" s="166">
        <v>0</v>
      </c>
      <c r="AH917" s="166">
        <v>0</v>
      </c>
      <c r="AI917" s="166">
        <v>0</v>
      </c>
      <c r="AJ917" s="166">
        <v>0</v>
      </c>
      <c r="AK917" s="166">
        <v>0</v>
      </c>
      <c r="AL917" s="166">
        <v>0</v>
      </c>
      <c r="AM917" s="166">
        <v>0</v>
      </c>
      <c r="AN917" s="166">
        <v>0</v>
      </c>
      <c r="AO917" s="166">
        <v>0</v>
      </c>
      <c r="AP917" s="166">
        <v>0</v>
      </c>
      <c r="AQ917" s="166">
        <v>0</v>
      </c>
      <c r="AR917" s="166">
        <v>0</v>
      </c>
      <c r="AS917" s="166">
        <v>0</v>
      </c>
      <c r="AT917" s="166">
        <v>0</v>
      </c>
      <c r="AU917" s="166">
        <v>0</v>
      </c>
      <c r="AV917" s="166">
        <v>0</v>
      </c>
      <c r="AW917" s="166">
        <v>0</v>
      </c>
      <c r="AX917" s="166">
        <v>-4255331.3826300399</v>
      </c>
      <c r="AY917" s="166">
        <v>0</v>
      </c>
      <c r="AZ917" s="166">
        <v>0</v>
      </c>
      <c r="BA917" s="166">
        <v>0</v>
      </c>
      <c r="BB917" s="166">
        <v>0</v>
      </c>
      <c r="BC917" s="166">
        <v>0</v>
      </c>
      <c r="BD917" s="166">
        <v>0</v>
      </c>
      <c r="BE917" s="166">
        <v>0</v>
      </c>
      <c r="BF917" s="166">
        <v>0</v>
      </c>
      <c r="BG917" s="166">
        <v>0</v>
      </c>
      <c r="BH917" s="166">
        <v>0</v>
      </c>
      <c r="BI917" s="166">
        <v>0</v>
      </c>
      <c r="BJ917" s="166">
        <v>0</v>
      </c>
      <c r="BK917" s="166">
        <v>0</v>
      </c>
      <c r="BL917" s="166">
        <v>0</v>
      </c>
      <c r="BM917" s="166">
        <v>0</v>
      </c>
      <c r="BN917" s="166">
        <v>0</v>
      </c>
      <c r="BO917" s="166">
        <v>-4255331.3826300399</v>
      </c>
      <c r="BP917" s="166">
        <v>0</v>
      </c>
      <c r="BQ917" s="166">
        <v>0</v>
      </c>
      <c r="BR917" s="166">
        <v>233705.15999999901</v>
      </c>
      <c r="BS917" s="166">
        <v>-4021626.2226300398</v>
      </c>
      <c r="BT917" s="168">
        <v>0</v>
      </c>
      <c r="BU917" s="166">
        <v>19475.43</v>
      </c>
      <c r="BV917" s="166">
        <v>233705.15999999901</v>
      </c>
      <c r="BW917" s="166">
        <v>0</v>
      </c>
      <c r="BX917" s="166">
        <v>0</v>
      </c>
      <c r="BY917" s="166">
        <v>0</v>
      </c>
      <c r="BZ917" s="166">
        <v>0</v>
      </c>
      <c r="CA917" s="166">
        <v>0</v>
      </c>
      <c r="CB917" s="166">
        <v>0</v>
      </c>
      <c r="CC917" s="166">
        <v>0</v>
      </c>
      <c r="CD917" s="166">
        <v>0</v>
      </c>
      <c r="CE917" s="166">
        <v>0</v>
      </c>
      <c r="CF917" s="166">
        <v>0</v>
      </c>
      <c r="CG917" s="166">
        <v>0</v>
      </c>
      <c r="CH917" s="166">
        <v>-4255331.3826300399</v>
      </c>
      <c r="CI917" s="166">
        <v>0</v>
      </c>
      <c r="CJ917" s="166">
        <v>0</v>
      </c>
      <c r="CK917" s="166">
        <v>0</v>
      </c>
      <c r="CL917" s="166">
        <v>0</v>
      </c>
      <c r="CM917" s="166">
        <v>0</v>
      </c>
      <c r="CN917" s="166">
        <v>0</v>
      </c>
      <c r="CO917" s="166">
        <v>0</v>
      </c>
      <c r="CP917" s="166">
        <v>0</v>
      </c>
      <c r="CQ917" s="166">
        <v>0</v>
      </c>
      <c r="CR917" s="166">
        <v>0</v>
      </c>
      <c r="CS917" s="166">
        <v>0</v>
      </c>
      <c r="CT917" s="166">
        <v>0</v>
      </c>
      <c r="CU917" s="166">
        <v>0</v>
      </c>
      <c r="CV917" s="166">
        <v>-4255331.3826300399</v>
      </c>
      <c r="CW917" s="166">
        <v>0</v>
      </c>
      <c r="CX917" s="166">
        <v>0</v>
      </c>
      <c r="CY917" s="166">
        <v>-4021626.2226300398</v>
      </c>
      <c r="CZ917" s="166">
        <v>-4021626.2226300398</v>
      </c>
    </row>
    <row r="918" spans="1:104" x14ac:dyDescent="0.2">
      <c r="A918" s="167" t="s">
        <v>447</v>
      </c>
    </row>
    <row r="919" spans="1:104" x14ac:dyDescent="0.2">
      <c r="A919" s="167" t="s">
        <v>1198</v>
      </c>
      <c r="B919" s="166">
        <v>-2238653.0299999998</v>
      </c>
      <c r="C919" s="166">
        <v>-2238653.0299999998</v>
      </c>
      <c r="D919" s="166">
        <v>0</v>
      </c>
      <c r="E919" s="166">
        <v>0</v>
      </c>
      <c r="F919" s="166">
        <v>0</v>
      </c>
      <c r="G919" s="166">
        <v>0</v>
      </c>
      <c r="H919" s="166">
        <v>0</v>
      </c>
      <c r="I919" s="166">
        <v>0</v>
      </c>
      <c r="J919" s="166">
        <v>0</v>
      </c>
      <c r="K919" s="166">
        <v>0</v>
      </c>
      <c r="L919" s="166">
        <v>0</v>
      </c>
      <c r="M919" s="166">
        <v>0</v>
      </c>
      <c r="N919" s="166">
        <v>0</v>
      </c>
      <c r="O919" s="166">
        <v>0</v>
      </c>
      <c r="P919" s="166">
        <v>0</v>
      </c>
      <c r="Q919" s="166">
        <v>0</v>
      </c>
      <c r="R919" s="166">
        <v>0</v>
      </c>
      <c r="S919" s="166">
        <v>0</v>
      </c>
      <c r="T919" s="166">
        <v>0</v>
      </c>
      <c r="U919" s="166">
        <v>0</v>
      </c>
      <c r="V919" s="166">
        <v>0</v>
      </c>
      <c r="W919" s="166">
        <v>0</v>
      </c>
      <c r="X919" s="166">
        <v>0</v>
      </c>
      <c r="Y919" s="166">
        <v>0</v>
      </c>
      <c r="Z919" s="166">
        <v>0</v>
      </c>
      <c r="AA919" s="166">
        <v>0</v>
      </c>
      <c r="AB919" s="166">
        <v>0</v>
      </c>
      <c r="AC919" s="166">
        <v>0</v>
      </c>
      <c r="AD919" s="166">
        <v>0</v>
      </c>
      <c r="AE919" s="166">
        <v>0</v>
      </c>
      <c r="AF919" s="166">
        <v>0</v>
      </c>
      <c r="AG919" s="166">
        <v>0</v>
      </c>
      <c r="AH919" s="166">
        <v>0</v>
      </c>
      <c r="AI919" s="166">
        <v>0</v>
      </c>
      <c r="AJ919" s="166">
        <v>0</v>
      </c>
      <c r="AK919" s="166">
        <v>0</v>
      </c>
      <c r="AL919" s="166">
        <v>0</v>
      </c>
      <c r="AM919" s="166">
        <v>0</v>
      </c>
      <c r="AN919" s="166">
        <v>0</v>
      </c>
      <c r="AO919" s="166">
        <v>0</v>
      </c>
      <c r="AP919" s="166">
        <v>0</v>
      </c>
      <c r="AQ919" s="166">
        <v>0</v>
      </c>
      <c r="AR919" s="166">
        <v>0</v>
      </c>
      <c r="AS919" s="166">
        <v>0</v>
      </c>
      <c r="AT919" s="166">
        <v>0</v>
      </c>
      <c r="AU919" s="166">
        <v>0</v>
      </c>
      <c r="AV919" s="166">
        <v>0</v>
      </c>
      <c r="AW919" s="166">
        <v>0</v>
      </c>
      <c r="AX919" s="166">
        <v>0</v>
      </c>
      <c r="AY919" s="166">
        <v>0</v>
      </c>
      <c r="AZ919" s="166">
        <v>0</v>
      </c>
      <c r="BA919" s="166">
        <v>0</v>
      </c>
      <c r="BB919" s="166">
        <v>0</v>
      </c>
      <c r="BC919" s="166">
        <v>0</v>
      </c>
      <c r="BD919" s="166">
        <v>0</v>
      </c>
      <c r="BE919" s="166">
        <v>0</v>
      </c>
      <c r="BF919" s="166">
        <v>0</v>
      </c>
      <c r="BG919" s="166">
        <v>0</v>
      </c>
      <c r="BH919" s="166">
        <v>0</v>
      </c>
      <c r="BI919" s="166">
        <v>0</v>
      </c>
      <c r="BJ919" s="166">
        <v>0</v>
      </c>
      <c r="BK919" s="166">
        <v>0</v>
      </c>
      <c r="BL919" s="166">
        <v>0</v>
      </c>
      <c r="BM919" s="166">
        <v>0</v>
      </c>
      <c r="BN919" s="166">
        <v>0</v>
      </c>
      <c r="BO919" s="166">
        <v>0</v>
      </c>
      <c r="BP919" s="166">
        <v>0</v>
      </c>
      <c r="BQ919" s="166">
        <v>0</v>
      </c>
      <c r="BR919" s="166">
        <v>-2238653.0299999998</v>
      </c>
      <c r="BS919" s="166">
        <v>-2238653.0299999998</v>
      </c>
      <c r="BT919" s="168">
        <v>0.96779000000000004</v>
      </c>
      <c r="BU919" s="166">
        <v>-175482.54745839999</v>
      </c>
      <c r="BV919" s="166">
        <v>-2166546.0159037001</v>
      </c>
      <c r="BW919" s="166">
        <v>0</v>
      </c>
      <c r="BX919" s="166">
        <v>0</v>
      </c>
      <c r="BY919" s="166">
        <v>0</v>
      </c>
      <c r="BZ919" s="166">
        <v>0</v>
      </c>
      <c r="CA919" s="166">
        <v>0</v>
      </c>
      <c r="CB919" s="166">
        <v>0</v>
      </c>
      <c r="CC919" s="166">
        <v>0</v>
      </c>
      <c r="CD919" s="166">
        <v>0</v>
      </c>
      <c r="CE919" s="166">
        <v>0</v>
      </c>
      <c r="CF919" s="166">
        <v>0</v>
      </c>
      <c r="CG919" s="166">
        <v>0</v>
      </c>
      <c r="CH919" s="166">
        <v>0</v>
      </c>
      <c r="CI919" s="166">
        <v>0</v>
      </c>
      <c r="CJ919" s="166">
        <v>0</v>
      </c>
      <c r="CK919" s="166">
        <v>0</v>
      </c>
      <c r="CL919" s="166">
        <v>0</v>
      </c>
      <c r="CM919" s="166">
        <v>0</v>
      </c>
      <c r="CN919" s="166">
        <v>0</v>
      </c>
      <c r="CO919" s="166">
        <v>0</v>
      </c>
      <c r="CP919" s="166">
        <v>0</v>
      </c>
      <c r="CQ919" s="166">
        <v>0</v>
      </c>
      <c r="CR919" s="166">
        <v>0</v>
      </c>
      <c r="CS919" s="166">
        <v>0</v>
      </c>
      <c r="CT919" s="166">
        <v>0</v>
      </c>
      <c r="CU919" s="166">
        <v>0</v>
      </c>
      <c r="CV919" s="166">
        <v>0</v>
      </c>
      <c r="CW919" s="166">
        <v>0</v>
      </c>
      <c r="CX919" s="166">
        <v>0</v>
      </c>
      <c r="CY919" s="166">
        <v>-2166546.0159037001</v>
      </c>
      <c r="CZ919" s="166">
        <v>-2166546.0159037001</v>
      </c>
    </row>
    <row r="920" spans="1:104" x14ac:dyDescent="0.2">
      <c r="A920" s="167" t="s">
        <v>449</v>
      </c>
    </row>
    <row r="921" spans="1:104" x14ac:dyDescent="0.2">
      <c r="A921" s="167" t="s">
        <v>1199</v>
      </c>
      <c r="B921" s="166">
        <v>-17633403.179999899</v>
      </c>
      <c r="C921" s="166">
        <v>-17633403.179999899</v>
      </c>
      <c r="D921" s="166">
        <v>0</v>
      </c>
      <c r="E921" s="166">
        <v>0</v>
      </c>
      <c r="F921" s="166">
        <v>0</v>
      </c>
      <c r="G921" s="166">
        <v>0</v>
      </c>
      <c r="H921" s="166">
        <v>0</v>
      </c>
      <c r="I921" s="166">
        <v>0</v>
      </c>
      <c r="J921" s="166">
        <v>0</v>
      </c>
      <c r="K921" s="166">
        <v>0</v>
      </c>
      <c r="L921" s="166">
        <v>0</v>
      </c>
      <c r="M921" s="166">
        <v>0</v>
      </c>
      <c r="N921" s="166">
        <v>0</v>
      </c>
      <c r="O921" s="166">
        <v>0</v>
      </c>
      <c r="P921" s="166">
        <v>0</v>
      </c>
      <c r="Q921" s="166">
        <v>0</v>
      </c>
      <c r="R921" s="166">
        <v>0</v>
      </c>
      <c r="S921" s="166">
        <v>0</v>
      </c>
      <c r="T921" s="166">
        <v>0</v>
      </c>
      <c r="U921" s="166">
        <v>0</v>
      </c>
      <c r="V921" s="166">
        <v>0</v>
      </c>
      <c r="W921" s="166">
        <v>0</v>
      </c>
      <c r="X921" s="166">
        <v>0</v>
      </c>
      <c r="Y921" s="166">
        <v>0</v>
      </c>
      <c r="Z921" s="166">
        <v>0</v>
      </c>
      <c r="AA921" s="166">
        <v>0</v>
      </c>
      <c r="AB921" s="166">
        <v>0</v>
      </c>
      <c r="AC921" s="166">
        <v>0</v>
      </c>
      <c r="AD921" s="166">
        <v>0</v>
      </c>
      <c r="AE921" s="166">
        <v>0</v>
      </c>
      <c r="AF921" s="166">
        <v>0</v>
      </c>
      <c r="AG921" s="166">
        <v>0</v>
      </c>
      <c r="AH921" s="166">
        <v>0</v>
      </c>
      <c r="AI921" s="166">
        <v>0</v>
      </c>
      <c r="AJ921" s="166">
        <v>0</v>
      </c>
      <c r="AK921" s="166">
        <v>0</v>
      </c>
      <c r="AL921" s="166">
        <v>0</v>
      </c>
      <c r="AM921" s="166">
        <v>0</v>
      </c>
      <c r="AN921" s="166">
        <v>0</v>
      </c>
      <c r="AO921" s="166">
        <v>0</v>
      </c>
      <c r="AP921" s="166">
        <v>0</v>
      </c>
      <c r="AQ921" s="166">
        <v>0</v>
      </c>
      <c r="AR921" s="166">
        <v>0</v>
      </c>
      <c r="AS921" s="166">
        <v>0</v>
      </c>
      <c r="AT921" s="166">
        <v>0</v>
      </c>
      <c r="AU921" s="166">
        <v>0</v>
      </c>
      <c r="AV921" s="166">
        <v>0</v>
      </c>
      <c r="AW921" s="166">
        <v>0</v>
      </c>
      <c r="AX921" s="166">
        <v>0</v>
      </c>
      <c r="AY921" s="166">
        <v>0</v>
      </c>
      <c r="AZ921" s="166">
        <v>0</v>
      </c>
      <c r="BA921" s="166">
        <v>0</v>
      </c>
      <c r="BB921" s="166">
        <v>0</v>
      </c>
      <c r="BC921" s="166">
        <v>0</v>
      </c>
      <c r="BD921" s="166">
        <v>0</v>
      </c>
      <c r="BE921" s="166">
        <v>0</v>
      </c>
      <c r="BF921" s="166">
        <v>0</v>
      </c>
      <c r="BG921" s="166">
        <v>0</v>
      </c>
      <c r="BH921" s="166">
        <v>0</v>
      </c>
      <c r="BI921" s="166">
        <v>0</v>
      </c>
      <c r="BJ921" s="166">
        <v>0</v>
      </c>
      <c r="BK921" s="166">
        <v>0</v>
      </c>
      <c r="BL921" s="166">
        <v>0</v>
      </c>
      <c r="BM921" s="166">
        <v>0</v>
      </c>
      <c r="BN921" s="166">
        <v>0</v>
      </c>
      <c r="BO921" s="166">
        <v>0</v>
      </c>
      <c r="BP921" s="166">
        <v>0</v>
      </c>
      <c r="BQ921" s="166">
        <v>0</v>
      </c>
      <c r="BR921" s="166">
        <v>-17633403.179999899</v>
      </c>
      <c r="BS921" s="166">
        <v>-17633403.179999899</v>
      </c>
      <c r="BT921" s="168">
        <v>0.96779000000000004</v>
      </c>
      <c r="BU921" s="166">
        <v>-1394474.6167565901</v>
      </c>
      <c r="BV921" s="166">
        <v>-17065431.263572101</v>
      </c>
      <c r="BW921" s="166">
        <v>0</v>
      </c>
      <c r="BX921" s="166">
        <v>0</v>
      </c>
      <c r="BY921" s="166">
        <v>0</v>
      </c>
      <c r="BZ921" s="166">
        <v>0</v>
      </c>
      <c r="CA921" s="166">
        <v>0</v>
      </c>
      <c r="CB921" s="166">
        <v>0</v>
      </c>
      <c r="CC921" s="166">
        <v>0</v>
      </c>
      <c r="CD921" s="166">
        <v>0</v>
      </c>
      <c r="CE921" s="166">
        <v>0</v>
      </c>
      <c r="CF921" s="166">
        <v>0</v>
      </c>
      <c r="CG921" s="166">
        <v>0</v>
      </c>
      <c r="CH921" s="166">
        <v>0</v>
      </c>
      <c r="CI921" s="166">
        <v>0</v>
      </c>
      <c r="CJ921" s="166">
        <v>0</v>
      </c>
      <c r="CK921" s="166">
        <v>0</v>
      </c>
      <c r="CL921" s="166">
        <v>0</v>
      </c>
      <c r="CM921" s="166">
        <v>0</v>
      </c>
      <c r="CN921" s="166">
        <v>0</v>
      </c>
      <c r="CO921" s="166">
        <v>0</v>
      </c>
      <c r="CP921" s="166">
        <v>0</v>
      </c>
      <c r="CQ921" s="166">
        <v>0</v>
      </c>
      <c r="CR921" s="166">
        <v>0</v>
      </c>
      <c r="CS921" s="166">
        <v>0</v>
      </c>
      <c r="CT921" s="166">
        <v>0</v>
      </c>
      <c r="CU921" s="166">
        <v>0</v>
      </c>
      <c r="CV921" s="166">
        <v>0</v>
      </c>
      <c r="CW921" s="166">
        <v>0</v>
      </c>
      <c r="CX921" s="166">
        <v>0</v>
      </c>
      <c r="CY921" s="166">
        <v>-17065431.263572101</v>
      </c>
      <c r="CZ921" s="166">
        <v>-17065431.263572101</v>
      </c>
    </row>
    <row r="922" spans="1:104" x14ac:dyDescent="0.2">
      <c r="A922" s="167" t="s">
        <v>451</v>
      </c>
    </row>
    <row r="923" spans="1:104" x14ac:dyDescent="0.2">
      <c r="A923" s="167" t="s">
        <v>1200</v>
      </c>
      <c r="B923" s="166">
        <v>24790644.890000001</v>
      </c>
      <c r="C923" s="166">
        <v>24790644.890000001</v>
      </c>
      <c r="D923" s="166">
        <v>0</v>
      </c>
      <c r="E923" s="166">
        <v>0</v>
      </c>
      <c r="F923" s="166">
        <v>0</v>
      </c>
      <c r="G923" s="166">
        <v>0</v>
      </c>
      <c r="H923" s="166">
        <v>0</v>
      </c>
      <c r="I923" s="166">
        <v>0</v>
      </c>
      <c r="J923" s="166">
        <v>0</v>
      </c>
      <c r="K923" s="166">
        <v>0</v>
      </c>
      <c r="L923" s="166">
        <v>0</v>
      </c>
      <c r="M923" s="166">
        <v>0</v>
      </c>
      <c r="N923" s="166">
        <v>0</v>
      </c>
      <c r="O923" s="166">
        <v>0</v>
      </c>
      <c r="P923" s="166">
        <v>0</v>
      </c>
      <c r="Q923" s="166">
        <v>0</v>
      </c>
      <c r="R923" s="166">
        <v>0</v>
      </c>
      <c r="S923" s="166">
        <v>0</v>
      </c>
      <c r="T923" s="166">
        <v>0</v>
      </c>
      <c r="U923" s="166">
        <v>0</v>
      </c>
      <c r="V923" s="166">
        <v>0</v>
      </c>
      <c r="W923" s="166">
        <v>0</v>
      </c>
      <c r="X923" s="166">
        <v>0</v>
      </c>
      <c r="Y923" s="166">
        <v>0</v>
      </c>
      <c r="Z923" s="166">
        <v>0</v>
      </c>
      <c r="AA923" s="166">
        <v>0</v>
      </c>
      <c r="AB923" s="166">
        <v>0</v>
      </c>
      <c r="AC923" s="166">
        <v>0</v>
      </c>
      <c r="AD923" s="166">
        <v>0</v>
      </c>
      <c r="AE923" s="166">
        <v>0</v>
      </c>
      <c r="AF923" s="166">
        <v>0</v>
      </c>
      <c r="AG923" s="166">
        <v>0</v>
      </c>
      <c r="AH923" s="166">
        <v>0</v>
      </c>
      <c r="AI923" s="166">
        <v>0</v>
      </c>
      <c r="AJ923" s="166">
        <v>0</v>
      </c>
      <c r="AK923" s="166">
        <v>0</v>
      </c>
      <c r="AL923" s="166">
        <v>0</v>
      </c>
      <c r="AM923" s="166">
        <v>0</v>
      </c>
      <c r="AN923" s="166">
        <v>0</v>
      </c>
      <c r="AO923" s="166">
        <v>0</v>
      </c>
      <c r="AP923" s="166">
        <v>0</v>
      </c>
      <c r="AQ923" s="166">
        <v>0</v>
      </c>
      <c r="AR923" s="166">
        <v>0</v>
      </c>
      <c r="AS923" s="166">
        <v>0</v>
      </c>
      <c r="AT923" s="166">
        <v>0</v>
      </c>
      <c r="AU923" s="166">
        <v>0</v>
      </c>
      <c r="AV923" s="166">
        <v>0</v>
      </c>
      <c r="AW923" s="166">
        <v>0</v>
      </c>
      <c r="AX923" s="166">
        <v>0</v>
      </c>
      <c r="AY923" s="166">
        <v>0</v>
      </c>
      <c r="AZ923" s="166">
        <v>0</v>
      </c>
      <c r="BA923" s="166">
        <v>0</v>
      </c>
      <c r="BB923" s="166">
        <v>0</v>
      </c>
      <c r="BC923" s="166">
        <v>0</v>
      </c>
      <c r="BD923" s="166">
        <v>0</v>
      </c>
      <c r="BE923" s="166">
        <v>0</v>
      </c>
      <c r="BF923" s="166">
        <v>0</v>
      </c>
      <c r="BG923" s="166">
        <v>0</v>
      </c>
      <c r="BH923" s="166">
        <v>0</v>
      </c>
      <c r="BI923" s="166">
        <v>0</v>
      </c>
      <c r="BJ923" s="166">
        <v>0</v>
      </c>
      <c r="BK923" s="166">
        <v>0</v>
      </c>
      <c r="BL923" s="166">
        <v>0</v>
      </c>
      <c r="BM923" s="166">
        <v>0</v>
      </c>
      <c r="BN923" s="166">
        <v>0</v>
      </c>
      <c r="BO923" s="166">
        <v>0</v>
      </c>
      <c r="BP923" s="166">
        <v>0</v>
      </c>
      <c r="BQ923" s="166">
        <v>0</v>
      </c>
      <c r="BR923" s="166">
        <v>24790644.890000001</v>
      </c>
      <c r="BS923" s="166">
        <v>24790644.890000001</v>
      </c>
      <c r="BT923" s="168">
        <v>0.96779000000000004</v>
      </c>
      <c r="BU923" s="166">
        <v>2033161.29791</v>
      </c>
      <c r="BV923" s="166">
        <v>23992138.218093101</v>
      </c>
      <c r="BW923" s="166">
        <v>0</v>
      </c>
      <c r="BX923" s="166">
        <v>0</v>
      </c>
      <c r="BY923" s="166">
        <v>0</v>
      </c>
      <c r="BZ923" s="166">
        <v>0</v>
      </c>
      <c r="CA923" s="166">
        <v>0</v>
      </c>
      <c r="CB923" s="166">
        <v>0</v>
      </c>
      <c r="CC923" s="166">
        <v>0</v>
      </c>
      <c r="CD923" s="166">
        <v>0</v>
      </c>
      <c r="CE923" s="166">
        <v>0</v>
      </c>
      <c r="CF923" s="166">
        <v>0</v>
      </c>
      <c r="CG923" s="166">
        <v>0</v>
      </c>
      <c r="CH923" s="166">
        <v>0</v>
      </c>
      <c r="CI923" s="166">
        <v>0</v>
      </c>
      <c r="CJ923" s="166">
        <v>0</v>
      </c>
      <c r="CK923" s="166">
        <v>0</v>
      </c>
      <c r="CL923" s="166">
        <v>0</v>
      </c>
      <c r="CM923" s="166">
        <v>0</v>
      </c>
      <c r="CN923" s="166">
        <v>0</v>
      </c>
      <c r="CO923" s="166">
        <v>0</v>
      </c>
      <c r="CP923" s="166">
        <v>0</v>
      </c>
      <c r="CQ923" s="166">
        <v>0</v>
      </c>
      <c r="CR923" s="166">
        <v>0</v>
      </c>
      <c r="CS923" s="166">
        <v>0</v>
      </c>
      <c r="CT923" s="166">
        <v>0</v>
      </c>
      <c r="CU923" s="166">
        <v>0</v>
      </c>
      <c r="CV923" s="166">
        <v>0</v>
      </c>
      <c r="CW923" s="166">
        <v>0</v>
      </c>
      <c r="CX923" s="166">
        <v>0</v>
      </c>
      <c r="CY923" s="166">
        <v>23992138.218093101</v>
      </c>
      <c r="CZ923" s="166">
        <v>23992138.218093101</v>
      </c>
    </row>
    <row r="924" spans="1:104" x14ac:dyDescent="0.2">
      <c r="A924" s="167" t="s">
        <v>453</v>
      </c>
    </row>
    <row r="925" spans="1:104" x14ac:dyDescent="0.2">
      <c r="A925" s="167" t="s">
        <v>1201</v>
      </c>
      <c r="B925" s="166">
        <v>13385.219999999899</v>
      </c>
      <c r="C925" s="166">
        <v>13385.219999999899</v>
      </c>
      <c r="D925" s="166">
        <v>0</v>
      </c>
      <c r="E925" s="166">
        <v>0</v>
      </c>
      <c r="F925" s="166">
        <v>0</v>
      </c>
      <c r="G925" s="166">
        <v>0</v>
      </c>
      <c r="H925" s="166">
        <v>0</v>
      </c>
      <c r="I925" s="166">
        <v>0</v>
      </c>
      <c r="J925" s="166">
        <v>0</v>
      </c>
      <c r="K925" s="166">
        <v>0</v>
      </c>
      <c r="L925" s="166">
        <v>0</v>
      </c>
      <c r="M925" s="166">
        <v>0</v>
      </c>
      <c r="N925" s="166">
        <v>0</v>
      </c>
      <c r="O925" s="166">
        <v>0</v>
      </c>
      <c r="P925" s="166">
        <v>0</v>
      </c>
      <c r="Q925" s="166">
        <v>0</v>
      </c>
      <c r="R925" s="166">
        <v>0</v>
      </c>
      <c r="S925" s="166">
        <v>0</v>
      </c>
      <c r="T925" s="166">
        <v>0</v>
      </c>
      <c r="U925" s="166">
        <v>0</v>
      </c>
      <c r="V925" s="166">
        <v>0</v>
      </c>
      <c r="W925" s="166">
        <v>0</v>
      </c>
      <c r="X925" s="166">
        <v>0</v>
      </c>
      <c r="Y925" s="166">
        <v>0</v>
      </c>
      <c r="Z925" s="166">
        <v>0</v>
      </c>
      <c r="AA925" s="166">
        <v>0</v>
      </c>
      <c r="AB925" s="166">
        <v>0</v>
      </c>
      <c r="AC925" s="166">
        <v>0</v>
      </c>
      <c r="AD925" s="166">
        <v>0</v>
      </c>
      <c r="AE925" s="166">
        <v>0</v>
      </c>
      <c r="AF925" s="166">
        <v>0</v>
      </c>
      <c r="AG925" s="166">
        <v>0</v>
      </c>
      <c r="AH925" s="166">
        <v>0</v>
      </c>
      <c r="AI925" s="166">
        <v>0</v>
      </c>
      <c r="AJ925" s="166">
        <v>0</v>
      </c>
      <c r="AK925" s="166">
        <v>0</v>
      </c>
      <c r="AL925" s="166">
        <v>0</v>
      </c>
      <c r="AM925" s="166">
        <v>0</v>
      </c>
      <c r="AN925" s="166">
        <v>0</v>
      </c>
      <c r="AO925" s="166">
        <v>0</v>
      </c>
      <c r="AP925" s="166">
        <v>0</v>
      </c>
      <c r="AQ925" s="166">
        <v>0</v>
      </c>
      <c r="AR925" s="166">
        <v>0</v>
      </c>
      <c r="AS925" s="166">
        <v>0</v>
      </c>
      <c r="AT925" s="166">
        <v>0</v>
      </c>
      <c r="AU925" s="166">
        <v>0</v>
      </c>
      <c r="AV925" s="166">
        <v>0</v>
      </c>
      <c r="AW925" s="166">
        <v>0</v>
      </c>
      <c r="AX925" s="166">
        <v>0</v>
      </c>
      <c r="AY925" s="166">
        <v>0</v>
      </c>
      <c r="AZ925" s="166">
        <v>0</v>
      </c>
      <c r="BA925" s="166">
        <v>0</v>
      </c>
      <c r="BB925" s="166">
        <v>0</v>
      </c>
      <c r="BC925" s="166">
        <v>0</v>
      </c>
      <c r="BD925" s="166">
        <v>0</v>
      </c>
      <c r="BE925" s="166">
        <v>0</v>
      </c>
      <c r="BF925" s="166">
        <v>0</v>
      </c>
      <c r="BG925" s="166">
        <v>0</v>
      </c>
      <c r="BH925" s="166">
        <v>0</v>
      </c>
      <c r="BI925" s="166">
        <v>0</v>
      </c>
      <c r="BJ925" s="166">
        <v>0</v>
      </c>
      <c r="BK925" s="166">
        <v>0</v>
      </c>
      <c r="BL925" s="166">
        <v>0</v>
      </c>
      <c r="BM925" s="166">
        <v>0</v>
      </c>
      <c r="BN925" s="166">
        <v>0</v>
      </c>
      <c r="BO925" s="166">
        <v>0</v>
      </c>
      <c r="BP925" s="166">
        <v>0</v>
      </c>
      <c r="BQ925" s="166">
        <v>0</v>
      </c>
      <c r="BR925" s="166">
        <v>13385.219999999899</v>
      </c>
      <c r="BS925" s="166">
        <v>13385.219999999899</v>
      </c>
      <c r="BT925" s="168">
        <v>0.96779000000000004</v>
      </c>
      <c r="BU925" s="166">
        <v>1253.8977577000001</v>
      </c>
      <c r="BV925" s="166">
        <v>12954.0820637999</v>
      </c>
      <c r="BW925" s="166">
        <v>0</v>
      </c>
      <c r="BX925" s="166">
        <v>0</v>
      </c>
      <c r="BY925" s="166">
        <v>0</v>
      </c>
      <c r="BZ925" s="166">
        <v>0</v>
      </c>
      <c r="CA925" s="166">
        <v>0</v>
      </c>
      <c r="CB925" s="166">
        <v>0</v>
      </c>
      <c r="CC925" s="166">
        <v>0</v>
      </c>
      <c r="CD925" s="166">
        <v>0</v>
      </c>
      <c r="CE925" s="166">
        <v>0</v>
      </c>
      <c r="CF925" s="166">
        <v>0</v>
      </c>
      <c r="CG925" s="166">
        <v>0</v>
      </c>
      <c r="CH925" s="166">
        <v>0</v>
      </c>
      <c r="CI925" s="166">
        <v>0</v>
      </c>
      <c r="CJ925" s="166">
        <v>0</v>
      </c>
      <c r="CK925" s="166">
        <v>0</v>
      </c>
      <c r="CL925" s="166">
        <v>0</v>
      </c>
      <c r="CM925" s="166">
        <v>0</v>
      </c>
      <c r="CN925" s="166">
        <v>0</v>
      </c>
      <c r="CO925" s="166">
        <v>0</v>
      </c>
      <c r="CP925" s="166">
        <v>0</v>
      </c>
      <c r="CQ925" s="166">
        <v>0</v>
      </c>
      <c r="CR925" s="166">
        <v>0</v>
      </c>
      <c r="CS925" s="166">
        <v>0</v>
      </c>
      <c r="CT925" s="166">
        <v>0</v>
      </c>
      <c r="CU925" s="166">
        <v>0</v>
      </c>
      <c r="CV925" s="166">
        <v>0</v>
      </c>
      <c r="CW925" s="166">
        <v>0</v>
      </c>
      <c r="CX925" s="166">
        <v>0</v>
      </c>
      <c r="CY925" s="166">
        <v>12954.0820637999</v>
      </c>
      <c r="CZ925" s="166">
        <v>12954.0820637999</v>
      </c>
    </row>
    <row r="926" spans="1:104" x14ac:dyDescent="0.2">
      <c r="A926" s="167" t="s">
        <v>1202</v>
      </c>
      <c r="B926" s="166">
        <v>398404507.98400003</v>
      </c>
      <c r="C926" s="166">
        <v>398404507.98400003</v>
      </c>
      <c r="D926" s="166">
        <v>0</v>
      </c>
      <c r="E926" s="166">
        <v>0</v>
      </c>
      <c r="F926" s="166">
        <v>0</v>
      </c>
      <c r="G926" s="166">
        <v>0</v>
      </c>
      <c r="H926" s="166">
        <v>0</v>
      </c>
      <c r="I926" s="166">
        <v>0</v>
      </c>
      <c r="J926" s="166">
        <v>0</v>
      </c>
      <c r="K926" s="166">
        <v>0</v>
      </c>
      <c r="L926" s="166">
        <v>0</v>
      </c>
      <c r="M926" s="166">
        <v>0</v>
      </c>
      <c r="N926" s="166">
        <v>0</v>
      </c>
      <c r="O926" s="166">
        <v>0</v>
      </c>
      <c r="P926" s="166">
        <v>0</v>
      </c>
      <c r="Q926" s="166">
        <v>0</v>
      </c>
      <c r="R926" s="166">
        <v>0</v>
      </c>
      <c r="S926" s="166">
        <v>0</v>
      </c>
      <c r="T926" s="166">
        <v>0</v>
      </c>
      <c r="U926" s="166">
        <v>0</v>
      </c>
      <c r="V926" s="166">
        <v>0</v>
      </c>
      <c r="W926" s="166">
        <v>0</v>
      </c>
      <c r="X926" s="166">
        <v>0</v>
      </c>
      <c r="Y926" s="166">
        <v>0</v>
      </c>
      <c r="Z926" s="166">
        <v>0</v>
      </c>
      <c r="AA926" s="166">
        <v>0</v>
      </c>
      <c r="AB926" s="166">
        <v>0</v>
      </c>
      <c r="AC926" s="166">
        <v>0</v>
      </c>
      <c r="AD926" s="166">
        <v>0</v>
      </c>
      <c r="AE926" s="166">
        <v>0</v>
      </c>
      <c r="AF926" s="166">
        <v>0</v>
      </c>
      <c r="AG926" s="166">
        <v>0</v>
      </c>
      <c r="AH926" s="166">
        <v>0</v>
      </c>
      <c r="AI926" s="166">
        <v>0</v>
      </c>
      <c r="AJ926" s="166">
        <v>0</v>
      </c>
      <c r="AK926" s="166">
        <v>0</v>
      </c>
      <c r="AL926" s="166">
        <v>0</v>
      </c>
      <c r="AM926" s="166">
        <v>0</v>
      </c>
      <c r="AN926" s="166">
        <v>0</v>
      </c>
      <c r="AO926" s="166">
        <v>0</v>
      </c>
      <c r="AP926" s="166">
        <v>0</v>
      </c>
      <c r="AQ926" s="166">
        <v>0</v>
      </c>
      <c r="AR926" s="166">
        <v>0</v>
      </c>
      <c r="AS926" s="166">
        <v>0</v>
      </c>
      <c r="AT926" s="166">
        <v>0</v>
      </c>
      <c r="AU926" s="166">
        <v>0</v>
      </c>
      <c r="AV926" s="166">
        <v>0</v>
      </c>
      <c r="AW926" s="166">
        <v>0</v>
      </c>
      <c r="AX926" s="166">
        <v>-4255331.3826300399</v>
      </c>
      <c r="AY926" s="166">
        <v>0</v>
      </c>
      <c r="AZ926" s="166">
        <v>-200000004</v>
      </c>
      <c r="BA926" s="166">
        <v>0</v>
      </c>
      <c r="BB926" s="166">
        <v>0</v>
      </c>
      <c r="BC926" s="166">
        <v>0</v>
      </c>
      <c r="BD926" s="166">
        <v>0</v>
      </c>
      <c r="BE926" s="166">
        <v>0</v>
      </c>
      <c r="BF926" s="166">
        <v>0</v>
      </c>
      <c r="BG926" s="166">
        <v>0</v>
      </c>
      <c r="BH926" s="166">
        <v>0</v>
      </c>
      <c r="BI926" s="166">
        <v>0</v>
      </c>
      <c r="BJ926" s="166">
        <v>0</v>
      </c>
      <c r="BK926" s="166">
        <v>0</v>
      </c>
      <c r="BL926" s="166">
        <v>0</v>
      </c>
      <c r="BM926" s="166">
        <v>0</v>
      </c>
      <c r="BN926" s="166">
        <v>0</v>
      </c>
      <c r="BO926" s="166">
        <v>-4255331.3826300399</v>
      </c>
      <c r="BP926" s="166">
        <v>0</v>
      </c>
      <c r="BQ926" s="166">
        <v>-200000004</v>
      </c>
      <c r="BR926" s="166">
        <v>398404507.98400003</v>
      </c>
      <c r="BS926" s="166">
        <v>194149172.60137001</v>
      </c>
      <c r="BT926" s="168">
        <v>0</v>
      </c>
      <c r="BU926" s="166">
        <v>29357306.080126502</v>
      </c>
      <c r="BV926" s="166">
        <v>390884443.76105702</v>
      </c>
      <c r="BW926" s="166">
        <v>0</v>
      </c>
      <c r="BX926" s="166">
        <v>0</v>
      </c>
      <c r="BY926" s="166">
        <v>0</v>
      </c>
      <c r="BZ926" s="166">
        <v>0</v>
      </c>
      <c r="CA926" s="166">
        <v>0</v>
      </c>
      <c r="CB926" s="166">
        <v>0</v>
      </c>
      <c r="CC926" s="166">
        <v>0</v>
      </c>
      <c r="CD926" s="166">
        <v>0</v>
      </c>
      <c r="CE926" s="166">
        <v>0</v>
      </c>
      <c r="CF926" s="166">
        <v>0</v>
      </c>
      <c r="CG926" s="166">
        <v>0</v>
      </c>
      <c r="CH926" s="166">
        <v>-4255331.3826300399</v>
      </c>
      <c r="CI926" s="166">
        <v>0</v>
      </c>
      <c r="CJ926" s="166">
        <v>-200000004</v>
      </c>
      <c r="CK926" s="166">
        <v>0</v>
      </c>
      <c r="CL926" s="166">
        <v>0</v>
      </c>
      <c r="CM926" s="166">
        <v>0</v>
      </c>
      <c r="CN926" s="166">
        <v>0</v>
      </c>
      <c r="CO926" s="166">
        <v>0</v>
      </c>
      <c r="CP926" s="166">
        <v>0</v>
      </c>
      <c r="CQ926" s="166">
        <v>0</v>
      </c>
      <c r="CR926" s="166">
        <v>0</v>
      </c>
      <c r="CS926" s="166">
        <v>0</v>
      </c>
      <c r="CT926" s="166">
        <v>0</v>
      </c>
      <c r="CU926" s="166">
        <v>0</v>
      </c>
      <c r="CV926" s="166">
        <v>-4255331.3826300399</v>
      </c>
      <c r="CW926" s="166">
        <v>0</v>
      </c>
      <c r="CX926" s="166">
        <v>-200000004</v>
      </c>
      <c r="CY926" s="166">
        <v>186629108.378427</v>
      </c>
      <c r="CZ926" s="166">
        <v>186629108.378427</v>
      </c>
    </row>
    <row r="927" spans="1:104" x14ac:dyDescent="0.2">
      <c r="A927" s="167" t="s">
        <v>455</v>
      </c>
    </row>
    <row r="928" spans="1:104" x14ac:dyDescent="0.2">
      <c r="A928" s="167" t="s">
        <v>1204</v>
      </c>
      <c r="B928" s="166">
        <v>0</v>
      </c>
      <c r="C928" s="166">
        <v>0</v>
      </c>
      <c r="D928" s="166">
        <v>0</v>
      </c>
      <c r="E928" s="166">
        <v>0</v>
      </c>
      <c r="F928" s="166">
        <v>0</v>
      </c>
      <c r="G928" s="166">
        <v>0</v>
      </c>
      <c r="H928" s="166">
        <v>0</v>
      </c>
      <c r="I928" s="166">
        <v>0</v>
      </c>
      <c r="J928" s="166">
        <v>0</v>
      </c>
      <c r="K928" s="166">
        <v>0</v>
      </c>
      <c r="L928" s="166">
        <v>0</v>
      </c>
      <c r="M928" s="166">
        <v>0</v>
      </c>
      <c r="N928" s="166">
        <v>0</v>
      </c>
      <c r="O928" s="166">
        <v>0</v>
      </c>
      <c r="P928" s="166">
        <v>0</v>
      </c>
      <c r="Q928" s="166">
        <v>0</v>
      </c>
      <c r="R928" s="166">
        <v>0</v>
      </c>
      <c r="S928" s="166">
        <v>0</v>
      </c>
      <c r="T928" s="166">
        <v>0</v>
      </c>
      <c r="U928" s="166">
        <v>0</v>
      </c>
      <c r="V928" s="166">
        <v>0</v>
      </c>
      <c r="W928" s="166">
        <v>0</v>
      </c>
      <c r="X928" s="166">
        <v>0</v>
      </c>
      <c r="Y928" s="166">
        <v>0</v>
      </c>
      <c r="Z928" s="166">
        <v>0</v>
      </c>
      <c r="AA928" s="166">
        <v>0</v>
      </c>
      <c r="AB928" s="166">
        <v>0</v>
      </c>
      <c r="AC928" s="166">
        <v>0</v>
      </c>
      <c r="AD928" s="166">
        <v>0</v>
      </c>
      <c r="AE928" s="166">
        <v>0</v>
      </c>
      <c r="AF928" s="166">
        <v>0</v>
      </c>
      <c r="AG928" s="166">
        <v>0</v>
      </c>
      <c r="AH928" s="166">
        <v>0</v>
      </c>
      <c r="AI928" s="166">
        <v>0</v>
      </c>
      <c r="AJ928" s="166">
        <v>0</v>
      </c>
      <c r="AK928" s="166">
        <v>0</v>
      </c>
      <c r="AL928" s="166">
        <v>0</v>
      </c>
      <c r="AM928" s="166">
        <v>0</v>
      </c>
      <c r="AN928" s="166">
        <v>0</v>
      </c>
      <c r="AO928" s="166">
        <v>0</v>
      </c>
      <c r="AP928" s="166">
        <v>0</v>
      </c>
      <c r="AQ928" s="166">
        <v>0</v>
      </c>
      <c r="AR928" s="166">
        <v>0</v>
      </c>
      <c r="AS928" s="166">
        <v>0</v>
      </c>
      <c r="AT928" s="166">
        <v>0</v>
      </c>
      <c r="AU928" s="166">
        <v>0</v>
      </c>
      <c r="AV928" s="166">
        <v>0</v>
      </c>
      <c r="AW928" s="166">
        <v>0</v>
      </c>
      <c r="AX928" s="166">
        <v>0</v>
      </c>
      <c r="AY928" s="166">
        <v>0</v>
      </c>
      <c r="AZ928" s="166">
        <v>0</v>
      </c>
      <c r="BA928" s="166">
        <v>0</v>
      </c>
      <c r="BB928" s="166">
        <v>0</v>
      </c>
      <c r="BC928" s="166">
        <v>0</v>
      </c>
      <c r="BD928" s="166">
        <v>0</v>
      </c>
      <c r="BE928" s="166">
        <v>0</v>
      </c>
      <c r="BF928" s="166">
        <v>0</v>
      </c>
      <c r="BG928" s="166">
        <v>0</v>
      </c>
      <c r="BH928" s="166">
        <v>0</v>
      </c>
      <c r="BI928" s="166">
        <v>0</v>
      </c>
      <c r="BJ928" s="166">
        <v>0</v>
      </c>
      <c r="BK928" s="166">
        <v>0</v>
      </c>
      <c r="BL928" s="166">
        <v>0</v>
      </c>
      <c r="BM928" s="166">
        <v>0</v>
      </c>
      <c r="BN928" s="166">
        <v>0</v>
      </c>
      <c r="BO928" s="166">
        <v>0</v>
      </c>
      <c r="BP928" s="166">
        <v>0</v>
      </c>
      <c r="BQ928" s="166">
        <v>0</v>
      </c>
      <c r="BR928" s="166">
        <v>0</v>
      </c>
      <c r="BS928" s="166">
        <v>0</v>
      </c>
      <c r="BT928" s="168">
        <v>0.96779000000000004</v>
      </c>
      <c r="BU928" s="166">
        <v>0</v>
      </c>
      <c r="BV928" s="166">
        <v>0</v>
      </c>
      <c r="BW928" s="166">
        <v>0</v>
      </c>
      <c r="BX928" s="166">
        <v>0</v>
      </c>
      <c r="BY928" s="166">
        <v>0</v>
      </c>
      <c r="BZ928" s="166">
        <v>0</v>
      </c>
      <c r="CA928" s="166">
        <v>0</v>
      </c>
      <c r="CB928" s="166">
        <v>0</v>
      </c>
      <c r="CC928" s="166">
        <v>0</v>
      </c>
      <c r="CD928" s="166">
        <v>0</v>
      </c>
      <c r="CE928" s="166">
        <v>0</v>
      </c>
      <c r="CF928" s="166">
        <v>0</v>
      </c>
      <c r="CG928" s="166">
        <v>0</v>
      </c>
      <c r="CH928" s="166">
        <v>0</v>
      </c>
      <c r="CI928" s="166">
        <v>0</v>
      </c>
      <c r="CJ928" s="166">
        <v>0</v>
      </c>
      <c r="CK928" s="166">
        <v>0</v>
      </c>
      <c r="CL928" s="166">
        <v>0</v>
      </c>
      <c r="CM928" s="166">
        <v>0</v>
      </c>
      <c r="CN928" s="166">
        <v>0</v>
      </c>
      <c r="CO928" s="166">
        <v>0</v>
      </c>
      <c r="CP928" s="166">
        <v>0</v>
      </c>
      <c r="CQ928" s="166">
        <v>0</v>
      </c>
      <c r="CR928" s="166">
        <v>0</v>
      </c>
      <c r="CS928" s="166">
        <v>0</v>
      </c>
      <c r="CT928" s="166">
        <v>0</v>
      </c>
      <c r="CU928" s="166">
        <v>0</v>
      </c>
      <c r="CV928" s="166">
        <v>0</v>
      </c>
      <c r="CW928" s="166">
        <v>0</v>
      </c>
      <c r="CX928" s="166">
        <v>0</v>
      </c>
      <c r="CY928" s="166">
        <v>0</v>
      </c>
      <c r="CZ928" s="166">
        <v>0</v>
      </c>
    </row>
    <row r="929" spans="1:104" x14ac:dyDescent="0.2">
      <c r="A929" s="167" t="s">
        <v>457</v>
      </c>
    </row>
    <row r="930" spans="1:104" x14ac:dyDescent="0.2">
      <c r="A930" s="170" t="s">
        <v>458</v>
      </c>
      <c r="B930" s="166">
        <v>810773808.00105906</v>
      </c>
      <c r="C930" s="166">
        <v>810773808.00105906</v>
      </c>
      <c r="D930" s="166">
        <v>0</v>
      </c>
      <c r="E930" s="166">
        <v>0</v>
      </c>
      <c r="F930" s="166">
        <v>0</v>
      </c>
      <c r="G930" s="166">
        <v>0</v>
      </c>
      <c r="H930" s="166">
        <v>0</v>
      </c>
      <c r="I930" s="166">
        <v>0</v>
      </c>
      <c r="J930" s="166">
        <v>0</v>
      </c>
      <c r="K930" s="166">
        <v>0</v>
      </c>
      <c r="L930" s="166">
        <v>0</v>
      </c>
      <c r="M930" s="166">
        <v>0</v>
      </c>
      <c r="N930" s="166">
        <v>0</v>
      </c>
      <c r="O930" s="166">
        <v>0</v>
      </c>
      <c r="P930" s="166">
        <v>0</v>
      </c>
      <c r="Q930" s="166">
        <v>0</v>
      </c>
      <c r="R930" s="166">
        <v>0</v>
      </c>
      <c r="S930" s="166">
        <v>0</v>
      </c>
      <c r="T930" s="166">
        <v>0</v>
      </c>
      <c r="U930" s="166">
        <v>0</v>
      </c>
      <c r="V930" s="166">
        <v>0</v>
      </c>
      <c r="W930" s="166">
        <v>0</v>
      </c>
      <c r="X930" s="166">
        <v>0</v>
      </c>
      <c r="Y930" s="166">
        <v>0</v>
      </c>
      <c r="Z930" s="166">
        <v>0</v>
      </c>
      <c r="AA930" s="166">
        <v>0</v>
      </c>
      <c r="AB930" s="166">
        <v>0</v>
      </c>
      <c r="AC930" s="166">
        <v>0</v>
      </c>
      <c r="AD930" s="166">
        <v>0</v>
      </c>
      <c r="AE930" s="166">
        <v>0</v>
      </c>
      <c r="AF930" s="166">
        <v>0</v>
      </c>
      <c r="AG930" s="166">
        <v>0</v>
      </c>
      <c r="AH930" s="166">
        <v>0</v>
      </c>
      <c r="AI930" s="166">
        <v>0</v>
      </c>
      <c r="AJ930" s="166">
        <v>0</v>
      </c>
      <c r="AK930" s="166">
        <v>0</v>
      </c>
      <c r="AL930" s="166">
        <v>0</v>
      </c>
      <c r="AM930" s="166">
        <v>0</v>
      </c>
      <c r="AN930" s="166">
        <v>0</v>
      </c>
      <c r="AO930" s="166">
        <v>0</v>
      </c>
      <c r="AP930" s="166">
        <v>0</v>
      </c>
      <c r="AQ930" s="166">
        <v>0</v>
      </c>
      <c r="AR930" s="166">
        <v>0</v>
      </c>
      <c r="AS930" s="166">
        <v>0</v>
      </c>
      <c r="AT930" s="166">
        <v>0</v>
      </c>
      <c r="AU930" s="166">
        <v>0</v>
      </c>
      <c r="AV930" s="166">
        <v>0</v>
      </c>
      <c r="AW930" s="166">
        <v>0</v>
      </c>
      <c r="AX930" s="166">
        <v>-4255331.3826300399</v>
      </c>
      <c r="AY930" s="166">
        <v>0</v>
      </c>
      <c r="AZ930" s="166">
        <v>-200000004</v>
      </c>
      <c r="BA930" s="166">
        <v>0</v>
      </c>
      <c r="BB930" s="166">
        <v>0</v>
      </c>
      <c r="BC930" s="166">
        <v>0</v>
      </c>
      <c r="BD930" s="166">
        <v>0</v>
      </c>
      <c r="BE930" s="166">
        <v>0</v>
      </c>
      <c r="BF930" s="166">
        <v>0</v>
      </c>
      <c r="BG930" s="166">
        <v>0</v>
      </c>
      <c r="BH930" s="166">
        <v>0</v>
      </c>
      <c r="BI930" s="166">
        <v>0</v>
      </c>
      <c r="BJ930" s="166">
        <v>0</v>
      </c>
      <c r="BK930" s="166">
        <v>0</v>
      </c>
      <c r="BL930" s="166">
        <v>0</v>
      </c>
      <c r="BM930" s="166">
        <v>0</v>
      </c>
      <c r="BN930" s="166">
        <v>0</v>
      </c>
      <c r="BO930" s="166">
        <v>-4255331.3826300399</v>
      </c>
      <c r="BP930" s="166">
        <v>0</v>
      </c>
      <c r="BQ930" s="166">
        <v>-200000004</v>
      </c>
      <c r="BR930" s="166">
        <v>810773808.00105906</v>
      </c>
      <c r="BS930" s="166">
        <v>606518472.61842895</v>
      </c>
      <c r="BT930" s="168">
        <v>0</v>
      </c>
      <c r="BU930" s="166">
        <v>58036139.716930203</v>
      </c>
      <c r="BV930" s="166">
        <v>790456061.04530096</v>
      </c>
      <c r="BW930" s="166">
        <v>0</v>
      </c>
      <c r="BX930" s="166">
        <v>0</v>
      </c>
      <c r="BY930" s="166">
        <v>0</v>
      </c>
      <c r="BZ930" s="166">
        <v>0</v>
      </c>
      <c r="CA930" s="166">
        <v>0</v>
      </c>
      <c r="CB930" s="166">
        <v>0</v>
      </c>
      <c r="CC930" s="166">
        <v>0</v>
      </c>
      <c r="CD930" s="166">
        <v>0</v>
      </c>
      <c r="CE930" s="166">
        <v>0</v>
      </c>
      <c r="CF930" s="166">
        <v>0</v>
      </c>
      <c r="CG930" s="166">
        <v>0</v>
      </c>
      <c r="CH930" s="166">
        <v>-4255331.3826300399</v>
      </c>
      <c r="CI930" s="166">
        <v>0</v>
      </c>
      <c r="CJ930" s="166">
        <v>-200000004</v>
      </c>
      <c r="CK930" s="166">
        <v>0</v>
      </c>
      <c r="CL930" s="166">
        <v>0</v>
      </c>
      <c r="CM930" s="166">
        <v>0</v>
      </c>
      <c r="CN930" s="166">
        <v>0</v>
      </c>
      <c r="CO930" s="166">
        <v>0</v>
      </c>
      <c r="CP930" s="166">
        <v>0</v>
      </c>
      <c r="CQ930" s="166">
        <v>0</v>
      </c>
      <c r="CR930" s="166">
        <v>0</v>
      </c>
      <c r="CS930" s="166">
        <v>0</v>
      </c>
      <c r="CT930" s="166">
        <v>0</v>
      </c>
      <c r="CU930" s="166">
        <v>0</v>
      </c>
      <c r="CV930" s="166">
        <v>-4255331.3826300399</v>
      </c>
      <c r="CW930" s="166">
        <v>0</v>
      </c>
      <c r="CX930" s="166">
        <v>-200000004</v>
      </c>
      <c r="CY930" s="166">
        <v>586200725.66267097</v>
      </c>
      <c r="CZ930" s="166">
        <v>586200725.66267097</v>
      </c>
    </row>
    <row r="931" spans="1:104" x14ac:dyDescent="0.2">
      <c r="A931" s="167" t="s">
        <v>459</v>
      </c>
    </row>
    <row r="932" spans="1:104" x14ac:dyDescent="0.2">
      <c r="A932" s="170" t="s">
        <v>460</v>
      </c>
    </row>
    <row r="933" spans="1:104" x14ac:dyDescent="0.2">
      <c r="A933" s="167" t="s">
        <v>461</v>
      </c>
      <c r="B933" s="166">
        <v>114693907.974999</v>
      </c>
      <c r="C933" s="166">
        <v>114693907.974999</v>
      </c>
      <c r="D933" s="166">
        <v>0</v>
      </c>
      <c r="E933" s="166">
        <v>0</v>
      </c>
      <c r="F933" s="166">
        <v>0</v>
      </c>
      <c r="G933" s="166">
        <v>0</v>
      </c>
      <c r="H933" s="166">
        <v>0</v>
      </c>
      <c r="I933" s="166">
        <v>0</v>
      </c>
      <c r="J933" s="166">
        <v>0</v>
      </c>
      <c r="K933" s="166">
        <v>0</v>
      </c>
      <c r="L933" s="166">
        <v>0</v>
      </c>
      <c r="M933" s="166">
        <v>0</v>
      </c>
      <c r="N933" s="166">
        <v>0</v>
      </c>
      <c r="O933" s="166">
        <v>0</v>
      </c>
      <c r="P933" s="166">
        <v>0</v>
      </c>
      <c r="Q933" s="166">
        <v>0</v>
      </c>
      <c r="R933" s="166">
        <v>-114693907.974999</v>
      </c>
      <c r="S933" s="166">
        <v>0</v>
      </c>
      <c r="T933" s="166">
        <v>0</v>
      </c>
      <c r="U933" s="166">
        <v>0</v>
      </c>
      <c r="V933" s="166">
        <v>0</v>
      </c>
      <c r="W933" s="166">
        <v>0</v>
      </c>
      <c r="X933" s="166">
        <v>0</v>
      </c>
      <c r="Y933" s="166">
        <v>0</v>
      </c>
      <c r="Z933" s="166">
        <v>0</v>
      </c>
      <c r="AA933" s="166">
        <v>0</v>
      </c>
      <c r="AB933" s="166">
        <v>0</v>
      </c>
      <c r="AC933" s="166">
        <v>0</v>
      </c>
      <c r="AD933" s="166">
        <v>0</v>
      </c>
      <c r="AE933" s="166">
        <v>0</v>
      </c>
      <c r="AF933" s="166">
        <v>0</v>
      </c>
      <c r="AG933" s="166">
        <v>0</v>
      </c>
      <c r="AH933" s="166">
        <v>0</v>
      </c>
      <c r="AI933" s="166">
        <v>0</v>
      </c>
      <c r="AJ933" s="166">
        <v>0</v>
      </c>
      <c r="AK933" s="166">
        <v>0</v>
      </c>
      <c r="AL933" s="166">
        <v>0</v>
      </c>
      <c r="AM933" s="166">
        <v>0</v>
      </c>
      <c r="AN933" s="166">
        <v>0</v>
      </c>
      <c r="AO933" s="166">
        <v>0</v>
      </c>
      <c r="AP933" s="166">
        <v>0</v>
      </c>
      <c r="AQ933" s="166">
        <v>0</v>
      </c>
      <c r="AR933" s="166">
        <v>0</v>
      </c>
      <c r="AS933" s="166">
        <v>0</v>
      </c>
      <c r="AT933" s="166">
        <v>0</v>
      </c>
      <c r="AU933" s="166">
        <v>0</v>
      </c>
      <c r="AV933" s="166">
        <v>0</v>
      </c>
      <c r="AW933" s="166">
        <v>0</v>
      </c>
      <c r="AX933" s="166">
        <v>0</v>
      </c>
      <c r="AY933" s="166">
        <v>0</v>
      </c>
      <c r="AZ933" s="166">
        <v>0</v>
      </c>
      <c r="BA933" s="166">
        <v>0</v>
      </c>
      <c r="BB933" s="166">
        <v>0</v>
      </c>
      <c r="BC933" s="166">
        <v>0</v>
      </c>
      <c r="BD933" s="166">
        <v>0</v>
      </c>
      <c r="BE933" s="166">
        <v>0</v>
      </c>
      <c r="BF933" s="166">
        <v>0</v>
      </c>
      <c r="BG933" s="166">
        <v>-114693907.974999</v>
      </c>
      <c r="BH933" s="166">
        <v>0</v>
      </c>
      <c r="BI933" s="166">
        <v>0</v>
      </c>
      <c r="BJ933" s="166">
        <v>0</v>
      </c>
      <c r="BK933" s="166">
        <v>0</v>
      </c>
      <c r="BL933" s="166">
        <v>0</v>
      </c>
      <c r="BM933" s="166">
        <v>0</v>
      </c>
      <c r="BN933" s="166">
        <v>0</v>
      </c>
      <c r="BO933" s="166">
        <v>0</v>
      </c>
      <c r="BP933" s="166">
        <v>0</v>
      </c>
      <c r="BQ933" s="166">
        <v>0</v>
      </c>
      <c r="BR933" s="166">
        <v>114693907.974999</v>
      </c>
      <c r="BS933" s="166">
        <v>0</v>
      </c>
      <c r="BT933" s="168">
        <v>1</v>
      </c>
      <c r="BU933" s="166">
        <v>9609361.6120832507</v>
      </c>
      <c r="BV933" s="166">
        <v>114693907.974999</v>
      </c>
      <c r="BW933" s="166">
        <v>0</v>
      </c>
      <c r="BX933" s="166">
        <v>0</v>
      </c>
      <c r="BY933" s="166">
        <v>0</v>
      </c>
      <c r="BZ933" s="166">
        <v>-114693907.974999</v>
      </c>
      <c r="CA933" s="166">
        <v>0</v>
      </c>
      <c r="CB933" s="166">
        <v>0</v>
      </c>
      <c r="CC933" s="166">
        <v>0</v>
      </c>
      <c r="CD933" s="166">
        <v>0</v>
      </c>
      <c r="CE933" s="166">
        <v>0</v>
      </c>
      <c r="CF933" s="166">
        <v>0</v>
      </c>
      <c r="CG933" s="166">
        <v>0</v>
      </c>
      <c r="CH933" s="166">
        <v>0</v>
      </c>
      <c r="CI933" s="166">
        <v>0</v>
      </c>
      <c r="CJ933" s="166">
        <v>0</v>
      </c>
      <c r="CK933" s="166">
        <v>0</v>
      </c>
      <c r="CL933" s="166">
        <v>0</v>
      </c>
      <c r="CM933" s="166">
        <v>0</v>
      </c>
      <c r="CN933" s="166">
        <v>-114693907.974999</v>
      </c>
      <c r="CO933" s="166">
        <v>0</v>
      </c>
      <c r="CP933" s="166">
        <v>0</v>
      </c>
      <c r="CQ933" s="166">
        <v>0</v>
      </c>
      <c r="CR933" s="166">
        <v>0</v>
      </c>
      <c r="CS933" s="166">
        <v>0</v>
      </c>
      <c r="CT933" s="166">
        <v>0</v>
      </c>
      <c r="CU933" s="166">
        <v>0</v>
      </c>
      <c r="CV933" s="166">
        <v>0</v>
      </c>
      <c r="CW933" s="166">
        <v>0</v>
      </c>
      <c r="CX933" s="166">
        <v>0</v>
      </c>
      <c r="CY933" s="166">
        <v>0</v>
      </c>
      <c r="CZ933" s="166">
        <v>0</v>
      </c>
    </row>
    <row r="934" spans="1:104" x14ac:dyDescent="0.2">
      <c r="A934" s="167" t="s">
        <v>462</v>
      </c>
    </row>
    <row r="935" spans="1:104" x14ac:dyDescent="0.2">
      <c r="A935" s="167" t="s">
        <v>463</v>
      </c>
      <c r="B935" s="166">
        <v>4465767.5279413201</v>
      </c>
      <c r="C935" s="166">
        <v>4465767.5279413201</v>
      </c>
      <c r="D935" s="166">
        <v>0</v>
      </c>
      <c r="E935" s="166">
        <v>0</v>
      </c>
      <c r="F935" s="166">
        <v>0</v>
      </c>
      <c r="G935" s="166">
        <v>0</v>
      </c>
      <c r="H935" s="166">
        <v>0</v>
      </c>
      <c r="I935" s="166">
        <v>0</v>
      </c>
      <c r="J935" s="166">
        <v>0</v>
      </c>
      <c r="K935" s="166">
        <v>0</v>
      </c>
      <c r="L935" s="166">
        <v>0</v>
      </c>
      <c r="M935" s="166">
        <v>0</v>
      </c>
      <c r="N935" s="166">
        <v>0</v>
      </c>
      <c r="O935" s="166">
        <v>0</v>
      </c>
      <c r="P935" s="166">
        <v>0</v>
      </c>
      <c r="Q935" s="166">
        <v>0</v>
      </c>
      <c r="R935" s="166">
        <v>0</v>
      </c>
      <c r="S935" s="166">
        <v>0</v>
      </c>
      <c r="T935" s="166">
        <v>0</v>
      </c>
      <c r="U935" s="166">
        <v>-4465767.5279413201</v>
      </c>
      <c r="V935" s="166">
        <v>0</v>
      </c>
      <c r="W935" s="166">
        <v>0</v>
      </c>
      <c r="X935" s="166">
        <v>0</v>
      </c>
      <c r="Y935" s="166">
        <v>0</v>
      </c>
      <c r="Z935" s="166">
        <v>0</v>
      </c>
      <c r="AA935" s="166">
        <v>0</v>
      </c>
      <c r="AB935" s="166">
        <v>0</v>
      </c>
      <c r="AC935" s="166">
        <v>0</v>
      </c>
      <c r="AD935" s="166">
        <v>0</v>
      </c>
      <c r="AE935" s="166">
        <v>0</v>
      </c>
      <c r="AF935" s="166">
        <v>0</v>
      </c>
      <c r="AG935" s="166">
        <v>0</v>
      </c>
      <c r="AH935" s="166">
        <v>0</v>
      </c>
      <c r="AI935" s="166">
        <v>0</v>
      </c>
      <c r="AJ935" s="166">
        <v>0</v>
      </c>
      <c r="AK935" s="166">
        <v>0</v>
      </c>
      <c r="AL935" s="166">
        <v>0</v>
      </c>
      <c r="AM935" s="166">
        <v>0</v>
      </c>
      <c r="AN935" s="166">
        <v>0</v>
      </c>
      <c r="AO935" s="166">
        <v>0</v>
      </c>
      <c r="AP935" s="166">
        <v>0</v>
      </c>
      <c r="AQ935" s="166">
        <v>0</v>
      </c>
      <c r="AR935" s="166">
        <v>0</v>
      </c>
      <c r="AS935" s="166">
        <v>0</v>
      </c>
      <c r="AT935" s="166">
        <v>0</v>
      </c>
      <c r="AU935" s="166">
        <v>0</v>
      </c>
      <c r="AV935" s="166">
        <v>0</v>
      </c>
      <c r="AW935" s="166">
        <v>0</v>
      </c>
      <c r="AX935" s="166">
        <v>0</v>
      </c>
      <c r="AY935" s="166">
        <v>0</v>
      </c>
      <c r="AZ935" s="166">
        <v>0</v>
      </c>
      <c r="BA935" s="166">
        <v>0</v>
      </c>
      <c r="BB935" s="166">
        <v>0</v>
      </c>
      <c r="BC935" s="166">
        <v>0</v>
      </c>
      <c r="BD935" s="166">
        <v>0</v>
      </c>
      <c r="BE935" s="166">
        <v>0</v>
      </c>
      <c r="BF935" s="166">
        <v>0</v>
      </c>
      <c r="BG935" s="166">
        <v>0</v>
      </c>
      <c r="BH935" s="166">
        <v>0</v>
      </c>
      <c r="BI935" s="166">
        <v>-4465767.5279413201</v>
      </c>
      <c r="BJ935" s="166">
        <v>0</v>
      </c>
      <c r="BK935" s="166">
        <v>0</v>
      </c>
      <c r="BL935" s="166">
        <v>0</v>
      </c>
      <c r="BM935" s="166">
        <v>0</v>
      </c>
      <c r="BN935" s="166">
        <v>0</v>
      </c>
      <c r="BO935" s="166">
        <v>0</v>
      </c>
      <c r="BP935" s="166">
        <v>0</v>
      </c>
      <c r="BQ935" s="166">
        <v>0</v>
      </c>
      <c r="BR935" s="166">
        <v>4465767.5279413201</v>
      </c>
      <c r="BS935" s="166">
        <v>0</v>
      </c>
      <c r="BT935" s="168">
        <v>0.97402999999999995</v>
      </c>
      <c r="BU935" s="166">
        <v>364066.34148487402</v>
      </c>
      <c r="BV935" s="166">
        <v>4349791.54524069</v>
      </c>
      <c r="BW935" s="166">
        <v>0</v>
      </c>
      <c r="BX935" s="166">
        <v>0</v>
      </c>
      <c r="BY935" s="166">
        <v>0</v>
      </c>
      <c r="BZ935" s="166">
        <v>0</v>
      </c>
      <c r="CA935" s="166">
        <v>0</v>
      </c>
      <c r="CB935" s="166">
        <v>-4349791.54524069</v>
      </c>
      <c r="CC935" s="166">
        <v>0</v>
      </c>
      <c r="CD935" s="166">
        <v>0</v>
      </c>
      <c r="CE935" s="166">
        <v>0</v>
      </c>
      <c r="CF935" s="166">
        <v>0</v>
      </c>
      <c r="CG935" s="166">
        <v>0</v>
      </c>
      <c r="CH935" s="166">
        <v>0</v>
      </c>
      <c r="CI935" s="166">
        <v>0</v>
      </c>
      <c r="CJ935" s="166">
        <v>0</v>
      </c>
      <c r="CK935" s="166">
        <v>0</v>
      </c>
      <c r="CL935" s="166">
        <v>0</v>
      </c>
      <c r="CM935" s="166">
        <v>0</v>
      </c>
      <c r="CN935" s="166">
        <v>0</v>
      </c>
      <c r="CO935" s="166">
        <v>0</v>
      </c>
      <c r="CP935" s="166">
        <v>-4349791.54524069</v>
      </c>
      <c r="CQ935" s="166">
        <v>0</v>
      </c>
      <c r="CR935" s="166">
        <v>0</v>
      </c>
      <c r="CS935" s="166">
        <v>0</v>
      </c>
      <c r="CT935" s="166">
        <v>0</v>
      </c>
      <c r="CU935" s="166">
        <v>0</v>
      </c>
      <c r="CV935" s="166">
        <v>0</v>
      </c>
      <c r="CW935" s="166">
        <v>0</v>
      </c>
      <c r="CX935" s="166">
        <v>0</v>
      </c>
      <c r="CY935" s="166">
        <v>0</v>
      </c>
      <c r="CZ935" s="166">
        <v>0</v>
      </c>
    </row>
    <row r="936" spans="1:104" x14ac:dyDescent="0.2">
      <c r="A936" s="167" t="s">
        <v>464</v>
      </c>
      <c r="B936" s="166">
        <v>9234801.7599999998</v>
      </c>
      <c r="C936" s="166">
        <v>9234801.7599999998</v>
      </c>
      <c r="D936" s="166">
        <v>0</v>
      </c>
      <c r="E936" s="166">
        <v>0</v>
      </c>
      <c r="F936" s="166">
        <v>0</v>
      </c>
      <c r="G936" s="166">
        <v>0</v>
      </c>
      <c r="H936" s="166">
        <v>0</v>
      </c>
      <c r="I936" s="166">
        <v>0</v>
      </c>
      <c r="J936" s="166">
        <v>0</v>
      </c>
      <c r="K936" s="166">
        <v>0</v>
      </c>
      <c r="L936" s="166">
        <v>0</v>
      </c>
      <c r="M936" s="166">
        <v>0</v>
      </c>
      <c r="N936" s="166">
        <v>0</v>
      </c>
      <c r="O936" s="166">
        <v>0</v>
      </c>
      <c r="P936" s="166">
        <v>0</v>
      </c>
      <c r="Q936" s="166">
        <v>0</v>
      </c>
      <c r="R936" s="166">
        <v>0</v>
      </c>
      <c r="S936" s="166">
        <v>0</v>
      </c>
      <c r="T936" s="166">
        <v>0</v>
      </c>
      <c r="U936" s="166">
        <v>-9234801.7599999998</v>
      </c>
      <c r="V936" s="166">
        <v>0</v>
      </c>
      <c r="W936" s="166">
        <v>0</v>
      </c>
      <c r="X936" s="166">
        <v>0</v>
      </c>
      <c r="Y936" s="166">
        <v>0</v>
      </c>
      <c r="Z936" s="166">
        <v>0</v>
      </c>
      <c r="AA936" s="166">
        <v>0</v>
      </c>
      <c r="AB936" s="166">
        <v>0</v>
      </c>
      <c r="AC936" s="166">
        <v>0</v>
      </c>
      <c r="AD936" s="166">
        <v>0</v>
      </c>
      <c r="AE936" s="166">
        <v>0</v>
      </c>
      <c r="AF936" s="166">
        <v>0</v>
      </c>
      <c r="AG936" s="166">
        <v>0</v>
      </c>
      <c r="AH936" s="166">
        <v>0</v>
      </c>
      <c r="AI936" s="166">
        <v>0</v>
      </c>
      <c r="AJ936" s="166">
        <v>0</v>
      </c>
      <c r="AK936" s="166">
        <v>0</v>
      </c>
      <c r="AL936" s="166">
        <v>0</v>
      </c>
      <c r="AM936" s="166">
        <v>0</v>
      </c>
      <c r="AN936" s="166">
        <v>0</v>
      </c>
      <c r="AO936" s="166">
        <v>0</v>
      </c>
      <c r="AP936" s="166">
        <v>0</v>
      </c>
      <c r="AQ936" s="166">
        <v>0</v>
      </c>
      <c r="AR936" s="166">
        <v>0</v>
      </c>
      <c r="AS936" s="166">
        <v>0</v>
      </c>
      <c r="AT936" s="166">
        <v>0</v>
      </c>
      <c r="AU936" s="166">
        <v>0</v>
      </c>
      <c r="AV936" s="166">
        <v>0</v>
      </c>
      <c r="AW936" s="166">
        <v>0</v>
      </c>
      <c r="AX936" s="166">
        <v>0</v>
      </c>
      <c r="AY936" s="166">
        <v>0</v>
      </c>
      <c r="AZ936" s="166">
        <v>0</v>
      </c>
      <c r="BA936" s="166">
        <v>0</v>
      </c>
      <c r="BB936" s="166">
        <v>0</v>
      </c>
      <c r="BC936" s="166">
        <v>0</v>
      </c>
      <c r="BD936" s="166">
        <v>0</v>
      </c>
      <c r="BE936" s="166">
        <v>0</v>
      </c>
      <c r="BF936" s="166">
        <v>0</v>
      </c>
      <c r="BG936" s="166">
        <v>0</v>
      </c>
      <c r="BH936" s="166">
        <v>0</v>
      </c>
      <c r="BI936" s="166">
        <v>-9234801.7599999998</v>
      </c>
      <c r="BJ936" s="166">
        <v>0</v>
      </c>
      <c r="BK936" s="166">
        <v>0</v>
      </c>
      <c r="BL936" s="166">
        <v>0</v>
      </c>
      <c r="BM936" s="166">
        <v>0</v>
      </c>
      <c r="BN936" s="166">
        <v>0</v>
      </c>
      <c r="BO936" s="166">
        <v>0</v>
      </c>
      <c r="BP936" s="166">
        <v>0</v>
      </c>
      <c r="BQ936" s="166">
        <v>0</v>
      </c>
      <c r="BR936" s="166">
        <v>9234801.7599999998</v>
      </c>
      <c r="BS936" s="166">
        <v>0</v>
      </c>
      <c r="BT936" s="168">
        <v>0.98855217689263197</v>
      </c>
      <c r="BU936" s="166">
        <v>754823.72432276199</v>
      </c>
      <c r="BV936" s="166">
        <v>9129083.3830199093</v>
      </c>
      <c r="BW936" s="166">
        <v>0</v>
      </c>
      <c r="BX936" s="166">
        <v>0</v>
      </c>
      <c r="BY936" s="166">
        <v>0</v>
      </c>
      <c r="BZ936" s="166">
        <v>0</v>
      </c>
      <c r="CA936" s="166">
        <v>0</v>
      </c>
      <c r="CB936" s="166">
        <v>-9129083.3830199093</v>
      </c>
      <c r="CC936" s="166">
        <v>0</v>
      </c>
      <c r="CD936" s="166">
        <v>0</v>
      </c>
      <c r="CE936" s="166">
        <v>0</v>
      </c>
      <c r="CF936" s="166">
        <v>0</v>
      </c>
      <c r="CG936" s="166">
        <v>0</v>
      </c>
      <c r="CH936" s="166">
        <v>0</v>
      </c>
      <c r="CI936" s="166">
        <v>0</v>
      </c>
      <c r="CJ936" s="166">
        <v>0</v>
      </c>
      <c r="CK936" s="166">
        <v>0</v>
      </c>
      <c r="CL936" s="166">
        <v>0</v>
      </c>
      <c r="CM936" s="166">
        <v>0</v>
      </c>
      <c r="CN936" s="166">
        <v>0</v>
      </c>
      <c r="CO936" s="166">
        <v>0</v>
      </c>
      <c r="CP936" s="166">
        <v>-9129083.3830199093</v>
      </c>
      <c r="CQ936" s="166">
        <v>0</v>
      </c>
      <c r="CR936" s="166">
        <v>0</v>
      </c>
      <c r="CS936" s="166">
        <v>0</v>
      </c>
      <c r="CT936" s="166">
        <v>0</v>
      </c>
      <c r="CU936" s="166">
        <v>0</v>
      </c>
      <c r="CV936" s="166">
        <v>0</v>
      </c>
      <c r="CW936" s="166">
        <v>0</v>
      </c>
      <c r="CX936" s="166">
        <v>0</v>
      </c>
      <c r="CY936" s="166">
        <v>0</v>
      </c>
      <c r="CZ936" s="166">
        <v>0</v>
      </c>
    </row>
    <row r="937" spans="1:104" x14ac:dyDescent="0.2">
      <c r="A937" s="167" t="s">
        <v>465</v>
      </c>
      <c r="B937" s="166">
        <v>0</v>
      </c>
      <c r="C937" s="166">
        <v>0</v>
      </c>
      <c r="D937" s="166">
        <v>0</v>
      </c>
      <c r="E937" s="166">
        <v>0</v>
      </c>
      <c r="F937" s="166">
        <v>0</v>
      </c>
      <c r="G937" s="166">
        <v>0</v>
      </c>
      <c r="H937" s="166">
        <v>0</v>
      </c>
      <c r="I937" s="166">
        <v>0</v>
      </c>
      <c r="J937" s="166">
        <v>0</v>
      </c>
      <c r="K937" s="166">
        <v>0</v>
      </c>
      <c r="L937" s="166">
        <v>0</v>
      </c>
      <c r="M937" s="166">
        <v>0</v>
      </c>
      <c r="N937" s="166">
        <v>0</v>
      </c>
      <c r="O937" s="166">
        <v>0</v>
      </c>
      <c r="P937" s="166">
        <v>0</v>
      </c>
      <c r="Q937" s="166">
        <v>0</v>
      </c>
      <c r="R937" s="166">
        <v>0</v>
      </c>
      <c r="S937" s="166">
        <v>0</v>
      </c>
      <c r="T937" s="166">
        <v>0</v>
      </c>
      <c r="U937" s="166">
        <v>0</v>
      </c>
      <c r="V937" s="166">
        <v>0</v>
      </c>
      <c r="W937" s="166">
        <v>0</v>
      </c>
      <c r="X937" s="166">
        <v>0</v>
      </c>
      <c r="Y937" s="166">
        <v>0</v>
      </c>
      <c r="Z937" s="166">
        <v>0</v>
      </c>
      <c r="AA937" s="166">
        <v>0</v>
      </c>
      <c r="AB937" s="166">
        <v>0</v>
      </c>
      <c r="AC937" s="166">
        <v>0</v>
      </c>
      <c r="AD937" s="166">
        <v>0</v>
      </c>
      <c r="AE937" s="166">
        <v>0</v>
      </c>
      <c r="AF937" s="166">
        <v>0</v>
      </c>
      <c r="AG937" s="166">
        <v>0</v>
      </c>
      <c r="AH937" s="166">
        <v>0</v>
      </c>
      <c r="AI937" s="166">
        <v>0</v>
      </c>
      <c r="AJ937" s="166">
        <v>0</v>
      </c>
      <c r="AK937" s="166">
        <v>0</v>
      </c>
      <c r="AL937" s="166">
        <v>0</v>
      </c>
      <c r="AM937" s="166">
        <v>0</v>
      </c>
      <c r="AN937" s="166">
        <v>0</v>
      </c>
      <c r="AO937" s="166">
        <v>0</v>
      </c>
      <c r="AP937" s="166">
        <v>0</v>
      </c>
      <c r="AQ937" s="166">
        <v>0</v>
      </c>
      <c r="AR937" s="166">
        <v>0</v>
      </c>
      <c r="AS937" s="166">
        <v>0</v>
      </c>
      <c r="AT937" s="166">
        <v>0</v>
      </c>
      <c r="AU937" s="166">
        <v>0</v>
      </c>
      <c r="AV937" s="166">
        <v>0</v>
      </c>
      <c r="AW937" s="166">
        <v>0</v>
      </c>
      <c r="AX937" s="166">
        <v>0</v>
      </c>
      <c r="AY937" s="166">
        <v>0</v>
      </c>
      <c r="AZ937" s="166">
        <v>0</v>
      </c>
      <c r="BA937" s="166">
        <v>0</v>
      </c>
      <c r="BB937" s="166">
        <v>0</v>
      </c>
      <c r="BC937" s="166">
        <v>0</v>
      </c>
      <c r="BD937" s="166">
        <v>0</v>
      </c>
      <c r="BE937" s="166">
        <v>0</v>
      </c>
      <c r="BF937" s="166">
        <v>0</v>
      </c>
      <c r="BG937" s="166">
        <v>0</v>
      </c>
      <c r="BH937" s="166">
        <v>0</v>
      </c>
      <c r="BI937" s="166">
        <v>0</v>
      </c>
      <c r="BJ937" s="166">
        <v>0</v>
      </c>
      <c r="BK937" s="166">
        <v>0</v>
      </c>
      <c r="BL937" s="166">
        <v>0</v>
      </c>
      <c r="BM937" s="166">
        <v>0</v>
      </c>
      <c r="BN937" s="166">
        <v>0</v>
      </c>
      <c r="BO937" s="166">
        <v>0</v>
      </c>
      <c r="BP937" s="166">
        <v>0</v>
      </c>
      <c r="BQ937" s="166">
        <v>0</v>
      </c>
      <c r="BR937" s="166">
        <v>0</v>
      </c>
      <c r="BS937" s="166">
        <v>0</v>
      </c>
      <c r="BT937" s="168">
        <v>1</v>
      </c>
      <c r="BU937" s="166">
        <v>0</v>
      </c>
      <c r="BV937" s="166">
        <v>0</v>
      </c>
      <c r="BW937" s="166">
        <v>0</v>
      </c>
      <c r="BX937" s="166">
        <v>0</v>
      </c>
      <c r="BY937" s="166">
        <v>0</v>
      </c>
      <c r="BZ937" s="166">
        <v>0</v>
      </c>
      <c r="CA937" s="166">
        <v>0</v>
      </c>
      <c r="CB937" s="166">
        <v>0</v>
      </c>
      <c r="CC937" s="166">
        <v>0</v>
      </c>
      <c r="CD937" s="166">
        <v>0</v>
      </c>
      <c r="CE937" s="166">
        <v>0</v>
      </c>
      <c r="CF937" s="166">
        <v>0</v>
      </c>
      <c r="CG937" s="166">
        <v>0</v>
      </c>
      <c r="CH937" s="166">
        <v>0</v>
      </c>
      <c r="CI937" s="166">
        <v>0</v>
      </c>
      <c r="CJ937" s="166">
        <v>0</v>
      </c>
      <c r="CK937" s="166">
        <v>0</v>
      </c>
      <c r="CL937" s="166">
        <v>0</v>
      </c>
      <c r="CM937" s="166">
        <v>0</v>
      </c>
      <c r="CN937" s="166">
        <v>0</v>
      </c>
      <c r="CO937" s="166">
        <v>0</v>
      </c>
      <c r="CP937" s="166">
        <v>0</v>
      </c>
      <c r="CQ937" s="166">
        <v>0</v>
      </c>
      <c r="CR937" s="166">
        <v>0</v>
      </c>
      <c r="CS937" s="166">
        <v>0</v>
      </c>
      <c r="CT937" s="166">
        <v>0</v>
      </c>
      <c r="CU937" s="166">
        <v>0</v>
      </c>
      <c r="CV937" s="166">
        <v>0</v>
      </c>
      <c r="CW937" s="166">
        <v>0</v>
      </c>
      <c r="CX937" s="166">
        <v>0</v>
      </c>
      <c r="CY937" s="166">
        <v>0</v>
      </c>
      <c r="CZ937" s="166">
        <v>0</v>
      </c>
    </row>
    <row r="938" spans="1:104" x14ac:dyDescent="0.2">
      <c r="A938" s="167" t="s">
        <v>466</v>
      </c>
      <c r="B938" s="166">
        <v>0</v>
      </c>
      <c r="C938" s="166">
        <v>0</v>
      </c>
      <c r="D938" s="166">
        <v>0</v>
      </c>
      <c r="E938" s="166">
        <v>0</v>
      </c>
      <c r="F938" s="166">
        <v>0</v>
      </c>
      <c r="G938" s="166">
        <v>0</v>
      </c>
      <c r="H938" s="166">
        <v>0</v>
      </c>
      <c r="I938" s="166">
        <v>0</v>
      </c>
      <c r="J938" s="166">
        <v>0</v>
      </c>
      <c r="K938" s="166">
        <v>0</v>
      </c>
      <c r="L938" s="166">
        <v>0</v>
      </c>
      <c r="M938" s="166">
        <v>0</v>
      </c>
      <c r="N938" s="166">
        <v>0</v>
      </c>
      <c r="O938" s="166">
        <v>0</v>
      </c>
      <c r="P938" s="166">
        <v>0</v>
      </c>
      <c r="Q938" s="166">
        <v>0</v>
      </c>
      <c r="R938" s="166">
        <v>0</v>
      </c>
      <c r="S938" s="166">
        <v>0</v>
      </c>
      <c r="T938" s="166">
        <v>0</v>
      </c>
      <c r="U938" s="166">
        <v>0</v>
      </c>
      <c r="V938" s="166">
        <v>0</v>
      </c>
      <c r="W938" s="166">
        <v>0</v>
      </c>
      <c r="X938" s="166">
        <v>0</v>
      </c>
      <c r="Y938" s="166">
        <v>0</v>
      </c>
      <c r="Z938" s="166">
        <v>0</v>
      </c>
      <c r="AA938" s="166">
        <v>0</v>
      </c>
      <c r="AB938" s="166">
        <v>0</v>
      </c>
      <c r="AC938" s="166">
        <v>0</v>
      </c>
      <c r="AD938" s="166">
        <v>0</v>
      </c>
      <c r="AE938" s="166">
        <v>0</v>
      </c>
      <c r="AF938" s="166">
        <v>0</v>
      </c>
      <c r="AG938" s="166">
        <v>0</v>
      </c>
      <c r="AH938" s="166">
        <v>0</v>
      </c>
      <c r="AI938" s="166">
        <v>0</v>
      </c>
      <c r="AJ938" s="166">
        <v>0</v>
      </c>
      <c r="AK938" s="166">
        <v>0</v>
      </c>
      <c r="AL938" s="166">
        <v>0</v>
      </c>
      <c r="AM938" s="166">
        <v>0</v>
      </c>
      <c r="AN938" s="166">
        <v>0</v>
      </c>
      <c r="AO938" s="166">
        <v>0</v>
      </c>
      <c r="AP938" s="166">
        <v>0</v>
      </c>
      <c r="AQ938" s="166">
        <v>0</v>
      </c>
      <c r="AR938" s="166">
        <v>0</v>
      </c>
      <c r="AS938" s="166">
        <v>0</v>
      </c>
      <c r="AT938" s="166">
        <v>0</v>
      </c>
      <c r="AU938" s="166">
        <v>0</v>
      </c>
      <c r="AV938" s="166">
        <v>0</v>
      </c>
      <c r="AW938" s="166">
        <v>0</v>
      </c>
      <c r="AX938" s="166">
        <v>0</v>
      </c>
      <c r="AY938" s="166">
        <v>0</v>
      </c>
      <c r="AZ938" s="166">
        <v>0</v>
      </c>
      <c r="BA938" s="166">
        <v>0</v>
      </c>
      <c r="BB938" s="166">
        <v>0</v>
      </c>
      <c r="BC938" s="166">
        <v>0</v>
      </c>
      <c r="BD938" s="166">
        <v>0</v>
      </c>
      <c r="BE938" s="166">
        <v>0</v>
      </c>
      <c r="BF938" s="166">
        <v>0</v>
      </c>
      <c r="BG938" s="166">
        <v>0</v>
      </c>
      <c r="BH938" s="166">
        <v>0</v>
      </c>
      <c r="BI938" s="166">
        <v>0</v>
      </c>
      <c r="BJ938" s="166">
        <v>0</v>
      </c>
      <c r="BK938" s="166">
        <v>0</v>
      </c>
      <c r="BL938" s="166">
        <v>0</v>
      </c>
      <c r="BM938" s="166">
        <v>0</v>
      </c>
      <c r="BN938" s="166">
        <v>0</v>
      </c>
      <c r="BO938" s="166">
        <v>0</v>
      </c>
      <c r="BP938" s="166">
        <v>0</v>
      </c>
      <c r="BQ938" s="166">
        <v>0</v>
      </c>
      <c r="BR938" s="166">
        <v>0</v>
      </c>
      <c r="BS938" s="166">
        <v>0</v>
      </c>
      <c r="BT938" s="168">
        <v>1</v>
      </c>
      <c r="BU938" s="166">
        <v>0</v>
      </c>
      <c r="BV938" s="166">
        <v>0</v>
      </c>
      <c r="BW938" s="166">
        <v>0</v>
      </c>
      <c r="BX938" s="166">
        <v>0</v>
      </c>
      <c r="BY938" s="166">
        <v>0</v>
      </c>
      <c r="BZ938" s="166">
        <v>0</v>
      </c>
      <c r="CA938" s="166">
        <v>0</v>
      </c>
      <c r="CB938" s="166">
        <v>0</v>
      </c>
      <c r="CC938" s="166">
        <v>0</v>
      </c>
      <c r="CD938" s="166">
        <v>0</v>
      </c>
      <c r="CE938" s="166">
        <v>0</v>
      </c>
      <c r="CF938" s="166">
        <v>0</v>
      </c>
      <c r="CG938" s="166">
        <v>0</v>
      </c>
      <c r="CH938" s="166">
        <v>0</v>
      </c>
      <c r="CI938" s="166">
        <v>0</v>
      </c>
      <c r="CJ938" s="166">
        <v>0</v>
      </c>
      <c r="CK938" s="166">
        <v>0</v>
      </c>
      <c r="CL938" s="166">
        <v>0</v>
      </c>
      <c r="CM938" s="166">
        <v>0</v>
      </c>
      <c r="CN938" s="166">
        <v>0</v>
      </c>
      <c r="CO938" s="166">
        <v>0</v>
      </c>
      <c r="CP938" s="166">
        <v>0</v>
      </c>
      <c r="CQ938" s="166">
        <v>0</v>
      </c>
      <c r="CR938" s="166">
        <v>0</v>
      </c>
      <c r="CS938" s="166">
        <v>0</v>
      </c>
      <c r="CT938" s="166">
        <v>0</v>
      </c>
      <c r="CU938" s="166">
        <v>0</v>
      </c>
      <c r="CV938" s="166">
        <v>0</v>
      </c>
      <c r="CW938" s="166">
        <v>0</v>
      </c>
      <c r="CX938" s="166">
        <v>0</v>
      </c>
      <c r="CY938" s="166">
        <v>0</v>
      </c>
      <c r="CZ938" s="166">
        <v>0</v>
      </c>
    </row>
    <row r="939" spans="1:104" x14ac:dyDescent="0.2">
      <c r="A939" s="170" t="s">
        <v>467</v>
      </c>
      <c r="B939" s="166">
        <v>13700569.287941299</v>
      </c>
      <c r="C939" s="166">
        <v>13700569.287941299</v>
      </c>
      <c r="D939" s="166">
        <v>0</v>
      </c>
      <c r="E939" s="166">
        <v>0</v>
      </c>
      <c r="F939" s="166">
        <v>0</v>
      </c>
      <c r="G939" s="166">
        <v>0</v>
      </c>
      <c r="H939" s="166">
        <v>0</v>
      </c>
      <c r="I939" s="166">
        <v>0</v>
      </c>
      <c r="J939" s="166">
        <v>0</v>
      </c>
      <c r="K939" s="166">
        <v>0</v>
      </c>
      <c r="L939" s="166">
        <v>0</v>
      </c>
      <c r="M939" s="166">
        <v>0</v>
      </c>
      <c r="N939" s="166">
        <v>0</v>
      </c>
      <c r="O939" s="166">
        <v>0</v>
      </c>
      <c r="P939" s="166">
        <v>0</v>
      </c>
      <c r="Q939" s="166">
        <v>0</v>
      </c>
      <c r="R939" s="166">
        <v>0</v>
      </c>
      <c r="S939" s="166">
        <v>0</v>
      </c>
      <c r="T939" s="166">
        <v>0</v>
      </c>
      <c r="U939" s="166">
        <v>-13700569.287941299</v>
      </c>
      <c r="V939" s="166">
        <v>0</v>
      </c>
      <c r="W939" s="166">
        <v>0</v>
      </c>
      <c r="X939" s="166">
        <v>0</v>
      </c>
      <c r="Y939" s="166">
        <v>0</v>
      </c>
      <c r="Z939" s="166">
        <v>0</v>
      </c>
      <c r="AA939" s="166">
        <v>0</v>
      </c>
      <c r="AB939" s="166">
        <v>0</v>
      </c>
      <c r="AC939" s="166">
        <v>0</v>
      </c>
      <c r="AD939" s="166">
        <v>0</v>
      </c>
      <c r="AE939" s="166">
        <v>0</v>
      </c>
      <c r="AF939" s="166">
        <v>0</v>
      </c>
      <c r="AG939" s="166">
        <v>0</v>
      </c>
      <c r="AH939" s="166">
        <v>0</v>
      </c>
      <c r="AI939" s="166">
        <v>0</v>
      </c>
      <c r="AJ939" s="166">
        <v>0</v>
      </c>
      <c r="AK939" s="166">
        <v>0</v>
      </c>
      <c r="AL939" s="166">
        <v>0</v>
      </c>
      <c r="AM939" s="166">
        <v>0</v>
      </c>
      <c r="AN939" s="166">
        <v>0</v>
      </c>
      <c r="AO939" s="166">
        <v>0</v>
      </c>
      <c r="AP939" s="166">
        <v>0</v>
      </c>
      <c r="AQ939" s="166">
        <v>0</v>
      </c>
      <c r="AR939" s="166">
        <v>0</v>
      </c>
      <c r="AS939" s="166">
        <v>0</v>
      </c>
      <c r="AT939" s="166">
        <v>0</v>
      </c>
      <c r="AU939" s="166">
        <v>0</v>
      </c>
      <c r="AV939" s="166">
        <v>0</v>
      </c>
      <c r="AW939" s="166">
        <v>0</v>
      </c>
      <c r="AX939" s="166">
        <v>0</v>
      </c>
      <c r="AY939" s="166">
        <v>0</v>
      </c>
      <c r="AZ939" s="166">
        <v>0</v>
      </c>
      <c r="BA939" s="166">
        <v>0</v>
      </c>
      <c r="BB939" s="166">
        <v>0</v>
      </c>
      <c r="BC939" s="166">
        <v>0</v>
      </c>
      <c r="BD939" s="166">
        <v>0</v>
      </c>
      <c r="BE939" s="166">
        <v>0</v>
      </c>
      <c r="BF939" s="166">
        <v>0</v>
      </c>
      <c r="BG939" s="166">
        <v>0</v>
      </c>
      <c r="BH939" s="166">
        <v>0</v>
      </c>
      <c r="BI939" s="166">
        <v>-13700569.287941299</v>
      </c>
      <c r="BJ939" s="166">
        <v>0</v>
      </c>
      <c r="BK939" s="166">
        <v>0</v>
      </c>
      <c r="BL939" s="166">
        <v>0</v>
      </c>
      <c r="BM939" s="166">
        <v>0</v>
      </c>
      <c r="BN939" s="166">
        <v>0</v>
      </c>
      <c r="BO939" s="166">
        <v>0</v>
      </c>
      <c r="BP939" s="166">
        <v>0</v>
      </c>
      <c r="BQ939" s="166">
        <v>0</v>
      </c>
      <c r="BR939" s="166">
        <v>1337572793.2479999</v>
      </c>
      <c r="BS939" s="166">
        <v>0</v>
      </c>
      <c r="BT939" s="168">
        <v>0</v>
      </c>
      <c r="BU939" s="166">
        <v>1118890.0658076301</v>
      </c>
      <c r="BV939" s="166">
        <v>13478874.9282606</v>
      </c>
      <c r="BW939" s="166">
        <v>0</v>
      </c>
      <c r="BX939" s="166">
        <v>0</v>
      </c>
      <c r="BY939" s="166">
        <v>0</v>
      </c>
      <c r="BZ939" s="166">
        <v>0</v>
      </c>
      <c r="CA939" s="166">
        <v>0</v>
      </c>
      <c r="CB939" s="166">
        <v>-13478874.9282606</v>
      </c>
      <c r="CC939" s="166">
        <v>0</v>
      </c>
      <c r="CD939" s="166">
        <v>0</v>
      </c>
      <c r="CE939" s="166">
        <v>0</v>
      </c>
      <c r="CF939" s="166">
        <v>0</v>
      </c>
      <c r="CG939" s="166">
        <v>0</v>
      </c>
      <c r="CH939" s="166">
        <v>0</v>
      </c>
      <c r="CI939" s="166">
        <v>0</v>
      </c>
      <c r="CJ939" s="166">
        <v>0</v>
      </c>
      <c r="CK939" s="166">
        <v>0</v>
      </c>
      <c r="CL939" s="166">
        <v>0</v>
      </c>
      <c r="CM939" s="166">
        <v>0</v>
      </c>
      <c r="CN939" s="166">
        <v>0</v>
      </c>
      <c r="CO939" s="166">
        <v>0</v>
      </c>
      <c r="CP939" s="166">
        <v>-13478874.9282606</v>
      </c>
      <c r="CQ939" s="166">
        <v>0</v>
      </c>
      <c r="CR939" s="166">
        <v>0</v>
      </c>
      <c r="CS939" s="166">
        <v>0</v>
      </c>
      <c r="CT939" s="166">
        <v>0</v>
      </c>
      <c r="CU939" s="166">
        <v>0</v>
      </c>
      <c r="CV939" s="166">
        <v>0</v>
      </c>
      <c r="CW939" s="166">
        <v>0</v>
      </c>
      <c r="CX939" s="166">
        <v>0</v>
      </c>
      <c r="CY939" s="166">
        <v>0</v>
      </c>
      <c r="CZ939" s="166">
        <v>0</v>
      </c>
    </row>
    <row r="940" spans="1:104" x14ac:dyDescent="0.2">
      <c r="A940" s="167" t="s">
        <v>468</v>
      </c>
    </row>
    <row r="941" spans="1:104" x14ac:dyDescent="0.2">
      <c r="A941" s="167" t="s">
        <v>469</v>
      </c>
      <c r="B941" s="166">
        <v>8836452.8399999999</v>
      </c>
      <c r="C941" s="166">
        <v>8836452.8399999999</v>
      </c>
      <c r="D941" s="166">
        <v>0</v>
      </c>
      <c r="E941" s="166">
        <v>0</v>
      </c>
      <c r="F941" s="166">
        <v>0</v>
      </c>
      <c r="G941" s="166">
        <v>0</v>
      </c>
      <c r="H941" s="166">
        <v>0</v>
      </c>
      <c r="I941" s="166">
        <v>0</v>
      </c>
      <c r="J941" s="166">
        <v>0</v>
      </c>
      <c r="K941" s="166">
        <v>0</v>
      </c>
      <c r="L941" s="166">
        <v>0</v>
      </c>
      <c r="M941" s="166">
        <v>0</v>
      </c>
      <c r="N941" s="166">
        <v>0</v>
      </c>
      <c r="O941" s="166">
        <v>0</v>
      </c>
      <c r="P941" s="166">
        <v>0</v>
      </c>
      <c r="Q941" s="166">
        <v>0</v>
      </c>
      <c r="R941" s="166">
        <v>0</v>
      </c>
      <c r="S941" s="166">
        <v>0</v>
      </c>
      <c r="T941" s="166">
        <v>0</v>
      </c>
      <c r="U941" s="166">
        <v>0</v>
      </c>
      <c r="V941" s="166">
        <v>0</v>
      </c>
      <c r="W941" s="166">
        <v>0</v>
      </c>
      <c r="X941" s="166">
        <v>0</v>
      </c>
      <c r="Y941" s="166">
        <v>0</v>
      </c>
      <c r="Z941" s="166">
        <v>0</v>
      </c>
      <c r="AA941" s="166">
        <v>0</v>
      </c>
      <c r="AB941" s="166">
        <v>0</v>
      </c>
      <c r="AC941" s="166">
        <v>0</v>
      </c>
      <c r="AD941" s="166">
        <v>0</v>
      </c>
      <c r="AE941" s="166">
        <v>0</v>
      </c>
      <c r="AF941" s="166">
        <v>0</v>
      </c>
      <c r="AG941" s="166">
        <v>0</v>
      </c>
      <c r="AH941" s="166">
        <v>0</v>
      </c>
      <c r="AI941" s="166">
        <v>0</v>
      </c>
      <c r="AJ941" s="166">
        <v>0</v>
      </c>
      <c r="AK941" s="166">
        <v>0</v>
      </c>
      <c r="AL941" s="166">
        <v>0</v>
      </c>
      <c r="AM941" s="166">
        <v>0</v>
      </c>
      <c r="AN941" s="166">
        <v>0</v>
      </c>
      <c r="AO941" s="166">
        <v>0</v>
      </c>
      <c r="AP941" s="166">
        <v>0</v>
      </c>
      <c r="AQ941" s="166">
        <v>0</v>
      </c>
      <c r="AR941" s="166">
        <v>0</v>
      </c>
      <c r="AS941" s="166">
        <v>0</v>
      </c>
      <c r="AT941" s="166">
        <v>0</v>
      </c>
      <c r="AU941" s="166">
        <v>0</v>
      </c>
      <c r="AV941" s="166">
        <v>0</v>
      </c>
      <c r="AW941" s="166">
        <v>0</v>
      </c>
      <c r="AX941" s="166">
        <v>0</v>
      </c>
      <c r="AY941" s="166">
        <v>-8836452.8399999999</v>
      </c>
      <c r="AZ941" s="166">
        <v>0</v>
      </c>
      <c r="BA941" s="166">
        <v>0</v>
      </c>
      <c r="BB941" s="166">
        <v>0</v>
      </c>
      <c r="BC941" s="166">
        <v>0</v>
      </c>
      <c r="BD941" s="166">
        <v>0</v>
      </c>
      <c r="BE941" s="166">
        <v>0</v>
      </c>
      <c r="BF941" s="166">
        <v>0</v>
      </c>
      <c r="BG941" s="166">
        <v>0</v>
      </c>
      <c r="BH941" s="166">
        <v>0</v>
      </c>
      <c r="BI941" s="166">
        <v>0</v>
      </c>
      <c r="BJ941" s="166">
        <v>0</v>
      </c>
      <c r="BK941" s="166">
        <v>0</v>
      </c>
      <c r="BL941" s="166">
        <v>0</v>
      </c>
      <c r="BM941" s="166">
        <v>0</v>
      </c>
      <c r="BN941" s="166">
        <v>0</v>
      </c>
      <c r="BO941" s="166">
        <v>0</v>
      </c>
      <c r="BP941" s="166">
        <v>-8836452.8399999999</v>
      </c>
      <c r="BQ941" s="166">
        <v>0</v>
      </c>
      <c r="BR941" s="166">
        <v>8836452.8399999999</v>
      </c>
      <c r="BS941" s="166">
        <v>0</v>
      </c>
      <c r="BT941" s="168">
        <v>0.72041766170058497</v>
      </c>
      <c r="BU941" s="166">
        <v>530494.72439335706</v>
      </c>
      <c r="BV941" s="166">
        <v>6365936.6927202903</v>
      </c>
      <c r="BW941" s="166">
        <v>0</v>
      </c>
      <c r="BX941" s="166">
        <v>0</v>
      </c>
      <c r="BY941" s="166">
        <v>0</v>
      </c>
      <c r="BZ941" s="166">
        <v>0</v>
      </c>
      <c r="CA941" s="166">
        <v>0</v>
      </c>
      <c r="CB941" s="166">
        <v>0</v>
      </c>
      <c r="CC941" s="166">
        <v>0</v>
      </c>
      <c r="CD941" s="166">
        <v>0</v>
      </c>
      <c r="CE941" s="166">
        <v>0</v>
      </c>
      <c r="CF941" s="166">
        <v>0</v>
      </c>
      <c r="CG941" s="166">
        <v>0</v>
      </c>
      <c r="CH941" s="166">
        <v>0</v>
      </c>
      <c r="CI941" s="166">
        <v>-6365936.6927202903</v>
      </c>
      <c r="CJ941" s="166">
        <v>0</v>
      </c>
      <c r="CK941" s="166">
        <v>0</v>
      </c>
      <c r="CL941" s="166">
        <v>0</v>
      </c>
      <c r="CM941" s="166">
        <v>0</v>
      </c>
      <c r="CN941" s="166">
        <v>0</v>
      </c>
      <c r="CO941" s="166">
        <v>0</v>
      </c>
      <c r="CP941" s="166">
        <v>0</v>
      </c>
      <c r="CQ941" s="166">
        <v>0</v>
      </c>
      <c r="CR941" s="166">
        <v>0</v>
      </c>
      <c r="CS941" s="166">
        <v>0</v>
      </c>
      <c r="CT941" s="166">
        <v>0</v>
      </c>
      <c r="CU941" s="166">
        <v>0</v>
      </c>
      <c r="CV941" s="166">
        <v>0</v>
      </c>
      <c r="CW941" s="166">
        <v>-6365936.6927202903</v>
      </c>
      <c r="CX941" s="166">
        <v>0</v>
      </c>
      <c r="CY941" s="166">
        <v>0</v>
      </c>
      <c r="CZ941" s="166">
        <v>0</v>
      </c>
    </row>
    <row r="942" spans="1:104" x14ac:dyDescent="0.2">
      <c r="A942" s="167" t="s">
        <v>470</v>
      </c>
      <c r="B942" s="166">
        <v>50648786.280000001</v>
      </c>
      <c r="C942" s="166">
        <v>50648786.280000001</v>
      </c>
      <c r="D942" s="166">
        <v>0</v>
      </c>
      <c r="E942" s="166">
        <v>0</v>
      </c>
      <c r="F942" s="166">
        <v>0</v>
      </c>
      <c r="G942" s="166">
        <v>0</v>
      </c>
      <c r="H942" s="166">
        <v>0</v>
      </c>
      <c r="I942" s="166">
        <v>0</v>
      </c>
      <c r="J942" s="166">
        <v>0</v>
      </c>
      <c r="K942" s="166">
        <v>0</v>
      </c>
      <c r="L942" s="166">
        <v>0</v>
      </c>
      <c r="M942" s="166">
        <v>0</v>
      </c>
      <c r="N942" s="166">
        <v>0</v>
      </c>
      <c r="O942" s="166">
        <v>0</v>
      </c>
      <c r="P942" s="166">
        <v>0</v>
      </c>
      <c r="Q942" s="166">
        <v>0</v>
      </c>
      <c r="R942" s="166">
        <v>0</v>
      </c>
      <c r="S942" s="166">
        <v>0</v>
      </c>
      <c r="T942" s="166">
        <v>0</v>
      </c>
      <c r="U942" s="166">
        <v>0</v>
      </c>
      <c r="V942" s="166">
        <v>0</v>
      </c>
      <c r="W942" s="166">
        <v>0</v>
      </c>
      <c r="X942" s="166">
        <v>0</v>
      </c>
      <c r="Y942" s="166">
        <v>0</v>
      </c>
      <c r="Z942" s="166">
        <v>0</v>
      </c>
      <c r="AA942" s="166">
        <v>0</v>
      </c>
      <c r="AB942" s="166">
        <v>0</v>
      </c>
      <c r="AC942" s="166">
        <v>0</v>
      </c>
      <c r="AD942" s="166">
        <v>0</v>
      </c>
      <c r="AE942" s="166">
        <v>0</v>
      </c>
      <c r="AF942" s="166">
        <v>0</v>
      </c>
      <c r="AG942" s="166">
        <v>0</v>
      </c>
      <c r="AH942" s="166">
        <v>0</v>
      </c>
      <c r="AI942" s="166">
        <v>0</v>
      </c>
      <c r="AJ942" s="166">
        <v>0</v>
      </c>
      <c r="AK942" s="166">
        <v>0</v>
      </c>
      <c r="AL942" s="166">
        <v>0</v>
      </c>
      <c r="AM942" s="166">
        <v>0</v>
      </c>
      <c r="AN942" s="166">
        <v>0</v>
      </c>
      <c r="AO942" s="166">
        <v>0</v>
      </c>
      <c r="AP942" s="166">
        <v>0</v>
      </c>
      <c r="AQ942" s="166">
        <v>0</v>
      </c>
      <c r="AR942" s="166">
        <v>0</v>
      </c>
      <c r="AS942" s="166">
        <v>0</v>
      </c>
      <c r="AT942" s="166">
        <v>0</v>
      </c>
      <c r="AU942" s="166">
        <v>0</v>
      </c>
      <c r="AV942" s="166">
        <v>0</v>
      </c>
      <c r="AW942" s="166">
        <v>0</v>
      </c>
      <c r="AX942" s="166">
        <v>0</v>
      </c>
      <c r="AY942" s="166">
        <v>-50648786.280000001</v>
      </c>
      <c r="AZ942" s="166">
        <v>0</v>
      </c>
      <c r="BA942" s="166">
        <v>0</v>
      </c>
      <c r="BB942" s="166">
        <v>0</v>
      </c>
      <c r="BC942" s="166">
        <v>0</v>
      </c>
      <c r="BD942" s="166">
        <v>0</v>
      </c>
      <c r="BE942" s="166">
        <v>0</v>
      </c>
      <c r="BF942" s="166">
        <v>0</v>
      </c>
      <c r="BG942" s="166">
        <v>0</v>
      </c>
      <c r="BH942" s="166">
        <v>0</v>
      </c>
      <c r="BI942" s="166">
        <v>0</v>
      </c>
      <c r="BJ942" s="166">
        <v>0</v>
      </c>
      <c r="BK942" s="166">
        <v>0</v>
      </c>
      <c r="BL942" s="166">
        <v>0</v>
      </c>
      <c r="BM942" s="166">
        <v>0</v>
      </c>
      <c r="BN942" s="166">
        <v>0</v>
      </c>
      <c r="BO942" s="166">
        <v>0</v>
      </c>
      <c r="BP942" s="166">
        <v>-50648786.280000001</v>
      </c>
      <c r="BQ942" s="166">
        <v>0</v>
      </c>
      <c r="BR942" s="166">
        <v>50648786.280000001</v>
      </c>
      <c r="BS942" s="166">
        <v>0</v>
      </c>
      <c r="BT942" s="168">
        <v>1</v>
      </c>
      <c r="BU942" s="166">
        <v>4220732.1900000004</v>
      </c>
      <c r="BV942" s="166">
        <v>50648786.280000001</v>
      </c>
      <c r="BW942" s="166">
        <v>0</v>
      </c>
      <c r="BX942" s="166">
        <v>0</v>
      </c>
      <c r="BY942" s="166">
        <v>0</v>
      </c>
      <c r="BZ942" s="166">
        <v>0</v>
      </c>
      <c r="CA942" s="166">
        <v>0</v>
      </c>
      <c r="CB942" s="166">
        <v>0</v>
      </c>
      <c r="CC942" s="166">
        <v>0</v>
      </c>
      <c r="CD942" s="166">
        <v>0</v>
      </c>
      <c r="CE942" s="166">
        <v>0</v>
      </c>
      <c r="CF942" s="166">
        <v>0</v>
      </c>
      <c r="CG942" s="166">
        <v>0</v>
      </c>
      <c r="CH942" s="166">
        <v>0</v>
      </c>
      <c r="CI942" s="166">
        <v>-50648786.280000001</v>
      </c>
      <c r="CJ942" s="166">
        <v>0</v>
      </c>
      <c r="CK942" s="166">
        <v>0</v>
      </c>
      <c r="CL942" s="166">
        <v>0</v>
      </c>
      <c r="CM942" s="166">
        <v>0</v>
      </c>
      <c r="CN942" s="166">
        <v>0</v>
      </c>
      <c r="CO942" s="166">
        <v>0</v>
      </c>
      <c r="CP942" s="166">
        <v>0</v>
      </c>
      <c r="CQ942" s="166">
        <v>0</v>
      </c>
      <c r="CR942" s="166">
        <v>0</v>
      </c>
      <c r="CS942" s="166">
        <v>0</v>
      </c>
      <c r="CT942" s="166">
        <v>0</v>
      </c>
      <c r="CU942" s="166">
        <v>0</v>
      </c>
      <c r="CV942" s="166">
        <v>0</v>
      </c>
      <c r="CW942" s="166">
        <v>-50648786.280000001</v>
      </c>
      <c r="CX942" s="166">
        <v>0</v>
      </c>
      <c r="CY942" s="166">
        <v>0</v>
      </c>
      <c r="CZ942" s="166">
        <v>0</v>
      </c>
    </row>
    <row r="943" spans="1:104" x14ac:dyDescent="0.2">
      <c r="A943" s="170" t="s">
        <v>471</v>
      </c>
      <c r="B943" s="166">
        <v>59485239.119999997</v>
      </c>
      <c r="C943" s="166">
        <v>59485239.119999997</v>
      </c>
      <c r="D943" s="166">
        <v>0</v>
      </c>
      <c r="E943" s="166">
        <v>0</v>
      </c>
      <c r="F943" s="166">
        <v>0</v>
      </c>
      <c r="G943" s="166">
        <v>0</v>
      </c>
      <c r="H943" s="166">
        <v>0</v>
      </c>
      <c r="I943" s="166">
        <v>0</v>
      </c>
      <c r="J943" s="166">
        <v>0</v>
      </c>
      <c r="K943" s="166">
        <v>0</v>
      </c>
      <c r="L943" s="166">
        <v>0</v>
      </c>
      <c r="M943" s="166">
        <v>0</v>
      </c>
      <c r="N943" s="166">
        <v>0</v>
      </c>
      <c r="O943" s="166">
        <v>0</v>
      </c>
      <c r="P943" s="166">
        <v>0</v>
      </c>
      <c r="Q943" s="166">
        <v>0</v>
      </c>
      <c r="R943" s="166">
        <v>0</v>
      </c>
      <c r="S943" s="166">
        <v>0</v>
      </c>
      <c r="T943" s="166">
        <v>0</v>
      </c>
      <c r="U943" s="166">
        <v>0</v>
      </c>
      <c r="V943" s="166">
        <v>0</v>
      </c>
      <c r="W943" s="166">
        <v>0</v>
      </c>
      <c r="X943" s="166">
        <v>0</v>
      </c>
      <c r="Y943" s="166">
        <v>0</v>
      </c>
      <c r="Z943" s="166">
        <v>0</v>
      </c>
      <c r="AA943" s="166">
        <v>0</v>
      </c>
      <c r="AB943" s="166">
        <v>0</v>
      </c>
      <c r="AC943" s="166">
        <v>0</v>
      </c>
      <c r="AD943" s="166">
        <v>0</v>
      </c>
      <c r="AE943" s="166">
        <v>0</v>
      </c>
      <c r="AF943" s="166">
        <v>0</v>
      </c>
      <c r="AG943" s="166">
        <v>0</v>
      </c>
      <c r="AH943" s="166">
        <v>0</v>
      </c>
      <c r="AI943" s="166">
        <v>0</v>
      </c>
      <c r="AJ943" s="166">
        <v>0</v>
      </c>
      <c r="AK943" s="166">
        <v>0</v>
      </c>
      <c r="AL943" s="166">
        <v>0</v>
      </c>
      <c r="AM943" s="166">
        <v>0</v>
      </c>
      <c r="AN943" s="166">
        <v>0</v>
      </c>
      <c r="AO943" s="166">
        <v>0</v>
      </c>
      <c r="AP943" s="166">
        <v>0</v>
      </c>
      <c r="AQ943" s="166">
        <v>0</v>
      </c>
      <c r="AR943" s="166">
        <v>0</v>
      </c>
      <c r="AS943" s="166">
        <v>0</v>
      </c>
      <c r="AT943" s="166">
        <v>0</v>
      </c>
      <c r="AU943" s="166">
        <v>0</v>
      </c>
      <c r="AV943" s="166">
        <v>0</v>
      </c>
      <c r="AW943" s="166">
        <v>0</v>
      </c>
      <c r="AX943" s="166">
        <v>0</v>
      </c>
      <c r="AY943" s="166">
        <v>-59485239.119999997</v>
      </c>
      <c r="AZ943" s="166">
        <v>0</v>
      </c>
      <c r="BA943" s="166">
        <v>0</v>
      </c>
      <c r="BB943" s="166">
        <v>0</v>
      </c>
      <c r="BC943" s="166">
        <v>0</v>
      </c>
      <c r="BD943" s="166">
        <v>0</v>
      </c>
      <c r="BE943" s="166">
        <v>0</v>
      </c>
      <c r="BF943" s="166">
        <v>0</v>
      </c>
      <c r="BG943" s="166">
        <v>0</v>
      </c>
      <c r="BH943" s="166">
        <v>0</v>
      </c>
      <c r="BI943" s="166">
        <v>0</v>
      </c>
      <c r="BJ943" s="166">
        <v>0</v>
      </c>
      <c r="BK943" s="166">
        <v>0</v>
      </c>
      <c r="BL943" s="166">
        <v>0</v>
      </c>
      <c r="BM943" s="166">
        <v>0</v>
      </c>
      <c r="BN943" s="166">
        <v>0</v>
      </c>
      <c r="BO943" s="166">
        <v>0</v>
      </c>
      <c r="BP943" s="166">
        <v>-59485239.119999997</v>
      </c>
      <c r="BQ943" s="166">
        <v>0</v>
      </c>
      <c r="BR943" s="166">
        <v>59485239.119999997</v>
      </c>
      <c r="BS943" s="166">
        <v>0</v>
      </c>
      <c r="BT943" s="168">
        <v>0</v>
      </c>
      <c r="BU943" s="166">
        <v>4751226.9143933496</v>
      </c>
      <c r="BV943" s="166">
        <v>57014722.972720303</v>
      </c>
      <c r="BW943" s="166">
        <v>0</v>
      </c>
      <c r="BX943" s="166">
        <v>0</v>
      </c>
      <c r="BY943" s="166">
        <v>0</v>
      </c>
      <c r="BZ943" s="166">
        <v>0</v>
      </c>
      <c r="CA943" s="166">
        <v>0</v>
      </c>
      <c r="CB943" s="166">
        <v>0</v>
      </c>
      <c r="CC943" s="166">
        <v>0</v>
      </c>
      <c r="CD943" s="166">
        <v>0</v>
      </c>
      <c r="CE943" s="166">
        <v>0</v>
      </c>
      <c r="CF943" s="166">
        <v>0</v>
      </c>
      <c r="CG943" s="166">
        <v>0</v>
      </c>
      <c r="CH943" s="166">
        <v>0</v>
      </c>
      <c r="CI943" s="166">
        <v>-57014722.972720303</v>
      </c>
      <c r="CJ943" s="166">
        <v>0</v>
      </c>
      <c r="CK943" s="166">
        <v>0</v>
      </c>
      <c r="CL943" s="166">
        <v>0</v>
      </c>
      <c r="CM943" s="166">
        <v>0</v>
      </c>
      <c r="CN943" s="166">
        <v>0</v>
      </c>
      <c r="CO943" s="166">
        <v>0</v>
      </c>
      <c r="CP943" s="166">
        <v>0</v>
      </c>
      <c r="CQ943" s="166">
        <v>0</v>
      </c>
      <c r="CR943" s="166">
        <v>0</v>
      </c>
      <c r="CS943" s="166">
        <v>0</v>
      </c>
      <c r="CT943" s="166">
        <v>0</v>
      </c>
      <c r="CU943" s="166">
        <v>0</v>
      </c>
      <c r="CV943" s="166">
        <v>0</v>
      </c>
      <c r="CW943" s="166">
        <v>-57014722.972720303</v>
      </c>
      <c r="CX943" s="166">
        <v>0</v>
      </c>
      <c r="CY943" s="166">
        <v>0</v>
      </c>
      <c r="CZ943" s="166">
        <v>0</v>
      </c>
    </row>
    <row r="944" spans="1:104" x14ac:dyDescent="0.2">
      <c r="A944" s="167" t="s">
        <v>472</v>
      </c>
    </row>
    <row r="945" spans="1:104" x14ac:dyDescent="0.2">
      <c r="A945" s="170" t="s">
        <v>473</v>
      </c>
      <c r="B945" s="166">
        <v>998653524.38399899</v>
      </c>
      <c r="C945" s="166">
        <v>998653524.38399994</v>
      </c>
      <c r="D945" s="166">
        <v>0</v>
      </c>
      <c r="E945" s="166">
        <v>0</v>
      </c>
      <c r="F945" s="166">
        <v>0</v>
      </c>
      <c r="G945" s="166">
        <v>0</v>
      </c>
      <c r="H945" s="166">
        <v>0</v>
      </c>
      <c r="I945" s="166">
        <v>0</v>
      </c>
      <c r="J945" s="166">
        <v>0</v>
      </c>
      <c r="K945" s="166">
        <v>0</v>
      </c>
      <c r="L945" s="166">
        <v>0</v>
      </c>
      <c r="M945" s="166">
        <v>0</v>
      </c>
      <c r="N945" s="166">
        <v>0</v>
      </c>
      <c r="O945" s="166">
        <v>0</v>
      </c>
      <c r="P945" s="166">
        <v>0</v>
      </c>
      <c r="Q945" s="166">
        <v>0</v>
      </c>
      <c r="R945" s="166">
        <v>-114693907.974999</v>
      </c>
      <c r="S945" s="166">
        <v>0</v>
      </c>
      <c r="T945" s="166">
        <v>0</v>
      </c>
      <c r="U945" s="166">
        <v>-13700569.287941299</v>
      </c>
      <c r="V945" s="166">
        <v>0</v>
      </c>
      <c r="W945" s="166">
        <v>0</v>
      </c>
      <c r="X945" s="166">
        <v>0</v>
      </c>
      <c r="Y945" s="166">
        <v>0</v>
      </c>
      <c r="Z945" s="166">
        <v>0</v>
      </c>
      <c r="AA945" s="166">
        <v>0</v>
      </c>
      <c r="AB945" s="166">
        <v>0</v>
      </c>
      <c r="AC945" s="166">
        <v>0</v>
      </c>
      <c r="AD945" s="166">
        <v>0</v>
      </c>
      <c r="AE945" s="166">
        <v>0</v>
      </c>
      <c r="AF945" s="166">
        <v>0</v>
      </c>
      <c r="AG945" s="166">
        <v>0</v>
      </c>
      <c r="AH945" s="166">
        <v>0</v>
      </c>
      <c r="AI945" s="166">
        <v>0</v>
      </c>
      <c r="AJ945" s="166">
        <v>0</v>
      </c>
      <c r="AK945" s="166">
        <v>0</v>
      </c>
      <c r="AL945" s="166">
        <v>0</v>
      </c>
      <c r="AM945" s="166">
        <v>0</v>
      </c>
      <c r="AN945" s="166">
        <v>0</v>
      </c>
      <c r="AO945" s="166">
        <v>0</v>
      </c>
      <c r="AP945" s="166">
        <v>0</v>
      </c>
      <c r="AQ945" s="166">
        <v>0</v>
      </c>
      <c r="AR945" s="166">
        <v>0</v>
      </c>
      <c r="AS945" s="166">
        <v>0</v>
      </c>
      <c r="AT945" s="166">
        <v>0</v>
      </c>
      <c r="AU945" s="166">
        <v>0</v>
      </c>
      <c r="AV945" s="166">
        <v>0</v>
      </c>
      <c r="AW945" s="166">
        <v>0</v>
      </c>
      <c r="AX945" s="166">
        <v>-4255331.3826300399</v>
      </c>
      <c r="AY945" s="166">
        <v>-59485239.119999997</v>
      </c>
      <c r="AZ945" s="166">
        <v>-200000004</v>
      </c>
      <c r="BA945" s="166">
        <v>0</v>
      </c>
      <c r="BB945" s="166">
        <v>0</v>
      </c>
      <c r="BC945" s="166">
        <v>0</v>
      </c>
      <c r="BD945" s="166">
        <v>0</v>
      </c>
      <c r="BE945" s="166">
        <v>0</v>
      </c>
      <c r="BF945" s="166">
        <v>0</v>
      </c>
      <c r="BG945" s="166">
        <v>-114693907.974999</v>
      </c>
      <c r="BH945" s="166">
        <v>0</v>
      </c>
      <c r="BI945" s="166">
        <v>-13700569.287941299</v>
      </c>
      <c r="BJ945" s="166">
        <v>0</v>
      </c>
      <c r="BK945" s="166">
        <v>0</v>
      </c>
      <c r="BL945" s="166">
        <v>0</v>
      </c>
      <c r="BM945" s="166">
        <v>0</v>
      </c>
      <c r="BN945" s="166">
        <v>0</v>
      </c>
      <c r="BO945" s="166">
        <v>-4255331.3826300399</v>
      </c>
      <c r="BP945" s="166">
        <v>-59485239.119999997</v>
      </c>
      <c r="BQ945" s="166">
        <v>-200000004</v>
      </c>
      <c r="BR945" s="166">
        <v>998653524.38399899</v>
      </c>
      <c r="BS945" s="166">
        <v>606518472.61842895</v>
      </c>
      <c r="BT945" s="168">
        <v>0</v>
      </c>
      <c r="BU945" s="166">
        <v>73515618.309214398</v>
      </c>
      <c r="BV945" s="166">
        <v>975643566.92128098</v>
      </c>
      <c r="BW945" s="166">
        <v>0</v>
      </c>
      <c r="BX945" s="166">
        <v>0</v>
      </c>
      <c r="BY945" s="166">
        <v>0</v>
      </c>
      <c r="BZ945" s="166">
        <v>-114693907.974999</v>
      </c>
      <c r="CA945" s="166">
        <v>0</v>
      </c>
      <c r="CB945" s="166">
        <v>-13478874.9282606</v>
      </c>
      <c r="CC945" s="166">
        <v>0</v>
      </c>
      <c r="CD945" s="166">
        <v>0</v>
      </c>
      <c r="CE945" s="166">
        <v>0</v>
      </c>
      <c r="CF945" s="166">
        <v>0</v>
      </c>
      <c r="CG945" s="166">
        <v>0</v>
      </c>
      <c r="CH945" s="166">
        <v>-4255331.3826300399</v>
      </c>
      <c r="CI945" s="166">
        <v>-57014722.972720303</v>
      </c>
      <c r="CJ945" s="166">
        <v>-200000004</v>
      </c>
      <c r="CK945" s="166">
        <v>0</v>
      </c>
      <c r="CL945" s="166">
        <v>0</v>
      </c>
      <c r="CM945" s="166">
        <v>0</v>
      </c>
      <c r="CN945" s="166">
        <v>-114693907.974999</v>
      </c>
      <c r="CO945" s="166">
        <v>0</v>
      </c>
      <c r="CP945" s="166">
        <v>-13478874.9282606</v>
      </c>
      <c r="CQ945" s="166">
        <v>0</v>
      </c>
      <c r="CR945" s="166">
        <v>0</v>
      </c>
      <c r="CS945" s="166">
        <v>0</v>
      </c>
      <c r="CT945" s="166">
        <v>0</v>
      </c>
      <c r="CU945" s="166">
        <v>0</v>
      </c>
      <c r="CV945" s="166">
        <v>-4255331.3826300399</v>
      </c>
      <c r="CW945" s="166">
        <v>-57014722.972720303</v>
      </c>
      <c r="CX945" s="166">
        <v>-200000004</v>
      </c>
      <c r="CY945" s="166">
        <v>586200725.66267097</v>
      </c>
      <c r="CZ945" s="166">
        <v>586200725.66267097</v>
      </c>
    </row>
    <row r="946" spans="1:104" x14ac:dyDescent="0.2">
      <c r="A946" s="167" t="s">
        <v>474</v>
      </c>
    </row>
    <row r="947" spans="1:104" x14ac:dyDescent="0.2">
      <c r="A947" s="170" t="s">
        <v>475</v>
      </c>
    </row>
    <row r="948" spans="1:104" x14ac:dyDescent="0.2">
      <c r="A948" s="167" t="s">
        <v>476</v>
      </c>
      <c r="B948" s="166">
        <v>0</v>
      </c>
      <c r="C948" s="166">
        <v>0</v>
      </c>
      <c r="D948" s="166">
        <v>0</v>
      </c>
      <c r="E948" s="166">
        <v>0</v>
      </c>
      <c r="F948" s="166">
        <v>0</v>
      </c>
      <c r="G948" s="166">
        <v>0</v>
      </c>
      <c r="H948" s="166">
        <v>0</v>
      </c>
      <c r="I948" s="166">
        <v>0</v>
      </c>
      <c r="J948" s="166">
        <v>-3225246.0919328001</v>
      </c>
      <c r="K948" s="166">
        <v>0</v>
      </c>
      <c r="L948" s="166">
        <v>0</v>
      </c>
      <c r="M948" s="166">
        <v>0</v>
      </c>
      <c r="N948" s="166">
        <v>0</v>
      </c>
      <c r="O948" s="166">
        <v>0</v>
      </c>
      <c r="P948" s="166">
        <v>0</v>
      </c>
      <c r="Q948" s="166">
        <v>0</v>
      </c>
      <c r="R948" s="166">
        <v>0</v>
      </c>
      <c r="S948" s="166">
        <v>0</v>
      </c>
      <c r="T948" s="166">
        <v>0</v>
      </c>
      <c r="U948" s="166">
        <v>0</v>
      </c>
      <c r="V948" s="166">
        <v>0</v>
      </c>
      <c r="W948" s="166">
        <v>0</v>
      </c>
      <c r="X948" s="166">
        <v>0</v>
      </c>
      <c r="Y948" s="166">
        <v>0</v>
      </c>
      <c r="Z948" s="166">
        <v>0</v>
      </c>
      <c r="AA948" s="166">
        <v>0</v>
      </c>
      <c r="AB948" s="166">
        <v>0</v>
      </c>
      <c r="AC948" s="166">
        <v>0</v>
      </c>
      <c r="AD948" s="166">
        <v>0</v>
      </c>
      <c r="AE948" s="166">
        <v>0</v>
      </c>
      <c r="AF948" s="166">
        <v>0</v>
      </c>
      <c r="AG948" s="166">
        <v>0</v>
      </c>
      <c r="AH948" s="166">
        <v>0</v>
      </c>
      <c r="AI948" s="166">
        <v>0</v>
      </c>
      <c r="AJ948" s="166">
        <v>0</v>
      </c>
      <c r="AK948" s="166">
        <v>0</v>
      </c>
      <c r="AL948" s="166">
        <v>0</v>
      </c>
      <c r="AM948" s="166">
        <v>0</v>
      </c>
      <c r="AN948" s="166">
        <v>0</v>
      </c>
      <c r="AO948" s="166">
        <v>0</v>
      </c>
      <c r="AP948" s="166">
        <v>0</v>
      </c>
      <c r="AQ948" s="166">
        <v>0</v>
      </c>
      <c r="AR948" s="166">
        <v>0</v>
      </c>
      <c r="AS948" s="166">
        <v>0</v>
      </c>
      <c r="AT948" s="166">
        <v>0</v>
      </c>
      <c r="AU948" s="166">
        <v>0</v>
      </c>
      <c r="AV948" s="166">
        <v>0</v>
      </c>
      <c r="AW948" s="166">
        <v>0</v>
      </c>
      <c r="AX948" s="166">
        <v>0</v>
      </c>
      <c r="AY948" s="166">
        <v>0</v>
      </c>
      <c r="AZ948" s="166">
        <v>0</v>
      </c>
      <c r="BA948" s="166">
        <v>0</v>
      </c>
      <c r="BB948" s="166">
        <v>0</v>
      </c>
      <c r="BC948" s="166">
        <v>0</v>
      </c>
      <c r="BD948" s="166">
        <v>0</v>
      </c>
      <c r="BE948" s="166">
        <v>-3225246.0919328001</v>
      </c>
      <c r="BF948" s="166">
        <v>0</v>
      </c>
      <c r="BG948" s="166">
        <v>0</v>
      </c>
      <c r="BH948" s="166">
        <v>0</v>
      </c>
      <c r="BI948" s="166">
        <v>0</v>
      </c>
      <c r="BJ948" s="166">
        <v>0</v>
      </c>
      <c r="BK948" s="166">
        <v>0</v>
      </c>
      <c r="BL948" s="166">
        <v>0</v>
      </c>
      <c r="BM948" s="166">
        <v>0</v>
      </c>
      <c r="BN948" s="166">
        <v>0</v>
      </c>
      <c r="BO948" s="166">
        <v>0</v>
      </c>
      <c r="BP948" s="166">
        <v>0</v>
      </c>
      <c r="BQ948" s="166">
        <v>0</v>
      </c>
      <c r="BR948" s="166">
        <v>0</v>
      </c>
      <c r="BS948" s="166">
        <v>-3225246.0919328001</v>
      </c>
      <c r="BT948" s="168">
        <v>0.96779000000000004</v>
      </c>
      <c r="BU948" s="166">
        <v>0</v>
      </c>
      <c r="BV948" s="166">
        <v>0</v>
      </c>
      <c r="BW948" s="166">
        <v>0</v>
      </c>
      <c r="BX948" s="166">
        <v>-3121360.9153116401</v>
      </c>
      <c r="BY948" s="166">
        <v>0</v>
      </c>
      <c r="BZ948" s="166">
        <v>0</v>
      </c>
      <c r="CA948" s="166">
        <v>0</v>
      </c>
      <c r="CB948" s="166">
        <v>0</v>
      </c>
      <c r="CC948" s="166">
        <v>0</v>
      </c>
      <c r="CD948" s="166">
        <v>0</v>
      </c>
      <c r="CE948" s="166">
        <v>0</v>
      </c>
      <c r="CF948" s="166">
        <v>0</v>
      </c>
      <c r="CG948" s="166">
        <v>0</v>
      </c>
      <c r="CH948" s="166">
        <v>0</v>
      </c>
      <c r="CI948" s="166">
        <v>0</v>
      </c>
      <c r="CJ948" s="166">
        <v>0</v>
      </c>
      <c r="CK948" s="166">
        <v>0</v>
      </c>
      <c r="CL948" s="166">
        <v>-3121360.9153116401</v>
      </c>
      <c r="CM948" s="166">
        <v>0</v>
      </c>
      <c r="CN948" s="166">
        <v>0</v>
      </c>
      <c r="CO948" s="166">
        <v>0</v>
      </c>
      <c r="CP948" s="166">
        <v>0</v>
      </c>
      <c r="CQ948" s="166">
        <v>0</v>
      </c>
      <c r="CR948" s="166">
        <v>0</v>
      </c>
      <c r="CS948" s="166">
        <v>0</v>
      </c>
      <c r="CT948" s="166">
        <v>0</v>
      </c>
      <c r="CU948" s="166">
        <v>0</v>
      </c>
      <c r="CV948" s="166">
        <v>0</v>
      </c>
      <c r="CW948" s="166">
        <v>0</v>
      </c>
      <c r="CX948" s="166">
        <v>0</v>
      </c>
      <c r="CY948" s="166">
        <v>-3121360.9153116401</v>
      </c>
      <c r="CZ948" s="166">
        <v>-3121360.9153116401</v>
      </c>
    </row>
    <row r="949" spans="1:104" x14ac:dyDescent="0.2">
      <c r="A949" s="167" t="s">
        <v>477</v>
      </c>
      <c r="B949" s="166">
        <v>0</v>
      </c>
      <c r="C949" s="166">
        <v>0</v>
      </c>
      <c r="D949" s="166">
        <v>0</v>
      </c>
      <c r="E949" s="166">
        <v>0</v>
      </c>
      <c r="F949" s="166">
        <v>0</v>
      </c>
      <c r="G949" s="166">
        <v>0</v>
      </c>
      <c r="H949" s="166">
        <v>0</v>
      </c>
      <c r="I949" s="166">
        <v>0</v>
      </c>
      <c r="J949" s="166">
        <v>0</v>
      </c>
      <c r="K949" s="166">
        <v>0</v>
      </c>
      <c r="L949" s="166">
        <v>0</v>
      </c>
      <c r="M949" s="166">
        <v>0</v>
      </c>
      <c r="N949" s="166">
        <v>0</v>
      </c>
      <c r="O949" s="166">
        <v>0</v>
      </c>
      <c r="P949" s="166">
        <v>0</v>
      </c>
      <c r="Q949" s="166">
        <v>0</v>
      </c>
      <c r="R949" s="166">
        <v>0</v>
      </c>
      <c r="S949" s="166">
        <v>0</v>
      </c>
      <c r="T949" s="166">
        <v>0</v>
      </c>
      <c r="U949" s="166">
        <v>0</v>
      </c>
      <c r="V949" s="166">
        <v>0</v>
      </c>
      <c r="W949" s="166">
        <v>0</v>
      </c>
      <c r="X949" s="166">
        <v>0</v>
      </c>
      <c r="Y949" s="166">
        <v>0</v>
      </c>
      <c r="Z949" s="166">
        <v>0</v>
      </c>
      <c r="AA949" s="166">
        <v>0</v>
      </c>
      <c r="AB949" s="166">
        <v>0</v>
      </c>
      <c r="AC949" s="166">
        <v>0</v>
      </c>
      <c r="AD949" s="166">
        <v>0</v>
      </c>
      <c r="AE949" s="166">
        <v>0</v>
      </c>
      <c r="AF949" s="166">
        <v>0</v>
      </c>
      <c r="AG949" s="166">
        <v>0</v>
      </c>
      <c r="AH949" s="166">
        <v>0</v>
      </c>
      <c r="AI949" s="166">
        <v>0</v>
      </c>
      <c r="AJ949" s="166">
        <v>0</v>
      </c>
      <c r="AK949" s="166">
        <v>0</v>
      </c>
      <c r="AL949" s="166">
        <v>0</v>
      </c>
      <c r="AM949" s="166">
        <v>0</v>
      </c>
      <c r="AN949" s="166">
        <v>0</v>
      </c>
      <c r="AO949" s="166">
        <v>0</v>
      </c>
      <c r="AP949" s="166">
        <v>0</v>
      </c>
      <c r="AQ949" s="166">
        <v>0</v>
      </c>
      <c r="AR949" s="166">
        <v>-3269290.32</v>
      </c>
      <c r="AS949" s="166">
        <v>0</v>
      </c>
      <c r="AT949" s="166">
        <v>0</v>
      </c>
      <c r="AU949" s="166">
        <v>0</v>
      </c>
      <c r="AV949" s="166">
        <v>0</v>
      </c>
      <c r="AW949" s="166">
        <v>0</v>
      </c>
      <c r="AX949" s="166">
        <v>0</v>
      </c>
      <c r="AY949" s="166">
        <v>0</v>
      </c>
      <c r="AZ949" s="166">
        <v>0</v>
      </c>
      <c r="BA949" s="166">
        <v>0</v>
      </c>
      <c r="BB949" s="166">
        <v>0</v>
      </c>
      <c r="BC949" s="166">
        <v>0</v>
      </c>
      <c r="BD949" s="166">
        <v>0</v>
      </c>
      <c r="BE949" s="166">
        <v>0</v>
      </c>
      <c r="BF949" s="166">
        <v>0</v>
      </c>
      <c r="BG949" s="166">
        <v>0</v>
      </c>
      <c r="BH949" s="166">
        <v>0</v>
      </c>
      <c r="BI949" s="166">
        <v>0</v>
      </c>
      <c r="BJ949" s="166">
        <v>0</v>
      </c>
      <c r="BK949" s="166">
        <v>0</v>
      </c>
      <c r="BL949" s="166">
        <v>0</v>
      </c>
      <c r="BM949" s="166">
        <v>0</v>
      </c>
      <c r="BN949" s="166">
        <v>-3269290.32</v>
      </c>
      <c r="BO949" s="166">
        <v>0</v>
      </c>
      <c r="BP949" s="166">
        <v>0</v>
      </c>
      <c r="BQ949" s="166">
        <v>0</v>
      </c>
      <c r="BR949" s="166">
        <v>0</v>
      </c>
      <c r="BS949" s="166">
        <v>-3269290.32</v>
      </c>
      <c r="BT949" s="168">
        <v>0.96779000000000004</v>
      </c>
      <c r="BU949" s="166">
        <v>0</v>
      </c>
      <c r="BV949" s="166">
        <v>0</v>
      </c>
      <c r="BW949" s="166">
        <v>0</v>
      </c>
      <c r="BX949" s="166">
        <v>0</v>
      </c>
      <c r="BY949" s="166">
        <v>0</v>
      </c>
      <c r="BZ949" s="166">
        <v>0</v>
      </c>
      <c r="CA949" s="166">
        <v>0</v>
      </c>
      <c r="CB949" s="166">
        <v>0</v>
      </c>
      <c r="CC949" s="166">
        <v>0</v>
      </c>
      <c r="CD949" s="166">
        <v>0</v>
      </c>
      <c r="CE949" s="166">
        <v>0</v>
      </c>
      <c r="CF949" s="166">
        <v>0</v>
      </c>
      <c r="CG949" s="166">
        <v>-3163986.4787928001</v>
      </c>
      <c r="CH949" s="166">
        <v>0</v>
      </c>
      <c r="CI949" s="166">
        <v>0</v>
      </c>
      <c r="CJ949" s="166">
        <v>0</v>
      </c>
      <c r="CK949" s="166">
        <v>0</v>
      </c>
      <c r="CL949" s="166">
        <v>0</v>
      </c>
      <c r="CM949" s="166">
        <v>0</v>
      </c>
      <c r="CN949" s="166">
        <v>0</v>
      </c>
      <c r="CO949" s="166">
        <v>0</v>
      </c>
      <c r="CP949" s="166">
        <v>0</v>
      </c>
      <c r="CQ949" s="166">
        <v>0</v>
      </c>
      <c r="CR949" s="166">
        <v>0</v>
      </c>
      <c r="CS949" s="166">
        <v>0</v>
      </c>
      <c r="CT949" s="166">
        <v>0</v>
      </c>
      <c r="CU949" s="166">
        <v>-3163986.4787928001</v>
      </c>
      <c r="CV949" s="166">
        <v>0</v>
      </c>
      <c r="CW949" s="166">
        <v>0</v>
      </c>
      <c r="CX949" s="166">
        <v>0</v>
      </c>
      <c r="CY949" s="166">
        <v>-3163986.4787928001</v>
      </c>
      <c r="CZ949" s="166">
        <v>-3163986.4787928001</v>
      </c>
    </row>
    <row r="950" spans="1:104" x14ac:dyDescent="0.2">
      <c r="A950" s="167" t="s">
        <v>478</v>
      </c>
      <c r="B950" s="166">
        <v>0</v>
      </c>
      <c r="C950" s="166">
        <v>0</v>
      </c>
      <c r="D950" s="166">
        <v>0</v>
      </c>
      <c r="E950" s="166">
        <v>0</v>
      </c>
      <c r="F950" s="166">
        <v>0</v>
      </c>
      <c r="G950" s="166">
        <v>0</v>
      </c>
      <c r="H950" s="166">
        <v>0</v>
      </c>
      <c r="I950" s="166">
        <v>0</v>
      </c>
      <c r="J950" s="166">
        <v>0</v>
      </c>
      <c r="K950" s="166">
        <v>0</v>
      </c>
      <c r="L950" s="166">
        <v>0</v>
      </c>
      <c r="M950" s="166">
        <v>0</v>
      </c>
      <c r="N950" s="166">
        <v>0</v>
      </c>
      <c r="O950" s="166">
        <v>0</v>
      </c>
      <c r="P950" s="166">
        <v>0</v>
      </c>
      <c r="Q950" s="166">
        <v>0</v>
      </c>
      <c r="R950" s="166">
        <v>0</v>
      </c>
      <c r="S950" s="166">
        <v>0</v>
      </c>
      <c r="T950" s="166">
        <v>0</v>
      </c>
      <c r="U950" s="166">
        <v>0</v>
      </c>
      <c r="V950" s="166">
        <v>0</v>
      </c>
      <c r="W950" s="166">
        <v>0</v>
      </c>
      <c r="X950" s="166">
        <v>0</v>
      </c>
      <c r="Y950" s="166">
        <v>0</v>
      </c>
      <c r="Z950" s="166">
        <v>0</v>
      </c>
      <c r="AA950" s="166">
        <v>0</v>
      </c>
      <c r="AB950" s="166">
        <v>0</v>
      </c>
      <c r="AC950" s="166">
        <v>0</v>
      </c>
      <c r="AD950" s="166">
        <v>0</v>
      </c>
      <c r="AE950" s="166">
        <v>0</v>
      </c>
      <c r="AF950" s="166">
        <v>0</v>
      </c>
      <c r="AG950" s="166">
        <v>0</v>
      </c>
      <c r="AH950" s="166">
        <v>0</v>
      </c>
      <c r="AI950" s="166">
        <v>0</v>
      </c>
      <c r="AJ950" s="166">
        <v>0</v>
      </c>
      <c r="AK950" s="166">
        <v>0</v>
      </c>
      <c r="AL950" s="166">
        <v>0</v>
      </c>
      <c r="AM950" s="166">
        <v>0</v>
      </c>
      <c r="AN950" s="166">
        <v>0</v>
      </c>
      <c r="AO950" s="166">
        <v>0</v>
      </c>
      <c r="AP950" s="166">
        <v>-109418.4</v>
      </c>
      <c r="AQ950" s="166">
        <v>0</v>
      </c>
      <c r="AR950" s="166">
        <v>0</v>
      </c>
      <c r="AS950" s="166">
        <v>0</v>
      </c>
      <c r="AT950" s="166">
        <v>0</v>
      </c>
      <c r="AU950" s="166">
        <v>0</v>
      </c>
      <c r="AV950" s="166">
        <v>0</v>
      </c>
      <c r="AW950" s="166">
        <v>0</v>
      </c>
      <c r="AX950" s="166">
        <v>0</v>
      </c>
      <c r="AY950" s="166">
        <v>0</v>
      </c>
      <c r="AZ950" s="166">
        <v>0</v>
      </c>
      <c r="BA950" s="166">
        <v>0</v>
      </c>
      <c r="BB950" s="166">
        <v>0</v>
      </c>
      <c r="BC950" s="166">
        <v>0</v>
      </c>
      <c r="BD950" s="166">
        <v>0</v>
      </c>
      <c r="BE950" s="166">
        <v>0</v>
      </c>
      <c r="BF950" s="166">
        <v>0</v>
      </c>
      <c r="BG950" s="166">
        <v>0</v>
      </c>
      <c r="BH950" s="166">
        <v>0</v>
      </c>
      <c r="BI950" s="166">
        <v>0</v>
      </c>
      <c r="BJ950" s="166">
        <v>0</v>
      </c>
      <c r="BK950" s="166">
        <v>0</v>
      </c>
      <c r="BL950" s="166">
        <v>0</v>
      </c>
      <c r="BM950" s="166">
        <v>-109418.4</v>
      </c>
      <c r="BN950" s="166">
        <v>0</v>
      </c>
      <c r="BO950" s="166">
        <v>0</v>
      </c>
      <c r="BP950" s="166">
        <v>0</v>
      </c>
      <c r="BQ950" s="166">
        <v>0</v>
      </c>
      <c r="BR950" s="166">
        <v>0</v>
      </c>
      <c r="BS950" s="166">
        <v>-109418.4</v>
      </c>
      <c r="BT950" s="168">
        <v>0.96779000000000004</v>
      </c>
      <c r="BU950" s="166">
        <v>0</v>
      </c>
      <c r="BV950" s="166">
        <v>0</v>
      </c>
      <c r="BW950" s="166">
        <v>0</v>
      </c>
      <c r="BX950" s="166">
        <v>0</v>
      </c>
      <c r="BY950" s="166">
        <v>0</v>
      </c>
      <c r="BZ950" s="166">
        <v>0</v>
      </c>
      <c r="CA950" s="166">
        <v>0</v>
      </c>
      <c r="CB950" s="166">
        <v>0</v>
      </c>
      <c r="CC950" s="166">
        <v>0</v>
      </c>
      <c r="CD950" s="166">
        <v>0</v>
      </c>
      <c r="CE950" s="166">
        <v>0</v>
      </c>
      <c r="CF950" s="166">
        <v>-105894.033335999</v>
      </c>
      <c r="CG950" s="166">
        <v>0</v>
      </c>
      <c r="CH950" s="166">
        <v>0</v>
      </c>
      <c r="CI950" s="166">
        <v>0</v>
      </c>
      <c r="CJ950" s="166">
        <v>0</v>
      </c>
      <c r="CK950" s="166">
        <v>0</v>
      </c>
      <c r="CL950" s="166">
        <v>0</v>
      </c>
      <c r="CM950" s="166">
        <v>0</v>
      </c>
      <c r="CN950" s="166">
        <v>0</v>
      </c>
      <c r="CO950" s="166">
        <v>0</v>
      </c>
      <c r="CP950" s="166">
        <v>0</v>
      </c>
      <c r="CQ950" s="166">
        <v>0</v>
      </c>
      <c r="CR950" s="166">
        <v>0</v>
      </c>
      <c r="CS950" s="166">
        <v>0</v>
      </c>
      <c r="CT950" s="166">
        <v>-105894.033335999</v>
      </c>
      <c r="CU950" s="166">
        <v>0</v>
      </c>
      <c r="CV950" s="166">
        <v>0</v>
      </c>
      <c r="CW950" s="166">
        <v>0</v>
      </c>
      <c r="CX950" s="166">
        <v>0</v>
      </c>
      <c r="CY950" s="166">
        <v>-105894.033335999</v>
      </c>
      <c r="CZ950" s="166">
        <v>-105894.033335999</v>
      </c>
    </row>
    <row r="951" spans="1:104" x14ac:dyDescent="0.2">
      <c r="A951" s="167" t="s">
        <v>479</v>
      </c>
      <c r="B951" s="166">
        <v>0</v>
      </c>
      <c r="C951" s="166">
        <v>0</v>
      </c>
      <c r="D951" s="166">
        <v>0</v>
      </c>
      <c r="E951" s="166">
        <v>0</v>
      </c>
      <c r="F951" s="166">
        <v>0</v>
      </c>
      <c r="G951" s="166">
        <v>0</v>
      </c>
      <c r="H951" s="166">
        <v>0</v>
      </c>
      <c r="I951" s="166">
        <v>0</v>
      </c>
      <c r="J951" s="166">
        <v>0</v>
      </c>
      <c r="K951" s="166">
        <v>0</v>
      </c>
      <c r="L951" s="166">
        <v>0</v>
      </c>
      <c r="M951" s="166">
        <v>0</v>
      </c>
      <c r="N951" s="166">
        <v>0</v>
      </c>
      <c r="O951" s="166">
        <v>0</v>
      </c>
      <c r="P951" s="166">
        <v>-1314609.3712499901</v>
      </c>
      <c r="Q951" s="166">
        <v>0</v>
      </c>
      <c r="R951" s="166">
        <v>0</v>
      </c>
      <c r="S951" s="166">
        <v>0</v>
      </c>
      <c r="T951" s="166">
        <v>0</v>
      </c>
      <c r="U951" s="166">
        <v>0</v>
      </c>
      <c r="V951" s="166">
        <v>0</v>
      </c>
      <c r="W951" s="166">
        <v>0</v>
      </c>
      <c r="X951" s="166">
        <v>0</v>
      </c>
      <c r="Y951" s="166">
        <v>0</v>
      </c>
      <c r="Z951" s="166">
        <v>0</v>
      </c>
      <c r="AA951" s="166">
        <v>0</v>
      </c>
      <c r="AB951" s="166">
        <v>0</v>
      </c>
      <c r="AC951" s="166">
        <v>0</v>
      </c>
      <c r="AD951" s="166">
        <v>0</v>
      </c>
      <c r="AE951" s="166">
        <v>0</v>
      </c>
      <c r="AF951" s="166">
        <v>0</v>
      </c>
      <c r="AG951" s="166">
        <v>0</v>
      </c>
      <c r="AH951" s="166">
        <v>0</v>
      </c>
      <c r="AI951" s="166">
        <v>0</v>
      </c>
      <c r="AJ951" s="166">
        <v>0</v>
      </c>
      <c r="AK951" s="166">
        <v>0</v>
      </c>
      <c r="AL951" s="166">
        <v>0</v>
      </c>
      <c r="AM951" s="166">
        <v>0</v>
      </c>
      <c r="AN951" s="166">
        <v>0</v>
      </c>
      <c r="AO951" s="166">
        <v>0</v>
      </c>
      <c r="AP951" s="166">
        <v>0</v>
      </c>
      <c r="AQ951" s="166">
        <v>0</v>
      </c>
      <c r="AR951" s="166">
        <v>0</v>
      </c>
      <c r="AS951" s="166">
        <v>0</v>
      </c>
      <c r="AT951" s="166">
        <v>0</v>
      </c>
      <c r="AU951" s="166">
        <v>0</v>
      </c>
      <c r="AV951" s="166">
        <v>0</v>
      </c>
      <c r="AW951" s="166">
        <v>0</v>
      </c>
      <c r="AX951" s="166">
        <v>0</v>
      </c>
      <c r="AY951" s="166">
        <v>0</v>
      </c>
      <c r="AZ951" s="166">
        <v>0</v>
      </c>
      <c r="BA951" s="166">
        <v>0</v>
      </c>
      <c r="BB951" s="166">
        <v>0</v>
      </c>
      <c r="BC951" s="166">
        <v>0</v>
      </c>
      <c r="BD951" s="166">
        <v>0</v>
      </c>
      <c r="BE951" s="166">
        <v>0</v>
      </c>
      <c r="BF951" s="166">
        <v>-1314609.3712499901</v>
      </c>
      <c r="BG951" s="166">
        <v>0</v>
      </c>
      <c r="BH951" s="166">
        <v>0</v>
      </c>
      <c r="BI951" s="166">
        <v>0</v>
      </c>
      <c r="BJ951" s="166">
        <v>0</v>
      </c>
      <c r="BK951" s="166">
        <v>0</v>
      </c>
      <c r="BL951" s="166">
        <v>0</v>
      </c>
      <c r="BM951" s="166">
        <v>0</v>
      </c>
      <c r="BN951" s="166">
        <v>0</v>
      </c>
      <c r="BO951" s="166">
        <v>0</v>
      </c>
      <c r="BP951" s="166">
        <v>0</v>
      </c>
      <c r="BQ951" s="166">
        <v>0</v>
      </c>
      <c r="BR951" s="166">
        <v>0</v>
      </c>
      <c r="BS951" s="166">
        <v>-1314609.3712499901</v>
      </c>
      <c r="BT951" s="168">
        <v>0.96779000000000004</v>
      </c>
      <c r="BU951" s="166">
        <v>0</v>
      </c>
      <c r="BV951" s="166">
        <v>0</v>
      </c>
      <c r="BW951" s="166">
        <v>0</v>
      </c>
      <c r="BX951" s="166">
        <v>0</v>
      </c>
      <c r="BY951" s="166">
        <v>-1272265.8034020299</v>
      </c>
      <c r="BZ951" s="166">
        <v>0</v>
      </c>
      <c r="CA951" s="166">
        <v>0</v>
      </c>
      <c r="CB951" s="166">
        <v>0</v>
      </c>
      <c r="CC951" s="166">
        <v>0</v>
      </c>
      <c r="CD951" s="166">
        <v>0</v>
      </c>
      <c r="CE951" s="166">
        <v>0</v>
      </c>
      <c r="CF951" s="166">
        <v>0</v>
      </c>
      <c r="CG951" s="166">
        <v>0</v>
      </c>
      <c r="CH951" s="166">
        <v>0</v>
      </c>
      <c r="CI951" s="166">
        <v>0</v>
      </c>
      <c r="CJ951" s="166">
        <v>0</v>
      </c>
      <c r="CK951" s="166">
        <v>0</v>
      </c>
      <c r="CL951" s="166">
        <v>0</v>
      </c>
      <c r="CM951" s="166">
        <v>-1272265.8034020299</v>
      </c>
      <c r="CN951" s="166">
        <v>0</v>
      </c>
      <c r="CO951" s="166">
        <v>0</v>
      </c>
      <c r="CP951" s="166">
        <v>0</v>
      </c>
      <c r="CQ951" s="166">
        <v>0</v>
      </c>
      <c r="CR951" s="166">
        <v>0</v>
      </c>
      <c r="CS951" s="166">
        <v>0</v>
      </c>
      <c r="CT951" s="166">
        <v>0</v>
      </c>
      <c r="CU951" s="166">
        <v>0</v>
      </c>
      <c r="CV951" s="166">
        <v>0</v>
      </c>
      <c r="CW951" s="166">
        <v>0</v>
      </c>
      <c r="CX951" s="166">
        <v>0</v>
      </c>
      <c r="CY951" s="166">
        <v>-1272265.8034020299</v>
      </c>
      <c r="CZ951" s="166">
        <v>-1272265.8034020299</v>
      </c>
    </row>
    <row r="952" spans="1:104" x14ac:dyDescent="0.2">
      <c r="A952" s="167" t="s">
        <v>480</v>
      </c>
      <c r="B952" s="166">
        <v>0</v>
      </c>
      <c r="C952" s="166">
        <v>0</v>
      </c>
      <c r="D952" s="166">
        <v>0</v>
      </c>
      <c r="E952" s="166">
        <v>0</v>
      </c>
      <c r="F952" s="166">
        <v>0</v>
      </c>
      <c r="G952" s="166">
        <v>0</v>
      </c>
      <c r="H952" s="166">
        <v>0</v>
      </c>
      <c r="I952" s="166">
        <v>0</v>
      </c>
      <c r="J952" s="166">
        <v>0</v>
      </c>
      <c r="K952" s="166">
        <v>0</v>
      </c>
      <c r="L952" s="166">
        <v>0</v>
      </c>
      <c r="M952" s="166">
        <v>0</v>
      </c>
      <c r="N952" s="166">
        <v>0</v>
      </c>
      <c r="O952" s="166">
        <v>0</v>
      </c>
      <c r="P952" s="166">
        <v>0</v>
      </c>
      <c r="Q952" s="166">
        <v>0</v>
      </c>
      <c r="R952" s="166">
        <v>0</v>
      </c>
      <c r="S952" s="166">
        <v>0</v>
      </c>
      <c r="T952" s="166">
        <v>0</v>
      </c>
      <c r="U952" s="166">
        <v>0</v>
      </c>
      <c r="V952" s="166">
        <v>0</v>
      </c>
      <c r="W952" s="166">
        <v>0</v>
      </c>
      <c r="X952" s="166">
        <v>0</v>
      </c>
      <c r="Y952" s="166">
        <v>0</v>
      </c>
      <c r="Z952" s="166">
        <v>0</v>
      </c>
      <c r="AA952" s="166">
        <v>0</v>
      </c>
      <c r="AB952" s="166">
        <v>0</v>
      </c>
      <c r="AC952" s="166">
        <v>0</v>
      </c>
      <c r="AD952" s="166">
        <v>0</v>
      </c>
      <c r="AE952" s="166">
        <v>0</v>
      </c>
      <c r="AF952" s="166">
        <v>0</v>
      </c>
      <c r="AG952" s="166">
        <v>0</v>
      </c>
      <c r="AH952" s="166">
        <v>0</v>
      </c>
      <c r="AI952" s="166">
        <v>0</v>
      </c>
      <c r="AJ952" s="166">
        <v>0</v>
      </c>
      <c r="AK952" s="166">
        <v>1129668</v>
      </c>
      <c r="AL952" s="166">
        <v>0</v>
      </c>
      <c r="AM952" s="166">
        <v>0</v>
      </c>
      <c r="AN952" s="166">
        <v>0</v>
      </c>
      <c r="AO952" s="166">
        <v>0</v>
      </c>
      <c r="AP952" s="166">
        <v>0</v>
      </c>
      <c r="AQ952" s="166">
        <v>0</v>
      </c>
      <c r="AR952" s="166">
        <v>0</v>
      </c>
      <c r="AS952" s="166">
        <v>0</v>
      </c>
      <c r="AT952" s="166">
        <v>0</v>
      </c>
      <c r="AU952" s="166">
        <v>0</v>
      </c>
      <c r="AV952" s="166">
        <v>0</v>
      </c>
      <c r="AW952" s="166">
        <v>0</v>
      </c>
      <c r="AX952" s="166">
        <v>0</v>
      </c>
      <c r="AY952" s="166">
        <v>0</v>
      </c>
      <c r="AZ952" s="166">
        <v>0</v>
      </c>
      <c r="BA952" s="166">
        <v>0</v>
      </c>
      <c r="BB952" s="166">
        <v>0</v>
      </c>
      <c r="BC952" s="166">
        <v>0</v>
      </c>
      <c r="BD952" s="166">
        <v>0</v>
      </c>
      <c r="BE952" s="166">
        <v>0</v>
      </c>
      <c r="BF952" s="166">
        <v>0</v>
      </c>
      <c r="BG952" s="166">
        <v>0</v>
      </c>
      <c r="BH952" s="166">
        <v>0</v>
      </c>
      <c r="BI952" s="166">
        <v>0</v>
      </c>
      <c r="BJ952" s="166">
        <v>0</v>
      </c>
      <c r="BK952" s="166">
        <v>0</v>
      </c>
      <c r="BL952" s="166">
        <v>1129668</v>
      </c>
      <c r="BM952" s="166">
        <v>0</v>
      </c>
      <c r="BN952" s="166">
        <v>0</v>
      </c>
      <c r="BO952" s="166">
        <v>0</v>
      </c>
      <c r="BP952" s="166">
        <v>0</v>
      </c>
      <c r="BQ952" s="166">
        <v>0</v>
      </c>
      <c r="BR952" s="166">
        <v>0</v>
      </c>
      <c r="BS952" s="166">
        <v>1129668</v>
      </c>
      <c r="BT952" s="168">
        <v>0.96779000000000004</v>
      </c>
      <c r="BU952" s="166">
        <v>0</v>
      </c>
      <c r="BV952" s="166">
        <v>0</v>
      </c>
      <c r="BW952" s="166">
        <v>0</v>
      </c>
      <c r="BX952" s="166">
        <v>0</v>
      </c>
      <c r="BY952" s="166">
        <v>0</v>
      </c>
      <c r="BZ952" s="166">
        <v>0</v>
      </c>
      <c r="CA952" s="166">
        <v>0</v>
      </c>
      <c r="CB952" s="166">
        <v>0</v>
      </c>
      <c r="CC952" s="166">
        <v>0</v>
      </c>
      <c r="CD952" s="166">
        <v>0</v>
      </c>
      <c r="CE952" s="166">
        <v>1093281.3937200001</v>
      </c>
      <c r="CF952" s="166">
        <v>0</v>
      </c>
      <c r="CG952" s="166">
        <v>0</v>
      </c>
      <c r="CH952" s="166">
        <v>0</v>
      </c>
      <c r="CI952" s="166">
        <v>0</v>
      </c>
      <c r="CJ952" s="166">
        <v>0</v>
      </c>
      <c r="CK952" s="166">
        <v>0</v>
      </c>
      <c r="CL952" s="166">
        <v>0</v>
      </c>
      <c r="CM952" s="166">
        <v>0</v>
      </c>
      <c r="CN952" s="166">
        <v>0</v>
      </c>
      <c r="CO952" s="166">
        <v>0</v>
      </c>
      <c r="CP952" s="166">
        <v>0</v>
      </c>
      <c r="CQ952" s="166">
        <v>0</v>
      </c>
      <c r="CR952" s="166">
        <v>0</v>
      </c>
      <c r="CS952" s="166">
        <v>1093281.3937200001</v>
      </c>
      <c r="CT952" s="166">
        <v>0</v>
      </c>
      <c r="CU952" s="166">
        <v>0</v>
      </c>
      <c r="CV952" s="166">
        <v>0</v>
      </c>
      <c r="CW952" s="166">
        <v>0</v>
      </c>
      <c r="CX952" s="166">
        <v>0</v>
      </c>
      <c r="CY952" s="166">
        <v>1093281.3937200001</v>
      </c>
      <c r="CZ952" s="166">
        <v>1093281.3937200001</v>
      </c>
    </row>
    <row r="953" spans="1:104" x14ac:dyDescent="0.2">
      <c r="A953" s="167" t="s">
        <v>481</v>
      </c>
      <c r="B953" s="166">
        <v>0</v>
      </c>
      <c r="C953" s="166">
        <v>0</v>
      </c>
      <c r="D953" s="166">
        <v>0</v>
      </c>
      <c r="E953" s="166">
        <v>0</v>
      </c>
      <c r="F953" s="166">
        <v>0</v>
      </c>
      <c r="G953" s="166">
        <v>0</v>
      </c>
      <c r="H953" s="166">
        <v>0</v>
      </c>
      <c r="I953" s="166">
        <v>0</v>
      </c>
      <c r="J953" s="166">
        <v>0</v>
      </c>
      <c r="K953" s="166">
        <v>0</v>
      </c>
      <c r="L953" s="166">
        <v>0</v>
      </c>
      <c r="M953" s="166">
        <v>0</v>
      </c>
      <c r="N953" s="166">
        <v>0</v>
      </c>
      <c r="O953" s="166">
        <v>0</v>
      </c>
      <c r="P953" s="166">
        <v>0</v>
      </c>
      <c r="Q953" s="166">
        <v>0</v>
      </c>
      <c r="R953" s="166">
        <v>0</v>
      </c>
      <c r="S953" s="166">
        <v>-493699.8</v>
      </c>
      <c r="T953" s="166">
        <v>0</v>
      </c>
      <c r="U953" s="166">
        <v>0</v>
      </c>
      <c r="V953" s="166">
        <v>0</v>
      </c>
      <c r="W953" s="166">
        <v>0</v>
      </c>
      <c r="X953" s="166">
        <v>0</v>
      </c>
      <c r="Y953" s="166">
        <v>0</v>
      </c>
      <c r="Z953" s="166">
        <v>0</v>
      </c>
      <c r="AA953" s="166">
        <v>0</v>
      </c>
      <c r="AB953" s="166">
        <v>0</v>
      </c>
      <c r="AC953" s="166">
        <v>0</v>
      </c>
      <c r="AD953" s="166">
        <v>0</v>
      </c>
      <c r="AE953" s="166">
        <v>0</v>
      </c>
      <c r="AF953" s="166">
        <v>0</v>
      </c>
      <c r="AG953" s="166">
        <v>0</v>
      </c>
      <c r="AH953" s="166">
        <v>0</v>
      </c>
      <c r="AI953" s="166">
        <v>0</v>
      </c>
      <c r="AJ953" s="166">
        <v>0</v>
      </c>
      <c r="AK953" s="166">
        <v>0</v>
      </c>
      <c r="AL953" s="166">
        <v>0</v>
      </c>
      <c r="AM953" s="166">
        <v>0</v>
      </c>
      <c r="AN953" s="166">
        <v>0</v>
      </c>
      <c r="AO953" s="166">
        <v>0</v>
      </c>
      <c r="AP953" s="166">
        <v>0</v>
      </c>
      <c r="AQ953" s="166">
        <v>0</v>
      </c>
      <c r="AR953" s="166">
        <v>0</v>
      </c>
      <c r="AS953" s="166">
        <v>0</v>
      </c>
      <c r="AT953" s="166">
        <v>0</v>
      </c>
      <c r="AU953" s="166">
        <v>0</v>
      </c>
      <c r="AV953" s="166">
        <v>0</v>
      </c>
      <c r="AW953" s="166">
        <v>0</v>
      </c>
      <c r="AX953" s="166">
        <v>0</v>
      </c>
      <c r="AY953" s="166">
        <v>0</v>
      </c>
      <c r="AZ953" s="166">
        <v>0</v>
      </c>
      <c r="BA953" s="166">
        <v>0</v>
      </c>
      <c r="BB953" s="166">
        <v>0</v>
      </c>
      <c r="BC953" s="166">
        <v>0</v>
      </c>
      <c r="BD953" s="166">
        <v>0</v>
      </c>
      <c r="BE953" s="166">
        <v>0</v>
      </c>
      <c r="BF953" s="166">
        <v>0</v>
      </c>
      <c r="BG953" s="166">
        <v>0</v>
      </c>
      <c r="BH953" s="166">
        <v>-493699.8</v>
      </c>
      <c r="BI953" s="166">
        <v>0</v>
      </c>
      <c r="BJ953" s="166">
        <v>0</v>
      </c>
      <c r="BK953" s="166">
        <v>0</v>
      </c>
      <c r="BL953" s="166">
        <v>0</v>
      </c>
      <c r="BM953" s="166">
        <v>0</v>
      </c>
      <c r="BN953" s="166">
        <v>0</v>
      </c>
      <c r="BO953" s="166">
        <v>0</v>
      </c>
      <c r="BP953" s="166">
        <v>0</v>
      </c>
      <c r="BQ953" s="166">
        <v>0</v>
      </c>
      <c r="BR953" s="166">
        <v>0</v>
      </c>
      <c r="BS953" s="166">
        <v>-493699.8</v>
      </c>
      <c r="BT953" s="168">
        <v>0.96779000000000004</v>
      </c>
      <c r="BU953" s="166">
        <v>0</v>
      </c>
      <c r="BV953" s="166">
        <v>0</v>
      </c>
      <c r="BW953" s="166">
        <v>0</v>
      </c>
      <c r="BX953" s="166">
        <v>0</v>
      </c>
      <c r="BY953" s="166">
        <v>0</v>
      </c>
      <c r="BZ953" s="166">
        <v>0</v>
      </c>
      <c r="CA953" s="166">
        <v>-477797.72944199998</v>
      </c>
      <c r="CB953" s="166">
        <v>0</v>
      </c>
      <c r="CC953" s="166">
        <v>0</v>
      </c>
      <c r="CD953" s="166">
        <v>0</v>
      </c>
      <c r="CE953" s="166">
        <v>0</v>
      </c>
      <c r="CF953" s="166">
        <v>0</v>
      </c>
      <c r="CG953" s="166">
        <v>0</v>
      </c>
      <c r="CH953" s="166">
        <v>0</v>
      </c>
      <c r="CI953" s="166">
        <v>0</v>
      </c>
      <c r="CJ953" s="166">
        <v>0</v>
      </c>
      <c r="CK953" s="166">
        <v>0</v>
      </c>
      <c r="CL953" s="166">
        <v>0</v>
      </c>
      <c r="CM953" s="166">
        <v>0</v>
      </c>
      <c r="CN953" s="166">
        <v>0</v>
      </c>
      <c r="CO953" s="166">
        <v>-477797.72944199998</v>
      </c>
      <c r="CP953" s="166">
        <v>0</v>
      </c>
      <c r="CQ953" s="166">
        <v>0</v>
      </c>
      <c r="CR953" s="166">
        <v>0</v>
      </c>
      <c r="CS953" s="166">
        <v>0</v>
      </c>
      <c r="CT953" s="166">
        <v>0</v>
      </c>
      <c r="CU953" s="166">
        <v>0</v>
      </c>
      <c r="CV953" s="166">
        <v>0</v>
      </c>
      <c r="CW953" s="166">
        <v>0</v>
      </c>
      <c r="CX953" s="166">
        <v>0</v>
      </c>
      <c r="CY953" s="166">
        <v>-477797.72944199998</v>
      </c>
      <c r="CZ953" s="166">
        <v>-477797.72944199998</v>
      </c>
    </row>
    <row r="954" spans="1:104" x14ac:dyDescent="0.2">
      <c r="A954" s="167" t="s">
        <v>482</v>
      </c>
      <c r="B954" s="166">
        <v>0</v>
      </c>
      <c r="C954" s="166">
        <v>0</v>
      </c>
      <c r="D954" s="166">
        <v>0</v>
      </c>
      <c r="E954" s="166">
        <v>0</v>
      </c>
      <c r="F954" s="166">
        <v>0</v>
      </c>
      <c r="G954" s="166">
        <v>0</v>
      </c>
      <c r="H954" s="166">
        <v>0</v>
      </c>
      <c r="I954" s="166">
        <v>0</v>
      </c>
      <c r="J954" s="166">
        <v>0</v>
      </c>
      <c r="K954" s="166">
        <v>0</v>
      </c>
      <c r="L954" s="166">
        <v>0</v>
      </c>
      <c r="M954" s="166">
        <v>0</v>
      </c>
      <c r="N954" s="166">
        <v>0</v>
      </c>
      <c r="O954" s="166">
        <v>0</v>
      </c>
      <c r="P954" s="166">
        <v>0</v>
      </c>
      <c r="Q954" s="166">
        <v>0</v>
      </c>
      <c r="R954" s="166">
        <v>0</v>
      </c>
      <c r="S954" s="166">
        <v>0</v>
      </c>
      <c r="T954" s="166">
        <v>0</v>
      </c>
      <c r="U954" s="166">
        <v>0</v>
      </c>
      <c r="V954" s="166">
        <v>0</v>
      </c>
      <c r="W954" s="166">
        <v>0</v>
      </c>
      <c r="X954" s="166">
        <v>0</v>
      </c>
      <c r="Y954" s="166">
        <v>0</v>
      </c>
      <c r="Z954" s="166">
        <v>0</v>
      </c>
      <c r="AA954" s="166">
        <v>0</v>
      </c>
      <c r="AB954" s="166">
        <v>0</v>
      </c>
      <c r="AC954" s="166">
        <v>0</v>
      </c>
      <c r="AD954" s="166">
        <v>0</v>
      </c>
      <c r="AE954" s="166">
        <v>0</v>
      </c>
      <c r="AF954" s="166">
        <v>0</v>
      </c>
      <c r="AG954" s="166">
        <v>0</v>
      </c>
      <c r="AH954" s="166">
        <v>0</v>
      </c>
      <c r="AI954" s="166">
        <v>0</v>
      </c>
      <c r="AJ954" s="166">
        <v>-11163999.999999899</v>
      </c>
      <c r="AK954" s="166">
        <v>0</v>
      </c>
      <c r="AL954" s="166">
        <v>0</v>
      </c>
      <c r="AM954" s="166">
        <v>0</v>
      </c>
      <c r="AN954" s="166">
        <v>0</v>
      </c>
      <c r="AO954" s="166">
        <v>0</v>
      </c>
      <c r="AP954" s="166">
        <v>0</v>
      </c>
      <c r="AQ954" s="166">
        <v>0</v>
      </c>
      <c r="AR954" s="166">
        <v>0</v>
      </c>
      <c r="AS954" s="166">
        <v>0</v>
      </c>
      <c r="AT954" s="166">
        <v>0</v>
      </c>
      <c r="AU954" s="166">
        <v>0</v>
      </c>
      <c r="AV954" s="166">
        <v>0</v>
      </c>
      <c r="AW954" s="166">
        <v>0</v>
      </c>
      <c r="AX954" s="166">
        <v>0</v>
      </c>
      <c r="AY954" s="166">
        <v>0</v>
      </c>
      <c r="AZ954" s="166">
        <v>0</v>
      </c>
      <c r="BA954" s="166">
        <v>0</v>
      </c>
      <c r="BB954" s="166">
        <v>0</v>
      </c>
      <c r="BC954" s="166">
        <v>0</v>
      </c>
      <c r="BD954" s="166">
        <v>0</v>
      </c>
      <c r="BE954" s="166">
        <v>0</v>
      </c>
      <c r="BF954" s="166">
        <v>0</v>
      </c>
      <c r="BG954" s="166">
        <v>0</v>
      </c>
      <c r="BH954" s="166">
        <v>0</v>
      </c>
      <c r="BI954" s="166">
        <v>0</v>
      </c>
      <c r="BJ954" s="166">
        <v>0</v>
      </c>
      <c r="BK954" s="166">
        <v>-11163999.999999899</v>
      </c>
      <c r="BL954" s="166">
        <v>0</v>
      </c>
      <c r="BM954" s="166">
        <v>0</v>
      </c>
      <c r="BN954" s="166">
        <v>0</v>
      </c>
      <c r="BO954" s="166">
        <v>0</v>
      </c>
      <c r="BP954" s="166">
        <v>0</v>
      </c>
      <c r="BQ954" s="166">
        <v>0</v>
      </c>
      <c r="BR954" s="166">
        <v>0</v>
      </c>
      <c r="BS954" s="166">
        <v>-11163999.999999899</v>
      </c>
      <c r="BT954" s="168">
        <v>0.96779000000000004</v>
      </c>
      <c r="BU954" s="166">
        <v>0</v>
      </c>
      <c r="BV954" s="166">
        <v>0</v>
      </c>
      <c r="BW954" s="166">
        <v>0</v>
      </c>
      <c r="BX954" s="166">
        <v>0</v>
      </c>
      <c r="BY954" s="166">
        <v>0</v>
      </c>
      <c r="BZ954" s="166">
        <v>0</v>
      </c>
      <c r="CA954" s="166">
        <v>0</v>
      </c>
      <c r="CB954" s="166">
        <v>0</v>
      </c>
      <c r="CC954" s="166">
        <v>0</v>
      </c>
      <c r="CD954" s="166">
        <v>-10804407.560000001</v>
      </c>
      <c r="CE954" s="166">
        <v>0</v>
      </c>
      <c r="CF954" s="166">
        <v>0</v>
      </c>
      <c r="CG954" s="166">
        <v>0</v>
      </c>
      <c r="CH954" s="166">
        <v>0</v>
      </c>
      <c r="CI954" s="166">
        <v>0</v>
      </c>
      <c r="CJ954" s="166">
        <v>0</v>
      </c>
      <c r="CK954" s="166">
        <v>0</v>
      </c>
      <c r="CL954" s="166">
        <v>0</v>
      </c>
      <c r="CM954" s="166">
        <v>0</v>
      </c>
      <c r="CN954" s="166">
        <v>0</v>
      </c>
      <c r="CO954" s="166">
        <v>0</v>
      </c>
      <c r="CP954" s="166">
        <v>0</v>
      </c>
      <c r="CQ954" s="166">
        <v>0</v>
      </c>
      <c r="CR954" s="166">
        <v>-10804407.560000001</v>
      </c>
      <c r="CS954" s="166">
        <v>0</v>
      </c>
      <c r="CT954" s="166">
        <v>0</v>
      </c>
      <c r="CU954" s="166">
        <v>0</v>
      </c>
      <c r="CV954" s="166">
        <v>0</v>
      </c>
      <c r="CW954" s="166">
        <v>0</v>
      </c>
      <c r="CX954" s="166">
        <v>0</v>
      </c>
      <c r="CY954" s="166">
        <v>-10804407.560000001</v>
      </c>
      <c r="CZ954" s="166">
        <v>-10804407.560000001</v>
      </c>
    </row>
    <row r="955" spans="1:104" x14ac:dyDescent="0.2">
      <c r="A955" s="170" t="s">
        <v>483</v>
      </c>
      <c r="B955" s="166">
        <v>0</v>
      </c>
      <c r="C955" s="166">
        <v>0</v>
      </c>
      <c r="D955" s="166">
        <v>0</v>
      </c>
      <c r="E955" s="166">
        <v>0</v>
      </c>
      <c r="F955" s="166">
        <v>0</v>
      </c>
      <c r="G955" s="166">
        <v>0</v>
      </c>
      <c r="H955" s="166">
        <v>0</v>
      </c>
      <c r="I955" s="166">
        <v>0</v>
      </c>
      <c r="J955" s="166">
        <v>-3225246.0919328001</v>
      </c>
      <c r="K955" s="166">
        <v>0</v>
      </c>
      <c r="L955" s="166">
        <v>0</v>
      </c>
      <c r="M955" s="166">
        <v>0</v>
      </c>
      <c r="N955" s="166">
        <v>0</v>
      </c>
      <c r="O955" s="166">
        <v>0</v>
      </c>
      <c r="P955" s="166">
        <v>-1314609.3712499901</v>
      </c>
      <c r="Q955" s="166">
        <v>0</v>
      </c>
      <c r="R955" s="166">
        <v>0</v>
      </c>
      <c r="S955" s="166">
        <v>-493699.8</v>
      </c>
      <c r="T955" s="166">
        <v>0</v>
      </c>
      <c r="U955" s="166">
        <v>0</v>
      </c>
      <c r="V955" s="166">
        <v>0</v>
      </c>
      <c r="W955" s="166">
        <v>0</v>
      </c>
      <c r="X955" s="166">
        <v>0</v>
      </c>
      <c r="Y955" s="166">
        <v>0</v>
      </c>
      <c r="Z955" s="166">
        <v>0</v>
      </c>
      <c r="AA955" s="166">
        <v>0</v>
      </c>
      <c r="AB955" s="166">
        <v>0</v>
      </c>
      <c r="AC955" s="166">
        <v>0</v>
      </c>
      <c r="AD955" s="166">
        <v>0</v>
      </c>
      <c r="AE955" s="166">
        <v>0</v>
      </c>
      <c r="AF955" s="166">
        <v>0</v>
      </c>
      <c r="AG955" s="166">
        <v>0</v>
      </c>
      <c r="AH955" s="166">
        <v>0</v>
      </c>
      <c r="AI955" s="166">
        <v>0</v>
      </c>
      <c r="AJ955" s="166">
        <v>-11163999.999999899</v>
      </c>
      <c r="AK955" s="166">
        <v>1129668</v>
      </c>
      <c r="AL955" s="166">
        <v>0</v>
      </c>
      <c r="AM955" s="166">
        <v>0</v>
      </c>
      <c r="AN955" s="166">
        <v>0</v>
      </c>
      <c r="AO955" s="166">
        <v>0</v>
      </c>
      <c r="AP955" s="166">
        <v>-109418.4</v>
      </c>
      <c r="AQ955" s="166">
        <v>0</v>
      </c>
      <c r="AR955" s="166">
        <v>-3269290.32</v>
      </c>
      <c r="AS955" s="166">
        <v>0</v>
      </c>
      <c r="AT955" s="166">
        <v>0</v>
      </c>
      <c r="AU955" s="166">
        <v>0</v>
      </c>
      <c r="AV955" s="166">
        <v>0</v>
      </c>
      <c r="AW955" s="166">
        <v>0</v>
      </c>
      <c r="AX955" s="166">
        <v>0</v>
      </c>
      <c r="AY955" s="166">
        <v>0</v>
      </c>
      <c r="AZ955" s="166">
        <v>0</v>
      </c>
      <c r="BA955" s="166">
        <v>0</v>
      </c>
      <c r="BB955" s="166">
        <v>0</v>
      </c>
      <c r="BC955" s="166">
        <v>0</v>
      </c>
      <c r="BD955" s="166">
        <v>0</v>
      </c>
      <c r="BE955" s="166">
        <v>-3225246.0919328001</v>
      </c>
      <c r="BF955" s="166">
        <v>-1314609.3712499901</v>
      </c>
      <c r="BG955" s="166">
        <v>0</v>
      </c>
      <c r="BH955" s="166">
        <v>-493699.8</v>
      </c>
      <c r="BI955" s="166">
        <v>0</v>
      </c>
      <c r="BJ955" s="166">
        <v>0</v>
      </c>
      <c r="BK955" s="166">
        <v>-11163999.999999899</v>
      </c>
      <c r="BL955" s="166">
        <v>1129668</v>
      </c>
      <c r="BM955" s="166">
        <v>-109418.4</v>
      </c>
      <c r="BN955" s="166">
        <v>-3269290.32</v>
      </c>
      <c r="BO955" s="166">
        <v>0</v>
      </c>
      <c r="BP955" s="166">
        <v>0</v>
      </c>
      <c r="BQ955" s="166">
        <v>0</v>
      </c>
      <c r="BR955" s="166">
        <v>0</v>
      </c>
      <c r="BS955" s="166">
        <v>-18446595.983182698</v>
      </c>
      <c r="BT955" s="168">
        <v>0</v>
      </c>
      <c r="BU955" s="166">
        <v>0</v>
      </c>
      <c r="BV955" s="166">
        <v>0</v>
      </c>
      <c r="BW955" s="166">
        <v>0</v>
      </c>
      <c r="BX955" s="166">
        <v>-3121360.9153116401</v>
      </c>
      <c r="BY955" s="166">
        <v>-1272265.8034020299</v>
      </c>
      <c r="BZ955" s="166">
        <v>0</v>
      </c>
      <c r="CA955" s="166">
        <v>-477797.72944199998</v>
      </c>
      <c r="CB955" s="166">
        <v>0</v>
      </c>
      <c r="CC955" s="166">
        <v>0</v>
      </c>
      <c r="CD955" s="166">
        <v>-10804407.560000001</v>
      </c>
      <c r="CE955" s="166">
        <v>1093281.3937200001</v>
      </c>
      <c r="CF955" s="166">
        <v>-105894.033335999</v>
      </c>
      <c r="CG955" s="166">
        <v>-3163986.4787928001</v>
      </c>
      <c r="CH955" s="166">
        <v>0</v>
      </c>
      <c r="CI955" s="166">
        <v>0</v>
      </c>
      <c r="CJ955" s="166">
        <v>0</v>
      </c>
      <c r="CK955" s="166">
        <v>0</v>
      </c>
      <c r="CL955" s="166">
        <v>-3121360.9153116401</v>
      </c>
      <c r="CM955" s="166">
        <v>-1272265.8034020299</v>
      </c>
      <c r="CN955" s="166">
        <v>0</v>
      </c>
      <c r="CO955" s="166">
        <v>-477797.72944199998</v>
      </c>
      <c r="CP955" s="166">
        <v>0</v>
      </c>
      <c r="CQ955" s="166">
        <v>0</v>
      </c>
      <c r="CR955" s="166">
        <v>-10804407.560000001</v>
      </c>
      <c r="CS955" s="166">
        <v>1093281.3937200001</v>
      </c>
      <c r="CT955" s="166">
        <v>-105894.033335999</v>
      </c>
      <c r="CU955" s="166">
        <v>-3163986.4787928001</v>
      </c>
      <c r="CV955" s="166">
        <v>0</v>
      </c>
      <c r="CW955" s="166">
        <v>0</v>
      </c>
      <c r="CX955" s="166">
        <v>0</v>
      </c>
      <c r="CY955" s="166">
        <v>-17852431.126564398</v>
      </c>
      <c r="CZ955" s="166">
        <v>-17852431.126564398</v>
      </c>
    </row>
    <row r="956" spans="1:104" x14ac:dyDescent="0.2">
      <c r="A956" s="167" t="s">
        <v>484</v>
      </c>
    </row>
    <row r="957" spans="1:104" x14ac:dyDescent="0.2">
      <c r="A957" s="170" t="s">
        <v>485</v>
      </c>
      <c r="B957" s="166">
        <v>998653524.38399899</v>
      </c>
      <c r="C957" s="166">
        <v>998653524.38399899</v>
      </c>
      <c r="D957" s="166">
        <v>0</v>
      </c>
      <c r="E957" s="166">
        <v>0</v>
      </c>
      <c r="F957" s="166">
        <v>0</v>
      </c>
      <c r="G957" s="166">
        <v>0</v>
      </c>
      <c r="H957" s="166">
        <v>0</v>
      </c>
      <c r="I957" s="166">
        <v>0</v>
      </c>
      <c r="J957" s="166">
        <v>-3225246.0919328001</v>
      </c>
      <c r="K957" s="166">
        <v>0</v>
      </c>
      <c r="L957" s="166">
        <v>0</v>
      </c>
      <c r="M957" s="166">
        <v>0</v>
      </c>
      <c r="N957" s="166">
        <v>0</v>
      </c>
      <c r="O957" s="166">
        <v>0</v>
      </c>
      <c r="P957" s="166">
        <v>-1314609.3712499901</v>
      </c>
      <c r="Q957" s="166">
        <v>0</v>
      </c>
      <c r="R957" s="166">
        <v>-114693907.974999</v>
      </c>
      <c r="S957" s="166">
        <v>-493699.8</v>
      </c>
      <c r="T957" s="166">
        <v>0</v>
      </c>
      <c r="U957" s="166">
        <v>-13700569.287941299</v>
      </c>
      <c r="V957" s="166">
        <v>0</v>
      </c>
      <c r="W957" s="166">
        <v>0</v>
      </c>
      <c r="X957" s="166">
        <v>0</v>
      </c>
      <c r="Y957" s="166">
        <v>0</v>
      </c>
      <c r="Z957" s="166">
        <v>0</v>
      </c>
      <c r="AA957" s="166">
        <v>0</v>
      </c>
      <c r="AB957" s="166">
        <v>0</v>
      </c>
      <c r="AC957" s="166">
        <v>0</v>
      </c>
      <c r="AD957" s="166">
        <v>0</v>
      </c>
      <c r="AE957" s="166">
        <v>0</v>
      </c>
      <c r="AF957" s="166">
        <v>0</v>
      </c>
      <c r="AG957" s="166">
        <v>0</v>
      </c>
      <c r="AH957" s="166">
        <v>0</v>
      </c>
      <c r="AI957" s="166">
        <v>0</v>
      </c>
      <c r="AJ957" s="166">
        <v>-11163999.999999899</v>
      </c>
      <c r="AK957" s="166">
        <v>1129668</v>
      </c>
      <c r="AL957" s="166">
        <v>0</v>
      </c>
      <c r="AM957" s="166">
        <v>0</v>
      </c>
      <c r="AN957" s="166">
        <v>0</v>
      </c>
      <c r="AO957" s="166">
        <v>0</v>
      </c>
      <c r="AP957" s="166">
        <v>-109418.4</v>
      </c>
      <c r="AQ957" s="166">
        <v>0</v>
      </c>
      <c r="AR957" s="166">
        <v>-3269290.32</v>
      </c>
      <c r="AS957" s="166">
        <v>0</v>
      </c>
      <c r="AT957" s="166">
        <v>0</v>
      </c>
      <c r="AU957" s="166">
        <v>0</v>
      </c>
      <c r="AV957" s="166">
        <v>0</v>
      </c>
      <c r="AW957" s="166">
        <v>0</v>
      </c>
      <c r="AX957" s="166">
        <v>-4255331.3826300399</v>
      </c>
      <c r="AY957" s="166">
        <v>-59485239.119999997</v>
      </c>
      <c r="AZ957" s="166">
        <v>-200000004</v>
      </c>
      <c r="BA957" s="166">
        <v>0</v>
      </c>
      <c r="BB957" s="166">
        <v>0</v>
      </c>
      <c r="BC957" s="166">
        <v>0</v>
      </c>
      <c r="BD957" s="166">
        <v>0</v>
      </c>
      <c r="BE957" s="166">
        <v>-3225246.0919328001</v>
      </c>
      <c r="BF957" s="166">
        <v>-1314609.3712499901</v>
      </c>
      <c r="BG957" s="166">
        <v>-114693907.974999</v>
      </c>
      <c r="BH957" s="166">
        <v>-493699.8</v>
      </c>
      <c r="BI957" s="166">
        <v>-13700569.287941299</v>
      </c>
      <c r="BJ957" s="166">
        <v>0</v>
      </c>
      <c r="BK957" s="166">
        <v>-11163999.999999899</v>
      </c>
      <c r="BL957" s="166">
        <v>1129668</v>
      </c>
      <c r="BM957" s="166">
        <v>-109418.4</v>
      </c>
      <c r="BN957" s="166">
        <v>-3269290.32</v>
      </c>
      <c r="BO957" s="166">
        <v>-4255331.3826300399</v>
      </c>
      <c r="BP957" s="166">
        <v>-59485239.119999997</v>
      </c>
      <c r="BQ957" s="166">
        <v>-200000004</v>
      </c>
      <c r="BR957" s="166">
        <v>998653524.38399899</v>
      </c>
      <c r="BS957" s="166">
        <v>588071876.63524604</v>
      </c>
      <c r="BT957" s="168">
        <v>0</v>
      </c>
      <c r="BU957" s="166">
        <v>73515618.309214398</v>
      </c>
      <c r="BV957" s="166">
        <v>975643566.92128098</v>
      </c>
      <c r="BW957" s="166">
        <v>0</v>
      </c>
      <c r="BX957" s="166">
        <v>-3121360.9153116401</v>
      </c>
      <c r="BY957" s="166">
        <v>-1272265.8034020299</v>
      </c>
      <c r="BZ957" s="166">
        <v>-114693907.974999</v>
      </c>
      <c r="CA957" s="166">
        <v>-477797.72944199998</v>
      </c>
      <c r="CB957" s="166">
        <v>-13478874.9282606</v>
      </c>
      <c r="CC957" s="166">
        <v>0</v>
      </c>
      <c r="CD957" s="166">
        <v>-10804407.560000001</v>
      </c>
      <c r="CE957" s="166">
        <v>1093281.3937200001</v>
      </c>
      <c r="CF957" s="166">
        <v>-105894.033335999</v>
      </c>
      <c r="CG957" s="166">
        <v>-3163986.4787928001</v>
      </c>
      <c r="CH957" s="166">
        <v>-4255331.3826300399</v>
      </c>
      <c r="CI957" s="166">
        <v>-57014722.972720303</v>
      </c>
      <c r="CJ957" s="166">
        <v>-200000004</v>
      </c>
      <c r="CK957" s="166">
        <v>0</v>
      </c>
      <c r="CL957" s="166">
        <v>-3121360.9153116401</v>
      </c>
      <c r="CM957" s="166">
        <v>-1272265.8034020299</v>
      </c>
      <c r="CN957" s="166">
        <v>-114693907.974999</v>
      </c>
      <c r="CO957" s="166">
        <v>-477797.72944199998</v>
      </c>
      <c r="CP957" s="166">
        <v>-13478874.9282606</v>
      </c>
      <c r="CQ957" s="166">
        <v>0</v>
      </c>
      <c r="CR957" s="166">
        <v>-10804407.560000001</v>
      </c>
      <c r="CS957" s="166">
        <v>1093281.3937200001</v>
      </c>
      <c r="CT957" s="166">
        <v>-105894.033335999</v>
      </c>
      <c r="CU957" s="166">
        <v>-3163986.4787928001</v>
      </c>
      <c r="CV957" s="166">
        <v>-4255331.3826300399</v>
      </c>
      <c r="CW957" s="166">
        <v>-57014722.972720303</v>
      </c>
      <c r="CX957" s="166">
        <v>-200000004</v>
      </c>
      <c r="CY957" s="166">
        <v>568348294.53610599</v>
      </c>
      <c r="CZ957" s="166">
        <v>568348294.53610599</v>
      </c>
    </row>
    <row r="958" spans="1:104" x14ac:dyDescent="0.2">
      <c r="A958" s="167" t="s">
        <v>486</v>
      </c>
    </row>
    <row r="959" spans="1:104" x14ac:dyDescent="0.2">
      <c r="A959" s="170" t="s">
        <v>487</v>
      </c>
    </row>
    <row r="960" spans="1:104" x14ac:dyDescent="0.2">
      <c r="A960" s="170" t="s">
        <v>488</v>
      </c>
    </row>
    <row r="961" spans="1:104" x14ac:dyDescent="0.2">
      <c r="A961" s="167" t="s">
        <v>489</v>
      </c>
      <c r="B961" s="166">
        <v>18982048.829999998</v>
      </c>
      <c r="C961" s="166">
        <v>18982048.829999998</v>
      </c>
      <c r="D961" s="166">
        <v>0</v>
      </c>
      <c r="E961" s="166">
        <v>0</v>
      </c>
      <c r="F961" s="166">
        <v>0</v>
      </c>
      <c r="G961" s="166">
        <v>-18982048.829999998</v>
      </c>
      <c r="H961" s="166">
        <v>0</v>
      </c>
      <c r="I961" s="166">
        <v>0</v>
      </c>
      <c r="J961" s="166">
        <v>0</v>
      </c>
      <c r="K961" s="166">
        <v>0</v>
      </c>
      <c r="L961" s="166">
        <v>0</v>
      </c>
      <c r="M961" s="166">
        <v>0</v>
      </c>
      <c r="N961" s="166">
        <v>0</v>
      </c>
      <c r="O961" s="166">
        <v>0</v>
      </c>
      <c r="P961" s="166">
        <v>0</v>
      </c>
      <c r="Q961" s="166">
        <v>0</v>
      </c>
      <c r="R961" s="166">
        <v>0</v>
      </c>
      <c r="S961" s="166">
        <v>0</v>
      </c>
      <c r="T961" s="166">
        <v>0</v>
      </c>
      <c r="U961" s="166">
        <v>0</v>
      </c>
      <c r="V961" s="166">
        <v>0</v>
      </c>
      <c r="W961" s="166">
        <v>0</v>
      </c>
      <c r="X961" s="166">
        <v>0</v>
      </c>
      <c r="Y961" s="166">
        <v>0</v>
      </c>
      <c r="Z961" s="166">
        <v>0</v>
      </c>
      <c r="AA961" s="166">
        <v>0</v>
      </c>
      <c r="AB961" s="166">
        <v>0</v>
      </c>
      <c r="AC961" s="166">
        <v>0</v>
      </c>
      <c r="AD961" s="166">
        <v>0</v>
      </c>
      <c r="AE961" s="166">
        <v>0</v>
      </c>
      <c r="AF961" s="166">
        <v>0</v>
      </c>
      <c r="AG961" s="166">
        <v>0</v>
      </c>
      <c r="AH961" s="166">
        <v>0</v>
      </c>
      <c r="AI961" s="166">
        <v>0</v>
      </c>
      <c r="AJ961" s="166">
        <v>0</v>
      </c>
      <c r="AK961" s="166">
        <v>0</v>
      </c>
      <c r="AL961" s="166">
        <v>0</v>
      </c>
      <c r="AM961" s="166">
        <v>0</v>
      </c>
      <c r="AN961" s="166">
        <v>0</v>
      </c>
      <c r="AO961" s="166">
        <v>0</v>
      </c>
      <c r="AP961" s="166">
        <v>0</v>
      </c>
      <c r="AQ961" s="166">
        <v>0</v>
      </c>
      <c r="AR961" s="166">
        <v>0</v>
      </c>
      <c r="AS961" s="166">
        <v>0</v>
      </c>
      <c r="AT961" s="166">
        <v>0</v>
      </c>
      <c r="AU961" s="166">
        <v>0</v>
      </c>
      <c r="AV961" s="166">
        <v>0</v>
      </c>
      <c r="AW961" s="166">
        <v>0</v>
      </c>
      <c r="AX961" s="166">
        <v>0</v>
      </c>
      <c r="AY961" s="166">
        <v>0</v>
      </c>
      <c r="AZ961" s="166">
        <v>0</v>
      </c>
      <c r="BA961" s="166">
        <v>0</v>
      </c>
      <c r="BB961" s="166">
        <v>0</v>
      </c>
      <c r="BC961" s="166">
        <v>0</v>
      </c>
      <c r="BD961" s="166">
        <v>-18982048.829999998</v>
      </c>
      <c r="BE961" s="166">
        <v>0</v>
      </c>
      <c r="BF961" s="166">
        <v>0</v>
      </c>
      <c r="BG961" s="166">
        <v>0</v>
      </c>
      <c r="BH961" s="166">
        <v>0</v>
      </c>
      <c r="BI961" s="166">
        <v>0</v>
      </c>
      <c r="BJ961" s="166">
        <v>0</v>
      </c>
      <c r="BK961" s="166">
        <v>0</v>
      </c>
      <c r="BL961" s="166">
        <v>0</v>
      </c>
      <c r="BM961" s="166">
        <v>0</v>
      </c>
      <c r="BN961" s="166">
        <v>0</v>
      </c>
      <c r="BO961" s="166">
        <v>0</v>
      </c>
      <c r="BP961" s="166">
        <v>0</v>
      </c>
      <c r="BQ961" s="166">
        <v>0</v>
      </c>
      <c r="BR961" s="166">
        <v>18982048.829999998</v>
      </c>
      <c r="BS961" s="166">
        <v>0</v>
      </c>
      <c r="BT961" s="168">
        <v>1</v>
      </c>
      <c r="BU961" s="166">
        <v>6157855.6332165496</v>
      </c>
      <c r="BV961" s="166">
        <v>18982048.829999998</v>
      </c>
      <c r="BW961" s="166">
        <v>-18982048.829999998</v>
      </c>
      <c r="BX961" s="166">
        <v>0</v>
      </c>
      <c r="BY961" s="166">
        <v>0</v>
      </c>
      <c r="BZ961" s="166">
        <v>0</v>
      </c>
      <c r="CA961" s="166">
        <v>0</v>
      </c>
      <c r="CB961" s="166">
        <v>0</v>
      </c>
      <c r="CC961" s="166">
        <v>0</v>
      </c>
      <c r="CD961" s="166">
        <v>0</v>
      </c>
      <c r="CE961" s="166">
        <v>0</v>
      </c>
      <c r="CF961" s="166">
        <v>0</v>
      </c>
      <c r="CG961" s="166">
        <v>0</v>
      </c>
      <c r="CH961" s="166">
        <v>0</v>
      </c>
      <c r="CI961" s="166">
        <v>0</v>
      </c>
      <c r="CJ961" s="166">
        <v>0</v>
      </c>
      <c r="CK961" s="166">
        <v>-18982048.829999998</v>
      </c>
      <c r="CL961" s="166">
        <v>0</v>
      </c>
      <c r="CM961" s="166">
        <v>0</v>
      </c>
      <c r="CN961" s="166">
        <v>0</v>
      </c>
      <c r="CO961" s="166">
        <v>0</v>
      </c>
      <c r="CP961" s="166">
        <v>0</v>
      </c>
      <c r="CQ961" s="166">
        <v>0</v>
      </c>
      <c r="CR961" s="166">
        <v>0</v>
      </c>
      <c r="CS961" s="166">
        <v>0</v>
      </c>
      <c r="CT961" s="166">
        <v>0</v>
      </c>
      <c r="CU961" s="166">
        <v>0</v>
      </c>
      <c r="CV961" s="166">
        <v>0</v>
      </c>
      <c r="CW961" s="166">
        <v>0</v>
      </c>
      <c r="CX961" s="166">
        <v>0</v>
      </c>
      <c r="CY961" s="166">
        <v>0</v>
      </c>
      <c r="CZ961" s="166">
        <v>0</v>
      </c>
    </row>
    <row r="962" spans="1:104" x14ac:dyDescent="0.2">
      <c r="A962" s="167" t="s">
        <v>1205</v>
      </c>
      <c r="B962" s="166">
        <v>322879469.79000002</v>
      </c>
      <c r="C962" s="166">
        <v>322879469.79000002</v>
      </c>
      <c r="D962" s="166">
        <v>0</v>
      </c>
      <c r="E962" s="166">
        <v>0</v>
      </c>
      <c r="F962" s="166">
        <v>0</v>
      </c>
      <c r="G962" s="166">
        <v>-322879469.79000002</v>
      </c>
      <c r="H962" s="166">
        <v>0</v>
      </c>
      <c r="I962" s="166">
        <v>0</v>
      </c>
      <c r="J962" s="166">
        <v>0</v>
      </c>
      <c r="K962" s="166">
        <v>0</v>
      </c>
      <c r="L962" s="166">
        <v>0</v>
      </c>
      <c r="M962" s="166">
        <v>0</v>
      </c>
      <c r="N962" s="166">
        <v>0</v>
      </c>
      <c r="O962" s="166">
        <v>0</v>
      </c>
      <c r="P962" s="166">
        <v>0</v>
      </c>
      <c r="Q962" s="166">
        <v>0</v>
      </c>
      <c r="R962" s="166">
        <v>0</v>
      </c>
      <c r="S962" s="166">
        <v>0</v>
      </c>
      <c r="T962" s="166">
        <v>0</v>
      </c>
      <c r="U962" s="166">
        <v>0</v>
      </c>
      <c r="V962" s="166">
        <v>0</v>
      </c>
      <c r="W962" s="166">
        <v>0</v>
      </c>
      <c r="X962" s="166">
        <v>0</v>
      </c>
      <c r="Y962" s="166">
        <v>0</v>
      </c>
      <c r="Z962" s="166">
        <v>0</v>
      </c>
      <c r="AA962" s="166">
        <v>0</v>
      </c>
      <c r="AB962" s="166">
        <v>0</v>
      </c>
      <c r="AC962" s="166">
        <v>0</v>
      </c>
      <c r="AD962" s="166">
        <v>0</v>
      </c>
      <c r="AE962" s="166">
        <v>0</v>
      </c>
      <c r="AF962" s="166">
        <v>0</v>
      </c>
      <c r="AG962" s="166">
        <v>0</v>
      </c>
      <c r="AH962" s="166">
        <v>0</v>
      </c>
      <c r="AI962" s="166">
        <v>0</v>
      </c>
      <c r="AJ962" s="166">
        <v>0</v>
      </c>
      <c r="AK962" s="166">
        <v>0</v>
      </c>
      <c r="AL962" s="166">
        <v>0</v>
      </c>
      <c r="AM962" s="166">
        <v>0</v>
      </c>
      <c r="AN962" s="166">
        <v>0</v>
      </c>
      <c r="AO962" s="166">
        <v>0</v>
      </c>
      <c r="AP962" s="166">
        <v>0</v>
      </c>
      <c r="AQ962" s="166">
        <v>0</v>
      </c>
      <c r="AR962" s="166">
        <v>0</v>
      </c>
      <c r="AS962" s="166">
        <v>0</v>
      </c>
      <c r="AT962" s="166">
        <v>0</v>
      </c>
      <c r="AU962" s="166">
        <v>0</v>
      </c>
      <c r="AV962" s="166">
        <v>0</v>
      </c>
      <c r="AW962" s="166">
        <v>0</v>
      </c>
      <c r="AX962" s="166">
        <v>0</v>
      </c>
      <c r="AY962" s="166">
        <v>0</v>
      </c>
      <c r="AZ962" s="166">
        <v>0</v>
      </c>
      <c r="BA962" s="166">
        <v>0</v>
      </c>
      <c r="BB962" s="166">
        <v>0</v>
      </c>
      <c r="BC962" s="166">
        <v>0</v>
      </c>
      <c r="BD962" s="166">
        <v>-322879469.79000002</v>
      </c>
      <c r="BE962" s="166">
        <v>0</v>
      </c>
      <c r="BF962" s="166">
        <v>0</v>
      </c>
      <c r="BG962" s="166">
        <v>0</v>
      </c>
      <c r="BH962" s="166">
        <v>0</v>
      </c>
      <c r="BI962" s="166">
        <v>0</v>
      </c>
      <c r="BJ962" s="166">
        <v>0</v>
      </c>
      <c r="BK962" s="166">
        <v>0</v>
      </c>
      <c r="BL962" s="166">
        <v>0</v>
      </c>
      <c r="BM962" s="166">
        <v>0</v>
      </c>
      <c r="BN962" s="166">
        <v>0</v>
      </c>
      <c r="BO962" s="166">
        <v>0</v>
      </c>
      <c r="BP962" s="166">
        <v>0</v>
      </c>
      <c r="BQ962" s="166">
        <v>0</v>
      </c>
      <c r="BR962" s="166">
        <v>322879469.79000002</v>
      </c>
      <c r="BS962" s="166">
        <v>0</v>
      </c>
      <c r="BT962" s="168">
        <v>0.96904113000000003</v>
      </c>
      <c r="BU962" s="166">
        <v>18762863.113935899</v>
      </c>
      <c r="BV962" s="166">
        <v>312883486.25910199</v>
      </c>
      <c r="BW962" s="166">
        <v>-312883486.25910199</v>
      </c>
      <c r="BX962" s="166">
        <v>0</v>
      </c>
      <c r="BY962" s="166">
        <v>0</v>
      </c>
      <c r="BZ962" s="166">
        <v>0</v>
      </c>
      <c r="CA962" s="166">
        <v>0</v>
      </c>
      <c r="CB962" s="166">
        <v>0</v>
      </c>
      <c r="CC962" s="166">
        <v>0</v>
      </c>
      <c r="CD962" s="166">
        <v>0</v>
      </c>
      <c r="CE962" s="166">
        <v>0</v>
      </c>
      <c r="CF962" s="166">
        <v>0</v>
      </c>
      <c r="CG962" s="166">
        <v>0</v>
      </c>
      <c r="CH962" s="166">
        <v>0</v>
      </c>
      <c r="CI962" s="166">
        <v>0</v>
      </c>
      <c r="CJ962" s="166">
        <v>0</v>
      </c>
      <c r="CK962" s="166">
        <v>-312883486.25910199</v>
      </c>
      <c r="CL962" s="166">
        <v>0</v>
      </c>
      <c r="CM962" s="166">
        <v>0</v>
      </c>
      <c r="CN962" s="166">
        <v>0</v>
      </c>
      <c r="CO962" s="166">
        <v>0</v>
      </c>
      <c r="CP962" s="166">
        <v>0</v>
      </c>
      <c r="CQ962" s="166">
        <v>0</v>
      </c>
      <c r="CR962" s="166">
        <v>0</v>
      </c>
      <c r="CS962" s="166">
        <v>0</v>
      </c>
      <c r="CT962" s="166">
        <v>0</v>
      </c>
      <c r="CU962" s="166">
        <v>0</v>
      </c>
      <c r="CV962" s="166">
        <v>0</v>
      </c>
      <c r="CW962" s="166">
        <v>0</v>
      </c>
      <c r="CX962" s="166">
        <v>0</v>
      </c>
      <c r="CY962" s="166">
        <v>0</v>
      </c>
      <c r="CZ962" s="166">
        <v>0</v>
      </c>
    </row>
    <row r="963" spans="1:104" x14ac:dyDescent="0.2">
      <c r="A963" s="167" t="s">
        <v>491</v>
      </c>
      <c r="B963" s="166">
        <v>341861518.62</v>
      </c>
      <c r="C963" s="166">
        <v>341861518.62</v>
      </c>
      <c r="D963" s="166">
        <v>0</v>
      </c>
      <c r="E963" s="166">
        <v>0</v>
      </c>
      <c r="F963" s="166">
        <v>0</v>
      </c>
      <c r="G963" s="166">
        <v>-341861518.62</v>
      </c>
      <c r="H963" s="166">
        <v>0</v>
      </c>
      <c r="I963" s="166">
        <v>0</v>
      </c>
      <c r="J963" s="166">
        <v>0</v>
      </c>
      <c r="K963" s="166">
        <v>0</v>
      </c>
      <c r="L963" s="166">
        <v>0</v>
      </c>
      <c r="M963" s="166">
        <v>0</v>
      </c>
      <c r="N963" s="166">
        <v>0</v>
      </c>
      <c r="O963" s="166">
        <v>0</v>
      </c>
      <c r="P963" s="166">
        <v>0</v>
      </c>
      <c r="Q963" s="166">
        <v>0</v>
      </c>
      <c r="R963" s="166">
        <v>0</v>
      </c>
      <c r="S963" s="166">
        <v>0</v>
      </c>
      <c r="T963" s="166">
        <v>0</v>
      </c>
      <c r="U963" s="166">
        <v>0</v>
      </c>
      <c r="V963" s="166">
        <v>0</v>
      </c>
      <c r="W963" s="166">
        <v>0</v>
      </c>
      <c r="X963" s="166">
        <v>0</v>
      </c>
      <c r="Y963" s="166">
        <v>0</v>
      </c>
      <c r="Z963" s="166">
        <v>0</v>
      </c>
      <c r="AA963" s="166">
        <v>0</v>
      </c>
      <c r="AB963" s="166">
        <v>0</v>
      </c>
      <c r="AC963" s="166">
        <v>0</v>
      </c>
      <c r="AD963" s="166">
        <v>0</v>
      </c>
      <c r="AE963" s="166">
        <v>0</v>
      </c>
      <c r="AF963" s="166">
        <v>0</v>
      </c>
      <c r="AG963" s="166">
        <v>0</v>
      </c>
      <c r="AH963" s="166">
        <v>0</v>
      </c>
      <c r="AI963" s="166">
        <v>0</v>
      </c>
      <c r="AJ963" s="166">
        <v>0</v>
      </c>
      <c r="AK963" s="166">
        <v>0</v>
      </c>
      <c r="AL963" s="166">
        <v>0</v>
      </c>
      <c r="AM963" s="166">
        <v>0</v>
      </c>
      <c r="AN963" s="166">
        <v>0</v>
      </c>
      <c r="AO963" s="166">
        <v>0</v>
      </c>
      <c r="AP963" s="166">
        <v>0</v>
      </c>
      <c r="AQ963" s="166">
        <v>0</v>
      </c>
      <c r="AR963" s="166">
        <v>0</v>
      </c>
      <c r="AS963" s="166">
        <v>0</v>
      </c>
      <c r="AT963" s="166">
        <v>0</v>
      </c>
      <c r="AU963" s="166">
        <v>0</v>
      </c>
      <c r="AV963" s="166">
        <v>0</v>
      </c>
      <c r="AW963" s="166">
        <v>0</v>
      </c>
      <c r="AX963" s="166">
        <v>0</v>
      </c>
      <c r="AY963" s="166">
        <v>0</v>
      </c>
      <c r="AZ963" s="166">
        <v>0</v>
      </c>
      <c r="BA963" s="166">
        <v>0</v>
      </c>
      <c r="BB963" s="166">
        <v>0</v>
      </c>
      <c r="BC963" s="166">
        <v>0</v>
      </c>
      <c r="BD963" s="166">
        <v>-341861518.62</v>
      </c>
      <c r="BE963" s="166">
        <v>0</v>
      </c>
      <c r="BF963" s="166">
        <v>0</v>
      </c>
      <c r="BG963" s="166">
        <v>0</v>
      </c>
      <c r="BH963" s="166">
        <v>0</v>
      </c>
      <c r="BI963" s="166">
        <v>0</v>
      </c>
      <c r="BJ963" s="166">
        <v>0</v>
      </c>
      <c r="BK963" s="166">
        <v>0</v>
      </c>
      <c r="BL963" s="166">
        <v>0</v>
      </c>
      <c r="BM963" s="166">
        <v>0</v>
      </c>
      <c r="BN963" s="166">
        <v>0</v>
      </c>
      <c r="BO963" s="166">
        <v>0</v>
      </c>
      <c r="BP963" s="166">
        <v>0</v>
      </c>
      <c r="BQ963" s="166">
        <v>0</v>
      </c>
      <c r="BR963" s="166">
        <v>341861518.62</v>
      </c>
      <c r="BS963" s="166">
        <v>0</v>
      </c>
      <c r="BT963" s="166">
        <v>0</v>
      </c>
      <c r="BU963" s="166">
        <v>24920718.747152399</v>
      </c>
      <c r="BV963" s="166">
        <v>331865535.08910203</v>
      </c>
      <c r="BW963" s="166">
        <v>-331865535.08910203</v>
      </c>
      <c r="BX963" s="166">
        <v>0</v>
      </c>
      <c r="BY963" s="166">
        <v>0</v>
      </c>
      <c r="BZ963" s="166">
        <v>0</v>
      </c>
      <c r="CA963" s="166">
        <v>0</v>
      </c>
      <c r="CB963" s="166">
        <v>0</v>
      </c>
      <c r="CC963" s="166">
        <v>0</v>
      </c>
      <c r="CD963" s="166">
        <v>0</v>
      </c>
      <c r="CE963" s="166">
        <v>0</v>
      </c>
      <c r="CF963" s="166">
        <v>0</v>
      </c>
      <c r="CG963" s="166">
        <v>0</v>
      </c>
      <c r="CH963" s="166">
        <v>0</v>
      </c>
      <c r="CI963" s="166">
        <v>0</v>
      </c>
      <c r="CJ963" s="166">
        <v>0</v>
      </c>
      <c r="CK963" s="166">
        <v>-331865535.08910203</v>
      </c>
      <c r="CL963" s="166">
        <v>0</v>
      </c>
      <c r="CM963" s="166">
        <v>0</v>
      </c>
      <c r="CN963" s="166">
        <v>0</v>
      </c>
      <c r="CO963" s="166">
        <v>0</v>
      </c>
      <c r="CP963" s="166">
        <v>0</v>
      </c>
      <c r="CQ963" s="166">
        <v>0</v>
      </c>
      <c r="CR963" s="166">
        <v>0</v>
      </c>
      <c r="CS963" s="166">
        <v>0</v>
      </c>
      <c r="CT963" s="166">
        <v>0</v>
      </c>
      <c r="CU963" s="166">
        <v>0</v>
      </c>
      <c r="CV963" s="166">
        <v>0</v>
      </c>
      <c r="CW963" s="166">
        <v>0</v>
      </c>
      <c r="CX963" s="166">
        <v>0</v>
      </c>
      <c r="CY963" s="166">
        <v>0</v>
      </c>
      <c r="CZ963" s="166">
        <v>0</v>
      </c>
    </row>
    <row r="964" spans="1:104" x14ac:dyDescent="0.2">
      <c r="A964" s="167" t="s">
        <v>492</v>
      </c>
    </row>
    <row r="965" spans="1:104" x14ac:dyDescent="0.2">
      <c r="A965" s="170" t="s">
        <v>493</v>
      </c>
    </row>
    <row r="966" spans="1:104" x14ac:dyDescent="0.2">
      <c r="A966" s="167" t="s">
        <v>494</v>
      </c>
      <c r="B966" s="166">
        <v>38715594.639935501</v>
      </c>
      <c r="C966" s="166">
        <v>38715594.639935501</v>
      </c>
      <c r="D966" s="166">
        <v>0</v>
      </c>
      <c r="E966" s="166">
        <v>0</v>
      </c>
      <c r="F966" s="166">
        <v>0</v>
      </c>
      <c r="G966" s="166">
        <v>0</v>
      </c>
      <c r="H966" s="166">
        <v>0</v>
      </c>
      <c r="I966" s="166">
        <v>0</v>
      </c>
      <c r="J966" s="166">
        <v>0</v>
      </c>
      <c r="K966" s="166">
        <v>0</v>
      </c>
      <c r="L966" s="166">
        <v>0</v>
      </c>
      <c r="M966" s="166">
        <v>0</v>
      </c>
      <c r="N966" s="166">
        <v>0</v>
      </c>
      <c r="O966" s="166">
        <v>0</v>
      </c>
      <c r="P966" s="166">
        <v>0</v>
      </c>
      <c r="Q966" s="166">
        <v>0</v>
      </c>
      <c r="R966" s="166">
        <v>0</v>
      </c>
      <c r="S966" s="166">
        <v>0</v>
      </c>
      <c r="T966" s="166">
        <v>0</v>
      </c>
      <c r="U966" s="166">
        <v>0</v>
      </c>
      <c r="V966" s="166">
        <v>0</v>
      </c>
      <c r="W966" s="166">
        <v>0</v>
      </c>
      <c r="X966" s="166">
        <v>0</v>
      </c>
      <c r="Y966" s="166">
        <v>0</v>
      </c>
      <c r="Z966" s="166">
        <v>0</v>
      </c>
      <c r="AA966" s="166">
        <v>0</v>
      </c>
      <c r="AB966" s="166">
        <v>-38715594.639935501</v>
      </c>
      <c r="AC966" s="166">
        <v>0</v>
      </c>
      <c r="AD966" s="166">
        <v>0</v>
      </c>
      <c r="AE966" s="166">
        <v>0</v>
      </c>
      <c r="AF966" s="166">
        <v>0</v>
      </c>
      <c r="AG966" s="166">
        <v>0</v>
      </c>
      <c r="AH966" s="166">
        <v>0</v>
      </c>
      <c r="AI966" s="166">
        <v>0</v>
      </c>
      <c r="AJ966" s="166">
        <v>0</v>
      </c>
      <c r="AK966" s="166">
        <v>0</v>
      </c>
      <c r="AL966" s="166">
        <v>0</v>
      </c>
      <c r="AM966" s="166">
        <v>0</v>
      </c>
      <c r="AN966" s="166">
        <v>0</v>
      </c>
      <c r="AO966" s="166">
        <v>0</v>
      </c>
      <c r="AP966" s="166">
        <v>0</v>
      </c>
      <c r="AQ966" s="166">
        <v>0</v>
      </c>
      <c r="AR966" s="166">
        <v>0</v>
      </c>
      <c r="AS966" s="166">
        <v>0</v>
      </c>
      <c r="AT966" s="166">
        <v>0</v>
      </c>
      <c r="AU966" s="166">
        <v>0</v>
      </c>
      <c r="AV966" s="166">
        <v>0</v>
      </c>
      <c r="AW966" s="166">
        <v>0</v>
      </c>
      <c r="AX966" s="166">
        <v>0</v>
      </c>
      <c r="AY966" s="166">
        <v>0</v>
      </c>
      <c r="AZ966" s="166">
        <v>0</v>
      </c>
      <c r="BA966" s="166">
        <v>0</v>
      </c>
      <c r="BB966" s="166">
        <v>0</v>
      </c>
      <c r="BC966" s="166">
        <v>0</v>
      </c>
      <c r="BD966" s="166">
        <v>0</v>
      </c>
      <c r="BE966" s="166">
        <v>0</v>
      </c>
      <c r="BF966" s="166">
        <v>0</v>
      </c>
      <c r="BG966" s="166">
        <v>0</v>
      </c>
      <c r="BH966" s="166">
        <v>0</v>
      </c>
      <c r="BI966" s="166">
        <v>0</v>
      </c>
      <c r="BJ966" s="166">
        <v>-38715594.639935501</v>
      </c>
      <c r="BK966" s="166">
        <v>0</v>
      </c>
      <c r="BL966" s="166">
        <v>0</v>
      </c>
      <c r="BM966" s="166">
        <v>0</v>
      </c>
      <c r="BN966" s="166">
        <v>0</v>
      </c>
      <c r="BO966" s="166">
        <v>0</v>
      </c>
      <c r="BP966" s="166">
        <v>0</v>
      </c>
      <c r="BQ966" s="166">
        <v>0</v>
      </c>
      <c r="BR966" s="166">
        <v>38715594.639935501</v>
      </c>
      <c r="BS966" s="166">
        <v>0</v>
      </c>
      <c r="BT966" s="168">
        <v>0</v>
      </c>
      <c r="BU966" s="166">
        <v>0</v>
      </c>
      <c r="BV966" s="166">
        <v>0</v>
      </c>
      <c r="BW966" s="166">
        <v>0</v>
      </c>
      <c r="BX966" s="166">
        <v>0</v>
      </c>
      <c r="BY966" s="166">
        <v>0</v>
      </c>
      <c r="BZ966" s="166">
        <v>0</v>
      </c>
      <c r="CA966" s="166">
        <v>0</v>
      </c>
      <c r="CB966" s="166">
        <v>0</v>
      </c>
      <c r="CC966" s="166">
        <v>0</v>
      </c>
      <c r="CD966" s="166">
        <v>0</v>
      </c>
      <c r="CE966" s="166">
        <v>0</v>
      </c>
      <c r="CF966" s="166">
        <v>0</v>
      </c>
      <c r="CG966" s="166">
        <v>0</v>
      </c>
      <c r="CH966" s="166">
        <v>0</v>
      </c>
      <c r="CI966" s="166">
        <v>0</v>
      </c>
      <c r="CJ966" s="166">
        <v>0</v>
      </c>
      <c r="CK966" s="166">
        <v>0</v>
      </c>
      <c r="CL966" s="166">
        <v>0</v>
      </c>
      <c r="CM966" s="166">
        <v>0</v>
      </c>
      <c r="CN966" s="166">
        <v>0</v>
      </c>
      <c r="CO966" s="166">
        <v>0</v>
      </c>
      <c r="CP966" s="166">
        <v>0</v>
      </c>
      <c r="CQ966" s="166">
        <v>0</v>
      </c>
      <c r="CR966" s="166">
        <v>0</v>
      </c>
      <c r="CS966" s="166">
        <v>0</v>
      </c>
      <c r="CT966" s="166">
        <v>0</v>
      </c>
      <c r="CU966" s="166">
        <v>0</v>
      </c>
      <c r="CV966" s="166">
        <v>0</v>
      </c>
      <c r="CW966" s="166">
        <v>0</v>
      </c>
      <c r="CX966" s="166">
        <v>0</v>
      </c>
      <c r="CY966" s="166">
        <v>0</v>
      </c>
      <c r="CZ966" s="166">
        <v>0</v>
      </c>
    </row>
    <row r="967" spans="1:104" x14ac:dyDescent="0.2">
      <c r="A967" s="167" t="s">
        <v>1206</v>
      </c>
      <c r="B967" s="166">
        <v>2094821472.1321299</v>
      </c>
      <c r="C967" s="166">
        <v>2094821472.1321299</v>
      </c>
      <c r="D967" s="166">
        <v>0</v>
      </c>
      <c r="E967" s="166">
        <v>0</v>
      </c>
      <c r="F967" s="166">
        <v>0</v>
      </c>
      <c r="G967" s="166">
        <v>0</v>
      </c>
      <c r="H967" s="166">
        <v>0</v>
      </c>
      <c r="I967" s="166">
        <v>0</v>
      </c>
      <c r="J967" s="166">
        <v>0</v>
      </c>
      <c r="K967" s="166">
        <v>0</v>
      </c>
      <c r="L967" s="166">
        <v>0</v>
      </c>
      <c r="M967" s="166">
        <v>0</v>
      </c>
      <c r="N967" s="166">
        <v>0</v>
      </c>
      <c r="O967" s="166">
        <v>0</v>
      </c>
      <c r="P967" s="166">
        <v>0</v>
      </c>
      <c r="Q967" s="166">
        <v>0</v>
      </c>
      <c r="R967" s="166">
        <v>0</v>
      </c>
      <c r="S967" s="166">
        <v>0</v>
      </c>
      <c r="T967" s="166">
        <v>0</v>
      </c>
      <c r="U967" s="166">
        <v>0</v>
      </c>
      <c r="V967" s="166">
        <v>0</v>
      </c>
      <c r="W967" s="166">
        <v>0</v>
      </c>
      <c r="X967" s="166">
        <v>0</v>
      </c>
      <c r="Y967" s="166">
        <v>0</v>
      </c>
      <c r="Z967" s="166">
        <v>0</v>
      </c>
      <c r="AA967" s="166">
        <v>0</v>
      </c>
      <c r="AB967" s="166">
        <v>-2094821472.1321299</v>
      </c>
      <c r="AC967" s="166">
        <v>0</v>
      </c>
      <c r="AD967" s="166">
        <v>0</v>
      </c>
      <c r="AE967" s="166">
        <v>0</v>
      </c>
      <c r="AF967" s="166">
        <v>0</v>
      </c>
      <c r="AG967" s="166">
        <v>0</v>
      </c>
      <c r="AH967" s="166">
        <v>0</v>
      </c>
      <c r="AI967" s="166">
        <v>0</v>
      </c>
      <c r="AJ967" s="166">
        <v>0</v>
      </c>
      <c r="AK967" s="166">
        <v>0</v>
      </c>
      <c r="AL967" s="166">
        <v>0</v>
      </c>
      <c r="AM967" s="166">
        <v>0</v>
      </c>
      <c r="AN967" s="166">
        <v>0</v>
      </c>
      <c r="AO967" s="166">
        <v>0</v>
      </c>
      <c r="AP967" s="166">
        <v>0</v>
      </c>
      <c r="AQ967" s="166">
        <v>0</v>
      </c>
      <c r="AR967" s="166">
        <v>0</v>
      </c>
      <c r="AS967" s="166">
        <v>0</v>
      </c>
      <c r="AT967" s="166">
        <v>0</v>
      </c>
      <c r="AU967" s="166">
        <v>0</v>
      </c>
      <c r="AV967" s="166">
        <v>0</v>
      </c>
      <c r="AW967" s="166">
        <v>0</v>
      </c>
      <c r="AX967" s="166">
        <v>0</v>
      </c>
      <c r="AY967" s="166">
        <v>0</v>
      </c>
      <c r="AZ967" s="166">
        <v>0</v>
      </c>
      <c r="BA967" s="166">
        <v>0</v>
      </c>
      <c r="BB967" s="166">
        <v>0</v>
      </c>
      <c r="BC967" s="166">
        <v>0</v>
      </c>
      <c r="BD967" s="166">
        <v>0</v>
      </c>
      <c r="BE967" s="166">
        <v>0</v>
      </c>
      <c r="BF967" s="166">
        <v>0</v>
      </c>
      <c r="BG967" s="166">
        <v>0</v>
      </c>
      <c r="BH967" s="166">
        <v>0</v>
      </c>
      <c r="BI967" s="166">
        <v>0</v>
      </c>
      <c r="BJ967" s="166">
        <v>-2094821472.1321299</v>
      </c>
      <c r="BK967" s="166">
        <v>0</v>
      </c>
      <c r="BL967" s="166">
        <v>0</v>
      </c>
      <c r="BM967" s="166">
        <v>0</v>
      </c>
      <c r="BN967" s="166">
        <v>0</v>
      </c>
      <c r="BO967" s="166">
        <v>0</v>
      </c>
      <c r="BP967" s="166">
        <v>0</v>
      </c>
      <c r="BQ967" s="166">
        <v>0</v>
      </c>
      <c r="BR967" s="166">
        <v>2094821472.1321299</v>
      </c>
      <c r="BS967" s="166">
        <v>0</v>
      </c>
      <c r="BT967" s="168">
        <v>0.99957949999999895</v>
      </c>
      <c r="BU967" s="166">
        <v>157261048.251589</v>
      </c>
      <c r="BV967" s="166">
        <v>2093940599.7031</v>
      </c>
      <c r="BW967" s="166">
        <v>0</v>
      </c>
      <c r="BX967" s="166">
        <v>0</v>
      </c>
      <c r="BY967" s="166">
        <v>0</v>
      </c>
      <c r="BZ967" s="166">
        <v>0</v>
      </c>
      <c r="CA967" s="166">
        <v>0</v>
      </c>
      <c r="CB967" s="166">
        <v>0</v>
      </c>
      <c r="CC967" s="166">
        <v>-2093940599.7031</v>
      </c>
      <c r="CD967" s="166">
        <v>0</v>
      </c>
      <c r="CE967" s="166">
        <v>0</v>
      </c>
      <c r="CF967" s="166">
        <v>0</v>
      </c>
      <c r="CG967" s="166">
        <v>0</v>
      </c>
      <c r="CH967" s="166">
        <v>0</v>
      </c>
      <c r="CI967" s="166">
        <v>0</v>
      </c>
      <c r="CJ967" s="166">
        <v>0</v>
      </c>
      <c r="CK967" s="166">
        <v>0</v>
      </c>
      <c r="CL967" s="166">
        <v>0</v>
      </c>
      <c r="CM967" s="166">
        <v>0</v>
      </c>
      <c r="CN967" s="166">
        <v>0</v>
      </c>
      <c r="CO967" s="166">
        <v>0</v>
      </c>
      <c r="CP967" s="166">
        <v>0</v>
      </c>
      <c r="CQ967" s="166">
        <v>-2093940599.7031</v>
      </c>
      <c r="CR967" s="166">
        <v>0</v>
      </c>
      <c r="CS967" s="166">
        <v>0</v>
      </c>
      <c r="CT967" s="166">
        <v>0</v>
      </c>
      <c r="CU967" s="166">
        <v>0</v>
      </c>
      <c r="CV967" s="166">
        <v>0</v>
      </c>
      <c r="CW967" s="166">
        <v>0</v>
      </c>
      <c r="CX967" s="166">
        <v>0</v>
      </c>
      <c r="CY967" s="166">
        <v>0</v>
      </c>
      <c r="CZ967" s="166">
        <v>0</v>
      </c>
    </row>
    <row r="968" spans="1:104" x14ac:dyDescent="0.2">
      <c r="A968" s="167" t="s">
        <v>496</v>
      </c>
      <c r="B968" s="166">
        <v>0</v>
      </c>
      <c r="C968" s="166">
        <v>0</v>
      </c>
      <c r="D968" s="166">
        <v>0</v>
      </c>
      <c r="E968" s="166">
        <v>0</v>
      </c>
      <c r="F968" s="166">
        <v>0</v>
      </c>
      <c r="G968" s="166">
        <v>0</v>
      </c>
      <c r="H968" s="166">
        <v>0</v>
      </c>
      <c r="I968" s="166">
        <v>0</v>
      </c>
      <c r="J968" s="166">
        <v>0</v>
      </c>
      <c r="K968" s="166">
        <v>0</v>
      </c>
      <c r="L968" s="166">
        <v>0</v>
      </c>
      <c r="M968" s="166">
        <v>0</v>
      </c>
      <c r="N968" s="166">
        <v>0</v>
      </c>
      <c r="O968" s="166">
        <v>0</v>
      </c>
      <c r="P968" s="166">
        <v>0</v>
      </c>
      <c r="Q968" s="166">
        <v>0</v>
      </c>
      <c r="R968" s="166">
        <v>0</v>
      </c>
      <c r="S968" s="166">
        <v>0</v>
      </c>
      <c r="T968" s="166">
        <v>0</v>
      </c>
      <c r="U968" s="166">
        <v>0</v>
      </c>
      <c r="V968" s="166">
        <v>0</v>
      </c>
      <c r="W968" s="166">
        <v>0</v>
      </c>
      <c r="X968" s="166">
        <v>0</v>
      </c>
      <c r="Y968" s="166">
        <v>0</v>
      </c>
      <c r="Z968" s="166">
        <v>0</v>
      </c>
      <c r="AA968" s="166">
        <v>0</v>
      </c>
      <c r="AB968" s="166">
        <v>0</v>
      </c>
      <c r="AC968" s="166">
        <v>0</v>
      </c>
      <c r="AD968" s="166">
        <v>0</v>
      </c>
      <c r="AE968" s="166">
        <v>0</v>
      </c>
      <c r="AF968" s="166">
        <v>0</v>
      </c>
      <c r="AG968" s="166">
        <v>0</v>
      </c>
      <c r="AH968" s="166">
        <v>0</v>
      </c>
      <c r="AI968" s="166">
        <v>0</v>
      </c>
      <c r="AJ968" s="166">
        <v>0</v>
      </c>
      <c r="AK968" s="166">
        <v>0</v>
      </c>
      <c r="AL968" s="166">
        <v>0</v>
      </c>
      <c r="AM968" s="166">
        <v>0</v>
      </c>
      <c r="AN968" s="166">
        <v>0</v>
      </c>
      <c r="AO968" s="166">
        <v>0</v>
      </c>
      <c r="AP968" s="166">
        <v>0</v>
      </c>
      <c r="AQ968" s="166">
        <v>0</v>
      </c>
      <c r="AR968" s="166">
        <v>0</v>
      </c>
      <c r="AS968" s="166">
        <v>0</v>
      </c>
      <c r="AT968" s="166">
        <v>0</v>
      </c>
      <c r="AU968" s="166">
        <v>0</v>
      </c>
      <c r="AV968" s="166">
        <v>0</v>
      </c>
      <c r="AW968" s="166">
        <v>0</v>
      </c>
      <c r="AX968" s="166">
        <v>0</v>
      </c>
      <c r="AY968" s="166">
        <v>0</v>
      </c>
      <c r="AZ968" s="166">
        <v>0</v>
      </c>
      <c r="BA968" s="166">
        <v>0</v>
      </c>
      <c r="BB968" s="166">
        <v>0</v>
      </c>
      <c r="BC968" s="166">
        <v>0</v>
      </c>
      <c r="BD968" s="166">
        <v>0</v>
      </c>
      <c r="BE968" s="166">
        <v>0</v>
      </c>
      <c r="BF968" s="166">
        <v>0</v>
      </c>
      <c r="BG968" s="166">
        <v>0</v>
      </c>
      <c r="BH968" s="166">
        <v>0</v>
      </c>
      <c r="BI968" s="166">
        <v>0</v>
      </c>
      <c r="BJ968" s="166">
        <v>0</v>
      </c>
      <c r="BK968" s="166">
        <v>0</v>
      </c>
      <c r="BL968" s="166">
        <v>0</v>
      </c>
      <c r="BM968" s="166">
        <v>0</v>
      </c>
      <c r="BN968" s="166">
        <v>0</v>
      </c>
      <c r="BO968" s="166">
        <v>0</v>
      </c>
      <c r="BP968" s="166">
        <v>0</v>
      </c>
      <c r="BQ968" s="166">
        <v>0</v>
      </c>
      <c r="BR968" s="166">
        <v>0</v>
      </c>
      <c r="BS968" s="166">
        <v>0</v>
      </c>
      <c r="BT968" s="168">
        <v>0.99957949999999895</v>
      </c>
      <c r="BU968" s="166">
        <v>0</v>
      </c>
      <c r="BV968" s="166">
        <v>0</v>
      </c>
      <c r="BW968" s="166">
        <v>0</v>
      </c>
      <c r="BX968" s="166">
        <v>0</v>
      </c>
      <c r="BY968" s="166">
        <v>0</v>
      </c>
      <c r="BZ968" s="166">
        <v>0</v>
      </c>
      <c r="CA968" s="166">
        <v>0</v>
      </c>
      <c r="CB968" s="166">
        <v>0</v>
      </c>
      <c r="CC968" s="166">
        <v>0</v>
      </c>
      <c r="CD968" s="166">
        <v>0</v>
      </c>
      <c r="CE968" s="166">
        <v>0</v>
      </c>
      <c r="CF968" s="166">
        <v>0</v>
      </c>
      <c r="CG968" s="166">
        <v>0</v>
      </c>
      <c r="CH968" s="166">
        <v>0</v>
      </c>
      <c r="CI968" s="166">
        <v>0</v>
      </c>
      <c r="CJ968" s="166">
        <v>0</v>
      </c>
      <c r="CK968" s="166">
        <v>0</v>
      </c>
      <c r="CL968" s="166">
        <v>0</v>
      </c>
      <c r="CM968" s="166">
        <v>0</v>
      </c>
      <c r="CN968" s="166">
        <v>0</v>
      </c>
      <c r="CO968" s="166">
        <v>0</v>
      </c>
      <c r="CP968" s="166">
        <v>0</v>
      </c>
      <c r="CQ968" s="166">
        <v>0</v>
      </c>
      <c r="CR968" s="166">
        <v>0</v>
      </c>
      <c r="CS968" s="166">
        <v>0</v>
      </c>
      <c r="CT968" s="166">
        <v>0</v>
      </c>
      <c r="CU968" s="166">
        <v>0</v>
      </c>
      <c r="CV968" s="166">
        <v>0</v>
      </c>
      <c r="CW968" s="166">
        <v>0</v>
      </c>
      <c r="CX968" s="166">
        <v>0</v>
      </c>
      <c r="CY968" s="166">
        <v>0</v>
      </c>
      <c r="CZ968" s="166">
        <v>0</v>
      </c>
    </row>
    <row r="969" spans="1:104" x14ac:dyDescent="0.2">
      <c r="A969" s="170" t="s">
        <v>497</v>
      </c>
      <c r="B969" s="166">
        <v>2475398585.3920698</v>
      </c>
      <c r="C969" s="166">
        <v>2475398585.3920698</v>
      </c>
      <c r="D969" s="166">
        <v>0</v>
      </c>
      <c r="E969" s="166">
        <v>0</v>
      </c>
      <c r="F969" s="166">
        <v>0</v>
      </c>
      <c r="G969" s="166">
        <v>-341861518.62</v>
      </c>
      <c r="H969" s="166">
        <v>0</v>
      </c>
      <c r="I969" s="166">
        <v>0</v>
      </c>
      <c r="J969" s="166">
        <v>0</v>
      </c>
      <c r="K969" s="166">
        <v>0</v>
      </c>
      <c r="L969" s="166">
        <v>0</v>
      </c>
      <c r="M969" s="166">
        <v>0</v>
      </c>
      <c r="N969" s="166">
        <v>0</v>
      </c>
      <c r="O969" s="166">
        <v>0</v>
      </c>
      <c r="P969" s="166">
        <v>0</v>
      </c>
      <c r="Q969" s="166">
        <v>0</v>
      </c>
      <c r="R969" s="166">
        <v>0</v>
      </c>
      <c r="S969" s="166">
        <v>0</v>
      </c>
      <c r="T969" s="166">
        <v>0</v>
      </c>
      <c r="U969" s="166">
        <v>0</v>
      </c>
      <c r="V969" s="166">
        <v>0</v>
      </c>
      <c r="W969" s="166">
        <v>0</v>
      </c>
      <c r="X969" s="166">
        <v>0</v>
      </c>
      <c r="Y969" s="166">
        <v>0</v>
      </c>
      <c r="Z969" s="166">
        <v>0</v>
      </c>
      <c r="AA969" s="166">
        <v>0</v>
      </c>
      <c r="AB969" s="166">
        <v>-2133537066.7720699</v>
      </c>
      <c r="AC969" s="166">
        <v>0</v>
      </c>
      <c r="AD969" s="166">
        <v>0</v>
      </c>
      <c r="AE969" s="166">
        <v>0</v>
      </c>
      <c r="AF969" s="166">
        <v>0</v>
      </c>
      <c r="AG969" s="166">
        <v>0</v>
      </c>
      <c r="AH969" s="166">
        <v>0</v>
      </c>
      <c r="AI969" s="166">
        <v>0</v>
      </c>
      <c r="AJ969" s="166">
        <v>0</v>
      </c>
      <c r="AK969" s="166">
        <v>0</v>
      </c>
      <c r="AL969" s="166">
        <v>0</v>
      </c>
      <c r="AM969" s="166">
        <v>0</v>
      </c>
      <c r="AN969" s="166">
        <v>0</v>
      </c>
      <c r="AO969" s="166">
        <v>0</v>
      </c>
      <c r="AP969" s="166">
        <v>0</v>
      </c>
      <c r="AQ969" s="166">
        <v>0</v>
      </c>
      <c r="AR969" s="166">
        <v>0</v>
      </c>
      <c r="AS969" s="166">
        <v>0</v>
      </c>
      <c r="AT969" s="166">
        <v>0</v>
      </c>
      <c r="AU969" s="166">
        <v>0</v>
      </c>
      <c r="AV969" s="166">
        <v>0</v>
      </c>
      <c r="AW969" s="166">
        <v>0</v>
      </c>
      <c r="AX969" s="166">
        <v>0</v>
      </c>
      <c r="AY969" s="166">
        <v>0</v>
      </c>
      <c r="AZ969" s="166">
        <v>0</v>
      </c>
      <c r="BA969" s="166">
        <v>0</v>
      </c>
      <c r="BB969" s="166">
        <v>0</v>
      </c>
      <c r="BC969" s="166">
        <v>0</v>
      </c>
      <c r="BD969" s="166">
        <v>-341861518.62</v>
      </c>
      <c r="BE969" s="166">
        <v>0</v>
      </c>
      <c r="BF969" s="166">
        <v>0</v>
      </c>
      <c r="BG969" s="166">
        <v>0</v>
      </c>
      <c r="BH969" s="166">
        <v>0</v>
      </c>
      <c r="BI969" s="166">
        <v>0</v>
      </c>
      <c r="BJ969" s="166">
        <v>-2133537066.7720699</v>
      </c>
      <c r="BK969" s="166">
        <v>0</v>
      </c>
      <c r="BL969" s="166">
        <v>0</v>
      </c>
      <c r="BM969" s="166">
        <v>0</v>
      </c>
      <c r="BN969" s="166">
        <v>0</v>
      </c>
      <c r="BO969" s="166">
        <v>0</v>
      </c>
      <c r="BP969" s="166">
        <v>0</v>
      </c>
      <c r="BQ969" s="166">
        <v>0</v>
      </c>
      <c r="BR969" s="166">
        <v>2475398585.3920698</v>
      </c>
      <c r="BS969" s="166">
        <v>0</v>
      </c>
      <c r="BT969" s="168">
        <v>0</v>
      </c>
      <c r="BU969" s="166">
        <v>182181766.99874201</v>
      </c>
      <c r="BV969" s="166">
        <v>2425806134.7922001</v>
      </c>
      <c r="BW969" s="166">
        <v>-331865535.08910203</v>
      </c>
      <c r="BX969" s="166">
        <v>0</v>
      </c>
      <c r="BY969" s="166">
        <v>0</v>
      </c>
      <c r="BZ969" s="166">
        <v>0</v>
      </c>
      <c r="CA969" s="166">
        <v>0</v>
      </c>
      <c r="CB969" s="166">
        <v>0</v>
      </c>
      <c r="CC969" s="166">
        <v>-2093940599.7031</v>
      </c>
      <c r="CD969" s="166">
        <v>0</v>
      </c>
      <c r="CE969" s="166">
        <v>0</v>
      </c>
      <c r="CF969" s="166">
        <v>0</v>
      </c>
      <c r="CG969" s="166">
        <v>0</v>
      </c>
      <c r="CH969" s="166">
        <v>0</v>
      </c>
      <c r="CI969" s="166">
        <v>0</v>
      </c>
      <c r="CJ969" s="166">
        <v>0</v>
      </c>
      <c r="CK969" s="166">
        <v>-331865535.08910203</v>
      </c>
      <c r="CL969" s="166">
        <v>0</v>
      </c>
      <c r="CM969" s="166">
        <v>0</v>
      </c>
      <c r="CN969" s="166">
        <v>0</v>
      </c>
      <c r="CO969" s="166">
        <v>0</v>
      </c>
      <c r="CP969" s="166">
        <v>0</v>
      </c>
      <c r="CQ969" s="166">
        <v>-2093940599.7031</v>
      </c>
      <c r="CR969" s="166">
        <v>0</v>
      </c>
      <c r="CS969" s="166">
        <v>0</v>
      </c>
      <c r="CT969" s="166">
        <v>0</v>
      </c>
      <c r="CU969" s="166">
        <v>0</v>
      </c>
      <c r="CV969" s="166">
        <v>0</v>
      </c>
      <c r="CW969" s="166">
        <v>0</v>
      </c>
      <c r="CX969" s="166">
        <v>0</v>
      </c>
      <c r="CY969" s="166">
        <v>0</v>
      </c>
      <c r="CZ969" s="166">
        <v>0</v>
      </c>
    </row>
    <row r="970" spans="1:104" x14ac:dyDescent="0.2">
      <c r="A970" s="167" t="s">
        <v>498</v>
      </c>
    </row>
    <row r="971" spans="1:104" x14ac:dyDescent="0.2">
      <c r="A971" s="170" t="s">
        <v>499</v>
      </c>
      <c r="B971" s="166">
        <v>2663278301.7750101</v>
      </c>
      <c r="C971" s="166">
        <v>2663278301.7750101</v>
      </c>
      <c r="D971" s="166">
        <v>0</v>
      </c>
      <c r="E971" s="166">
        <v>0</v>
      </c>
      <c r="F971" s="166">
        <v>0</v>
      </c>
      <c r="G971" s="166">
        <v>-341861518.62</v>
      </c>
      <c r="H971" s="166">
        <v>0</v>
      </c>
      <c r="I971" s="166">
        <v>0</v>
      </c>
      <c r="J971" s="166">
        <v>0</v>
      </c>
      <c r="K971" s="166">
        <v>0</v>
      </c>
      <c r="L971" s="166">
        <v>0</v>
      </c>
      <c r="M971" s="166">
        <v>0</v>
      </c>
      <c r="N971" s="166">
        <v>0</v>
      </c>
      <c r="O971" s="166">
        <v>0</v>
      </c>
      <c r="P971" s="166">
        <v>0</v>
      </c>
      <c r="Q971" s="166">
        <v>0</v>
      </c>
      <c r="R971" s="166">
        <v>-114693907.974999</v>
      </c>
      <c r="S971" s="166">
        <v>0</v>
      </c>
      <c r="T971" s="166">
        <v>0</v>
      </c>
      <c r="U971" s="166">
        <v>-13700569.287941299</v>
      </c>
      <c r="V971" s="166">
        <v>0</v>
      </c>
      <c r="W971" s="166">
        <v>0</v>
      </c>
      <c r="X971" s="166">
        <v>0</v>
      </c>
      <c r="Y971" s="166">
        <v>0</v>
      </c>
      <c r="Z971" s="166">
        <v>0</v>
      </c>
      <c r="AA971" s="166">
        <v>0</v>
      </c>
      <c r="AB971" s="166">
        <v>-2133537066.7720699</v>
      </c>
      <c r="AC971" s="166">
        <v>0</v>
      </c>
      <c r="AD971" s="166">
        <v>0</v>
      </c>
      <c r="AE971" s="166">
        <v>0</v>
      </c>
      <c r="AF971" s="166">
        <v>0</v>
      </c>
      <c r="AG971" s="166">
        <v>0</v>
      </c>
      <c r="AH971" s="166">
        <v>0</v>
      </c>
      <c r="AI971" s="166">
        <v>0</v>
      </c>
      <c r="AJ971" s="166">
        <v>0</v>
      </c>
      <c r="AK971" s="166">
        <v>0</v>
      </c>
      <c r="AL971" s="166">
        <v>0</v>
      </c>
      <c r="AM971" s="166">
        <v>0</v>
      </c>
      <c r="AN971" s="166">
        <v>0</v>
      </c>
      <c r="AO971" s="166">
        <v>0</v>
      </c>
      <c r="AP971" s="166">
        <v>0</v>
      </c>
      <c r="AQ971" s="166">
        <v>0</v>
      </c>
      <c r="AR971" s="166">
        <v>0</v>
      </c>
      <c r="AS971" s="166">
        <v>0</v>
      </c>
      <c r="AT971" s="166">
        <v>0</v>
      </c>
      <c r="AU971" s="166">
        <v>0</v>
      </c>
      <c r="AV971" s="166">
        <v>0</v>
      </c>
      <c r="AW971" s="166">
        <v>0</v>
      </c>
      <c r="AX971" s="166">
        <v>0</v>
      </c>
      <c r="AY971" s="166">
        <v>-59485239.119999997</v>
      </c>
      <c r="AZ971" s="166">
        <v>0</v>
      </c>
      <c r="BA971" s="166">
        <v>0</v>
      </c>
      <c r="BB971" s="166">
        <v>0</v>
      </c>
      <c r="BC971" s="166">
        <v>0</v>
      </c>
      <c r="BD971" s="166">
        <v>-341861518.62</v>
      </c>
      <c r="BE971" s="166">
        <v>0</v>
      </c>
      <c r="BF971" s="166">
        <v>0</v>
      </c>
      <c r="BG971" s="166">
        <v>-114693907.974999</v>
      </c>
      <c r="BH971" s="166">
        <v>0</v>
      </c>
      <c r="BI971" s="166">
        <v>-13700569.287941299</v>
      </c>
      <c r="BJ971" s="166">
        <v>-2133537066.7720699</v>
      </c>
      <c r="BK971" s="166">
        <v>0</v>
      </c>
      <c r="BL971" s="166">
        <v>0</v>
      </c>
      <c r="BM971" s="166">
        <v>0</v>
      </c>
      <c r="BN971" s="166">
        <v>0</v>
      </c>
      <c r="BO971" s="166">
        <v>0</v>
      </c>
      <c r="BP971" s="166">
        <v>-59485239.119999997</v>
      </c>
      <c r="BQ971" s="166">
        <v>0</v>
      </c>
      <c r="BR971" s="166">
        <v>2663278301.7750101</v>
      </c>
      <c r="BS971" s="166">
        <v>0</v>
      </c>
      <c r="BT971" s="168">
        <v>0</v>
      </c>
      <c r="BU971" s="166">
        <v>197661245.59102601</v>
      </c>
      <c r="BV971" s="166">
        <v>2610993640.66818</v>
      </c>
      <c r="BW971" s="166">
        <v>-331865535.08910203</v>
      </c>
      <c r="BX971" s="166">
        <v>0</v>
      </c>
      <c r="BY971" s="166">
        <v>0</v>
      </c>
      <c r="BZ971" s="166">
        <v>-114693907.974999</v>
      </c>
      <c r="CA971" s="166">
        <v>0</v>
      </c>
      <c r="CB971" s="166">
        <v>-13478874.9282606</v>
      </c>
      <c r="CC971" s="166">
        <v>-2093940599.7031</v>
      </c>
      <c r="CD971" s="166">
        <v>0</v>
      </c>
      <c r="CE971" s="166">
        <v>0</v>
      </c>
      <c r="CF971" s="166">
        <v>0</v>
      </c>
      <c r="CG971" s="166">
        <v>0</v>
      </c>
      <c r="CH971" s="166">
        <v>0</v>
      </c>
      <c r="CI971" s="166">
        <v>-57014722.972720303</v>
      </c>
      <c r="CJ971" s="166">
        <v>0</v>
      </c>
      <c r="CK971" s="166">
        <v>-331865535.08910203</v>
      </c>
      <c r="CL971" s="166">
        <v>0</v>
      </c>
      <c r="CM971" s="166">
        <v>0</v>
      </c>
      <c r="CN971" s="166">
        <v>-114693907.974999</v>
      </c>
      <c r="CO971" s="166">
        <v>0</v>
      </c>
      <c r="CP971" s="166">
        <v>-13478874.9282606</v>
      </c>
      <c r="CQ971" s="166">
        <v>-2093940599.7031</v>
      </c>
      <c r="CR971" s="166">
        <v>0</v>
      </c>
      <c r="CS971" s="166">
        <v>0</v>
      </c>
      <c r="CT971" s="166">
        <v>0</v>
      </c>
      <c r="CU971" s="166">
        <v>0</v>
      </c>
      <c r="CV971" s="166">
        <v>0</v>
      </c>
      <c r="CW971" s="166">
        <v>-57014722.972720303</v>
      </c>
      <c r="CX971" s="166">
        <v>0</v>
      </c>
      <c r="CY971" s="166">
        <v>0</v>
      </c>
      <c r="CZ971" s="166">
        <v>0</v>
      </c>
    </row>
    <row r="972" spans="1:104" x14ac:dyDescent="0.2">
      <c r="A972" s="167" t="s">
        <v>500</v>
      </c>
    </row>
    <row r="973" spans="1:104" x14ac:dyDescent="0.2">
      <c r="A973" s="170" t="s">
        <v>501</v>
      </c>
    </row>
    <row r="974" spans="1:104" x14ac:dyDescent="0.2">
      <c r="A974" s="167" t="s">
        <v>502</v>
      </c>
      <c r="B974" s="166">
        <v>159231726.90705901</v>
      </c>
      <c r="C974" s="166">
        <v>159231726.90705901</v>
      </c>
      <c r="D974" s="166">
        <v>0</v>
      </c>
      <c r="E974" s="166">
        <v>0</v>
      </c>
      <c r="F974" s="166">
        <v>0</v>
      </c>
      <c r="G974" s="166">
        <v>0</v>
      </c>
      <c r="H974" s="166">
        <v>0</v>
      </c>
      <c r="I974" s="166">
        <v>0</v>
      </c>
      <c r="J974" s="166">
        <v>0</v>
      </c>
      <c r="K974" s="166">
        <v>0</v>
      </c>
      <c r="L974" s="166">
        <v>0</v>
      </c>
      <c r="M974" s="166">
        <v>0</v>
      </c>
      <c r="N974" s="166">
        <v>0</v>
      </c>
      <c r="O974" s="166">
        <v>0</v>
      </c>
      <c r="P974" s="166">
        <v>0</v>
      </c>
      <c r="Q974" s="166">
        <v>0</v>
      </c>
      <c r="R974" s="166">
        <v>0</v>
      </c>
      <c r="S974" s="166">
        <v>0</v>
      </c>
      <c r="T974" s="166">
        <v>0</v>
      </c>
      <c r="U974" s="166">
        <v>0</v>
      </c>
      <c r="V974" s="166">
        <v>0</v>
      </c>
      <c r="W974" s="166">
        <v>0</v>
      </c>
      <c r="X974" s="166">
        <v>0</v>
      </c>
      <c r="Y974" s="166">
        <v>0</v>
      </c>
      <c r="Z974" s="166">
        <v>0</v>
      </c>
      <c r="AA974" s="166">
        <v>0</v>
      </c>
      <c r="AB974" s="166">
        <v>0</v>
      </c>
      <c r="AC974" s="166">
        <v>0</v>
      </c>
      <c r="AD974" s="166">
        <v>0</v>
      </c>
      <c r="AE974" s="166">
        <v>0</v>
      </c>
      <c r="AF974" s="166">
        <v>0</v>
      </c>
      <c r="AG974" s="166">
        <v>0</v>
      </c>
      <c r="AH974" s="166">
        <v>0</v>
      </c>
      <c r="AI974" s="166">
        <v>0</v>
      </c>
      <c r="AJ974" s="166">
        <v>0</v>
      </c>
      <c r="AK974" s="166">
        <v>0</v>
      </c>
      <c r="AL974" s="166">
        <v>0</v>
      </c>
      <c r="AM974" s="166">
        <v>0</v>
      </c>
      <c r="AN974" s="166">
        <v>0</v>
      </c>
      <c r="AO974" s="166">
        <v>0</v>
      </c>
      <c r="AP974" s="166">
        <v>0</v>
      </c>
      <c r="AQ974" s="166">
        <v>0</v>
      </c>
      <c r="AR974" s="166">
        <v>0</v>
      </c>
      <c r="AS974" s="166">
        <v>0</v>
      </c>
      <c r="AT974" s="166">
        <v>0</v>
      </c>
      <c r="AU974" s="166">
        <v>0</v>
      </c>
      <c r="AV974" s="166">
        <v>0</v>
      </c>
      <c r="AW974" s="166">
        <v>0</v>
      </c>
      <c r="AX974" s="166">
        <v>0</v>
      </c>
      <c r="AY974" s="166">
        <v>0</v>
      </c>
      <c r="AZ974" s="166">
        <v>0</v>
      </c>
      <c r="BA974" s="166">
        <v>0</v>
      </c>
      <c r="BB974" s="166">
        <v>0</v>
      </c>
      <c r="BC974" s="166">
        <v>0</v>
      </c>
      <c r="BD974" s="166">
        <v>0</v>
      </c>
      <c r="BE974" s="166">
        <v>0</v>
      </c>
      <c r="BF974" s="166">
        <v>0</v>
      </c>
      <c r="BG974" s="166">
        <v>0</v>
      </c>
      <c r="BH974" s="166">
        <v>0</v>
      </c>
      <c r="BI974" s="166">
        <v>0</v>
      </c>
      <c r="BJ974" s="166">
        <v>0</v>
      </c>
      <c r="BK974" s="166">
        <v>0</v>
      </c>
      <c r="BL974" s="166">
        <v>0</v>
      </c>
      <c r="BM974" s="166">
        <v>0</v>
      </c>
      <c r="BN974" s="166">
        <v>0</v>
      </c>
      <c r="BO974" s="166">
        <v>0</v>
      </c>
      <c r="BP974" s="166">
        <v>0</v>
      </c>
      <c r="BQ974" s="166">
        <v>0</v>
      </c>
      <c r="BR974" s="166">
        <v>159231726.90705901</v>
      </c>
      <c r="BS974" s="166">
        <v>159231726.90705901</v>
      </c>
      <c r="BT974" s="168">
        <v>0</v>
      </c>
      <c r="BU974" s="166">
        <v>8288491.9091353295</v>
      </c>
      <c r="BV974" s="166">
        <v>155827566.824433</v>
      </c>
      <c r="BW974" s="166">
        <v>0</v>
      </c>
      <c r="BX974" s="166">
        <v>0</v>
      </c>
      <c r="BY974" s="166">
        <v>0</v>
      </c>
      <c r="BZ974" s="166">
        <v>0</v>
      </c>
      <c r="CA974" s="166">
        <v>0</v>
      </c>
      <c r="CB974" s="166">
        <v>0</v>
      </c>
      <c r="CC974" s="166">
        <v>0</v>
      </c>
      <c r="CD974" s="166">
        <v>0</v>
      </c>
      <c r="CE974" s="166">
        <v>0</v>
      </c>
      <c r="CF974" s="166">
        <v>0</v>
      </c>
      <c r="CG974" s="166">
        <v>0</v>
      </c>
      <c r="CH974" s="166">
        <v>0</v>
      </c>
      <c r="CI974" s="166">
        <v>0</v>
      </c>
      <c r="CJ974" s="166">
        <v>0</v>
      </c>
      <c r="CK974" s="166">
        <v>0</v>
      </c>
      <c r="CL974" s="166">
        <v>0</v>
      </c>
      <c r="CM974" s="166">
        <v>0</v>
      </c>
      <c r="CN974" s="166">
        <v>0</v>
      </c>
      <c r="CO974" s="166">
        <v>0</v>
      </c>
      <c r="CP974" s="166">
        <v>0</v>
      </c>
      <c r="CQ974" s="166">
        <v>0</v>
      </c>
      <c r="CR974" s="166">
        <v>0</v>
      </c>
      <c r="CS974" s="166">
        <v>0</v>
      </c>
      <c r="CT974" s="166">
        <v>0</v>
      </c>
      <c r="CU974" s="166">
        <v>0</v>
      </c>
      <c r="CV974" s="166">
        <v>0</v>
      </c>
      <c r="CW974" s="166">
        <v>0</v>
      </c>
      <c r="CX974" s="166">
        <v>0</v>
      </c>
      <c r="CY974" s="166">
        <v>155827566.824433</v>
      </c>
      <c r="CZ974" s="166">
        <v>155827566.824433</v>
      </c>
    </row>
    <row r="975" spans="1:104" x14ac:dyDescent="0.2">
      <c r="A975" s="167" t="s">
        <v>503</v>
      </c>
      <c r="B975" s="166">
        <v>41467750.589999899</v>
      </c>
      <c r="C975" s="166">
        <v>41467750.589999899</v>
      </c>
      <c r="D975" s="166">
        <v>0</v>
      </c>
      <c r="E975" s="166">
        <v>0</v>
      </c>
      <c r="F975" s="166">
        <v>0</v>
      </c>
      <c r="G975" s="166">
        <v>0</v>
      </c>
      <c r="H975" s="166">
        <v>0</v>
      </c>
      <c r="I975" s="166">
        <v>0</v>
      </c>
      <c r="J975" s="166">
        <v>0</v>
      </c>
      <c r="K975" s="166">
        <v>0</v>
      </c>
      <c r="L975" s="166">
        <v>0</v>
      </c>
      <c r="M975" s="166">
        <v>0</v>
      </c>
      <c r="N975" s="166">
        <v>0</v>
      </c>
      <c r="O975" s="166">
        <v>0</v>
      </c>
      <c r="P975" s="166">
        <v>0</v>
      </c>
      <c r="Q975" s="166">
        <v>0</v>
      </c>
      <c r="R975" s="166">
        <v>0</v>
      </c>
      <c r="S975" s="166">
        <v>0</v>
      </c>
      <c r="T975" s="166">
        <v>0</v>
      </c>
      <c r="U975" s="166">
        <v>0</v>
      </c>
      <c r="V975" s="166">
        <v>0</v>
      </c>
      <c r="W975" s="166">
        <v>0</v>
      </c>
      <c r="X975" s="166">
        <v>0</v>
      </c>
      <c r="Y975" s="166">
        <v>0</v>
      </c>
      <c r="Z975" s="166">
        <v>0</v>
      </c>
      <c r="AA975" s="166">
        <v>0</v>
      </c>
      <c r="AB975" s="166">
        <v>0</v>
      </c>
      <c r="AC975" s="166">
        <v>0</v>
      </c>
      <c r="AD975" s="166">
        <v>0</v>
      </c>
      <c r="AE975" s="166">
        <v>0</v>
      </c>
      <c r="AF975" s="166">
        <v>0</v>
      </c>
      <c r="AG975" s="166">
        <v>0</v>
      </c>
      <c r="AH975" s="166">
        <v>0</v>
      </c>
      <c r="AI975" s="166">
        <v>0</v>
      </c>
      <c r="AJ975" s="166">
        <v>0</v>
      </c>
      <c r="AK975" s="166">
        <v>0</v>
      </c>
      <c r="AL975" s="166">
        <v>0</v>
      </c>
      <c r="AM975" s="166">
        <v>0</v>
      </c>
      <c r="AN975" s="166">
        <v>0</v>
      </c>
      <c r="AO975" s="166">
        <v>0</v>
      </c>
      <c r="AP975" s="166">
        <v>0</v>
      </c>
      <c r="AQ975" s="166">
        <v>0</v>
      </c>
      <c r="AR975" s="166">
        <v>0</v>
      </c>
      <c r="AS975" s="166">
        <v>0</v>
      </c>
      <c r="AT975" s="166">
        <v>0</v>
      </c>
      <c r="AU975" s="166">
        <v>0</v>
      </c>
      <c r="AV975" s="166">
        <v>0</v>
      </c>
      <c r="AW975" s="166">
        <v>0</v>
      </c>
      <c r="AX975" s="166">
        <v>0</v>
      </c>
      <c r="AY975" s="166">
        <v>0</v>
      </c>
      <c r="AZ975" s="166">
        <v>0</v>
      </c>
      <c r="BA975" s="166">
        <v>0</v>
      </c>
      <c r="BB975" s="166">
        <v>0</v>
      </c>
      <c r="BC975" s="166">
        <v>0</v>
      </c>
      <c r="BD975" s="166">
        <v>0</v>
      </c>
      <c r="BE975" s="166">
        <v>0</v>
      </c>
      <c r="BF975" s="166">
        <v>0</v>
      </c>
      <c r="BG975" s="166">
        <v>0</v>
      </c>
      <c r="BH975" s="166">
        <v>0</v>
      </c>
      <c r="BI975" s="166">
        <v>0</v>
      </c>
      <c r="BJ975" s="166">
        <v>0</v>
      </c>
      <c r="BK975" s="166">
        <v>0</v>
      </c>
      <c r="BL975" s="166">
        <v>0</v>
      </c>
      <c r="BM975" s="166">
        <v>0</v>
      </c>
      <c r="BN975" s="166">
        <v>0</v>
      </c>
      <c r="BO975" s="166">
        <v>0</v>
      </c>
      <c r="BP975" s="166">
        <v>0</v>
      </c>
      <c r="BQ975" s="166">
        <v>0</v>
      </c>
      <c r="BR975" s="166">
        <v>41467750.589999899</v>
      </c>
      <c r="BS975" s="166">
        <v>41467750.589999899</v>
      </c>
      <c r="BT975" s="168">
        <v>0</v>
      </c>
      <c r="BU975" s="166">
        <v>2621879.92605743</v>
      </c>
      <c r="BV975" s="166">
        <v>32157240.1840204</v>
      </c>
      <c r="BW975" s="166">
        <v>0</v>
      </c>
      <c r="BX975" s="166">
        <v>0</v>
      </c>
      <c r="BY975" s="166">
        <v>0</v>
      </c>
      <c r="BZ975" s="166">
        <v>0</v>
      </c>
      <c r="CA975" s="166">
        <v>0</v>
      </c>
      <c r="CB975" s="166">
        <v>0</v>
      </c>
      <c r="CC975" s="166">
        <v>0</v>
      </c>
      <c r="CD975" s="166">
        <v>0</v>
      </c>
      <c r="CE975" s="166">
        <v>0</v>
      </c>
      <c r="CF975" s="166">
        <v>0</v>
      </c>
      <c r="CG975" s="166">
        <v>0</v>
      </c>
      <c r="CH975" s="166">
        <v>0</v>
      </c>
      <c r="CI975" s="166">
        <v>0</v>
      </c>
      <c r="CJ975" s="166">
        <v>0</v>
      </c>
      <c r="CK975" s="166">
        <v>0</v>
      </c>
      <c r="CL975" s="166">
        <v>0</v>
      </c>
      <c r="CM975" s="166">
        <v>0</v>
      </c>
      <c r="CN975" s="166">
        <v>0</v>
      </c>
      <c r="CO975" s="166">
        <v>0</v>
      </c>
      <c r="CP975" s="166">
        <v>0</v>
      </c>
      <c r="CQ975" s="166">
        <v>0</v>
      </c>
      <c r="CR975" s="166">
        <v>0</v>
      </c>
      <c r="CS975" s="166">
        <v>0</v>
      </c>
      <c r="CT975" s="166">
        <v>0</v>
      </c>
      <c r="CU975" s="166">
        <v>0</v>
      </c>
      <c r="CV975" s="166">
        <v>0</v>
      </c>
      <c r="CW975" s="166">
        <v>0</v>
      </c>
      <c r="CX975" s="166">
        <v>0</v>
      </c>
      <c r="CY975" s="166">
        <v>32157240.1840204</v>
      </c>
      <c r="CZ975" s="166">
        <v>32157240.1840204</v>
      </c>
    </row>
    <row r="976" spans="1:104" x14ac:dyDescent="0.2">
      <c r="A976" s="167" t="s">
        <v>504</v>
      </c>
      <c r="B976" s="166">
        <v>110051665.36999901</v>
      </c>
      <c r="C976" s="166">
        <v>110051665.36999901</v>
      </c>
      <c r="D976" s="166">
        <v>0</v>
      </c>
      <c r="E976" s="166">
        <v>0</v>
      </c>
      <c r="F976" s="166">
        <v>0</v>
      </c>
      <c r="G976" s="166">
        <v>0</v>
      </c>
      <c r="H976" s="166">
        <v>0</v>
      </c>
      <c r="I976" s="166">
        <v>0</v>
      </c>
      <c r="J976" s="166">
        <v>0</v>
      </c>
      <c r="K976" s="166">
        <v>0</v>
      </c>
      <c r="L976" s="166">
        <v>0</v>
      </c>
      <c r="M976" s="166">
        <v>0</v>
      </c>
      <c r="N976" s="166">
        <v>0</v>
      </c>
      <c r="O976" s="166">
        <v>0</v>
      </c>
      <c r="P976" s="166">
        <v>0</v>
      </c>
      <c r="Q976" s="166">
        <v>0</v>
      </c>
      <c r="R976" s="166">
        <v>0</v>
      </c>
      <c r="S976" s="166">
        <v>0</v>
      </c>
      <c r="T976" s="166">
        <v>0</v>
      </c>
      <c r="U976" s="166">
        <v>0</v>
      </c>
      <c r="V976" s="166">
        <v>0</v>
      </c>
      <c r="W976" s="166">
        <v>0</v>
      </c>
      <c r="X976" s="166">
        <v>0</v>
      </c>
      <c r="Y976" s="166">
        <v>0</v>
      </c>
      <c r="Z976" s="166">
        <v>0</v>
      </c>
      <c r="AA976" s="166">
        <v>0</v>
      </c>
      <c r="AB976" s="166">
        <v>0</v>
      </c>
      <c r="AC976" s="166">
        <v>0</v>
      </c>
      <c r="AD976" s="166">
        <v>0</v>
      </c>
      <c r="AE976" s="166">
        <v>0</v>
      </c>
      <c r="AF976" s="166">
        <v>0</v>
      </c>
      <c r="AG976" s="166">
        <v>0</v>
      </c>
      <c r="AH976" s="166">
        <v>0</v>
      </c>
      <c r="AI976" s="166">
        <v>0</v>
      </c>
      <c r="AJ976" s="166">
        <v>0</v>
      </c>
      <c r="AK976" s="166">
        <v>0</v>
      </c>
      <c r="AL976" s="166">
        <v>0</v>
      </c>
      <c r="AM976" s="166">
        <v>0</v>
      </c>
      <c r="AN976" s="166">
        <v>0</v>
      </c>
      <c r="AO976" s="166">
        <v>0</v>
      </c>
      <c r="AP976" s="166">
        <v>0</v>
      </c>
      <c r="AQ976" s="166">
        <v>0</v>
      </c>
      <c r="AR976" s="166">
        <v>0</v>
      </c>
      <c r="AS976" s="166">
        <v>0</v>
      </c>
      <c r="AT976" s="166">
        <v>0</v>
      </c>
      <c r="AU976" s="166">
        <v>0</v>
      </c>
      <c r="AV976" s="166">
        <v>0</v>
      </c>
      <c r="AW976" s="166">
        <v>0</v>
      </c>
      <c r="AX976" s="166">
        <v>0</v>
      </c>
      <c r="AY976" s="166">
        <v>0</v>
      </c>
      <c r="AZ976" s="166">
        <v>0</v>
      </c>
      <c r="BA976" s="166">
        <v>0</v>
      </c>
      <c r="BB976" s="166">
        <v>0</v>
      </c>
      <c r="BC976" s="166">
        <v>0</v>
      </c>
      <c r="BD976" s="166">
        <v>0</v>
      </c>
      <c r="BE976" s="166">
        <v>0</v>
      </c>
      <c r="BF976" s="166">
        <v>0</v>
      </c>
      <c r="BG976" s="166">
        <v>0</v>
      </c>
      <c r="BH976" s="166">
        <v>0</v>
      </c>
      <c r="BI976" s="166">
        <v>0</v>
      </c>
      <c r="BJ976" s="166">
        <v>0</v>
      </c>
      <c r="BK976" s="166">
        <v>0</v>
      </c>
      <c r="BL976" s="166">
        <v>0</v>
      </c>
      <c r="BM976" s="166">
        <v>0</v>
      </c>
      <c r="BN976" s="166">
        <v>0</v>
      </c>
      <c r="BO976" s="166">
        <v>0</v>
      </c>
      <c r="BP976" s="166">
        <v>0</v>
      </c>
      <c r="BQ976" s="166">
        <v>0</v>
      </c>
      <c r="BR976" s="166">
        <v>110051665.36999901</v>
      </c>
      <c r="BS976" s="166">
        <v>110051665.37</v>
      </c>
      <c r="BT976" s="168">
        <v>0</v>
      </c>
      <c r="BU976" s="166">
        <v>9488252.2101460397</v>
      </c>
      <c r="BV976" s="166">
        <v>109978696.083534</v>
      </c>
      <c r="BW976" s="166">
        <v>0</v>
      </c>
      <c r="BX976" s="166">
        <v>0</v>
      </c>
      <c r="BY976" s="166">
        <v>0</v>
      </c>
      <c r="BZ976" s="166">
        <v>0</v>
      </c>
      <c r="CA976" s="166">
        <v>0</v>
      </c>
      <c r="CB976" s="166">
        <v>0</v>
      </c>
      <c r="CC976" s="166">
        <v>0</v>
      </c>
      <c r="CD976" s="166">
        <v>0</v>
      </c>
      <c r="CE976" s="166">
        <v>0</v>
      </c>
      <c r="CF976" s="166">
        <v>0</v>
      </c>
      <c r="CG976" s="166">
        <v>0</v>
      </c>
      <c r="CH976" s="166">
        <v>0</v>
      </c>
      <c r="CI976" s="166">
        <v>0</v>
      </c>
      <c r="CJ976" s="166">
        <v>0</v>
      </c>
      <c r="CK976" s="166">
        <v>0</v>
      </c>
      <c r="CL976" s="166">
        <v>0</v>
      </c>
      <c r="CM976" s="166">
        <v>0</v>
      </c>
      <c r="CN976" s="166">
        <v>0</v>
      </c>
      <c r="CO976" s="166">
        <v>0</v>
      </c>
      <c r="CP976" s="166">
        <v>0</v>
      </c>
      <c r="CQ976" s="166">
        <v>0</v>
      </c>
      <c r="CR976" s="166">
        <v>0</v>
      </c>
      <c r="CS976" s="166">
        <v>0</v>
      </c>
      <c r="CT976" s="166">
        <v>0</v>
      </c>
      <c r="CU976" s="166">
        <v>0</v>
      </c>
      <c r="CV976" s="166">
        <v>0</v>
      </c>
      <c r="CW976" s="166">
        <v>0</v>
      </c>
      <c r="CX976" s="166">
        <v>0</v>
      </c>
      <c r="CY976" s="166">
        <v>109978696.083534</v>
      </c>
      <c r="CZ976" s="166">
        <v>109978696.083534</v>
      </c>
    </row>
    <row r="977" spans="1:104" x14ac:dyDescent="0.2">
      <c r="A977" s="167" t="s">
        <v>505</v>
      </c>
      <c r="B977" s="166">
        <v>85082124.469999999</v>
      </c>
      <c r="C977" s="166">
        <v>85082124.469999999</v>
      </c>
      <c r="D977" s="166">
        <v>0</v>
      </c>
      <c r="E977" s="166">
        <v>0</v>
      </c>
      <c r="F977" s="166">
        <v>0</v>
      </c>
      <c r="G977" s="166">
        <v>0</v>
      </c>
      <c r="H977" s="166">
        <v>0</v>
      </c>
      <c r="I977" s="166">
        <v>0</v>
      </c>
      <c r="J977" s="166">
        <v>0</v>
      </c>
      <c r="K977" s="166">
        <v>0</v>
      </c>
      <c r="L977" s="166">
        <v>0</v>
      </c>
      <c r="M977" s="166">
        <v>0</v>
      </c>
      <c r="N977" s="166">
        <v>0</v>
      </c>
      <c r="O977" s="166">
        <v>0</v>
      </c>
      <c r="P977" s="166">
        <v>0</v>
      </c>
      <c r="Q977" s="166">
        <v>0</v>
      </c>
      <c r="R977" s="166">
        <v>0</v>
      </c>
      <c r="S977" s="166">
        <v>0</v>
      </c>
      <c r="T977" s="166">
        <v>0</v>
      </c>
      <c r="U977" s="166">
        <v>0</v>
      </c>
      <c r="V977" s="166">
        <v>0</v>
      </c>
      <c r="W977" s="166">
        <v>0</v>
      </c>
      <c r="X977" s="166">
        <v>0</v>
      </c>
      <c r="Y977" s="166">
        <v>0</v>
      </c>
      <c r="Z977" s="166">
        <v>0</v>
      </c>
      <c r="AA977" s="166">
        <v>0</v>
      </c>
      <c r="AB977" s="166">
        <v>0</v>
      </c>
      <c r="AC977" s="166">
        <v>0</v>
      </c>
      <c r="AD977" s="166">
        <v>0</v>
      </c>
      <c r="AE977" s="166">
        <v>0</v>
      </c>
      <c r="AF977" s="166">
        <v>0</v>
      </c>
      <c r="AG977" s="166">
        <v>0</v>
      </c>
      <c r="AH977" s="166">
        <v>0</v>
      </c>
      <c r="AI977" s="166">
        <v>0</v>
      </c>
      <c r="AJ977" s="166">
        <v>0</v>
      </c>
      <c r="AK977" s="166">
        <v>0</v>
      </c>
      <c r="AL977" s="166">
        <v>0</v>
      </c>
      <c r="AM977" s="166">
        <v>0</v>
      </c>
      <c r="AN977" s="166">
        <v>0</v>
      </c>
      <c r="AO977" s="166">
        <v>0</v>
      </c>
      <c r="AP977" s="166">
        <v>0</v>
      </c>
      <c r="AQ977" s="166">
        <v>0</v>
      </c>
      <c r="AR977" s="166">
        <v>0</v>
      </c>
      <c r="AS977" s="166">
        <v>0</v>
      </c>
      <c r="AT977" s="166">
        <v>0</v>
      </c>
      <c r="AU977" s="166">
        <v>0</v>
      </c>
      <c r="AV977" s="166">
        <v>0</v>
      </c>
      <c r="AW977" s="166">
        <v>0</v>
      </c>
      <c r="AX977" s="166">
        <v>0</v>
      </c>
      <c r="AY977" s="166">
        <v>0</v>
      </c>
      <c r="AZ977" s="166">
        <v>0</v>
      </c>
      <c r="BA977" s="166">
        <v>0</v>
      </c>
      <c r="BB977" s="166">
        <v>0</v>
      </c>
      <c r="BC977" s="166">
        <v>0</v>
      </c>
      <c r="BD977" s="166">
        <v>0</v>
      </c>
      <c r="BE977" s="166">
        <v>0</v>
      </c>
      <c r="BF977" s="166">
        <v>0</v>
      </c>
      <c r="BG977" s="166">
        <v>0</v>
      </c>
      <c r="BH977" s="166">
        <v>0</v>
      </c>
      <c r="BI977" s="166">
        <v>0</v>
      </c>
      <c r="BJ977" s="166">
        <v>0</v>
      </c>
      <c r="BK977" s="166">
        <v>0</v>
      </c>
      <c r="BL977" s="166">
        <v>0</v>
      </c>
      <c r="BM977" s="166">
        <v>0</v>
      </c>
      <c r="BN977" s="166">
        <v>0</v>
      </c>
      <c r="BO977" s="166">
        <v>0</v>
      </c>
      <c r="BP977" s="166">
        <v>0</v>
      </c>
      <c r="BQ977" s="166">
        <v>0</v>
      </c>
      <c r="BR977" s="166">
        <v>85082124.469999999</v>
      </c>
      <c r="BS977" s="166">
        <v>85082124.469999999</v>
      </c>
      <c r="BT977" s="168">
        <v>0</v>
      </c>
      <c r="BU977" s="166">
        <v>7168061.2914648503</v>
      </c>
      <c r="BV977" s="166">
        <v>85072081.512256101</v>
      </c>
      <c r="BW977" s="166">
        <v>0</v>
      </c>
      <c r="BX977" s="166">
        <v>0</v>
      </c>
      <c r="BY977" s="166">
        <v>0</v>
      </c>
      <c r="BZ977" s="166">
        <v>0</v>
      </c>
      <c r="CA977" s="166">
        <v>0</v>
      </c>
      <c r="CB977" s="166">
        <v>0</v>
      </c>
      <c r="CC977" s="166">
        <v>0</v>
      </c>
      <c r="CD977" s="166">
        <v>0</v>
      </c>
      <c r="CE977" s="166">
        <v>0</v>
      </c>
      <c r="CF977" s="166">
        <v>0</v>
      </c>
      <c r="CG977" s="166">
        <v>0</v>
      </c>
      <c r="CH977" s="166">
        <v>0</v>
      </c>
      <c r="CI977" s="166">
        <v>0</v>
      </c>
      <c r="CJ977" s="166">
        <v>0</v>
      </c>
      <c r="CK977" s="166">
        <v>0</v>
      </c>
      <c r="CL977" s="166">
        <v>0</v>
      </c>
      <c r="CM977" s="166">
        <v>0</v>
      </c>
      <c r="CN977" s="166">
        <v>0</v>
      </c>
      <c r="CO977" s="166">
        <v>0</v>
      </c>
      <c r="CP977" s="166">
        <v>0</v>
      </c>
      <c r="CQ977" s="166">
        <v>0</v>
      </c>
      <c r="CR977" s="166">
        <v>0</v>
      </c>
      <c r="CS977" s="166">
        <v>0</v>
      </c>
      <c r="CT977" s="166">
        <v>0</v>
      </c>
      <c r="CU977" s="166">
        <v>0</v>
      </c>
      <c r="CV977" s="166">
        <v>0</v>
      </c>
      <c r="CW977" s="166">
        <v>0</v>
      </c>
      <c r="CX977" s="166">
        <v>0</v>
      </c>
      <c r="CY977" s="166">
        <v>85072081.512256101</v>
      </c>
      <c r="CZ977" s="166">
        <v>85072081.512256101</v>
      </c>
    </row>
    <row r="978" spans="1:104" x14ac:dyDescent="0.2">
      <c r="A978" s="167" t="s">
        <v>506</v>
      </c>
      <c r="B978" s="166">
        <v>10493572.1299999</v>
      </c>
      <c r="C978" s="166">
        <v>10493572.1299999</v>
      </c>
      <c r="D978" s="166">
        <v>0</v>
      </c>
      <c r="E978" s="166">
        <v>0</v>
      </c>
      <c r="F978" s="166">
        <v>0</v>
      </c>
      <c r="G978" s="166">
        <v>0</v>
      </c>
      <c r="H978" s="166">
        <v>0</v>
      </c>
      <c r="I978" s="166">
        <v>0</v>
      </c>
      <c r="J978" s="166">
        <v>0</v>
      </c>
      <c r="K978" s="166">
        <v>0</v>
      </c>
      <c r="L978" s="166">
        <v>0</v>
      </c>
      <c r="M978" s="166">
        <v>0</v>
      </c>
      <c r="N978" s="166">
        <v>0</v>
      </c>
      <c r="O978" s="166">
        <v>0</v>
      </c>
      <c r="P978" s="166">
        <v>0</v>
      </c>
      <c r="Q978" s="166">
        <v>0</v>
      </c>
      <c r="R978" s="166">
        <v>0</v>
      </c>
      <c r="S978" s="166">
        <v>0</v>
      </c>
      <c r="T978" s="166">
        <v>0</v>
      </c>
      <c r="U978" s="166">
        <v>0</v>
      </c>
      <c r="V978" s="166">
        <v>0</v>
      </c>
      <c r="W978" s="166">
        <v>0</v>
      </c>
      <c r="X978" s="166">
        <v>0</v>
      </c>
      <c r="Y978" s="166">
        <v>0</v>
      </c>
      <c r="Z978" s="166">
        <v>0</v>
      </c>
      <c r="AA978" s="166">
        <v>0</v>
      </c>
      <c r="AB978" s="166">
        <v>0</v>
      </c>
      <c r="AC978" s="166">
        <v>0</v>
      </c>
      <c r="AD978" s="166">
        <v>0</v>
      </c>
      <c r="AE978" s="166">
        <v>0</v>
      </c>
      <c r="AF978" s="166">
        <v>0</v>
      </c>
      <c r="AG978" s="166">
        <v>0</v>
      </c>
      <c r="AH978" s="166">
        <v>0</v>
      </c>
      <c r="AI978" s="166">
        <v>0</v>
      </c>
      <c r="AJ978" s="166">
        <v>0</v>
      </c>
      <c r="AK978" s="166">
        <v>0</v>
      </c>
      <c r="AL978" s="166">
        <v>0</v>
      </c>
      <c r="AM978" s="166">
        <v>0</v>
      </c>
      <c r="AN978" s="166">
        <v>0</v>
      </c>
      <c r="AO978" s="166">
        <v>0</v>
      </c>
      <c r="AP978" s="166">
        <v>0</v>
      </c>
      <c r="AQ978" s="166">
        <v>0</v>
      </c>
      <c r="AR978" s="166">
        <v>0</v>
      </c>
      <c r="AS978" s="166">
        <v>0</v>
      </c>
      <c r="AT978" s="166">
        <v>0</v>
      </c>
      <c r="AU978" s="166">
        <v>0</v>
      </c>
      <c r="AV978" s="166">
        <v>0</v>
      </c>
      <c r="AW978" s="166">
        <v>0</v>
      </c>
      <c r="AX978" s="166">
        <v>0</v>
      </c>
      <c r="AY978" s="166">
        <v>0</v>
      </c>
      <c r="AZ978" s="166">
        <v>0</v>
      </c>
      <c r="BA978" s="166">
        <v>0</v>
      </c>
      <c r="BB978" s="166">
        <v>0</v>
      </c>
      <c r="BC978" s="166">
        <v>0</v>
      </c>
      <c r="BD978" s="166">
        <v>0</v>
      </c>
      <c r="BE978" s="166">
        <v>0</v>
      </c>
      <c r="BF978" s="166">
        <v>0</v>
      </c>
      <c r="BG978" s="166">
        <v>0</v>
      </c>
      <c r="BH978" s="166">
        <v>0</v>
      </c>
      <c r="BI978" s="166">
        <v>0</v>
      </c>
      <c r="BJ978" s="166">
        <v>0</v>
      </c>
      <c r="BK978" s="166">
        <v>0</v>
      </c>
      <c r="BL978" s="166">
        <v>0</v>
      </c>
      <c r="BM978" s="166">
        <v>0</v>
      </c>
      <c r="BN978" s="166">
        <v>0</v>
      </c>
      <c r="BO978" s="166">
        <v>0</v>
      </c>
      <c r="BP978" s="166">
        <v>0</v>
      </c>
      <c r="BQ978" s="166">
        <v>0</v>
      </c>
      <c r="BR978" s="166">
        <v>10493572.1299999</v>
      </c>
      <c r="BS978" s="166">
        <v>10493572.1299999</v>
      </c>
      <c r="BT978" s="168">
        <v>0</v>
      </c>
      <c r="BU978" s="166">
        <v>787683.10999999905</v>
      </c>
      <c r="BV978" s="166">
        <v>10493572.1299999</v>
      </c>
      <c r="BW978" s="166">
        <v>0</v>
      </c>
      <c r="BX978" s="166">
        <v>0</v>
      </c>
      <c r="BY978" s="166">
        <v>0</v>
      </c>
      <c r="BZ978" s="166">
        <v>0</v>
      </c>
      <c r="CA978" s="166">
        <v>0</v>
      </c>
      <c r="CB978" s="166">
        <v>0</v>
      </c>
      <c r="CC978" s="166">
        <v>0</v>
      </c>
      <c r="CD978" s="166">
        <v>0</v>
      </c>
      <c r="CE978" s="166">
        <v>0</v>
      </c>
      <c r="CF978" s="166">
        <v>0</v>
      </c>
      <c r="CG978" s="166">
        <v>0</v>
      </c>
      <c r="CH978" s="166">
        <v>0</v>
      </c>
      <c r="CI978" s="166">
        <v>0</v>
      </c>
      <c r="CJ978" s="166">
        <v>0</v>
      </c>
      <c r="CK978" s="166">
        <v>0</v>
      </c>
      <c r="CL978" s="166">
        <v>0</v>
      </c>
      <c r="CM978" s="166">
        <v>0</v>
      </c>
      <c r="CN978" s="166">
        <v>0</v>
      </c>
      <c r="CO978" s="166">
        <v>0</v>
      </c>
      <c r="CP978" s="166">
        <v>0</v>
      </c>
      <c r="CQ978" s="166">
        <v>0</v>
      </c>
      <c r="CR978" s="166">
        <v>0</v>
      </c>
      <c r="CS978" s="166">
        <v>0</v>
      </c>
      <c r="CT978" s="166">
        <v>0</v>
      </c>
      <c r="CU978" s="166">
        <v>0</v>
      </c>
      <c r="CV978" s="166">
        <v>0</v>
      </c>
      <c r="CW978" s="166">
        <v>0</v>
      </c>
      <c r="CX978" s="166">
        <v>0</v>
      </c>
      <c r="CY978" s="166">
        <v>10493572.1299999</v>
      </c>
      <c r="CZ978" s="166">
        <v>10493572.1299999</v>
      </c>
    </row>
    <row r="979" spans="1:104" x14ac:dyDescent="0.2">
      <c r="A979" s="167" t="s">
        <v>507</v>
      </c>
      <c r="B979" s="166">
        <v>6042460.5499999998</v>
      </c>
      <c r="C979" s="166">
        <v>6042460.5499999998</v>
      </c>
      <c r="D979" s="166">
        <v>0</v>
      </c>
      <c r="E979" s="166">
        <v>0</v>
      </c>
      <c r="F979" s="166">
        <v>0</v>
      </c>
      <c r="G979" s="166">
        <v>0</v>
      </c>
      <c r="H979" s="166">
        <v>0</v>
      </c>
      <c r="I979" s="166">
        <v>0</v>
      </c>
      <c r="J979" s="166">
        <v>0</v>
      </c>
      <c r="K979" s="166">
        <v>0</v>
      </c>
      <c r="L979" s="166">
        <v>0</v>
      </c>
      <c r="M979" s="166">
        <v>0</v>
      </c>
      <c r="N979" s="166">
        <v>0</v>
      </c>
      <c r="O979" s="166">
        <v>0</v>
      </c>
      <c r="P979" s="166">
        <v>0</v>
      </c>
      <c r="Q979" s="166">
        <v>0</v>
      </c>
      <c r="R979" s="166">
        <v>0</v>
      </c>
      <c r="S979" s="166">
        <v>0</v>
      </c>
      <c r="T979" s="166">
        <v>0</v>
      </c>
      <c r="U979" s="166">
        <v>0</v>
      </c>
      <c r="V979" s="166">
        <v>0</v>
      </c>
      <c r="W979" s="166">
        <v>0</v>
      </c>
      <c r="X979" s="166">
        <v>0</v>
      </c>
      <c r="Y979" s="166">
        <v>0</v>
      </c>
      <c r="Z979" s="166">
        <v>0</v>
      </c>
      <c r="AA979" s="166">
        <v>0</v>
      </c>
      <c r="AB979" s="166">
        <v>0</v>
      </c>
      <c r="AC979" s="166">
        <v>0</v>
      </c>
      <c r="AD979" s="166">
        <v>0</v>
      </c>
      <c r="AE979" s="166">
        <v>0</v>
      </c>
      <c r="AF979" s="166">
        <v>0</v>
      </c>
      <c r="AG979" s="166">
        <v>0</v>
      </c>
      <c r="AH979" s="166">
        <v>0</v>
      </c>
      <c r="AI979" s="166">
        <v>0</v>
      </c>
      <c r="AJ979" s="166">
        <v>0</v>
      </c>
      <c r="AK979" s="166">
        <v>0</v>
      </c>
      <c r="AL979" s="166">
        <v>0</v>
      </c>
      <c r="AM979" s="166">
        <v>0</v>
      </c>
      <c r="AN979" s="166">
        <v>0</v>
      </c>
      <c r="AO979" s="166">
        <v>0</v>
      </c>
      <c r="AP979" s="166">
        <v>0</v>
      </c>
      <c r="AQ979" s="166">
        <v>0</v>
      </c>
      <c r="AR979" s="166">
        <v>0</v>
      </c>
      <c r="AS979" s="166">
        <v>0</v>
      </c>
      <c r="AT979" s="166">
        <v>0</v>
      </c>
      <c r="AU979" s="166">
        <v>0</v>
      </c>
      <c r="AV979" s="166">
        <v>0</v>
      </c>
      <c r="AW979" s="166">
        <v>0</v>
      </c>
      <c r="AX979" s="166">
        <v>0</v>
      </c>
      <c r="AY979" s="166">
        <v>0</v>
      </c>
      <c r="AZ979" s="166">
        <v>0</v>
      </c>
      <c r="BA979" s="166">
        <v>0</v>
      </c>
      <c r="BB979" s="166">
        <v>0</v>
      </c>
      <c r="BC979" s="166">
        <v>0</v>
      </c>
      <c r="BD979" s="166">
        <v>0</v>
      </c>
      <c r="BE979" s="166">
        <v>0</v>
      </c>
      <c r="BF979" s="166">
        <v>0</v>
      </c>
      <c r="BG979" s="166">
        <v>0</v>
      </c>
      <c r="BH979" s="166">
        <v>0</v>
      </c>
      <c r="BI979" s="166">
        <v>0</v>
      </c>
      <c r="BJ979" s="166">
        <v>0</v>
      </c>
      <c r="BK979" s="166">
        <v>0</v>
      </c>
      <c r="BL979" s="166">
        <v>0</v>
      </c>
      <c r="BM979" s="166">
        <v>0</v>
      </c>
      <c r="BN979" s="166">
        <v>0</v>
      </c>
      <c r="BO979" s="166">
        <v>0</v>
      </c>
      <c r="BP979" s="166">
        <v>0</v>
      </c>
      <c r="BQ979" s="166">
        <v>0</v>
      </c>
      <c r="BR979" s="166">
        <v>6042460.5499999998</v>
      </c>
      <c r="BS979" s="166">
        <v>6042460.5499999998</v>
      </c>
      <c r="BT979" s="168">
        <v>0</v>
      </c>
      <c r="BU979" s="166">
        <v>324465.19</v>
      </c>
      <c r="BV979" s="166">
        <v>6042460.5499999998</v>
      </c>
      <c r="BW979" s="166">
        <v>0</v>
      </c>
      <c r="BX979" s="166">
        <v>0</v>
      </c>
      <c r="BY979" s="166">
        <v>0</v>
      </c>
      <c r="BZ979" s="166">
        <v>0</v>
      </c>
      <c r="CA979" s="166">
        <v>0</v>
      </c>
      <c r="CB979" s="166">
        <v>0</v>
      </c>
      <c r="CC979" s="166">
        <v>0</v>
      </c>
      <c r="CD979" s="166">
        <v>0</v>
      </c>
      <c r="CE979" s="166">
        <v>0</v>
      </c>
      <c r="CF979" s="166">
        <v>0</v>
      </c>
      <c r="CG979" s="166">
        <v>0</v>
      </c>
      <c r="CH979" s="166">
        <v>0</v>
      </c>
      <c r="CI979" s="166">
        <v>0</v>
      </c>
      <c r="CJ979" s="166">
        <v>0</v>
      </c>
      <c r="CK979" s="166">
        <v>0</v>
      </c>
      <c r="CL979" s="166">
        <v>0</v>
      </c>
      <c r="CM979" s="166">
        <v>0</v>
      </c>
      <c r="CN979" s="166">
        <v>0</v>
      </c>
      <c r="CO979" s="166">
        <v>0</v>
      </c>
      <c r="CP979" s="166">
        <v>0</v>
      </c>
      <c r="CQ979" s="166">
        <v>0</v>
      </c>
      <c r="CR979" s="166">
        <v>0</v>
      </c>
      <c r="CS979" s="166">
        <v>0</v>
      </c>
      <c r="CT979" s="166">
        <v>0</v>
      </c>
      <c r="CU979" s="166">
        <v>0</v>
      </c>
      <c r="CV979" s="166">
        <v>0</v>
      </c>
      <c r="CW979" s="166">
        <v>0</v>
      </c>
      <c r="CX979" s="166">
        <v>0</v>
      </c>
      <c r="CY979" s="166">
        <v>6042460.5499999998</v>
      </c>
      <c r="CZ979" s="166">
        <v>6042460.5499999998</v>
      </c>
    </row>
    <row r="980" spans="1:104" x14ac:dyDescent="0.2">
      <c r="A980" s="167" t="s">
        <v>1207</v>
      </c>
      <c r="B980" s="166">
        <v>398404507.98400003</v>
      </c>
      <c r="C980" s="166">
        <v>398404507.98400003</v>
      </c>
      <c r="D980" s="166">
        <v>0</v>
      </c>
      <c r="E980" s="166">
        <v>0</v>
      </c>
      <c r="F980" s="166">
        <v>0</v>
      </c>
      <c r="G980" s="166">
        <v>0</v>
      </c>
      <c r="H980" s="166">
        <v>0</v>
      </c>
      <c r="I980" s="166">
        <v>0</v>
      </c>
      <c r="J980" s="166">
        <v>0</v>
      </c>
      <c r="K980" s="166">
        <v>0</v>
      </c>
      <c r="L980" s="166">
        <v>0</v>
      </c>
      <c r="M980" s="166">
        <v>0</v>
      </c>
      <c r="N980" s="166">
        <v>0</v>
      </c>
      <c r="O980" s="166">
        <v>0</v>
      </c>
      <c r="P980" s="166">
        <v>0</v>
      </c>
      <c r="Q980" s="166">
        <v>0</v>
      </c>
      <c r="R980" s="166">
        <v>0</v>
      </c>
      <c r="S980" s="166">
        <v>0</v>
      </c>
      <c r="T980" s="166">
        <v>0</v>
      </c>
      <c r="U980" s="166">
        <v>0</v>
      </c>
      <c r="V980" s="166">
        <v>0</v>
      </c>
      <c r="W980" s="166">
        <v>0</v>
      </c>
      <c r="X980" s="166">
        <v>0</v>
      </c>
      <c r="Y980" s="166">
        <v>0</v>
      </c>
      <c r="Z980" s="166">
        <v>0</v>
      </c>
      <c r="AA980" s="166">
        <v>0</v>
      </c>
      <c r="AB980" s="166">
        <v>0</v>
      </c>
      <c r="AC980" s="166">
        <v>0</v>
      </c>
      <c r="AD980" s="166">
        <v>0</v>
      </c>
      <c r="AE980" s="166">
        <v>0</v>
      </c>
      <c r="AF980" s="166">
        <v>0</v>
      </c>
      <c r="AG980" s="166">
        <v>0</v>
      </c>
      <c r="AH980" s="166">
        <v>0</v>
      </c>
      <c r="AI980" s="166">
        <v>0</v>
      </c>
      <c r="AJ980" s="166">
        <v>0</v>
      </c>
      <c r="AK980" s="166">
        <v>0</v>
      </c>
      <c r="AL980" s="166">
        <v>0</v>
      </c>
      <c r="AM980" s="166">
        <v>0</v>
      </c>
      <c r="AN980" s="166">
        <v>0</v>
      </c>
      <c r="AO980" s="166">
        <v>0</v>
      </c>
      <c r="AP980" s="166">
        <v>0</v>
      </c>
      <c r="AQ980" s="166">
        <v>0</v>
      </c>
      <c r="AR980" s="166">
        <v>0</v>
      </c>
      <c r="AS980" s="166">
        <v>0</v>
      </c>
      <c r="AT980" s="166">
        <v>0</v>
      </c>
      <c r="AU980" s="166">
        <v>0</v>
      </c>
      <c r="AV980" s="166">
        <v>0</v>
      </c>
      <c r="AW980" s="166">
        <v>0</v>
      </c>
      <c r="AX980" s="166">
        <v>-4255331.3826300399</v>
      </c>
      <c r="AY980" s="166">
        <v>0</v>
      </c>
      <c r="AZ980" s="166">
        <v>-200000004</v>
      </c>
      <c r="BA980" s="166">
        <v>0</v>
      </c>
      <c r="BB980" s="166">
        <v>0</v>
      </c>
      <c r="BC980" s="166">
        <v>0</v>
      </c>
      <c r="BD980" s="166">
        <v>0</v>
      </c>
      <c r="BE980" s="166">
        <v>0</v>
      </c>
      <c r="BF980" s="166">
        <v>0</v>
      </c>
      <c r="BG980" s="166">
        <v>0</v>
      </c>
      <c r="BH980" s="166">
        <v>0</v>
      </c>
      <c r="BI980" s="166">
        <v>0</v>
      </c>
      <c r="BJ980" s="166">
        <v>0</v>
      </c>
      <c r="BK980" s="166">
        <v>0</v>
      </c>
      <c r="BL980" s="166">
        <v>0</v>
      </c>
      <c r="BM980" s="166">
        <v>0</v>
      </c>
      <c r="BN980" s="166">
        <v>0</v>
      </c>
      <c r="BO980" s="166">
        <v>-4255331.3826300399</v>
      </c>
      <c r="BP980" s="166">
        <v>0</v>
      </c>
      <c r="BQ980" s="166">
        <v>-200000004</v>
      </c>
      <c r="BR980" s="166">
        <v>398404507.98400003</v>
      </c>
      <c r="BS980" s="166">
        <v>194149172.60137001</v>
      </c>
      <c r="BT980" s="168">
        <v>0</v>
      </c>
      <c r="BU980" s="166">
        <v>29357306.080126502</v>
      </c>
      <c r="BV980" s="166">
        <v>390884443.76105702</v>
      </c>
      <c r="BW980" s="166">
        <v>0</v>
      </c>
      <c r="BX980" s="166">
        <v>0</v>
      </c>
      <c r="BY980" s="166">
        <v>0</v>
      </c>
      <c r="BZ980" s="166">
        <v>0</v>
      </c>
      <c r="CA980" s="166">
        <v>0</v>
      </c>
      <c r="CB980" s="166">
        <v>0</v>
      </c>
      <c r="CC980" s="166">
        <v>0</v>
      </c>
      <c r="CD980" s="166">
        <v>0</v>
      </c>
      <c r="CE980" s="166">
        <v>0</v>
      </c>
      <c r="CF980" s="166">
        <v>0</v>
      </c>
      <c r="CG980" s="166">
        <v>0</v>
      </c>
      <c r="CH980" s="166">
        <v>-4255331.3826300399</v>
      </c>
      <c r="CI980" s="166">
        <v>0</v>
      </c>
      <c r="CJ980" s="166">
        <v>-200000004</v>
      </c>
      <c r="CK980" s="166">
        <v>0</v>
      </c>
      <c r="CL980" s="166">
        <v>0</v>
      </c>
      <c r="CM980" s="166">
        <v>0</v>
      </c>
      <c r="CN980" s="166">
        <v>0</v>
      </c>
      <c r="CO980" s="166">
        <v>0</v>
      </c>
      <c r="CP980" s="166">
        <v>0</v>
      </c>
      <c r="CQ980" s="166">
        <v>0</v>
      </c>
      <c r="CR980" s="166">
        <v>0</v>
      </c>
      <c r="CS980" s="166">
        <v>0</v>
      </c>
      <c r="CT980" s="166">
        <v>0</v>
      </c>
      <c r="CU980" s="166">
        <v>0</v>
      </c>
      <c r="CV980" s="166">
        <v>-4255331.3826300399</v>
      </c>
      <c r="CW980" s="166">
        <v>0</v>
      </c>
      <c r="CX980" s="166">
        <v>-200000004</v>
      </c>
      <c r="CY980" s="166">
        <v>186629108.378427</v>
      </c>
      <c r="CZ980" s="166">
        <v>186629108.378427</v>
      </c>
    </row>
    <row r="981" spans="1:104" x14ac:dyDescent="0.2">
      <c r="A981" s="170" t="s">
        <v>509</v>
      </c>
      <c r="B981" s="166">
        <v>810773808.00105906</v>
      </c>
      <c r="C981" s="166">
        <v>810773808.00105906</v>
      </c>
      <c r="D981" s="166">
        <v>0</v>
      </c>
      <c r="E981" s="166">
        <v>0</v>
      </c>
      <c r="F981" s="166">
        <v>0</v>
      </c>
      <c r="G981" s="166">
        <v>0</v>
      </c>
      <c r="H981" s="166">
        <v>0</v>
      </c>
      <c r="I981" s="166">
        <v>0</v>
      </c>
      <c r="J981" s="166">
        <v>0</v>
      </c>
      <c r="K981" s="166">
        <v>0</v>
      </c>
      <c r="L981" s="166">
        <v>0</v>
      </c>
      <c r="M981" s="166">
        <v>0</v>
      </c>
      <c r="N981" s="166">
        <v>0</v>
      </c>
      <c r="O981" s="166">
        <v>0</v>
      </c>
      <c r="P981" s="166">
        <v>0</v>
      </c>
      <c r="Q981" s="166">
        <v>0</v>
      </c>
      <c r="R981" s="166">
        <v>0</v>
      </c>
      <c r="S981" s="166">
        <v>0</v>
      </c>
      <c r="T981" s="166">
        <v>0</v>
      </c>
      <c r="U981" s="166">
        <v>0</v>
      </c>
      <c r="V981" s="166">
        <v>0</v>
      </c>
      <c r="W981" s="166">
        <v>0</v>
      </c>
      <c r="X981" s="166">
        <v>0</v>
      </c>
      <c r="Y981" s="166">
        <v>0</v>
      </c>
      <c r="Z981" s="166">
        <v>0</v>
      </c>
      <c r="AA981" s="166">
        <v>0</v>
      </c>
      <c r="AB981" s="166">
        <v>0</v>
      </c>
      <c r="AC981" s="166">
        <v>0</v>
      </c>
      <c r="AD981" s="166">
        <v>0</v>
      </c>
      <c r="AE981" s="166">
        <v>0</v>
      </c>
      <c r="AF981" s="166">
        <v>0</v>
      </c>
      <c r="AG981" s="166">
        <v>0</v>
      </c>
      <c r="AH981" s="166">
        <v>0</v>
      </c>
      <c r="AI981" s="166">
        <v>0</v>
      </c>
      <c r="AJ981" s="166">
        <v>0</v>
      </c>
      <c r="AK981" s="166">
        <v>0</v>
      </c>
      <c r="AL981" s="166">
        <v>0</v>
      </c>
      <c r="AM981" s="166">
        <v>0</v>
      </c>
      <c r="AN981" s="166">
        <v>0</v>
      </c>
      <c r="AO981" s="166">
        <v>0</v>
      </c>
      <c r="AP981" s="166">
        <v>0</v>
      </c>
      <c r="AQ981" s="166">
        <v>0</v>
      </c>
      <c r="AR981" s="166">
        <v>0</v>
      </c>
      <c r="AS981" s="166">
        <v>0</v>
      </c>
      <c r="AT981" s="166">
        <v>0</v>
      </c>
      <c r="AU981" s="166">
        <v>0</v>
      </c>
      <c r="AV981" s="166">
        <v>0</v>
      </c>
      <c r="AW981" s="166">
        <v>0</v>
      </c>
      <c r="AX981" s="166">
        <v>-4255331.3826300399</v>
      </c>
      <c r="AY981" s="166">
        <v>0</v>
      </c>
      <c r="AZ981" s="166">
        <v>-200000004</v>
      </c>
      <c r="BA981" s="166">
        <v>0</v>
      </c>
      <c r="BB981" s="166">
        <v>0</v>
      </c>
      <c r="BC981" s="166">
        <v>0</v>
      </c>
      <c r="BD981" s="166">
        <v>0</v>
      </c>
      <c r="BE981" s="166">
        <v>0</v>
      </c>
      <c r="BF981" s="166">
        <v>0</v>
      </c>
      <c r="BG981" s="166">
        <v>0</v>
      </c>
      <c r="BH981" s="166">
        <v>0</v>
      </c>
      <c r="BI981" s="166">
        <v>0</v>
      </c>
      <c r="BJ981" s="166">
        <v>0</v>
      </c>
      <c r="BK981" s="166">
        <v>0</v>
      </c>
      <c r="BL981" s="166">
        <v>0</v>
      </c>
      <c r="BM981" s="166">
        <v>0</v>
      </c>
      <c r="BN981" s="166">
        <v>0</v>
      </c>
      <c r="BO981" s="166">
        <v>-4255331.3826300399</v>
      </c>
      <c r="BP981" s="166">
        <v>0</v>
      </c>
      <c r="BQ981" s="166">
        <v>-200000004</v>
      </c>
      <c r="BR981" s="166">
        <v>810773808.00105906</v>
      </c>
      <c r="BS981" s="166">
        <v>606518472.61842895</v>
      </c>
      <c r="BT981" s="168">
        <v>0</v>
      </c>
      <c r="BU981" s="166">
        <v>58036139.716930203</v>
      </c>
      <c r="BV981" s="166">
        <v>790456061.04530096</v>
      </c>
      <c r="BW981" s="166">
        <v>0</v>
      </c>
      <c r="BX981" s="166">
        <v>0</v>
      </c>
      <c r="BY981" s="166">
        <v>0</v>
      </c>
      <c r="BZ981" s="166">
        <v>0</v>
      </c>
      <c r="CA981" s="166">
        <v>0</v>
      </c>
      <c r="CB981" s="166">
        <v>0</v>
      </c>
      <c r="CC981" s="166">
        <v>0</v>
      </c>
      <c r="CD981" s="166">
        <v>0</v>
      </c>
      <c r="CE981" s="166">
        <v>0</v>
      </c>
      <c r="CF981" s="166">
        <v>0</v>
      </c>
      <c r="CG981" s="166">
        <v>0</v>
      </c>
      <c r="CH981" s="166">
        <v>-4255331.3826300399</v>
      </c>
      <c r="CI981" s="166">
        <v>0</v>
      </c>
      <c r="CJ981" s="166">
        <v>-200000004</v>
      </c>
      <c r="CK981" s="166">
        <v>0</v>
      </c>
      <c r="CL981" s="166">
        <v>0</v>
      </c>
      <c r="CM981" s="166">
        <v>0</v>
      </c>
      <c r="CN981" s="166">
        <v>0</v>
      </c>
      <c r="CO981" s="166">
        <v>0</v>
      </c>
      <c r="CP981" s="166">
        <v>0</v>
      </c>
      <c r="CQ981" s="166">
        <v>0</v>
      </c>
      <c r="CR981" s="166">
        <v>0</v>
      </c>
      <c r="CS981" s="166">
        <v>0</v>
      </c>
      <c r="CT981" s="166">
        <v>0</v>
      </c>
      <c r="CU981" s="166">
        <v>0</v>
      </c>
      <c r="CV981" s="166">
        <v>-4255331.3826300399</v>
      </c>
      <c r="CW981" s="166">
        <v>0</v>
      </c>
      <c r="CX981" s="166">
        <v>-200000004</v>
      </c>
      <c r="CY981" s="166">
        <v>586200725.66267097</v>
      </c>
      <c r="CZ981" s="166">
        <v>586200725.66267097</v>
      </c>
    </row>
    <row r="982" spans="1:104" x14ac:dyDescent="0.2">
      <c r="A982" s="167" t="s">
        <v>510</v>
      </c>
      <c r="B982" s="166">
        <v>2663278301.7750101</v>
      </c>
      <c r="C982" s="166">
        <v>2663278301.7750101</v>
      </c>
      <c r="D982" s="166">
        <v>0</v>
      </c>
      <c r="E982" s="166">
        <v>0</v>
      </c>
      <c r="F982" s="166">
        <v>0</v>
      </c>
      <c r="G982" s="166">
        <v>-341861518.62</v>
      </c>
      <c r="H982" s="166">
        <v>0</v>
      </c>
      <c r="I982" s="166">
        <v>0</v>
      </c>
      <c r="J982" s="166">
        <v>0</v>
      </c>
      <c r="K982" s="166">
        <v>0</v>
      </c>
      <c r="L982" s="166">
        <v>0</v>
      </c>
      <c r="M982" s="166">
        <v>0</v>
      </c>
      <c r="N982" s="166">
        <v>0</v>
      </c>
      <c r="O982" s="166">
        <v>0</v>
      </c>
      <c r="P982" s="166">
        <v>0</v>
      </c>
      <c r="Q982" s="166">
        <v>0</v>
      </c>
      <c r="R982" s="166">
        <v>-114693907.974999</v>
      </c>
      <c r="S982" s="166">
        <v>0</v>
      </c>
      <c r="T982" s="166">
        <v>0</v>
      </c>
      <c r="U982" s="166">
        <v>-13700569.287941299</v>
      </c>
      <c r="V982" s="166">
        <v>0</v>
      </c>
      <c r="W982" s="166">
        <v>0</v>
      </c>
      <c r="X982" s="166">
        <v>0</v>
      </c>
      <c r="Y982" s="166">
        <v>0</v>
      </c>
      <c r="Z982" s="166">
        <v>0</v>
      </c>
      <c r="AA982" s="166">
        <v>0</v>
      </c>
      <c r="AB982" s="166">
        <v>-2133537066.7720699</v>
      </c>
      <c r="AC982" s="166">
        <v>0</v>
      </c>
      <c r="AD982" s="166">
        <v>0</v>
      </c>
      <c r="AE982" s="166">
        <v>0</v>
      </c>
      <c r="AF982" s="166">
        <v>0</v>
      </c>
      <c r="AG982" s="166">
        <v>0</v>
      </c>
      <c r="AH982" s="166">
        <v>0</v>
      </c>
      <c r="AI982" s="166">
        <v>0</v>
      </c>
      <c r="AJ982" s="166">
        <v>0</v>
      </c>
      <c r="AK982" s="166">
        <v>0</v>
      </c>
      <c r="AL982" s="166">
        <v>0</v>
      </c>
      <c r="AM982" s="166">
        <v>0</v>
      </c>
      <c r="AN982" s="166">
        <v>0</v>
      </c>
      <c r="AO982" s="166">
        <v>0</v>
      </c>
      <c r="AP982" s="166">
        <v>0</v>
      </c>
      <c r="AQ982" s="166">
        <v>0</v>
      </c>
      <c r="AR982" s="166">
        <v>0</v>
      </c>
      <c r="AS982" s="166">
        <v>0</v>
      </c>
      <c r="AT982" s="166">
        <v>0</v>
      </c>
      <c r="AU982" s="166">
        <v>0</v>
      </c>
      <c r="AV982" s="166">
        <v>0</v>
      </c>
      <c r="AW982" s="166">
        <v>0</v>
      </c>
      <c r="AX982" s="166">
        <v>0</v>
      </c>
      <c r="AY982" s="166">
        <v>-59485239.119999997</v>
      </c>
      <c r="AZ982" s="166">
        <v>0</v>
      </c>
      <c r="BA982" s="166">
        <v>0</v>
      </c>
      <c r="BB982" s="166">
        <v>0</v>
      </c>
      <c r="BC982" s="166">
        <v>0</v>
      </c>
      <c r="BD982" s="166">
        <v>-341861518.62</v>
      </c>
      <c r="BE982" s="166">
        <v>0</v>
      </c>
      <c r="BF982" s="166">
        <v>0</v>
      </c>
      <c r="BG982" s="166">
        <v>-114693907.974999</v>
      </c>
      <c r="BH982" s="166">
        <v>0</v>
      </c>
      <c r="BI982" s="166">
        <v>-13700569.287941299</v>
      </c>
      <c r="BJ982" s="166">
        <v>-2133537066.7720699</v>
      </c>
      <c r="BK982" s="166">
        <v>0</v>
      </c>
      <c r="BL982" s="166">
        <v>0</v>
      </c>
      <c r="BM982" s="166">
        <v>0</v>
      </c>
      <c r="BN982" s="166">
        <v>0</v>
      </c>
      <c r="BO982" s="166">
        <v>0</v>
      </c>
      <c r="BP982" s="166">
        <v>-59485239.119999997</v>
      </c>
      <c r="BQ982" s="166">
        <v>0</v>
      </c>
      <c r="BR982" s="166">
        <v>2663278301.7750101</v>
      </c>
      <c r="BS982" s="166">
        <v>0</v>
      </c>
      <c r="BT982" s="168">
        <v>0</v>
      </c>
      <c r="BU982" s="166">
        <v>197661245.59102601</v>
      </c>
      <c r="BV982" s="166">
        <v>2610993640.66818</v>
      </c>
      <c r="BW982" s="166">
        <v>-331865535.08910203</v>
      </c>
      <c r="BX982" s="166">
        <v>0</v>
      </c>
      <c r="BY982" s="166">
        <v>0</v>
      </c>
      <c r="BZ982" s="166">
        <v>-114693907.974999</v>
      </c>
      <c r="CA982" s="166">
        <v>0</v>
      </c>
      <c r="CB982" s="166">
        <v>-13478874.9282606</v>
      </c>
      <c r="CC982" s="166">
        <v>-2093940599.7031</v>
      </c>
      <c r="CD982" s="166">
        <v>0</v>
      </c>
      <c r="CE982" s="166">
        <v>0</v>
      </c>
      <c r="CF982" s="166">
        <v>0</v>
      </c>
      <c r="CG982" s="166">
        <v>0</v>
      </c>
      <c r="CH982" s="166">
        <v>0</v>
      </c>
      <c r="CI982" s="166">
        <v>-57014722.972720303</v>
      </c>
      <c r="CJ982" s="166">
        <v>0</v>
      </c>
      <c r="CK982" s="166">
        <v>-331865535.08910203</v>
      </c>
      <c r="CL982" s="166">
        <v>0</v>
      </c>
      <c r="CM982" s="166">
        <v>0</v>
      </c>
      <c r="CN982" s="166">
        <v>-114693907.974999</v>
      </c>
      <c r="CO982" s="166">
        <v>0</v>
      </c>
      <c r="CP982" s="166">
        <v>-13478874.9282606</v>
      </c>
      <c r="CQ982" s="166">
        <v>-2093940599.7031</v>
      </c>
      <c r="CR982" s="166">
        <v>0</v>
      </c>
      <c r="CS982" s="166">
        <v>0</v>
      </c>
      <c r="CT982" s="166">
        <v>0</v>
      </c>
      <c r="CU982" s="166">
        <v>0</v>
      </c>
      <c r="CV982" s="166">
        <v>0</v>
      </c>
      <c r="CW982" s="166">
        <v>-57014722.972720303</v>
      </c>
      <c r="CX982" s="166">
        <v>0</v>
      </c>
      <c r="CY982" s="166">
        <v>0</v>
      </c>
      <c r="CZ982" s="166">
        <v>0</v>
      </c>
    </row>
    <row r="983" spans="1:104" x14ac:dyDescent="0.2">
      <c r="A983" s="170" t="s">
        <v>511</v>
      </c>
      <c r="B983" s="166">
        <v>3474052109.7760701</v>
      </c>
      <c r="C983" s="166">
        <v>3474052109.7760701</v>
      </c>
      <c r="D983" s="166">
        <v>0</v>
      </c>
      <c r="E983" s="166">
        <v>0</v>
      </c>
      <c r="F983" s="166">
        <v>0</v>
      </c>
      <c r="G983" s="166">
        <v>-341861518.62</v>
      </c>
      <c r="H983" s="166">
        <v>0</v>
      </c>
      <c r="I983" s="166">
        <v>0</v>
      </c>
      <c r="J983" s="166">
        <v>0</v>
      </c>
      <c r="K983" s="166">
        <v>0</v>
      </c>
      <c r="L983" s="166">
        <v>0</v>
      </c>
      <c r="M983" s="166">
        <v>0</v>
      </c>
      <c r="N983" s="166">
        <v>0</v>
      </c>
      <c r="O983" s="166">
        <v>0</v>
      </c>
      <c r="P983" s="166">
        <v>0</v>
      </c>
      <c r="Q983" s="166">
        <v>0</v>
      </c>
      <c r="R983" s="166">
        <v>-114693907.974999</v>
      </c>
      <c r="S983" s="166">
        <v>0</v>
      </c>
      <c r="T983" s="166">
        <v>0</v>
      </c>
      <c r="U983" s="166">
        <v>-13700569.287941299</v>
      </c>
      <c r="V983" s="166">
        <v>0</v>
      </c>
      <c r="W983" s="166">
        <v>0</v>
      </c>
      <c r="X983" s="166">
        <v>0</v>
      </c>
      <c r="Y983" s="166">
        <v>0</v>
      </c>
      <c r="Z983" s="166">
        <v>0</v>
      </c>
      <c r="AA983" s="166">
        <v>0</v>
      </c>
      <c r="AB983" s="166">
        <v>-2133537066.7720699</v>
      </c>
      <c r="AC983" s="166">
        <v>0</v>
      </c>
      <c r="AD983" s="166">
        <v>0</v>
      </c>
      <c r="AE983" s="166">
        <v>0</v>
      </c>
      <c r="AF983" s="166">
        <v>0</v>
      </c>
      <c r="AG983" s="166">
        <v>0</v>
      </c>
      <c r="AH983" s="166">
        <v>0</v>
      </c>
      <c r="AI983" s="166">
        <v>0</v>
      </c>
      <c r="AJ983" s="166">
        <v>0</v>
      </c>
      <c r="AK983" s="166">
        <v>0</v>
      </c>
      <c r="AL983" s="166">
        <v>0</v>
      </c>
      <c r="AM983" s="166">
        <v>0</v>
      </c>
      <c r="AN983" s="166">
        <v>0</v>
      </c>
      <c r="AO983" s="166">
        <v>0</v>
      </c>
      <c r="AP983" s="166">
        <v>0</v>
      </c>
      <c r="AQ983" s="166">
        <v>0</v>
      </c>
      <c r="AR983" s="166">
        <v>0</v>
      </c>
      <c r="AS983" s="166">
        <v>0</v>
      </c>
      <c r="AT983" s="166">
        <v>0</v>
      </c>
      <c r="AU983" s="166">
        <v>0</v>
      </c>
      <c r="AV983" s="166">
        <v>0</v>
      </c>
      <c r="AW983" s="166">
        <v>0</v>
      </c>
      <c r="AX983" s="166">
        <v>-4255331.3826300399</v>
      </c>
      <c r="AY983" s="166">
        <v>-59485239.119999997</v>
      </c>
      <c r="AZ983" s="166">
        <v>-200000004</v>
      </c>
      <c r="BA983" s="166">
        <v>0</v>
      </c>
      <c r="BB983" s="166">
        <v>0</v>
      </c>
      <c r="BC983" s="166">
        <v>0</v>
      </c>
      <c r="BD983" s="166">
        <v>-341861518.62</v>
      </c>
      <c r="BE983" s="166">
        <v>0</v>
      </c>
      <c r="BF983" s="166">
        <v>0</v>
      </c>
      <c r="BG983" s="166">
        <v>-114693907.974999</v>
      </c>
      <c r="BH983" s="166">
        <v>0</v>
      </c>
      <c r="BI983" s="166">
        <v>-13700569.287941299</v>
      </c>
      <c r="BJ983" s="166">
        <v>-2133537066.7720699</v>
      </c>
      <c r="BK983" s="166">
        <v>0</v>
      </c>
      <c r="BL983" s="166">
        <v>0</v>
      </c>
      <c r="BM983" s="166">
        <v>0</v>
      </c>
      <c r="BN983" s="166">
        <v>0</v>
      </c>
      <c r="BO983" s="166">
        <v>-4255331.3826300399</v>
      </c>
      <c r="BP983" s="166">
        <v>-59485239.119999997</v>
      </c>
      <c r="BQ983" s="166">
        <v>-200000004</v>
      </c>
      <c r="BR983" s="166">
        <v>3474052109.7760701</v>
      </c>
      <c r="BS983" s="166">
        <v>606518472.61842895</v>
      </c>
      <c r="BT983" s="168">
        <v>0</v>
      </c>
      <c r="BU983" s="166">
        <v>255697385.30795601</v>
      </c>
      <c r="BV983" s="166">
        <v>3401449701.71349</v>
      </c>
      <c r="BW983" s="166">
        <v>0</v>
      </c>
      <c r="BX983" s="166">
        <v>0</v>
      </c>
      <c r="BY983" s="166">
        <v>0</v>
      </c>
      <c r="BZ983" s="166">
        <v>0</v>
      </c>
      <c r="CA983" s="166">
        <v>0</v>
      </c>
      <c r="CB983" s="166">
        <v>0</v>
      </c>
      <c r="CC983" s="166">
        <v>0</v>
      </c>
      <c r="CD983" s="166">
        <v>0</v>
      </c>
      <c r="CE983" s="166">
        <v>0</v>
      </c>
      <c r="CF983" s="166">
        <v>0</v>
      </c>
      <c r="CG983" s="166">
        <v>0</v>
      </c>
      <c r="CH983" s="166">
        <v>-4255331.3826300399</v>
      </c>
      <c r="CI983" s="166">
        <v>0</v>
      </c>
      <c r="CJ983" s="166">
        <v>-200000004</v>
      </c>
      <c r="CK983" s="166">
        <v>0</v>
      </c>
      <c r="CL983" s="166">
        <v>0</v>
      </c>
      <c r="CM983" s="166">
        <v>0</v>
      </c>
      <c r="CN983" s="166">
        <v>0</v>
      </c>
      <c r="CO983" s="166">
        <v>0</v>
      </c>
      <c r="CP983" s="166">
        <v>0</v>
      </c>
      <c r="CQ983" s="166">
        <v>0</v>
      </c>
      <c r="CR983" s="166">
        <v>0</v>
      </c>
      <c r="CS983" s="166">
        <v>0</v>
      </c>
      <c r="CT983" s="166">
        <v>0</v>
      </c>
      <c r="CU983" s="166">
        <v>0</v>
      </c>
      <c r="CV983" s="166">
        <v>-4255331.3826300399</v>
      </c>
      <c r="CW983" s="166">
        <v>0</v>
      </c>
      <c r="CX983" s="166">
        <v>-200000004</v>
      </c>
      <c r="CY983" s="166">
        <v>586200725.66267097</v>
      </c>
      <c r="CZ983" s="166">
        <v>586200725.66267097</v>
      </c>
    </row>
    <row r="984" spans="1:104" x14ac:dyDescent="0.2">
      <c r="A984" s="167" t="s">
        <v>512</v>
      </c>
    </row>
    <row r="985" spans="1:104" x14ac:dyDescent="0.2">
      <c r="A985" s="170" t="s">
        <v>513</v>
      </c>
    </row>
    <row r="986" spans="1:104" x14ac:dyDescent="0.2">
      <c r="A986" s="167" t="s">
        <v>514</v>
      </c>
      <c r="B986" s="166">
        <v>3474052109.7760701</v>
      </c>
      <c r="C986" s="166">
        <v>3474052109.7760701</v>
      </c>
      <c r="D986" s="166">
        <v>0</v>
      </c>
      <c r="E986" s="166">
        <v>0</v>
      </c>
      <c r="F986" s="166">
        <v>0</v>
      </c>
      <c r="G986" s="166">
        <v>0</v>
      </c>
      <c r="H986" s="166">
        <v>0</v>
      </c>
      <c r="I986" s="166">
        <v>0</v>
      </c>
      <c r="J986" s="166">
        <v>0</v>
      </c>
      <c r="K986" s="166">
        <v>0</v>
      </c>
      <c r="L986" s="166">
        <v>0</v>
      </c>
      <c r="M986" s="166">
        <v>0</v>
      </c>
      <c r="N986" s="166">
        <v>0</v>
      </c>
      <c r="O986" s="166">
        <v>0</v>
      </c>
      <c r="P986" s="166">
        <v>0</v>
      </c>
      <c r="Q986" s="166">
        <v>0</v>
      </c>
      <c r="R986" s="166">
        <v>0</v>
      </c>
      <c r="S986" s="166">
        <v>0</v>
      </c>
      <c r="T986" s="166">
        <v>0</v>
      </c>
      <c r="U986" s="166">
        <v>0</v>
      </c>
      <c r="V986" s="166">
        <v>0</v>
      </c>
      <c r="W986" s="166">
        <v>0</v>
      </c>
      <c r="X986" s="166">
        <v>0</v>
      </c>
      <c r="Y986" s="166">
        <v>0</v>
      </c>
      <c r="Z986" s="166">
        <v>0</v>
      </c>
      <c r="AA986" s="166">
        <v>0</v>
      </c>
      <c r="AB986" s="166">
        <v>0</v>
      </c>
      <c r="AC986" s="166">
        <v>0</v>
      </c>
      <c r="AD986" s="166">
        <v>0</v>
      </c>
      <c r="AE986" s="166">
        <v>0</v>
      </c>
      <c r="AF986" s="166">
        <v>0</v>
      </c>
      <c r="AG986" s="166">
        <v>0</v>
      </c>
      <c r="AH986" s="166">
        <v>0</v>
      </c>
      <c r="AI986" s="166">
        <v>0</v>
      </c>
      <c r="AJ986" s="166">
        <v>0</v>
      </c>
      <c r="AK986" s="166">
        <v>0</v>
      </c>
      <c r="AL986" s="166">
        <v>0</v>
      </c>
      <c r="AM986" s="166">
        <v>0</v>
      </c>
      <c r="AN986" s="166">
        <v>0</v>
      </c>
      <c r="AO986" s="166">
        <v>0</v>
      </c>
      <c r="AP986" s="166">
        <v>0</v>
      </c>
      <c r="AQ986" s="166">
        <v>0</v>
      </c>
      <c r="AR986" s="166">
        <v>0</v>
      </c>
      <c r="AS986" s="166">
        <v>0</v>
      </c>
      <c r="AT986" s="166">
        <v>0</v>
      </c>
      <c r="AU986" s="166">
        <v>0</v>
      </c>
      <c r="AV986" s="166">
        <v>0</v>
      </c>
      <c r="AW986" s="166">
        <v>0</v>
      </c>
      <c r="AX986" s="166">
        <v>0</v>
      </c>
      <c r="AY986" s="166">
        <v>0</v>
      </c>
      <c r="AZ986" s="166">
        <v>0</v>
      </c>
      <c r="BA986" s="166">
        <v>0</v>
      </c>
      <c r="BB986" s="166">
        <v>0</v>
      </c>
      <c r="BC986" s="166">
        <v>0</v>
      </c>
      <c r="BD986" s="166">
        <v>0</v>
      </c>
      <c r="BE986" s="166">
        <v>0</v>
      </c>
      <c r="BF986" s="166">
        <v>0</v>
      </c>
      <c r="BG986" s="166">
        <v>0</v>
      </c>
      <c r="BH986" s="166">
        <v>0</v>
      </c>
      <c r="BI986" s="166">
        <v>0</v>
      </c>
      <c r="BJ986" s="166">
        <v>0</v>
      </c>
      <c r="BK986" s="166">
        <v>0</v>
      </c>
      <c r="BL986" s="166">
        <v>0</v>
      </c>
      <c r="BM986" s="166">
        <v>0</v>
      </c>
      <c r="BN986" s="166">
        <v>0</v>
      </c>
      <c r="BO986" s="166">
        <v>0</v>
      </c>
      <c r="BP986" s="166">
        <v>0</v>
      </c>
      <c r="BQ986" s="166">
        <v>0</v>
      </c>
      <c r="BR986" s="166">
        <v>3474052109.7760701</v>
      </c>
      <c r="BS986" s="166">
        <v>3474052109.7760701</v>
      </c>
      <c r="BT986" s="168">
        <v>0</v>
      </c>
      <c r="BU986" s="166">
        <v>0</v>
      </c>
      <c r="BV986" s="166">
        <v>0</v>
      </c>
      <c r="BW986" s="166">
        <v>0</v>
      </c>
      <c r="BX986" s="166">
        <v>0</v>
      </c>
      <c r="BY986" s="166">
        <v>0</v>
      </c>
      <c r="BZ986" s="166">
        <v>0</v>
      </c>
      <c r="CA986" s="166">
        <v>0</v>
      </c>
      <c r="CB986" s="166">
        <v>0</v>
      </c>
      <c r="CC986" s="166">
        <v>0</v>
      </c>
      <c r="CD986" s="166">
        <v>0</v>
      </c>
      <c r="CE986" s="166">
        <v>0</v>
      </c>
      <c r="CF986" s="166">
        <v>0</v>
      </c>
      <c r="CG986" s="166">
        <v>0</v>
      </c>
      <c r="CH986" s="166">
        <v>0</v>
      </c>
      <c r="CI986" s="166">
        <v>0</v>
      </c>
      <c r="CJ986" s="166">
        <v>0</v>
      </c>
      <c r="CK986" s="166">
        <v>0</v>
      </c>
      <c r="CL986" s="166">
        <v>0</v>
      </c>
      <c r="CM986" s="166">
        <v>0</v>
      </c>
      <c r="CN986" s="166">
        <v>0</v>
      </c>
      <c r="CO986" s="166">
        <v>0</v>
      </c>
      <c r="CP986" s="166">
        <v>0</v>
      </c>
      <c r="CQ986" s="166">
        <v>0</v>
      </c>
      <c r="CR986" s="166">
        <v>0</v>
      </c>
      <c r="CS986" s="166">
        <v>0</v>
      </c>
      <c r="CT986" s="166">
        <v>0</v>
      </c>
      <c r="CU986" s="166">
        <v>0</v>
      </c>
      <c r="CV986" s="166">
        <v>0</v>
      </c>
      <c r="CW986" s="166">
        <v>0</v>
      </c>
      <c r="CX986" s="166">
        <v>0</v>
      </c>
      <c r="CY986" s="166">
        <v>0</v>
      </c>
      <c r="CZ986" s="166">
        <v>0</v>
      </c>
    </row>
    <row r="987" spans="1:104" x14ac:dyDescent="0.2">
      <c r="A987" s="167" t="s">
        <v>515</v>
      </c>
      <c r="B987" s="166">
        <v>2475398585.3920698</v>
      </c>
      <c r="C987" s="166">
        <v>2475398585.3920698</v>
      </c>
      <c r="D987" s="166">
        <v>0</v>
      </c>
      <c r="E987" s="166">
        <v>0</v>
      </c>
      <c r="F987" s="166">
        <v>0</v>
      </c>
      <c r="G987" s="166">
        <v>0</v>
      </c>
      <c r="H987" s="166">
        <v>0</v>
      </c>
      <c r="I987" s="166">
        <v>0</v>
      </c>
      <c r="J987" s="166">
        <v>0</v>
      </c>
      <c r="K987" s="166">
        <v>0</v>
      </c>
      <c r="L987" s="166">
        <v>0</v>
      </c>
      <c r="M987" s="166">
        <v>0</v>
      </c>
      <c r="N987" s="166">
        <v>0</v>
      </c>
      <c r="O987" s="166">
        <v>0</v>
      </c>
      <c r="P987" s="166">
        <v>0</v>
      </c>
      <c r="Q987" s="166">
        <v>0</v>
      </c>
      <c r="R987" s="166">
        <v>0</v>
      </c>
      <c r="S987" s="166">
        <v>0</v>
      </c>
      <c r="T987" s="166">
        <v>0</v>
      </c>
      <c r="U987" s="166">
        <v>0</v>
      </c>
      <c r="V987" s="166">
        <v>0</v>
      </c>
      <c r="W987" s="166">
        <v>0</v>
      </c>
      <c r="X987" s="166">
        <v>0</v>
      </c>
      <c r="Y987" s="166">
        <v>0</v>
      </c>
      <c r="Z987" s="166">
        <v>0</v>
      </c>
      <c r="AA987" s="166">
        <v>0</v>
      </c>
      <c r="AB987" s="166">
        <v>0</v>
      </c>
      <c r="AC987" s="166">
        <v>0</v>
      </c>
      <c r="AD987" s="166">
        <v>0</v>
      </c>
      <c r="AE987" s="166">
        <v>0</v>
      </c>
      <c r="AF987" s="166">
        <v>0</v>
      </c>
      <c r="AG987" s="166">
        <v>0</v>
      </c>
      <c r="AH987" s="166">
        <v>0</v>
      </c>
      <c r="AI987" s="166">
        <v>0</v>
      </c>
      <c r="AJ987" s="166">
        <v>0</v>
      </c>
      <c r="AK987" s="166">
        <v>0</v>
      </c>
      <c r="AL987" s="166">
        <v>0</v>
      </c>
      <c r="AM987" s="166">
        <v>0</v>
      </c>
      <c r="AN987" s="166">
        <v>0</v>
      </c>
      <c r="AO987" s="166">
        <v>0</v>
      </c>
      <c r="AP987" s="166">
        <v>0</v>
      </c>
      <c r="AQ987" s="166">
        <v>0</v>
      </c>
      <c r="AR987" s="166">
        <v>0</v>
      </c>
      <c r="AS987" s="166">
        <v>0</v>
      </c>
      <c r="AT987" s="166">
        <v>0</v>
      </c>
      <c r="AU987" s="166">
        <v>0</v>
      </c>
      <c r="AV987" s="166">
        <v>0</v>
      </c>
      <c r="AW987" s="166">
        <v>0</v>
      </c>
      <c r="AX987" s="166">
        <v>0</v>
      </c>
      <c r="AY987" s="166">
        <v>0</v>
      </c>
      <c r="AZ987" s="166">
        <v>0</v>
      </c>
      <c r="BA987" s="166">
        <v>0</v>
      </c>
      <c r="BB987" s="166">
        <v>0</v>
      </c>
      <c r="BC987" s="166">
        <v>0</v>
      </c>
      <c r="BD987" s="166">
        <v>0</v>
      </c>
      <c r="BE987" s="166">
        <v>0</v>
      </c>
      <c r="BF987" s="166">
        <v>0</v>
      </c>
      <c r="BG987" s="166">
        <v>0</v>
      </c>
      <c r="BH987" s="166">
        <v>0</v>
      </c>
      <c r="BI987" s="166">
        <v>0</v>
      </c>
      <c r="BJ987" s="166">
        <v>0</v>
      </c>
      <c r="BK987" s="166">
        <v>0</v>
      </c>
      <c r="BL987" s="166">
        <v>0</v>
      </c>
      <c r="BM987" s="166">
        <v>0</v>
      </c>
      <c r="BN987" s="166">
        <v>0</v>
      </c>
      <c r="BO987" s="166">
        <v>0</v>
      </c>
      <c r="BP987" s="166">
        <v>0</v>
      </c>
      <c r="BQ987" s="166">
        <v>0</v>
      </c>
      <c r="BR987" s="166">
        <v>2475398585.3920698</v>
      </c>
      <c r="BS987" s="166">
        <v>2475398585.3920698</v>
      </c>
      <c r="BT987" s="168">
        <v>0</v>
      </c>
      <c r="BU987" s="166">
        <v>0</v>
      </c>
      <c r="BV987" s="166">
        <v>0</v>
      </c>
      <c r="BW987" s="166">
        <v>0</v>
      </c>
      <c r="BX987" s="166">
        <v>0</v>
      </c>
      <c r="BY987" s="166">
        <v>0</v>
      </c>
      <c r="BZ987" s="166">
        <v>0</v>
      </c>
      <c r="CA987" s="166">
        <v>0</v>
      </c>
      <c r="CB987" s="166">
        <v>0</v>
      </c>
      <c r="CC987" s="166">
        <v>0</v>
      </c>
      <c r="CD987" s="166">
        <v>0</v>
      </c>
      <c r="CE987" s="166">
        <v>0</v>
      </c>
      <c r="CF987" s="166">
        <v>0</v>
      </c>
      <c r="CG987" s="166">
        <v>0</v>
      </c>
      <c r="CH987" s="166">
        <v>0</v>
      </c>
      <c r="CI987" s="166">
        <v>0</v>
      </c>
      <c r="CJ987" s="166">
        <v>0</v>
      </c>
      <c r="CK987" s="166">
        <v>0</v>
      </c>
      <c r="CL987" s="166">
        <v>0</v>
      </c>
      <c r="CM987" s="166">
        <v>0</v>
      </c>
      <c r="CN987" s="166">
        <v>0</v>
      </c>
      <c r="CO987" s="166">
        <v>0</v>
      </c>
      <c r="CP987" s="166">
        <v>0</v>
      </c>
      <c r="CQ987" s="166">
        <v>0</v>
      </c>
      <c r="CR987" s="166">
        <v>0</v>
      </c>
      <c r="CS987" s="166">
        <v>0</v>
      </c>
      <c r="CT987" s="166">
        <v>0</v>
      </c>
      <c r="CU987" s="166">
        <v>0</v>
      </c>
      <c r="CV987" s="166">
        <v>0</v>
      </c>
      <c r="CW987" s="166">
        <v>0</v>
      </c>
      <c r="CX987" s="166">
        <v>0</v>
      </c>
      <c r="CY987" s="166">
        <v>0</v>
      </c>
      <c r="CZ987" s="166">
        <v>0</v>
      </c>
    </row>
    <row r="988" spans="1:104" x14ac:dyDescent="0.2">
      <c r="A988" s="167" t="s">
        <v>516</v>
      </c>
      <c r="B988" s="166">
        <v>998653524.38399899</v>
      </c>
      <c r="C988" s="166">
        <v>998653524.38399899</v>
      </c>
      <c r="D988" s="166">
        <v>0</v>
      </c>
      <c r="E988" s="166">
        <v>0</v>
      </c>
      <c r="F988" s="166">
        <v>0</v>
      </c>
      <c r="G988" s="166">
        <v>0</v>
      </c>
      <c r="H988" s="166">
        <v>0</v>
      </c>
      <c r="I988" s="166">
        <v>0</v>
      </c>
      <c r="J988" s="166">
        <v>0</v>
      </c>
      <c r="K988" s="166">
        <v>0</v>
      </c>
      <c r="L988" s="166">
        <v>0</v>
      </c>
      <c r="M988" s="166">
        <v>0</v>
      </c>
      <c r="N988" s="166">
        <v>0</v>
      </c>
      <c r="O988" s="166">
        <v>0</v>
      </c>
      <c r="P988" s="166">
        <v>0</v>
      </c>
      <c r="Q988" s="166">
        <v>0</v>
      </c>
      <c r="R988" s="166">
        <v>0</v>
      </c>
      <c r="S988" s="166">
        <v>0</v>
      </c>
      <c r="T988" s="166">
        <v>0</v>
      </c>
      <c r="U988" s="166">
        <v>0</v>
      </c>
      <c r="V988" s="166">
        <v>0</v>
      </c>
      <c r="W988" s="166">
        <v>0</v>
      </c>
      <c r="X988" s="166">
        <v>0</v>
      </c>
      <c r="Y988" s="166">
        <v>0</v>
      </c>
      <c r="Z988" s="166">
        <v>0</v>
      </c>
      <c r="AA988" s="166">
        <v>0</v>
      </c>
      <c r="AB988" s="166">
        <v>0</v>
      </c>
      <c r="AC988" s="166">
        <v>0</v>
      </c>
      <c r="AD988" s="166">
        <v>0</v>
      </c>
      <c r="AE988" s="166">
        <v>0</v>
      </c>
      <c r="AF988" s="166">
        <v>0</v>
      </c>
      <c r="AG988" s="166">
        <v>0</v>
      </c>
      <c r="AH988" s="166">
        <v>0</v>
      </c>
      <c r="AI988" s="166">
        <v>0</v>
      </c>
      <c r="AJ988" s="166">
        <v>0</v>
      </c>
      <c r="AK988" s="166">
        <v>0</v>
      </c>
      <c r="AL988" s="166">
        <v>0</v>
      </c>
      <c r="AM988" s="166">
        <v>0</v>
      </c>
      <c r="AN988" s="166">
        <v>0</v>
      </c>
      <c r="AO988" s="166">
        <v>0</v>
      </c>
      <c r="AP988" s="166">
        <v>0</v>
      </c>
      <c r="AQ988" s="166">
        <v>0</v>
      </c>
      <c r="AR988" s="166">
        <v>0</v>
      </c>
      <c r="AS988" s="166">
        <v>0</v>
      </c>
      <c r="AT988" s="166">
        <v>0</v>
      </c>
      <c r="AU988" s="166">
        <v>0</v>
      </c>
      <c r="AV988" s="166">
        <v>0</v>
      </c>
      <c r="AW988" s="166">
        <v>0</v>
      </c>
      <c r="AX988" s="166">
        <v>0</v>
      </c>
      <c r="AY988" s="166">
        <v>0</v>
      </c>
      <c r="AZ988" s="166">
        <v>0</v>
      </c>
      <c r="BA988" s="166">
        <v>0</v>
      </c>
      <c r="BB988" s="166">
        <v>0</v>
      </c>
      <c r="BC988" s="166">
        <v>0</v>
      </c>
      <c r="BD988" s="166">
        <v>0</v>
      </c>
      <c r="BE988" s="166">
        <v>0</v>
      </c>
      <c r="BF988" s="166">
        <v>0</v>
      </c>
      <c r="BG988" s="166">
        <v>0</v>
      </c>
      <c r="BH988" s="166">
        <v>0</v>
      </c>
      <c r="BI988" s="166">
        <v>0</v>
      </c>
      <c r="BJ988" s="166">
        <v>0</v>
      </c>
      <c r="BK988" s="166">
        <v>0</v>
      </c>
      <c r="BL988" s="166">
        <v>0</v>
      </c>
      <c r="BM988" s="166">
        <v>0</v>
      </c>
      <c r="BN988" s="166">
        <v>0</v>
      </c>
      <c r="BO988" s="166">
        <v>0</v>
      </c>
      <c r="BP988" s="166">
        <v>0</v>
      </c>
      <c r="BQ988" s="166">
        <v>0</v>
      </c>
      <c r="BR988" s="166">
        <v>998653524.38399899</v>
      </c>
      <c r="BS988" s="166">
        <v>998653524.38399899</v>
      </c>
      <c r="BT988" s="168">
        <v>0</v>
      </c>
      <c r="BU988" s="166">
        <v>0</v>
      </c>
      <c r="BV988" s="166">
        <v>0</v>
      </c>
      <c r="BW988" s="166">
        <v>0</v>
      </c>
      <c r="BX988" s="166">
        <v>0</v>
      </c>
      <c r="BY988" s="166">
        <v>0</v>
      </c>
      <c r="BZ988" s="166">
        <v>0</v>
      </c>
      <c r="CA988" s="166">
        <v>0</v>
      </c>
      <c r="CB988" s="166">
        <v>0</v>
      </c>
      <c r="CC988" s="166">
        <v>0</v>
      </c>
      <c r="CD988" s="166">
        <v>0</v>
      </c>
      <c r="CE988" s="166">
        <v>0</v>
      </c>
      <c r="CF988" s="166">
        <v>0</v>
      </c>
      <c r="CG988" s="166">
        <v>0</v>
      </c>
      <c r="CH988" s="166">
        <v>0</v>
      </c>
      <c r="CI988" s="166">
        <v>0</v>
      </c>
      <c r="CJ988" s="166">
        <v>0</v>
      </c>
      <c r="CK988" s="166">
        <v>0</v>
      </c>
      <c r="CL988" s="166">
        <v>0</v>
      </c>
      <c r="CM988" s="166">
        <v>0</v>
      </c>
      <c r="CN988" s="166">
        <v>0</v>
      </c>
      <c r="CO988" s="166">
        <v>0</v>
      </c>
      <c r="CP988" s="166">
        <v>0</v>
      </c>
      <c r="CQ988" s="166">
        <v>0</v>
      </c>
      <c r="CR988" s="166">
        <v>0</v>
      </c>
      <c r="CS988" s="166">
        <v>0</v>
      </c>
      <c r="CT988" s="166">
        <v>0</v>
      </c>
      <c r="CU988" s="166">
        <v>0</v>
      </c>
      <c r="CV988" s="166">
        <v>0</v>
      </c>
      <c r="CW988" s="166">
        <v>0</v>
      </c>
      <c r="CX988" s="166">
        <v>0</v>
      </c>
      <c r="CY988" s="166">
        <v>0</v>
      </c>
      <c r="CZ988" s="166">
        <v>0</v>
      </c>
    </row>
    <row r="989" spans="1:104" x14ac:dyDescent="0.2">
      <c r="A989" s="167" t="s">
        <v>517</v>
      </c>
      <c r="B989" s="166">
        <v>0</v>
      </c>
      <c r="C989" s="166">
        <v>0</v>
      </c>
      <c r="D989" s="166">
        <v>0</v>
      </c>
      <c r="E989" s="166">
        <v>0</v>
      </c>
      <c r="F989" s="166">
        <v>0</v>
      </c>
      <c r="G989" s="166">
        <v>0</v>
      </c>
      <c r="H989" s="166">
        <v>0</v>
      </c>
      <c r="I989" s="166">
        <v>0</v>
      </c>
      <c r="J989" s="166">
        <v>0</v>
      </c>
      <c r="K989" s="166">
        <v>0</v>
      </c>
      <c r="L989" s="166">
        <v>0</v>
      </c>
      <c r="M989" s="166">
        <v>0</v>
      </c>
      <c r="N989" s="166">
        <v>0</v>
      </c>
      <c r="O989" s="166">
        <v>0</v>
      </c>
      <c r="P989" s="166">
        <v>0</v>
      </c>
      <c r="Q989" s="166">
        <v>0</v>
      </c>
      <c r="R989" s="166">
        <v>0</v>
      </c>
      <c r="S989" s="166">
        <v>0</v>
      </c>
      <c r="T989" s="166">
        <v>0</v>
      </c>
      <c r="U989" s="166">
        <v>0</v>
      </c>
      <c r="V989" s="166">
        <v>0</v>
      </c>
      <c r="W989" s="166">
        <v>0</v>
      </c>
      <c r="X989" s="166">
        <v>0</v>
      </c>
      <c r="Y989" s="166">
        <v>0</v>
      </c>
      <c r="Z989" s="166">
        <v>0</v>
      </c>
      <c r="AA989" s="166">
        <v>0</v>
      </c>
      <c r="AB989" s="166">
        <v>0</v>
      </c>
      <c r="AC989" s="166">
        <v>0</v>
      </c>
      <c r="AD989" s="166">
        <v>0</v>
      </c>
      <c r="AE989" s="166">
        <v>0</v>
      </c>
      <c r="AF989" s="166">
        <v>0</v>
      </c>
      <c r="AG989" s="166">
        <v>0</v>
      </c>
      <c r="AH989" s="166">
        <v>0</v>
      </c>
      <c r="AI989" s="166">
        <v>0</v>
      </c>
      <c r="AJ989" s="166">
        <v>0</v>
      </c>
      <c r="AK989" s="166">
        <v>0</v>
      </c>
      <c r="AL989" s="166">
        <v>0</v>
      </c>
      <c r="AM989" s="166">
        <v>0</v>
      </c>
      <c r="AN989" s="166">
        <v>0</v>
      </c>
      <c r="AO989" s="166">
        <v>0</v>
      </c>
      <c r="AP989" s="166">
        <v>0</v>
      </c>
      <c r="AQ989" s="166">
        <v>0</v>
      </c>
      <c r="AR989" s="166">
        <v>0</v>
      </c>
      <c r="AS989" s="166">
        <v>0</v>
      </c>
      <c r="AT989" s="166">
        <v>0</v>
      </c>
      <c r="AU989" s="166">
        <v>0</v>
      </c>
      <c r="AV989" s="166">
        <v>0</v>
      </c>
      <c r="AW989" s="166">
        <v>0</v>
      </c>
      <c r="AX989" s="166">
        <v>0</v>
      </c>
      <c r="AY989" s="166">
        <v>0</v>
      </c>
      <c r="AZ989" s="166">
        <v>0</v>
      </c>
      <c r="BA989" s="166">
        <v>0</v>
      </c>
      <c r="BB989" s="166">
        <v>0</v>
      </c>
      <c r="BC989" s="166">
        <v>0</v>
      </c>
      <c r="BD989" s="166">
        <v>0</v>
      </c>
      <c r="BE989" s="166">
        <v>0</v>
      </c>
      <c r="BF989" s="166">
        <v>0</v>
      </c>
      <c r="BG989" s="166">
        <v>0</v>
      </c>
      <c r="BH989" s="166">
        <v>0</v>
      </c>
      <c r="BI989" s="166">
        <v>0</v>
      </c>
      <c r="BJ989" s="166">
        <v>0</v>
      </c>
      <c r="BK989" s="166">
        <v>0</v>
      </c>
      <c r="BL989" s="166">
        <v>0</v>
      </c>
      <c r="BM989" s="166">
        <v>0</v>
      </c>
      <c r="BN989" s="166">
        <v>0</v>
      </c>
      <c r="BO989" s="166">
        <v>0</v>
      </c>
      <c r="BP989" s="166">
        <v>0</v>
      </c>
      <c r="BQ989" s="166">
        <v>0</v>
      </c>
      <c r="BR989" s="166">
        <v>0</v>
      </c>
      <c r="BS989" s="166">
        <v>0</v>
      </c>
      <c r="BT989" s="168">
        <v>0</v>
      </c>
      <c r="BU989" s="166">
        <v>0</v>
      </c>
      <c r="BV989" s="166">
        <v>0</v>
      </c>
      <c r="BW989" s="166">
        <v>0</v>
      </c>
      <c r="BX989" s="166">
        <v>0</v>
      </c>
      <c r="BY989" s="166">
        <v>0</v>
      </c>
      <c r="BZ989" s="166">
        <v>0</v>
      </c>
      <c r="CA989" s="166">
        <v>0</v>
      </c>
      <c r="CB989" s="166">
        <v>0</v>
      </c>
      <c r="CC989" s="166">
        <v>0</v>
      </c>
      <c r="CD989" s="166">
        <v>0</v>
      </c>
      <c r="CE989" s="166">
        <v>0</v>
      </c>
      <c r="CF989" s="166">
        <v>0</v>
      </c>
      <c r="CG989" s="166">
        <v>0</v>
      </c>
      <c r="CH989" s="166">
        <v>0</v>
      </c>
      <c r="CI989" s="166">
        <v>0</v>
      </c>
      <c r="CJ989" s="166">
        <v>0</v>
      </c>
      <c r="CK989" s="166">
        <v>0</v>
      </c>
      <c r="CL989" s="166">
        <v>0</v>
      </c>
      <c r="CM989" s="166">
        <v>0</v>
      </c>
      <c r="CN989" s="166">
        <v>0</v>
      </c>
      <c r="CO989" s="166">
        <v>0</v>
      </c>
      <c r="CP989" s="166">
        <v>0</v>
      </c>
      <c r="CQ989" s="166">
        <v>0</v>
      </c>
      <c r="CR989" s="166">
        <v>0</v>
      </c>
      <c r="CS989" s="166">
        <v>0</v>
      </c>
      <c r="CT989" s="166">
        <v>0</v>
      </c>
      <c r="CU989" s="166">
        <v>0</v>
      </c>
      <c r="CV989" s="166">
        <v>0</v>
      </c>
      <c r="CW989" s="166">
        <v>0</v>
      </c>
      <c r="CX989" s="166">
        <v>0</v>
      </c>
      <c r="CY989" s="166">
        <v>0</v>
      </c>
      <c r="CZ989" s="166">
        <v>0</v>
      </c>
    </row>
    <row r="990" spans="1:104" x14ac:dyDescent="0.2">
      <c r="A990" s="167" t="s">
        <v>518</v>
      </c>
      <c r="B990" s="166">
        <v>0</v>
      </c>
      <c r="C990" s="166">
        <v>0</v>
      </c>
      <c r="D990" s="166">
        <v>0</v>
      </c>
      <c r="E990" s="166">
        <v>0</v>
      </c>
      <c r="F990" s="166">
        <v>0</v>
      </c>
      <c r="G990" s="166">
        <v>0</v>
      </c>
      <c r="H990" s="166">
        <v>0</v>
      </c>
      <c r="I990" s="166">
        <v>0</v>
      </c>
      <c r="J990" s="166">
        <v>0</v>
      </c>
      <c r="K990" s="166">
        <v>0</v>
      </c>
      <c r="L990" s="166">
        <v>0</v>
      </c>
      <c r="M990" s="166">
        <v>0</v>
      </c>
      <c r="N990" s="166">
        <v>0</v>
      </c>
      <c r="O990" s="166">
        <v>0</v>
      </c>
      <c r="P990" s="166">
        <v>0</v>
      </c>
      <c r="Q990" s="166">
        <v>0</v>
      </c>
      <c r="R990" s="166">
        <v>0</v>
      </c>
      <c r="S990" s="166">
        <v>0</v>
      </c>
      <c r="T990" s="166">
        <v>0</v>
      </c>
      <c r="U990" s="166">
        <v>0</v>
      </c>
      <c r="V990" s="166">
        <v>0</v>
      </c>
      <c r="W990" s="166">
        <v>0</v>
      </c>
      <c r="X990" s="166">
        <v>0</v>
      </c>
      <c r="Y990" s="166">
        <v>0</v>
      </c>
      <c r="Z990" s="166">
        <v>0</v>
      </c>
      <c r="AA990" s="166">
        <v>0</v>
      </c>
      <c r="AB990" s="166">
        <v>0</v>
      </c>
      <c r="AC990" s="166">
        <v>0</v>
      </c>
      <c r="AD990" s="166">
        <v>0</v>
      </c>
      <c r="AE990" s="166">
        <v>0</v>
      </c>
      <c r="AF990" s="166">
        <v>0</v>
      </c>
      <c r="AG990" s="166">
        <v>0</v>
      </c>
      <c r="AH990" s="166">
        <v>0</v>
      </c>
      <c r="AI990" s="166">
        <v>0</v>
      </c>
      <c r="AJ990" s="166">
        <v>0</v>
      </c>
      <c r="AK990" s="166">
        <v>0</v>
      </c>
      <c r="AL990" s="166">
        <v>0</v>
      </c>
      <c r="AM990" s="166">
        <v>0</v>
      </c>
      <c r="AN990" s="166">
        <v>0</v>
      </c>
      <c r="AO990" s="166">
        <v>0</v>
      </c>
      <c r="AP990" s="166">
        <v>0</v>
      </c>
      <c r="AQ990" s="166">
        <v>0</v>
      </c>
      <c r="AR990" s="166">
        <v>0</v>
      </c>
      <c r="AS990" s="166">
        <v>0</v>
      </c>
      <c r="AT990" s="166">
        <v>0</v>
      </c>
      <c r="AU990" s="166">
        <v>0</v>
      </c>
      <c r="AV990" s="166">
        <v>0</v>
      </c>
      <c r="AW990" s="166">
        <v>0</v>
      </c>
      <c r="AX990" s="166">
        <v>0</v>
      </c>
      <c r="AY990" s="166">
        <v>0</v>
      </c>
      <c r="AZ990" s="166">
        <v>0</v>
      </c>
      <c r="BA990" s="166">
        <v>0</v>
      </c>
      <c r="BB990" s="166">
        <v>0</v>
      </c>
      <c r="BC990" s="166">
        <v>0</v>
      </c>
      <c r="BD990" s="166">
        <v>0</v>
      </c>
      <c r="BE990" s="166">
        <v>0</v>
      </c>
      <c r="BF990" s="166">
        <v>0</v>
      </c>
      <c r="BG990" s="166">
        <v>0</v>
      </c>
      <c r="BH990" s="166">
        <v>0</v>
      </c>
      <c r="BI990" s="166">
        <v>0</v>
      </c>
      <c r="BJ990" s="166">
        <v>0</v>
      </c>
      <c r="BK990" s="166">
        <v>0</v>
      </c>
      <c r="BL990" s="166">
        <v>0</v>
      </c>
      <c r="BM990" s="166">
        <v>0</v>
      </c>
      <c r="BN990" s="166">
        <v>0</v>
      </c>
      <c r="BO990" s="166">
        <v>0</v>
      </c>
      <c r="BP990" s="166">
        <v>0</v>
      </c>
      <c r="BQ990" s="166">
        <v>0</v>
      </c>
      <c r="BR990" s="166">
        <v>0</v>
      </c>
      <c r="BS990" s="166">
        <v>0</v>
      </c>
      <c r="BT990" s="168">
        <v>0</v>
      </c>
      <c r="BU990" s="166">
        <v>0</v>
      </c>
      <c r="BV990" s="166">
        <v>0</v>
      </c>
      <c r="BW990" s="166">
        <v>0</v>
      </c>
      <c r="BX990" s="166">
        <v>0</v>
      </c>
      <c r="BY990" s="166">
        <v>0</v>
      </c>
      <c r="BZ990" s="166">
        <v>0</v>
      </c>
      <c r="CA990" s="166">
        <v>0</v>
      </c>
      <c r="CB990" s="166">
        <v>0</v>
      </c>
      <c r="CC990" s="166">
        <v>0</v>
      </c>
      <c r="CD990" s="166">
        <v>0</v>
      </c>
      <c r="CE990" s="166">
        <v>0</v>
      </c>
      <c r="CF990" s="166">
        <v>0</v>
      </c>
      <c r="CG990" s="166">
        <v>0</v>
      </c>
      <c r="CH990" s="166">
        <v>0</v>
      </c>
      <c r="CI990" s="166">
        <v>0</v>
      </c>
      <c r="CJ990" s="166">
        <v>0</v>
      </c>
      <c r="CK990" s="166">
        <v>0</v>
      </c>
      <c r="CL990" s="166">
        <v>0</v>
      </c>
      <c r="CM990" s="166">
        <v>0</v>
      </c>
      <c r="CN990" s="166">
        <v>0</v>
      </c>
      <c r="CO990" s="166">
        <v>0</v>
      </c>
      <c r="CP990" s="166">
        <v>0</v>
      </c>
      <c r="CQ990" s="166">
        <v>0</v>
      </c>
      <c r="CR990" s="166">
        <v>0</v>
      </c>
      <c r="CS990" s="166">
        <v>0</v>
      </c>
      <c r="CT990" s="166">
        <v>0</v>
      </c>
      <c r="CU990" s="166">
        <v>0</v>
      </c>
      <c r="CV990" s="166">
        <v>0</v>
      </c>
      <c r="CW990" s="166">
        <v>0</v>
      </c>
      <c r="CX990" s="166">
        <v>0</v>
      </c>
      <c r="CY990" s="166">
        <v>0</v>
      </c>
      <c r="CZ990" s="166">
        <v>0</v>
      </c>
    </row>
    <row r="991" spans="1:104" x14ac:dyDescent="0.2">
      <c r="A991" s="167" t="s">
        <v>519</v>
      </c>
      <c r="B991" s="166">
        <v>998653524.38399899</v>
      </c>
      <c r="C991" s="166">
        <v>998653524.38399899</v>
      </c>
      <c r="D991" s="166">
        <v>0</v>
      </c>
      <c r="E991" s="166">
        <v>0</v>
      </c>
      <c r="F991" s="166">
        <v>0</v>
      </c>
      <c r="G991" s="166">
        <v>0</v>
      </c>
      <c r="H991" s="166">
        <v>0</v>
      </c>
      <c r="I991" s="166">
        <v>0</v>
      </c>
      <c r="J991" s="166">
        <v>0</v>
      </c>
      <c r="K991" s="166">
        <v>0</v>
      </c>
      <c r="L991" s="166">
        <v>0</v>
      </c>
      <c r="M991" s="166">
        <v>0</v>
      </c>
      <c r="N991" s="166">
        <v>0</v>
      </c>
      <c r="O991" s="166">
        <v>0</v>
      </c>
      <c r="P991" s="166">
        <v>0</v>
      </c>
      <c r="Q991" s="166">
        <v>0</v>
      </c>
      <c r="R991" s="166">
        <v>0</v>
      </c>
      <c r="S991" s="166">
        <v>0</v>
      </c>
      <c r="T991" s="166">
        <v>0</v>
      </c>
      <c r="U991" s="166">
        <v>0</v>
      </c>
      <c r="V991" s="166">
        <v>0</v>
      </c>
      <c r="W991" s="166">
        <v>0</v>
      </c>
      <c r="X991" s="166">
        <v>0</v>
      </c>
      <c r="Y991" s="166">
        <v>0</v>
      </c>
      <c r="Z991" s="166">
        <v>0</v>
      </c>
      <c r="AA991" s="166">
        <v>0</v>
      </c>
      <c r="AB991" s="166">
        <v>0</v>
      </c>
      <c r="AC991" s="166">
        <v>0</v>
      </c>
      <c r="AD991" s="166">
        <v>0</v>
      </c>
      <c r="AE991" s="166">
        <v>0</v>
      </c>
      <c r="AF991" s="166">
        <v>0</v>
      </c>
      <c r="AG991" s="166">
        <v>0</v>
      </c>
      <c r="AH991" s="166">
        <v>0</v>
      </c>
      <c r="AI991" s="166">
        <v>0</v>
      </c>
      <c r="AJ991" s="166">
        <v>0</v>
      </c>
      <c r="AK991" s="166">
        <v>0</v>
      </c>
      <c r="AL991" s="166">
        <v>0</v>
      </c>
      <c r="AM991" s="166">
        <v>0</v>
      </c>
      <c r="AN991" s="166">
        <v>0</v>
      </c>
      <c r="AO991" s="166">
        <v>0</v>
      </c>
      <c r="AP991" s="166">
        <v>0</v>
      </c>
      <c r="AQ991" s="166">
        <v>0</v>
      </c>
      <c r="AR991" s="166">
        <v>0</v>
      </c>
      <c r="AS991" s="166">
        <v>0</v>
      </c>
      <c r="AT991" s="166">
        <v>0</v>
      </c>
      <c r="AU991" s="166">
        <v>0</v>
      </c>
      <c r="AV991" s="166">
        <v>0</v>
      </c>
      <c r="AW991" s="166">
        <v>0</v>
      </c>
      <c r="AX991" s="166">
        <v>0</v>
      </c>
      <c r="AY991" s="166">
        <v>0</v>
      </c>
      <c r="AZ991" s="166">
        <v>0</v>
      </c>
      <c r="BA991" s="166">
        <v>0</v>
      </c>
      <c r="BB991" s="166">
        <v>0</v>
      </c>
      <c r="BC991" s="166">
        <v>0</v>
      </c>
      <c r="BD991" s="166">
        <v>0</v>
      </c>
      <c r="BE991" s="166">
        <v>0</v>
      </c>
      <c r="BF991" s="166">
        <v>0</v>
      </c>
      <c r="BG991" s="166">
        <v>0</v>
      </c>
      <c r="BH991" s="166">
        <v>0</v>
      </c>
      <c r="BI991" s="166">
        <v>0</v>
      </c>
      <c r="BJ991" s="166">
        <v>0</v>
      </c>
      <c r="BK991" s="166">
        <v>0</v>
      </c>
      <c r="BL991" s="166">
        <v>0</v>
      </c>
      <c r="BM991" s="166">
        <v>0</v>
      </c>
      <c r="BN991" s="166">
        <v>0</v>
      </c>
      <c r="BO991" s="166">
        <v>0</v>
      </c>
      <c r="BP991" s="166">
        <v>0</v>
      </c>
      <c r="BQ991" s="166">
        <v>0</v>
      </c>
      <c r="BR991" s="166">
        <v>998653524.38399899</v>
      </c>
      <c r="BS991" s="166">
        <v>998653524.38399899</v>
      </c>
      <c r="BT991" s="168">
        <v>0</v>
      </c>
      <c r="BU991" s="166">
        <v>0</v>
      </c>
      <c r="BV991" s="166">
        <v>0</v>
      </c>
      <c r="BW991" s="166">
        <v>0</v>
      </c>
      <c r="BX991" s="166">
        <v>0</v>
      </c>
      <c r="BY991" s="166">
        <v>0</v>
      </c>
      <c r="BZ991" s="166">
        <v>0</v>
      </c>
      <c r="CA991" s="166">
        <v>0</v>
      </c>
      <c r="CB991" s="166">
        <v>0</v>
      </c>
      <c r="CC991" s="166">
        <v>0</v>
      </c>
      <c r="CD991" s="166">
        <v>0</v>
      </c>
      <c r="CE991" s="166">
        <v>0</v>
      </c>
      <c r="CF991" s="166">
        <v>0</v>
      </c>
      <c r="CG991" s="166">
        <v>0</v>
      </c>
      <c r="CH991" s="166">
        <v>0</v>
      </c>
      <c r="CI991" s="166">
        <v>0</v>
      </c>
      <c r="CJ991" s="166">
        <v>0</v>
      </c>
      <c r="CK991" s="166">
        <v>0</v>
      </c>
      <c r="CL991" s="166">
        <v>0</v>
      </c>
      <c r="CM991" s="166">
        <v>0</v>
      </c>
      <c r="CN991" s="166">
        <v>0</v>
      </c>
      <c r="CO991" s="166">
        <v>0</v>
      </c>
      <c r="CP991" s="166">
        <v>0</v>
      </c>
      <c r="CQ991" s="166">
        <v>0</v>
      </c>
      <c r="CR991" s="166">
        <v>0</v>
      </c>
      <c r="CS991" s="166">
        <v>0</v>
      </c>
      <c r="CT991" s="166">
        <v>0</v>
      </c>
      <c r="CU991" s="166">
        <v>0</v>
      </c>
      <c r="CV991" s="166">
        <v>0</v>
      </c>
      <c r="CW991" s="166">
        <v>0</v>
      </c>
      <c r="CX991" s="166">
        <v>0</v>
      </c>
      <c r="CY991" s="166">
        <v>0</v>
      </c>
      <c r="CZ991" s="166">
        <v>0</v>
      </c>
    </row>
    <row r="992" spans="1:104" x14ac:dyDescent="0.2">
      <c r="A992" s="167" t="s">
        <v>520</v>
      </c>
      <c r="B992" s="166">
        <v>1.4551915228366799E-7</v>
      </c>
      <c r="C992" s="166">
        <v>1.4551915228366799E-7</v>
      </c>
      <c r="D992" s="166">
        <v>0</v>
      </c>
      <c r="E992" s="166">
        <v>0</v>
      </c>
      <c r="F992" s="166">
        <v>0</v>
      </c>
      <c r="G992" s="166">
        <v>0</v>
      </c>
      <c r="H992" s="166">
        <v>0</v>
      </c>
      <c r="I992" s="166">
        <v>0</v>
      </c>
      <c r="J992" s="166">
        <v>0</v>
      </c>
      <c r="K992" s="166">
        <v>0</v>
      </c>
      <c r="L992" s="166">
        <v>0</v>
      </c>
      <c r="M992" s="166">
        <v>0</v>
      </c>
      <c r="N992" s="166">
        <v>0</v>
      </c>
      <c r="O992" s="166">
        <v>0</v>
      </c>
      <c r="P992" s="166">
        <v>0</v>
      </c>
      <c r="Q992" s="166">
        <v>0</v>
      </c>
      <c r="R992" s="166">
        <v>0</v>
      </c>
      <c r="S992" s="166">
        <v>0</v>
      </c>
      <c r="T992" s="166">
        <v>0</v>
      </c>
      <c r="U992" s="166">
        <v>0</v>
      </c>
      <c r="V992" s="166">
        <v>0</v>
      </c>
      <c r="W992" s="166">
        <v>0</v>
      </c>
      <c r="X992" s="166">
        <v>0</v>
      </c>
      <c r="Y992" s="166">
        <v>0</v>
      </c>
      <c r="Z992" s="166">
        <v>0</v>
      </c>
      <c r="AA992" s="166">
        <v>0</v>
      </c>
      <c r="AB992" s="166">
        <v>0</v>
      </c>
      <c r="AC992" s="166">
        <v>0</v>
      </c>
      <c r="AD992" s="166">
        <v>0</v>
      </c>
      <c r="AE992" s="166">
        <v>0</v>
      </c>
      <c r="AF992" s="166">
        <v>0</v>
      </c>
      <c r="AG992" s="166">
        <v>0</v>
      </c>
      <c r="AH992" s="166">
        <v>0</v>
      </c>
      <c r="AI992" s="166">
        <v>0</v>
      </c>
      <c r="AJ992" s="166">
        <v>0</v>
      </c>
      <c r="AK992" s="166">
        <v>0</v>
      </c>
      <c r="AL992" s="166">
        <v>0</v>
      </c>
      <c r="AM992" s="166">
        <v>0</v>
      </c>
      <c r="AN992" s="166">
        <v>0</v>
      </c>
      <c r="AO992" s="166">
        <v>0</v>
      </c>
      <c r="AP992" s="166">
        <v>0</v>
      </c>
      <c r="AQ992" s="166">
        <v>0</v>
      </c>
      <c r="AR992" s="166">
        <v>0</v>
      </c>
      <c r="AS992" s="166">
        <v>0</v>
      </c>
      <c r="AT992" s="166">
        <v>0</v>
      </c>
      <c r="AU992" s="166">
        <v>0</v>
      </c>
      <c r="AV992" s="166">
        <v>0</v>
      </c>
      <c r="AW992" s="166">
        <v>0</v>
      </c>
      <c r="AX992" s="166">
        <v>0</v>
      </c>
      <c r="AY992" s="166">
        <v>0</v>
      </c>
      <c r="AZ992" s="166">
        <v>0</v>
      </c>
      <c r="BA992" s="166">
        <v>0</v>
      </c>
      <c r="BB992" s="166">
        <v>0</v>
      </c>
      <c r="BC992" s="166">
        <v>0</v>
      </c>
      <c r="BD992" s="166">
        <v>0</v>
      </c>
      <c r="BE992" s="166">
        <v>0</v>
      </c>
      <c r="BF992" s="166">
        <v>0</v>
      </c>
      <c r="BG992" s="166">
        <v>0</v>
      </c>
      <c r="BH992" s="166">
        <v>0</v>
      </c>
      <c r="BI992" s="166">
        <v>0</v>
      </c>
      <c r="BJ992" s="166">
        <v>0</v>
      </c>
      <c r="BK992" s="166">
        <v>0</v>
      </c>
      <c r="BL992" s="166">
        <v>0</v>
      </c>
      <c r="BM992" s="166">
        <v>0</v>
      </c>
      <c r="BN992" s="166">
        <v>0</v>
      </c>
      <c r="BO992" s="166">
        <v>0</v>
      </c>
      <c r="BP992" s="166">
        <v>0</v>
      </c>
      <c r="BQ992" s="166">
        <v>0</v>
      </c>
      <c r="BR992" s="166">
        <v>1.4551915228366799E-7</v>
      </c>
      <c r="BS992" s="166">
        <v>1.4551915228366799E-7</v>
      </c>
      <c r="BT992" s="168">
        <v>0</v>
      </c>
      <c r="BU992" s="166">
        <v>0</v>
      </c>
      <c r="BV992" s="166">
        <v>0</v>
      </c>
      <c r="BW992" s="166">
        <v>0</v>
      </c>
      <c r="BX992" s="166">
        <v>0</v>
      </c>
      <c r="BY992" s="166">
        <v>0</v>
      </c>
      <c r="BZ992" s="166">
        <v>0</v>
      </c>
      <c r="CA992" s="166">
        <v>0</v>
      </c>
      <c r="CB992" s="166">
        <v>0</v>
      </c>
      <c r="CC992" s="166">
        <v>0</v>
      </c>
      <c r="CD992" s="166">
        <v>0</v>
      </c>
      <c r="CE992" s="166">
        <v>0</v>
      </c>
      <c r="CF992" s="166">
        <v>0</v>
      </c>
      <c r="CG992" s="166">
        <v>0</v>
      </c>
      <c r="CH992" s="166">
        <v>0</v>
      </c>
      <c r="CI992" s="166">
        <v>0</v>
      </c>
      <c r="CJ992" s="166">
        <v>0</v>
      </c>
      <c r="CK992" s="166">
        <v>0</v>
      </c>
      <c r="CL992" s="166">
        <v>0</v>
      </c>
      <c r="CM992" s="166">
        <v>0</v>
      </c>
      <c r="CN992" s="166">
        <v>0</v>
      </c>
      <c r="CO992" s="166">
        <v>0</v>
      </c>
      <c r="CP992" s="166">
        <v>0</v>
      </c>
      <c r="CQ992" s="166">
        <v>0</v>
      </c>
      <c r="CR992" s="166">
        <v>0</v>
      </c>
      <c r="CS992" s="166">
        <v>0</v>
      </c>
      <c r="CT992" s="166">
        <v>0</v>
      </c>
      <c r="CU992" s="166">
        <v>0</v>
      </c>
      <c r="CV992" s="166">
        <v>0</v>
      </c>
      <c r="CW992" s="166">
        <v>0</v>
      </c>
      <c r="CX992" s="166">
        <v>0</v>
      </c>
      <c r="CY992" s="166">
        <v>0</v>
      </c>
      <c r="CZ992" s="166">
        <v>0</v>
      </c>
    </row>
    <row r="993" spans="1:104" x14ac:dyDescent="0.2">
      <c r="A993" s="167" t="s">
        <v>521</v>
      </c>
    </row>
    <row r="994" spans="1:104" x14ac:dyDescent="0.2">
      <c r="A994" s="170" t="s">
        <v>522</v>
      </c>
    </row>
    <row r="995" spans="1:104" x14ac:dyDescent="0.2">
      <c r="A995" s="167" t="s">
        <v>523</v>
      </c>
      <c r="B995" s="166">
        <v>2475398585.3920698</v>
      </c>
      <c r="C995" s="166">
        <v>2475398585.3920698</v>
      </c>
      <c r="D995" s="166">
        <v>0</v>
      </c>
      <c r="E995" s="166">
        <v>0</v>
      </c>
      <c r="F995" s="166">
        <v>0</v>
      </c>
      <c r="G995" s="166">
        <v>0</v>
      </c>
      <c r="H995" s="166">
        <v>0</v>
      </c>
      <c r="I995" s="166">
        <v>0</v>
      </c>
      <c r="J995" s="166">
        <v>0</v>
      </c>
      <c r="K995" s="166">
        <v>0</v>
      </c>
      <c r="L995" s="166">
        <v>0</v>
      </c>
      <c r="M995" s="166">
        <v>0</v>
      </c>
      <c r="N995" s="166">
        <v>0</v>
      </c>
      <c r="O995" s="166">
        <v>0</v>
      </c>
      <c r="P995" s="166">
        <v>0</v>
      </c>
      <c r="Q995" s="166">
        <v>0</v>
      </c>
      <c r="R995" s="166">
        <v>0</v>
      </c>
      <c r="S995" s="166">
        <v>0</v>
      </c>
      <c r="T995" s="166">
        <v>0</v>
      </c>
      <c r="U995" s="166">
        <v>0</v>
      </c>
      <c r="V995" s="166">
        <v>0</v>
      </c>
      <c r="W995" s="166">
        <v>0</v>
      </c>
      <c r="X995" s="166">
        <v>0</v>
      </c>
      <c r="Y995" s="166">
        <v>0</v>
      </c>
      <c r="Z995" s="166">
        <v>0</v>
      </c>
      <c r="AA995" s="166">
        <v>0</v>
      </c>
      <c r="AB995" s="166">
        <v>0</v>
      </c>
      <c r="AC995" s="166">
        <v>0</v>
      </c>
      <c r="AD995" s="166">
        <v>0</v>
      </c>
      <c r="AE995" s="166">
        <v>0</v>
      </c>
      <c r="AF995" s="166">
        <v>0</v>
      </c>
      <c r="AG995" s="166">
        <v>0</v>
      </c>
      <c r="AH995" s="166">
        <v>0</v>
      </c>
      <c r="AI995" s="166">
        <v>0</v>
      </c>
      <c r="AJ995" s="166">
        <v>0</v>
      </c>
      <c r="AK995" s="166">
        <v>0</v>
      </c>
      <c r="AL995" s="166">
        <v>0</v>
      </c>
      <c r="AM995" s="166">
        <v>0</v>
      </c>
      <c r="AN995" s="166">
        <v>0</v>
      </c>
      <c r="AO995" s="166">
        <v>0</v>
      </c>
      <c r="AP995" s="166">
        <v>0</v>
      </c>
      <c r="AQ995" s="166">
        <v>0</v>
      </c>
      <c r="AR995" s="166">
        <v>0</v>
      </c>
      <c r="AS995" s="166">
        <v>0</v>
      </c>
      <c r="AT995" s="166">
        <v>0</v>
      </c>
      <c r="AU995" s="166">
        <v>0</v>
      </c>
      <c r="AV995" s="166">
        <v>0</v>
      </c>
      <c r="AW995" s="166">
        <v>0</v>
      </c>
      <c r="AX995" s="166">
        <v>0</v>
      </c>
      <c r="AY995" s="166">
        <v>0</v>
      </c>
      <c r="AZ995" s="166">
        <v>0</v>
      </c>
      <c r="BA995" s="166">
        <v>0</v>
      </c>
      <c r="BB995" s="166">
        <v>0</v>
      </c>
      <c r="BC995" s="166">
        <v>0</v>
      </c>
      <c r="BD995" s="166">
        <v>0</v>
      </c>
      <c r="BE995" s="166">
        <v>0</v>
      </c>
      <c r="BF995" s="166">
        <v>0</v>
      </c>
      <c r="BG995" s="166">
        <v>0</v>
      </c>
      <c r="BH995" s="166">
        <v>0</v>
      </c>
      <c r="BI995" s="166">
        <v>0</v>
      </c>
      <c r="BJ995" s="166">
        <v>0</v>
      </c>
      <c r="BK995" s="166">
        <v>0</v>
      </c>
      <c r="BL995" s="166">
        <v>0</v>
      </c>
      <c r="BM995" s="166">
        <v>0</v>
      </c>
      <c r="BN995" s="166">
        <v>0</v>
      </c>
      <c r="BO995" s="166">
        <v>0</v>
      </c>
      <c r="BP995" s="166">
        <v>0</v>
      </c>
      <c r="BQ995" s="166">
        <v>0</v>
      </c>
      <c r="BR995" s="166">
        <v>2475398585.3920698</v>
      </c>
      <c r="BS995" s="166">
        <v>2475398585.3920698</v>
      </c>
      <c r="BT995" s="168">
        <v>0</v>
      </c>
      <c r="BU995" s="166">
        <v>0</v>
      </c>
      <c r="BV995" s="166">
        <v>0</v>
      </c>
      <c r="BW995" s="166">
        <v>0</v>
      </c>
      <c r="BX995" s="166">
        <v>0</v>
      </c>
      <c r="BY995" s="166">
        <v>0</v>
      </c>
      <c r="BZ995" s="166">
        <v>0</v>
      </c>
      <c r="CA995" s="166">
        <v>0</v>
      </c>
      <c r="CB995" s="166">
        <v>0</v>
      </c>
      <c r="CC995" s="166">
        <v>0</v>
      </c>
      <c r="CD995" s="166">
        <v>0</v>
      </c>
      <c r="CE995" s="166">
        <v>0</v>
      </c>
      <c r="CF995" s="166">
        <v>0</v>
      </c>
      <c r="CG995" s="166">
        <v>0</v>
      </c>
      <c r="CH995" s="166">
        <v>0</v>
      </c>
      <c r="CI995" s="166">
        <v>0</v>
      </c>
      <c r="CJ995" s="166">
        <v>0</v>
      </c>
      <c r="CK995" s="166">
        <v>0</v>
      </c>
      <c r="CL995" s="166">
        <v>0</v>
      </c>
      <c r="CM995" s="166">
        <v>0</v>
      </c>
      <c r="CN995" s="166">
        <v>0</v>
      </c>
      <c r="CO995" s="166">
        <v>0</v>
      </c>
      <c r="CP995" s="166">
        <v>0</v>
      </c>
      <c r="CQ995" s="166">
        <v>0</v>
      </c>
      <c r="CR995" s="166">
        <v>0</v>
      </c>
      <c r="CS995" s="166">
        <v>0</v>
      </c>
      <c r="CT995" s="166">
        <v>0</v>
      </c>
      <c r="CU995" s="166">
        <v>0</v>
      </c>
      <c r="CV995" s="166">
        <v>0</v>
      </c>
      <c r="CW995" s="166">
        <v>0</v>
      </c>
      <c r="CX995" s="166">
        <v>0</v>
      </c>
      <c r="CY995" s="166">
        <v>0</v>
      </c>
      <c r="CZ995" s="166">
        <v>0</v>
      </c>
    </row>
    <row r="996" spans="1:104" x14ac:dyDescent="0.2">
      <c r="A996" s="167" t="s">
        <v>524</v>
      </c>
      <c r="B996" s="166">
        <v>2475398585.3920698</v>
      </c>
      <c r="C996" s="166">
        <v>2475398585.3920698</v>
      </c>
      <c r="D996" s="166">
        <v>0</v>
      </c>
      <c r="E996" s="166">
        <v>0</v>
      </c>
      <c r="F996" s="166">
        <v>0</v>
      </c>
      <c r="G996" s="166">
        <v>0</v>
      </c>
      <c r="H996" s="166">
        <v>0</v>
      </c>
      <c r="I996" s="166">
        <v>0</v>
      </c>
      <c r="J996" s="166">
        <v>0</v>
      </c>
      <c r="K996" s="166">
        <v>0</v>
      </c>
      <c r="L996" s="166">
        <v>0</v>
      </c>
      <c r="M996" s="166">
        <v>0</v>
      </c>
      <c r="N996" s="166">
        <v>0</v>
      </c>
      <c r="O996" s="166">
        <v>0</v>
      </c>
      <c r="P996" s="166">
        <v>0</v>
      </c>
      <c r="Q996" s="166">
        <v>0</v>
      </c>
      <c r="R996" s="166">
        <v>0</v>
      </c>
      <c r="S996" s="166">
        <v>0</v>
      </c>
      <c r="T996" s="166">
        <v>0</v>
      </c>
      <c r="U996" s="166">
        <v>0</v>
      </c>
      <c r="V996" s="166">
        <v>0</v>
      </c>
      <c r="W996" s="166">
        <v>0</v>
      </c>
      <c r="X996" s="166">
        <v>0</v>
      </c>
      <c r="Y996" s="166">
        <v>0</v>
      </c>
      <c r="Z996" s="166">
        <v>0</v>
      </c>
      <c r="AA996" s="166">
        <v>0</v>
      </c>
      <c r="AB996" s="166">
        <v>0</v>
      </c>
      <c r="AC996" s="166">
        <v>0</v>
      </c>
      <c r="AD996" s="166">
        <v>0</v>
      </c>
      <c r="AE996" s="166">
        <v>0</v>
      </c>
      <c r="AF996" s="166">
        <v>0</v>
      </c>
      <c r="AG996" s="166">
        <v>0</v>
      </c>
      <c r="AH996" s="166">
        <v>0</v>
      </c>
      <c r="AI996" s="166">
        <v>0</v>
      </c>
      <c r="AJ996" s="166">
        <v>0</v>
      </c>
      <c r="AK996" s="166">
        <v>0</v>
      </c>
      <c r="AL996" s="166">
        <v>0</v>
      </c>
      <c r="AM996" s="166">
        <v>0</v>
      </c>
      <c r="AN996" s="166">
        <v>0</v>
      </c>
      <c r="AO996" s="166">
        <v>0</v>
      </c>
      <c r="AP996" s="166">
        <v>0</v>
      </c>
      <c r="AQ996" s="166">
        <v>0</v>
      </c>
      <c r="AR996" s="166">
        <v>0</v>
      </c>
      <c r="AS996" s="166">
        <v>0</v>
      </c>
      <c r="AT996" s="166">
        <v>0</v>
      </c>
      <c r="AU996" s="166">
        <v>0</v>
      </c>
      <c r="AV996" s="166">
        <v>0</v>
      </c>
      <c r="AW996" s="166">
        <v>0</v>
      </c>
      <c r="AX996" s="166">
        <v>0</v>
      </c>
      <c r="AY996" s="166">
        <v>0</v>
      </c>
      <c r="AZ996" s="166">
        <v>0</v>
      </c>
      <c r="BA996" s="166">
        <v>0</v>
      </c>
      <c r="BB996" s="166">
        <v>0</v>
      </c>
      <c r="BC996" s="166">
        <v>0</v>
      </c>
      <c r="BD996" s="166">
        <v>0</v>
      </c>
      <c r="BE996" s="166">
        <v>0</v>
      </c>
      <c r="BF996" s="166">
        <v>0</v>
      </c>
      <c r="BG996" s="166">
        <v>0</v>
      </c>
      <c r="BH996" s="166">
        <v>0</v>
      </c>
      <c r="BI996" s="166">
        <v>0</v>
      </c>
      <c r="BJ996" s="166">
        <v>0</v>
      </c>
      <c r="BK996" s="166">
        <v>0</v>
      </c>
      <c r="BL996" s="166">
        <v>0</v>
      </c>
      <c r="BM996" s="166">
        <v>0</v>
      </c>
      <c r="BN996" s="166">
        <v>0</v>
      </c>
      <c r="BO996" s="166">
        <v>0</v>
      </c>
      <c r="BP996" s="166">
        <v>0</v>
      </c>
      <c r="BQ996" s="166">
        <v>0</v>
      </c>
      <c r="BR996" s="166">
        <v>2475398585.3920698</v>
      </c>
      <c r="BS996" s="166">
        <v>2475398585.3920698</v>
      </c>
      <c r="BT996" s="168">
        <v>0</v>
      </c>
      <c r="BU996" s="166">
        <v>0</v>
      </c>
      <c r="BV996" s="166">
        <v>0</v>
      </c>
      <c r="BW996" s="166">
        <v>0</v>
      </c>
      <c r="BX996" s="166">
        <v>0</v>
      </c>
      <c r="BY996" s="166">
        <v>0</v>
      </c>
      <c r="BZ996" s="166">
        <v>0</v>
      </c>
      <c r="CA996" s="166">
        <v>0</v>
      </c>
      <c r="CB996" s="166">
        <v>0</v>
      </c>
      <c r="CC996" s="166">
        <v>0</v>
      </c>
      <c r="CD996" s="166">
        <v>0</v>
      </c>
      <c r="CE996" s="166">
        <v>0</v>
      </c>
      <c r="CF996" s="166">
        <v>0</v>
      </c>
      <c r="CG996" s="166">
        <v>0</v>
      </c>
      <c r="CH996" s="166">
        <v>0</v>
      </c>
      <c r="CI996" s="166">
        <v>0</v>
      </c>
      <c r="CJ996" s="166">
        <v>0</v>
      </c>
      <c r="CK996" s="166">
        <v>0</v>
      </c>
      <c r="CL996" s="166">
        <v>0</v>
      </c>
      <c r="CM996" s="166">
        <v>0</v>
      </c>
      <c r="CN996" s="166">
        <v>0</v>
      </c>
      <c r="CO996" s="166">
        <v>0</v>
      </c>
      <c r="CP996" s="166">
        <v>0</v>
      </c>
      <c r="CQ996" s="166">
        <v>0</v>
      </c>
      <c r="CR996" s="166">
        <v>0</v>
      </c>
      <c r="CS996" s="166">
        <v>0</v>
      </c>
      <c r="CT996" s="166">
        <v>0</v>
      </c>
      <c r="CU996" s="166">
        <v>0</v>
      </c>
      <c r="CV996" s="166">
        <v>0</v>
      </c>
      <c r="CW996" s="166">
        <v>0</v>
      </c>
      <c r="CX996" s="166">
        <v>0</v>
      </c>
      <c r="CY996" s="166">
        <v>0</v>
      </c>
      <c r="CZ996" s="166">
        <v>0</v>
      </c>
    </row>
    <row r="997" spans="1:104" x14ac:dyDescent="0.2">
      <c r="A997" s="167" t="s">
        <v>525</v>
      </c>
      <c r="B997" s="166">
        <v>-1.1641532182693399E-7</v>
      </c>
      <c r="C997" s="166">
        <v>-1.1641532182693399E-7</v>
      </c>
      <c r="D997" s="166">
        <v>0</v>
      </c>
      <c r="E997" s="166">
        <v>0</v>
      </c>
      <c r="F997" s="166">
        <v>0</v>
      </c>
      <c r="G997" s="166">
        <v>0</v>
      </c>
      <c r="H997" s="166">
        <v>0</v>
      </c>
      <c r="I997" s="166">
        <v>0</v>
      </c>
      <c r="J997" s="166">
        <v>0</v>
      </c>
      <c r="K997" s="166">
        <v>0</v>
      </c>
      <c r="L997" s="166">
        <v>0</v>
      </c>
      <c r="M997" s="166">
        <v>0</v>
      </c>
      <c r="N997" s="166">
        <v>0</v>
      </c>
      <c r="O997" s="166">
        <v>0</v>
      </c>
      <c r="P997" s="166">
        <v>0</v>
      </c>
      <c r="Q997" s="166">
        <v>0</v>
      </c>
      <c r="R997" s="166">
        <v>0</v>
      </c>
      <c r="S997" s="166">
        <v>0</v>
      </c>
      <c r="T997" s="166">
        <v>0</v>
      </c>
      <c r="U997" s="166">
        <v>0</v>
      </c>
      <c r="V997" s="166">
        <v>0</v>
      </c>
      <c r="W997" s="166">
        <v>0</v>
      </c>
      <c r="X997" s="166">
        <v>0</v>
      </c>
      <c r="Y997" s="166">
        <v>0</v>
      </c>
      <c r="Z997" s="166">
        <v>0</v>
      </c>
      <c r="AA997" s="166">
        <v>0</v>
      </c>
      <c r="AB997" s="166">
        <v>0</v>
      </c>
      <c r="AC997" s="166">
        <v>0</v>
      </c>
      <c r="AD997" s="166">
        <v>0</v>
      </c>
      <c r="AE997" s="166">
        <v>0</v>
      </c>
      <c r="AF997" s="166">
        <v>0</v>
      </c>
      <c r="AG997" s="166">
        <v>0</v>
      </c>
      <c r="AH997" s="166">
        <v>0</v>
      </c>
      <c r="AI997" s="166">
        <v>0</v>
      </c>
      <c r="AJ997" s="166">
        <v>0</v>
      </c>
      <c r="AK997" s="166">
        <v>0</v>
      </c>
      <c r="AL997" s="166">
        <v>0</v>
      </c>
      <c r="AM997" s="166">
        <v>0</v>
      </c>
      <c r="AN997" s="166">
        <v>0</v>
      </c>
      <c r="AO997" s="166">
        <v>0</v>
      </c>
      <c r="AP997" s="166">
        <v>0</v>
      </c>
      <c r="AQ997" s="166">
        <v>0</v>
      </c>
      <c r="AR997" s="166">
        <v>0</v>
      </c>
      <c r="AS997" s="166">
        <v>0</v>
      </c>
      <c r="AT997" s="166">
        <v>0</v>
      </c>
      <c r="AU997" s="166">
        <v>0</v>
      </c>
      <c r="AV997" s="166">
        <v>0</v>
      </c>
      <c r="AW997" s="166">
        <v>0</v>
      </c>
      <c r="AX997" s="166">
        <v>0</v>
      </c>
      <c r="AY997" s="166">
        <v>0</v>
      </c>
      <c r="AZ997" s="166">
        <v>0</v>
      </c>
      <c r="BA997" s="166">
        <v>0</v>
      </c>
      <c r="BB997" s="166">
        <v>0</v>
      </c>
      <c r="BC997" s="166">
        <v>0</v>
      </c>
      <c r="BD997" s="166">
        <v>0</v>
      </c>
      <c r="BE997" s="166">
        <v>0</v>
      </c>
      <c r="BF997" s="166">
        <v>0</v>
      </c>
      <c r="BG997" s="166">
        <v>0</v>
      </c>
      <c r="BH997" s="166">
        <v>0</v>
      </c>
      <c r="BI997" s="166">
        <v>0</v>
      </c>
      <c r="BJ997" s="166">
        <v>0</v>
      </c>
      <c r="BK997" s="166">
        <v>0</v>
      </c>
      <c r="BL997" s="166">
        <v>0</v>
      </c>
      <c r="BM997" s="166">
        <v>0</v>
      </c>
      <c r="BN997" s="166">
        <v>0</v>
      </c>
      <c r="BO997" s="166">
        <v>0</v>
      </c>
      <c r="BP997" s="166">
        <v>0</v>
      </c>
      <c r="BQ997" s="166">
        <v>0</v>
      </c>
      <c r="BR997" s="166">
        <v>-1.1641532182693399E-7</v>
      </c>
      <c r="BS997" s="166">
        <v>-1.1641532182693399E-7</v>
      </c>
      <c r="BT997" s="168">
        <v>0</v>
      </c>
      <c r="BU997" s="166">
        <v>0</v>
      </c>
      <c r="BV997" s="166">
        <v>0</v>
      </c>
      <c r="BW997" s="166">
        <v>0</v>
      </c>
      <c r="BX997" s="166">
        <v>0</v>
      </c>
      <c r="BY997" s="166">
        <v>0</v>
      </c>
      <c r="BZ997" s="166">
        <v>0</v>
      </c>
      <c r="CA997" s="166">
        <v>0</v>
      </c>
      <c r="CB997" s="166">
        <v>0</v>
      </c>
      <c r="CC997" s="166">
        <v>0</v>
      </c>
      <c r="CD997" s="166">
        <v>0</v>
      </c>
      <c r="CE997" s="166">
        <v>0</v>
      </c>
      <c r="CF997" s="166">
        <v>0</v>
      </c>
      <c r="CG997" s="166">
        <v>0</v>
      </c>
      <c r="CH997" s="166">
        <v>0</v>
      </c>
      <c r="CI997" s="166">
        <v>0</v>
      </c>
      <c r="CJ997" s="166">
        <v>0</v>
      </c>
      <c r="CK997" s="166">
        <v>0</v>
      </c>
      <c r="CL997" s="166">
        <v>0</v>
      </c>
      <c r="CM997" s="166">
        <v>0</v>
      </c>
      <c r="CN997" s="166">
        <v>0</v>
      </c>
      <c r="CO997" s="166">
        <v>0</v>
      </c>
      <c r="CP997" s="166">
        <v>0</v>
      </c>
      <c r="CQ997" s="166">
        <v>0</v>
      </c>
      <c r="CR997" s="166">
        <v>0</v>
      </c>
      <c r="CS997" s="166">
        <v>0</v>
      </c>
      <c r="CT997" s="166">
        <v>0</v>
      </c>
      <c r="CU997" s="166">
        <v>0</v>
      </c>
      <c r="CV997" s="166">
        <v>0</v>
      </c>
      <c r="CW997" s="166">
        <v>0</v>
      </c>
      <c r="CX997" s="166">
        <v>0</v>
      </c>
      <c r="CY997" s="166">
        <v>0</v>
      </c>
      <c r="CZ997" s="166">
        <v>0</v>
      </c>
    </row>
    <row r="998" spans="1:104" x14ac:dyDescent="0.2">
      <c r="A998" s="167" t="s">
        <v>526</v>
      </c>
      <c r="B998" s="166">
        <v>0</v>
      </c>
      <c r="C998" s="166">
        <v>0</v>
      </c>
      <c r="D998" s="166">
        <v>0</v>
      </c>
      <c r="E998" s="166">
        <v>0</v>
      </c>
      <c r="F998" s="166">
        <v>0</v>
      </c>
      <c r="G998" s="166">
        <v>0</v>
      </c>
      <c r="H998" s="166">
        <v>0</v>
      </c>
      <c r="I998" s="166">
        <v>0</v>
      </c>
      <c r="J998" s="166">
        <v>0</v>
      </c>
      <c r="K998" s="166">
        <v>0</v>
      </c>
      <c r="L998" s="166">
        <v>0</v>
      </c>
      <c r="M998" s="166">
        <v>0</v>
      </c>
      <c r="N998" s="166">
        <v>0</v>
      </c>
      <c r="O998" s="166">
        <v>0</v>
      </c>
      <c r="P998" s="166">
        <v>0</v>
      </c>
      <c r="Q998" s="166">
        <v>0</v>
      </c>
      <c r="R998" s="166">
        <v>0</v>
      </c>
      <c r="S998" s="166">
        <v>0</v>
      </c>
      <c r="T998" s="166">
        <v>0</v>
      </c>
      <c r="U998" s="166">
        <v>0</v>
      </c>
      <c r="V998" s="166">
        <v>0</v>
      </c>
      <c r="W998" s="166">
        <v>0</v>
      </c>
      <c r="X998" s="166">
        <v>0</v>
      </c>
      <c r="Y998" s="166">
        <v>0</v>
      </c>
      <c r="Z998" s="166">
        <v>0</v>
      </c>
      <c r="AA998" s="166">
        <v>0</v>
      </c>
      <c r="AB998" s="166">
        <v>0</v>
      </c>
      <c r="AC998" s="166">
        <v>0</v>
      </c>
      <c r="AD998" s="166">
        <v>0</v>
      </c>
      <c r="AE998" s="166">
        <v>0</v>
      </c>
      <c r="AF998" s="166">
        <v>0</v>
      </c>
      <c r="AG998" s="166">
        <v>0</v>
      </c>
      <c r="AH998" s="166">
        <v>0</v>
      </c>
      <c r="AI998" s="166">
        <v>0</v>
      </c>
      <c r="AJ998" s="166">
        <v>0</v>
      </c>
      <c r="AK998" s="166">
        <v>0</v>
      </c>
      <c r="AL998" s="166">
        <v>0</v>
      </c>
      <c r="AM998" s="166">
        <v>0</v>
      </c>
      <c r="AN998" s="166">
        <v>0</v>
      </c>
      <c r="AO998" s="166">
        <v>0</v>
      </c>
      <c r="AP998" s="166">
        <v>0</v>
      </c>
      <c r="AQ998" s="166">
        <v>0</v>
      </c>
      <c r="AR998" s="166">
        <v>0</v>
      </c>
      <c r="AS998" s="166">
        <v>0</v>
      </c>
      <c r="AT998" s="166">
        <v>0</v>
      </c>
      <c r="AU998" s="166">
        <v>0</v>
      </c>
      <c r="AV998" s="166">
        <v>0</v>
      </c>
      <c r="AW998" s="166">
        <v>0</v>
      </c>
      <c r="AX998" s="166">
        <v>0</v>
      </c>
      <c r="AY998" s="166">
        <v>0</v>
      </c>
      <c r="AZ998" s="166">
        <v>0</v>
      </c>
      <c r="BA998" s="166">
        <v>0</v>
      </c>
      <c r="BB998" s="166">
        <v>0</v>
      </c>
      <c r="BC998" s="166">
        <v>0</v>
      </c>
      <c r="BD998" s="166">
        <v>0</v>
      </c>
      <c r="BE998" s="166">
        <v>0</v>
      </c>
      <c r="BF998" s="166">
        <v>0</v>
      </c>
      <c r="BG998" s="166">
        <v>0</v>
      </c>
      <c r="BH998" s="166">
        <v>0</v>
      </c>
      <c r="BI998" s="166">
        <v>0</v>
      </c>
      <c r="BJ998" s="166">
        <v>0</v>
      </c>
      <c r="BK998" s="166">
        <v>0</v>
      </c>
      <c r="BL998" s="166">
        <v>0</v>
      </c>
      <c r="BM998" s="166">
        <v>0</v>
      </c>
      <c r="BN998" s="166">
        <v>0</v>
      </c>
      <c r="BO998" s="166">
        <v>0</v>
      </c>
      <c r="BP998" s="166">
        <v>0</v>
      </c>
      <c r="BQ998" s="166">
        <v>0</v>
      </c>
      <c r="BR998" s="166">
        <v>0</v>
      </c>
      <c r="BS998" s="166">
        <v>0</v>
      </c>
      <c r="BT998" s="168">
        <v>0</v>
      </c>
      <c r="BU998" s="166">
        <v>0</v>
      </c>
      <c r="BV998" s="166">
        <v>0</v>
      </c>
      <c r="BW998" s="166">
        <v>0</v>
      </c>
      <c r="BX998" s="166">
        <v>0</v>
      </c>
      <c r="BY998" s="166">
        <v>0</v>
      </c>
      <c r="BZ998" s="166">
        <v>0</v>
      </c>
      <c r="CA998" s="166">
        <v>0</v>
      </c>
      <c r="CB998" s="166">
        <v>0</v>
      </c>
      <c r="CC998" s="166">
        <v>0</v>
      </c>
      <c r="CD998" s="166">
        <v>0</v>
      </c>
      <c r="CE998" s="166">
        <v>0</v>
      </c>
      <c r="CF998" s="166">
        <v>0</v>
      </c>
      <c r="CG998" s="166">
        <v>0</v>
      </c>
      <c r="CH998" s="166">
        <v>0</v>
      </c>
      <c r="CI998" s="166">
        <v>0</v>
      </c>
      <c r="CJ998" s="166">
        <v>0</v>
      </c>
      <c r="CK998" s="166">
        <v>0</v>
      </c>
      <c r="CL998" s="166">
        <v>0</v>
      </c>
      <c r="CM998" s="166">
        <v>0</v>
      </c>
      <c r="CN998" s="166">
        <v>0</v>
      </c>
      <c r="CO998" s="166">
        <v>0</v>
      </c>
      <c r="CP998" s="166">
        <v>0</v>
      </c>
      <c r="CQ998" s="166">
        <v>0</v>
      </c>
      <c r="CR998" s="166">
        <v>0</v>
      </c>
      <c r="CS998" s="166">
        <v>0</v>
      </c>
      <c r="CT998" s="166">
        <v>0</v>
      </c>
      <c r="CU998" s="166">
        <v>0</v>
      </c>
      <c r="CV998" s="166">
        <v>0</v>
      </c>
      <c r="CW998" s="166">
        <v>0</v>
      </c>
      <c r="CX998" s="166">
        <v>0</v>
      </c>
      <c r="CY998" s="166">
        <v>288237222.570683</v>
      </c>
      <c r="CZ998" s="166">
        <v>288237222.570683</v>
      </c>
    </row>
    <row r="999" spans="1:104" x14ac:dyDescent="0.2">
      <c r="A999" s="170" t="s">
        <v>527</v>
      </c>
      <c r="B999" s="166">
        <v>0</v>
      </c>
      <c r="C999" s="166">
        <v>0</v>
      </c>
      <c r="D999" s="166">
        <v>0</v>
      </c>
      <c r="E999" s="166">
        <v>0</v>
      </c>
      <c r="F999" s="166">
        <v>0</v>
      </c>
      <c r="G999" s="166">
        <v>0</v>
      </c>
      <c r="H999" s="166">
        <v>0</v>
      </c>
      <c r="I999" s="166">
        <v>0</v>
      </c>
      <c r="J999" s="166">
        <v>0</v>
      </c>
      <c r="K999" s="166">
        <v>0</v>
      </c>
      <c r="L999" s="166">
        <v>0</v>
      </c>
      <c r="M999" s="166">
        <v>0</v>
      </c>
      <c r="N999" s="166">
        <v>0</v>
      </c>
      <c r="O999" s="166">
        <v>0</v>
      </c>
      <c r="P999" s="166">
        <v>0</v>
      </c>
      <c r="Q999" s="166">
        <v>0</v>
      </c>
      <c r="R999" s="166">
        <v>0</v>
      </c>
      <c r="S999" s="166">
        <v>0</v>
      </c>
      <c r="T999" s="166">
        <v>0</v>
      </c>
      <c r="U999" s="166">
        <v>0</v>
      </c>
      <c r="V999" s="166">
        <v>0</v>
      </c>
      <c r="W999" s="166">
        <v>0</v>
      </c>
      <c r="X999" s="166">
        <v>0</v>
      </c>
      <c r="Y999" s="166">
        <v>0</v>
      </c>
      <c r="Z999" s="166">
        <v>0</v>
      </c>
      <c r="AA999" s="166">
        <v>0</v>
      </c>
      <c r="AB999" s="166">
        <v>0</v>
      </c>
      <c r="AC999" s="166">
        <v>0</v>
      </c>
      <c r="AD999" s="166">
        <v>0</v>
      </c>
      <c r="AE999" s="166">
        <v>0</v>
      </c>
      <c r="AF999" s="166">
        <v>0</v>
      </c>
      <c r="AG999" s="166">
        <v>0</v>
      </c>
      <c r="AH999" s="166">
        <v>0</v>
      </c>
      <c r="AI999" s="166">
        <v>0</v>
      </c>
      <c r="AJ999" s="166">
        <v>0</v>
      </c>
      <c r="AK999" s="166">
        <v>0</v>
      </c>
      <c r="AL999" s="166">
        <v>0</v>
      </c>
      <c r="AM999" s="166">
        <v>0</v>
      </c>
      <c r="AN999" s="166">
        <v>0</v>
      </c>
      <c r="AO999" s="166">
        <v>0</v>
      </c>
      <c r="AP999" s="166">
        <v>0</v>
      </c>
      <c r="AQ999" s="166">
        <v>0</v>
      </c>
      <c r="AR999" s="166">
        <v>0</v>
      </c>
      <c r="AS999" s="166">
        <v>0</v>
      </c>
      <c r="AT999" s="166">
        <v>0</v>
      </c>
      <c r="AU999" s="166">
        <v>0</v>
      </c>
      <c r="AV999" s="166">
        <v>0</v>
      </c>
      <c r="AW999" s="166">
        <v>0</v>
      </c>
      <c r="AX999" s="166">
        <v>0</v>
      </c>
      <c r="AY999" s="166">
        <v>0</v>
      </c>
      <c r="AZ999" s="166">
        <v>0</v>
      </c>
      <c r="BA999" s="166">
        <v>0</v>
      </c>
      <c r="BB999" s="166">
        <v>0</v>
      </c>
      <c r="BC999" s="166">
        <v>0</v>
      </c>
      <c r="BD999" s="166">
        <v>0</v>
      </c>
      <c r="BE999" s="166">
        <v>0</v>
      </c>
      <c r="BF999" s="166">
        <v>0</v>
      </c>
      <c r="BG999" s="166">
        <v>0</v>
      </c>
      <c r="BH999" s="166">
        <v>0</v>
      </c>
      <c r="BI999" s="166">
        <v>0</v>
      </c>
      <c r="BJ999" s="166">
        <v>0</v>
      </c>
      <c r="BK999" s="166">
        <v>0</v>
      </c>
      <c r="BL999" s="166">
        <v>0</v>
      </c>
      <c r="BM999" s="166">
        <v>0</v>
      </c>
      <c r="BN999" s="166">
        <v>0</v>
      </c>
      <c r="BO999" s="166">
        <v>0</v>
      </c>
      <c r="BP999" s="166">
        <v>0</v>
      </c>
      <c r="BQ999" s="166">
        <v>0</v>
      </c>
      <c r="BR999" s="166">
        <v>0</v>
      </c>
      <c r="BS999" s="166">
        <v>0</v>
      </c>
      <c r="BT999" s="168">
        <v>0</v>
      </c>
      <c r="BU999" s="166">
        <v>0</v>
      </c>
      <c r="BV999" s="166">
        <v>0</v>
      </c>
      <c r="BW999" s="166">
        <v>0</v>
      </c>
      <c r="BX999" s="166">
        <v>0</v>
      </c>
      <c r="BY999" s="166">
        <v>0</v>
      </c>
      <c r="BZ999" s="166">
        <v>0</v>
      </c>
      <c r="CA999" s="166">
        <v>0</v>
      </c>
      <c r="CB999" s="166">
        <v>0</v>
      </c>
      <c r="CC999" s="166">
        <v>0</v>
      </c>
      <c r="CD999" s="166">
        <v>0</v>
      </c>
      <c r="CE999" s="166">
        <v>0</v>
      </c>
      <c r="CF999" s="166">
        <v>0</v>
      </c>
      <c r="CG999" s="166">
        <v>0</v>
      </c>
      <c r="CH999" s="166">
        <v>0</v>
      </c>
      <c r="CI999" s="166">
        <v>0</v>
      </c>
      <c r="CJ999" s="166">
        <v>0</v>
      </c>
      <c r="CK999" s="166">
        <v>0</v>
      </c>
      <c r="CL999" s="166">
        <v>0</v>
      </c>
      <c r="CM999" s="166">
        <v>0</v>
      </c>
      <c r="CN999" s="166">
        <v>0</v>
      </c>
      <c r="CO999" s="166">
        <v>0</v>
      </c>
      <c r="CP999" s="166">
        <v>0</v>
      </c>
      <c r="CQ999" s="166">
        <v>0</v>
      </c>
      <c r="CR999" s="166">
        <v>0</v>
      </c>
      <c r="CS999" s="166">
        <v>0</v>
      </c>
      <c r="CT999" s="166">
        <v>0</v>
      </c>
      <c r="CU999" s="166">
        <v>0</v>
      </c>
      <c r="CV999" s="166">
        <v>0</v>
      </c>
      <c r="CW999" s="166">
        <v>0</v>
      </c>
      <c r="CX999" s="166">
        <v>0</v>
      </c>
      <c r="CY999" s="166">
        <v>0</v>
      </c>
      <c r="CZ999" s="166">
        <v>0</v>
      </c>
    </row>
    <row r="1000" spans="1:104" x14ac:dyDescent="0.2">
      <c r="A1000" s="167" t="s">
        <v>528</v>
      </c>
      <c r="B1000" s="166">
        <v>159231726.90705901</v>
      </c>
      <c r="C1000" s="166">
        <v>159231726.90705901</v>
      </c>
      <c r="D1000" s="166">
        <v>0</v>
      </c>
      <c r="E1000" s="166">
        <v>0</v>
      </c>
      <c r="F1000" s="166">
        <v>0</v>
      </c>
      <c r="G1000" s="166">
        <v>0</v>
      </c>
      <c r="H1000" s="166">
        <v>0</v>
      </c>
      <c r="I1000" s="166">
        <v>0</v>
      </c>
      <c r="J1000" s="166">
        <v>0</v>
      </c>
      <c r="K1000" s="166">
        <v>0</v>
      </c>
      <c r="L1000" s="166">
        <v>0</v>
      </c>
      <c r="M1000" s="166">
        <v>0</v>
      </c>
      <c r="N1000" s="166">
        <v>0</v>
      </c>
      <c r="O1000" s="166">
        <v>0</v>
      </c>
      <c r="P1000" s="166">
        <v>0</v>
      </c>
      <c r="Q1000" s="166">
        <v>0</v>
      </c>
      <c r="R1000" s="166">
        <v>0</v>
      </c>
      <c r="S1000" s="166">
        <v>0</v>
      </c>
      <c r="T1000" s="166">
        <v>0</v>
      </c>
      <c r="U1000" s="166">
        <v>0</v>
      </c>
      <c r="V1000" s="166">
        <v>0</v>
      </c>
      <c r="W1000" s="166">
        <v>0</v>
      </c>
      <c r="X1000" s="166">
        <v>0</v>
      </c>
      <c r="Y1000" s="166">
        <v>0</v>
      </c>
      <c r="Z1000" s="166">
        <v>0</v>
      </c>
      <c r="AA1000" s="166">
        <v>0</v>
      </c>
      <c r="AB1000" s="166">
        <v>0</v>
      </c>
      <c r="AC1000" s="166">
        <v>0</v>
      </c>
      <c r="AD1000" s="166">
        <v>0</v>
      </c>
      <c r="AE1000" s="166">
        <v>0</v>
      </c>
      <c r="AF1000" s="166">
        <v>0</v>
      </c>
      <c r="AG1000" s="166">
        <v>0</v>
      </c>
      <c r="AH1000" s="166">
        <v>0</v>
      </c>
      <c r="AI1000" s="166">
        <v>0</v>
      </c>
      <c r="AJ1000" s="166">
        <v>0</v>
      </c>
      <c r="AK1000" s="166">
        <v>0</v>
      </c>
      <c r="AL1000" s="166">
        <v>0</v>
      </c>
      <c r="AM1000" s="166">
        <v>0</v>
      </c>
      <c r="AN1000" s="166">
        <v>0</v>
      </c>
      <c r="AO1000" s="166">
        <v>0</v>
      </c>
      <c r="AP1000" s="166">
        <v>0</v>
      </c>
      <c r="AQ1000" s="166">
        <v>0</v>
      </c>
      <c r="AR1000" s="166">
        <v>0</v>
      </c>
      <c r="AS1000" s="166">
        <v>0</v>
      </c>
      <c r="AT1000" s="166">
        <v>0</v>
      </c>
      <c r="AU1000" s="166">
        <v>0</v>
      </c>
      <c r="AV1000" s="166">
        <v>0</v>
      </c>
      <c r="AW1000" s="166">
        <v>0</v>
      </c>
      <c r="AX1000" s="166">
        <v>0</v>
      </c>
      <c r="AY1000" s="166">
        <v>0</v>
      </c>
      <c r="AZ1000" s="166">
        <v>0</v>
      </c>
      <c r="BA1000" s="166">
        <v>0</v>
      </c>
      <c r="BB1000" s="166">
        <v>0</v>
      </c>
      <c r="BC1000" s="166">
        <v>0</v>
      </c>
      <c r="BD1000" s="166">
        <v>0</v>
      </c>
      <c r="BE1000" s="166">
        <v>0</v>
      </c>
      <c r="BF1000" s="166">
        <v>0</v>
      </c>
      <c r="BG1000" s="166">
        <v>0</v>
      </c>
      <c r="BH1000" s="166">
        <v>0</v>
      </c>
      <c r="BI1000" s="166">
        <v>0</v>
      </c>
      <c r="BJ1000" s="166">
        <v>0</v>
      </c>
      <c r="BK1000" s="166">
        <v>0</v>
      </c>
      <c r="BL1000" s="166">
        <v>0</v>
      </c>
      <c r="BM1000" s="166">
        <v>0</v>
      </c>
      <c r="BN1000" s="166">
        <v>0</v>
      </c>
      <c r="BO1000" s="166">
        <v>0</v>
      </c>
      <c r="BP1000" s="166">
        <v>0</v>
      </c>
      <c r="BQ1000" s="166">
        <v>0</v>
      </c>
      <c r="BR1000" s="166">
        <v>159231726.90705901</v>
      </c>
      <c r="BS1000" s="166">
        <v>159231726.90705901</v>
      </c>
      <c r="BT1000" s="168">
        <v>0</v>
      </c>
      <c r="BU1000" s="166">
        <v>0</v>
      </c>
      <c r="BV1000" s="166">
        <v>0</v>
      </c>
      <c r="BW1000" s="166">
        <v>0</v>
      </c>
      <c r="BX1000" s="166">
        <v>0</v>
      </c>
      <c r="BY1000" s="166">
        <v>0</v>
      </c>
      <c r="BZ1000" s="166">
        <v>0</v>
      </c>
      <c r="CA1000" s="166">
        <v>0</v>
      </c>
      <c r="CB1000" s="166">
        <v>0</v>
      </c>
      <c r="CC1000" s="166">
        <v>0</v>
      </c>
      <c r="CD1000" s="166">
        <v>0</v>
      </c>
      <c r="CE1000" s="166">
        <v>0</v>
      </c>
      <c r="CF1000" s="166">
        <v>0</v>
      </c>
      <c r="CG1000" s="166">
        <v>0</v>
      </c>
      <c r="CH1000" s="166">
        <v>0</v>
      </c>
      <c r="CI1000" s="166">
        <v>0</v>
      </c>
      <c r="CJ1000" s="166">
        <v>0</v>
      </c>
      <c r="CK1000" s="166">
        <v>0</v>
      </c>
      <c r="CL1000" s="166">
        <v>0</v>
      </c>
      <c r="CM1000" s="166">
        <v>0</v>
      </c>
      <c r="CN1000" s="166">
        <v>0</v>
      </c>
      <c r="CO1000" s="166">
        <v>0</v>
      </c>
      <c r="CP1000" s="166">
        <v>0</v>
      </c>
      <c r="CQ1000" s="166">
        <v>0</v>
      </c>
      <c r="CR1000" s="166">
        <v>0</v>
      </c>
      <c r="CS1000" s="166">
        <v>0</v>
      </c>
      <c r="CT1000" s="166">
        <v>0</v>
      </c>
      <c r="CU1000" s="166">
        <v>0</v>
      </c>
      <c r="CV1000" s="166">
        <v>0</v>
      </c>
      <c r="CW1000" s="166">
        <v>0</v>
      </c>
      <c r="CX1000" s="166">
        <v>0</v>
      </c>
      <c r="CY1000" s="166">
        <v>0</v>
      </c>
      <c r="CZ1000" s="166">
        <v>0</v>
      </c>
    </row>
    <row r="1001" spans="1:104" x14ac:dyDescent="0.2">
      <c r="A1001" s="167" t="s">
        <v>529</v>
      </c>
      <c r="B1001" s="166">
        <v>41467750.590000004</v>
      </c>
      <c r="C1001" s="166">
        <v>41467750.590000004</v>
      </c>
      <c r="D1001" s="166">
        <v>0</v>
      </c>
      <c r="E1001" s="166">
        <v>0</v>
      </c>
      <c r="F1001" s="166">
        <v>0</v>
      </c>
      <c r="G1001" s="166">
        <v>0</v>
      </c>
      <c r="H1001" s="166">
        <v>0</v>
      </c>
      <c r="I1001" s="166">
        <v>0</v>
      </c>
      <c r="J1001" s="166">
        <v>0</v>
      </c>
      <c r="K1001" s="166">
        <v>0</v>
      </c>
      <c r="L1001" s="166">
        <v>0</v>
      </c>
      <c r="M1001" s="166">
        <v>0</v>
      </c>
      <c r="N1001" s="166">
        <v>0</v>
      </c>
      <c r="O1001" s="166">
        <v>0</v>
      </c>
      <c r="P1001" s="166">
        <v>0</v>
      </c>
      <c r="Q1001" s="166">
        <v>0</v>
      </c>
      <c r="R1001" s="166">
        <v>0</v>
      </c>
      <c r="S1001" s="166">
        <v>0</v>
      </c>
      <c r="T1001" s="166">
        <v>0</v>
      </c>
      <c r="U1001" s="166">
        <v>0</v>
      </c>
      <c r="V1001" s="166">
        <v>0</v>
      </c>
      <c r="W1001" s="166">
        <v>0</v>
      </c>
      <c r="X1001" s="166">
        <v>0</v>
      </c>
      <c r="Y1001" s="166">
        <v>0</v>
      </c>
      <c r="Z1001" s="166">
        <v>0</v>
      </c>
      <c r="AA1001" s="166">
        <v>0</v>
      </c>
      <c r="AB1001" s="166">
        <v>0</v>
      </c>
      <c r="AC1001" s="166">
        <v>0</v>
      </c>
      <c r="AD1001" s="166">
        <v>0</v>
      </c>
      <c r="AE1001" s="166">
        <v>0</v>
      </c>
      <c r="AF1001" s="166">
        <v>0</v>
      </c>
      <c r="AG1001" s="166">
        <v>0</v>
      </c>
      <c r="AH1001" s="166">
        <v>0</v>
      </c>
      <c r="AI1001" s="166">
        <v>0</v>
      </c>
      <c r="AJ1001" s="166">
        <v>0</v>
      </c>
      <c r="AK1001" s="166">
        <v>0</v>
      </c>
      <c r="AL1001" s="166">
        <v>0</v>
      </c>
      <c r="AM1001" s="166">
        <v>0</v>
      </c>
      <c r="AN1001" s="166">
        <v>0</v>
      </c>
      <c r="AO1001" s="166">
        <v>0</v>
      </c>
      <c r="AP1001" s="166">
        <v>0</v>
      </c>
      <c r="AQ1001" s="166">
        <v>0</v>
      </c>
      <c r="AR1001" s="166">
        <v>0</v>
      </c>
      <c r="AS1001" s="166">
        <v>0</v>
      </c>
      <c r="AT1001" s="166">
        <v>0</v>
      </c>
      <c r="AU1001" s="166">
        <v>0</v>
      </c>
      <c r="AV1001" s="166">
        <v>0</v>
      </c>
      <c r="AW1001" s="166">
        <v>0</v>
      </c>
      <c r="AX1001" s="166">
        <v>0</v>
      </c>
      <c r="AY1001" s="166">
        <v>0</v>
      </c>
      <c r="AZ1001" s="166">
        <v>0</v>
      </c>
      <c r="BA1001" s="166">
        <v>0</v>
      </c>
      <c r="BB1001" s="166">
        <v>0</v>
      </c>
      <c r="BC1001" s="166">
        <v>0</v>
      </c>
      <c r="BD1001" s="166">
        <v>0</v>
      </c>
      <c r="BE1001" s="166">
        <v>0</v>
      </c>
      <c r="BF1001" s="166">
        <v>0</v>
      </c>
      <c r="BG1001" s="166">
        <v>0</v>
      </c>
      <c r="BH1001" s="166">
        <v>0</v>
      </c>
      <c r="BI1001" s="166">
        <v>0</v>
      </c>
      <c r="BJ1001" s="166">
        <v>0</v>
      </c>
      <c r="BK1001" s="166">
        <v>0</v>
      </c>
      <c r="BL1001" s="166">
        <v>0</v>
      </c>
      <c r="BM1001" s="166">
        <v>0</v>
      </c>
      <c r="BN1001" s="166">
        <v>0</v>
      </c>
      <c r="BO1001" s="166">
        <v>0</v>
      </c>
      <c r="BP1001" s="166">
        <v>0</v>
      </c>
      <c r="BQ1001" s="166">
        <v>0</v>
      </c>
      <c r="BR1001" s="166">
        <v>41467750.590000004</v>
      </c>
      <c r="BS1001" s="166">
        <v>41467750.590000004</v>
      </c>
      <c r="BT1001" s="168">
        <v>0</v>
      </c>
      <c r="BU1001" s="166">
        <v>0</v>
      </c>
      <c r="BV1001" s="166">
        <v>0</v>
      </c>
      <c r="BW1001" s="166">
        <v>0</v>
      </c>
      <c r="BX1001" s="166">
        <v>0</v>
      </c>
      <c r="BY1001" s="166">
        <v>0</v>
      </c>
      <c r="BZ1001" s="166">
        <v>0</v>
      </c>
      <c r="CA1001" s="166">
        <v>0</v>
      </c>
      <c r="CB1001" s="166">
        <v>0</v>
      </c>
      <c r="CC1001" s="166">
        <v>0</v>
      </c>
      <c r="CD1001" s="166">
        <v>0</v>
      </c>
      <c r="CE1001" s="166">
        <v>0</v>
      </c>
      <c r="CF1001" s="166">
        <v>0</v>
      </c>
      <c r="CG1001" s="166">
        <v>0</v>
      </c>
      <c r="CH1001" s="166">
        <v>0</v>
      </c>
      <c r="CI1001" s="166">
        <v>0</v>
      </c>
      <c r="CJ1001" s="166">
        <v>0</v>
      </c>
      <c r="CK1001" s="166">
        <v>0</v>
      </c>
      <c r="CL1001" s="166">
        <v>0</v>
      </c>
      <c r="CM1001" s="166">
        <v>0</v>
      </c>
      <c r="CN1001" s="166">
        <v>0</v>
      </c>
      <c r="CO1001" s="166">
        <v>0</v>
      </c>
      <c r="CP1001" s="166">
        <v>0</v>
      </c>
      <c r="CQ1001" s="166">
        <v>0</v>
      </c>
      <c r="CR1001" s="166">
        <v>0</v>
      </c>
      <c r="CS1001" s="166">
        <v>0</v>
      </c>
      <c r="CT1001" s="166">
        <v>0</v>
      </c>
      <c r="CU1001" s="166">
        <v>0</v>
      </c>
      <c r="CV1001" s="166">
        <v>0</v>
      </c>
      <c r="CW1001" s="166">
        <v>0</v>
      </c>
      <c r="CX1001" s="166">
        <v>0</v>
      </c>
      <c r="CY1001" s="166">
        <v>0</v>
      </c>
      <c r="CZ1001" s="166">
        <v>0</v>
      </c>
    </row>
    <row r="1002" spans="1:104" x14ac:dyDescent="0.2">
      <c r="A1002" s="167" t="s">
        <v>530</v>
      </c>
      <c r="B1002" s="166">
        <v>110051665.36999901</v>
      </c>
      <c r="C1002" s="166">
        <v>110051665.36999901</v>
      </c>
      <c r="D1002" s="166">
        <v>0</v>
      </c>
      <c r="E1002" s="166">
        <v>0</v>
      </c>
      <c r="F1002" s="166">
        <v>0</v>
      </c>
      <c r="G1002" s="166">
        <v>0</v>
      </c>
      <c r="H1002" s="166">
        <v>0</v>
      </c>
      <c r="I1002" s="166">
        <v>0</v>
      </c>
      <c r="J1002" s="166">
        <v>0</v>
      </c>
      <c r="K1002" s="166">
        <v>0</v>
      </c>
      <c r="L1002" s="166">
        <v>0</v>
      </c>
      <c r="M1002" s="166">
        <v>0</v>
      </c>
      <c r="N1002" s="166">
        <v>0</v>
      </c>
      <c r="O1002" s="166">
        <v>0</v>
      </c>
      <c r="P1002" s="166">
        <v>0</v>
      </c>
      <c r="Q1002" s="166">
        <v>0</v>
      </c>
      <c r="R1002" s="166">
        <v>0</v>
      </c>
      <c r="S1002" s="166">
        <v>0</v>
      </c>
      <c r="T1002" s="166">
        <v>0</v>
      </c>
      <c r="U1002" s="166">
        <v>0</v>
      </c>
      <c r="V1002" s="166">
        <v>0</v>
      </c>
      <c r="W1002" s="166">
        <v>0</v>
      </c>
      <c r="X1002" s="166">
        <v>0</v>
      </c>
      <c r="Y1002" s="166">
        <v>0</v>
      </c>
      <c r="Z1002" s="166">
        <v>0</v>
      </c>
      <c r="AA1002" s="166">
        <v>0</v>
      </c>
      <c r="AB1002" s="166">
        <v>0</v>
      </c>
      <c r="AC1002" s="166">
        <v>0</v>
      </c>
      <c r="AD1002" s="166">
        <v>0</v>
      </c>
      <c r="AE1002" s="166">
        <v>0</v>
      </c>
      <c r="AF1002" s="166">
        <v>0</v>
      </c>
      <c r="AG1002" s="166">
        <v>0</v>
      </c>
      <c r="AH1002" s="166">
        <v>0</v>
      </c>
      <c r="AI1002" s="166">
        <v>0</v>
      </c>
      <c r="AJ1002" s="166">
        <v>0</v>
      </c>
      <c r="AK1002" s="166">
        <v>0</v>
      </c>
      <c r="AL1002" s="166">
        <v>0</v>
      </c>
      <c r="AM1002" s="166">
        <v>0</v>
      </c>
      <c r="AN1002" s="166">
        <v>0</v>
      </c>
      <c r="AO1002" s="166">
        <v>0</v>
      </c>
      <c r="AP1002" s="166">
        <v>0</v>
      </c>
      <c r="AQ1002" s="166">
        <v>0</v>
      </c>
      <c r="AR1002" s="166">
        <v>0</v>
      </c>
      <c r="AS1002" s="166">
        <v>0</v>
      </c>
      <c r="AT1002" s="166">
        <v>0</v>
      </c>
      <c r="AU1002" s="166">
        <v>0</v>
      </c>
      <c r="AV1002" s="166">
        <v>0</v>
      </c>
      <c r="AW1002" s="166">
        <v>0</v>
      </c>
      <c r="AX1002" s="166">
        <v>0</v>
      </c>
      <c r="AY1002" s="166">
        <v>0</v>
      </c>
      <c r="AZ1002" s="166">
        <v>0</v>
      </c>
      <c r="BA1002" s="166">
        <v>0</v>
      </c>
      <c r="BB1002" s="166">
        <v>0</v>
      </c>
      <c r="BC1002" s="166">
        <v>0</v>
      </c>
      <c r="BD1002" s="166">
        <v>0</v>
      </c>
      <c r="BE1002" s="166">
        <v>0</v>
      </c>
      <c r="BF1002" s="166">
        <v>0</v>
      </c>
      <c r="BG1002" s="166">
        <v>0</v>
      </c>
      <c r="BH1002" s="166">
        <v>0</v>
      </c>
      <c r="BI1002" s="166">
        <v>0</v>
      </c>
      <c r="BJ1002" s="166">
        <v>0</v>
      </c>
      <c r="BK1002" s="166">
        <v>0</v>
      </c>
      <c r="BL1002" s="166">
        <v>0</v>
      </c>
      <c r="BM1002" s="166">
        <v>0</v>
      </c>
      <c r="BN1002" s="166">
        <v>0</v>
      </c>
      <c r="BO1002" s="166">
        <v>0</v>
      </c>
      <c r="BP1002" s="166">
        <v>0</v>
      </c>
      <c r="BQ1002" s="166">
        <v>0</v>
      </c>
      <c r="BR1002" s="166">
        <v>110051665.36999901</v>
      </c>
      <c r="BS1002" s="166">
        <v>110051665.36999901</v>
      </c>
      <c r="BT1002" s="168">
        <v>0</v>
      </c>
      <c r="BU1002" s="166">
        <v>0</v>
      </c>
      <c r="BV1002" s="166">
        <v>0</v>
      </c>
      <c r="BW1002" s="166">
        <v>0</v>
      </c>
      <c r="BX1002" s="166">
        <v>0</v>
      </c>
      <c r="BY1002" s="166">
        <v>0</v>
      </c>
      <c r="BZ1002" s="166">
        <v>0</v>
      </c>
      <c r="CA1002" s="166">
        <v>0</v>
      </c>
      <c r="CB1002" s="166">
        <v>0</v>
      </c>
      <c r="CC1002" s="166">
        <v>0</v>
      </c>
      <c r="CD1002" s="166">
        <v>0</v>
      </c>
      <c r="CE1002" s="166">
        <v>0</v>
      </c>
      <c r="CF1002" s="166">
        <v>0</v>
      </c>
      <c r="CG1002" s="166">
        <v>0</v>
      </c>
      <c r="CH1002" s="166">
        <v>0</v>
      </c>
      <c r="CI1002" s="166">
        <v>0</v>
      </c>
      <c r="CJ1002" s="166">
        <v>0</v>
      </c>
      <c r="CK1002" s="166">
        <v>0</v>
      </c>
      <c r="CL1002" s="166">
        <v>0</v>
      </c>
      <c r="CM1002" s="166">
        <v>0</v>
      </c>
      <c r="CN1002" s="166">
        <v>0</v>
      </c>
      <c r="CO1002" s="166">
        <v>0</v>
      </c>
      <c r="CP1002" s="166">
        <v>0</v>
      </c>
      <c r="CQ1002" s="166">
        <v>0</v>
      </c>
      <c r="CR1002" s="166">
        <v>0</v>
      </c>
      <c r="CS1002" s="166">
        <v>0</v>
      </c>
      <c r="CT1002" s="166">
        <v>0</v>
      </c>
      <c r="CU1002" s="166">
        <v>0</v>
      </c>
      <c r="CV1002" s="166">
        <v>0</v>
      </c>
      <c r="CW1002" s="166">
        <v>0</v>
      </c>
      <c r="CX1002" s="166">
        <v>0</v>
      </c>
      <c r="CY1002" s="166">
        <v>0</v>
      </c>
      <c r="CZ1002" s="166">
        <v>0</v>
      </c>
    </row>
    <row r="1003" spans="1:104" x14ac:dyDescent="0.2">
      <c r="A1003" s="167" t="s">
        <v>531</v>
      </c>
      <c r="B1003" s="166">
        <v>101618157.15000001</v>
      </c>
      <c r="C1003" s="166">
        <v>101618157.15000001</v>
      </c>
      <c r="D1003" s="166">
        <v>0</v>
      </c>
      <c r="E1003" s="166">
        <v>0</v>
      </c>
      <c r="F1003" s="166">
        <v>0</v>
      </c>
      <c r="G1003" s="166">
        <v>0</v>
      </c>
      <c r="H1003" s="166">
        <v>0</v>
      </c>
      <c r="I1003" s="166">
        <v>0</v>
      </c>
      <c r="J1003" s="166">
        <v>0</v>
      </c>
      <c r="K1003" s="166">
        <v>0</v>
      </c>
      <c r="L1003" s="166">
        <v>0</v>
      </c>
      <c r="M1003" s="166">
        <v>0</v>
      </c>
      <c r="N1003" s="166">
        <v>0</v>
      </c>
      <c r="O1003" s="166">
        <v>0</v>
      </c>
      <c r="P1003" s="166">
        <v>0</v>
      </c>
      <c r="Q1003" s="166">
        <v>0</v>
      </c>
      <c r="R1003" s="166">
        <v>0</v>
      </c>
      <c r="S1003" s="166">
        <v>0</v>
      </c>
      <c r="T1003" s="166">
        <v>0</v>
      </c>
      <c r="U1003" s="166">
        <v>0</v>
      </c>
      <c r="V1003" s="166">
        <v>0</v>
      </c>
      <c r="W1003" s="166">
        <v>0</v>
      </c>
      <c r="X1003" s="166">
        <v>0</v>
      </c>
      <c r="Y1003" s="166">
        <v>0</v>
      </c>
      <c r="Z1003" s="166">
        <v>0</v>
      </c>
      <c r="AA1003" s="166">
        <v>0</v>
      </c>
      <c r="AB1003" s="166">
        <v>0</v>
      </c>
      <c r="AC1003" s="166">
        <v>0</v>
      </c>
      <c r="AD1003" s="166">
        <v>0</v>
      </c>
      <c r="AE1003" s="166">
        <v>0</v>
      </c>
      <c r="AF1003" s="166">
        <v>0</v>
      </c>
      <c r="AG1003" s="166">
        <v>0</v>
      </c>
      <c r="AH1003" s="166">
        <v>0</v>
      </c>
      <c r="AI1003" s="166">
        <v>0</v>
      </c>
      <c r="AJ1003" s="166">
        <v>0</v>
      </c>
      <c r="AK1003" s="166">
        <v>0</v>
      </c>
      <c r="AL1003" s="166">
        <v>0</v>
      </c>
      <c r="AM1003" s="166">
        <v>0</v>
      </c>
      <c r="AN1003" s="166">
        <v>0</v>
      </c>
      <c r="AO1003" s="166">
        <v>0</v>
      </c>
      <c r="AP1003" s="166">
        <v>0</v>
      </c>
      <c r="AQ1003" s="166">
        <v>0</v>
      </c>
      <c r="AR1003" s="166">
        <v>0</v>
      </c>
      <c r="AS1003" s="166">
        <v>0</v>
      </c>
      <c r="AT1003" s="166">
        <v>0</v>
      </c>
      <c r="AU1003" s="166">
        <v>0</v>
      </c>
      <c r="AV1003" s="166">
        <v>0</v>
      </c>
      <c r="AW1003" s="166">
        <v>0</v>
      </c>
      <c r="AX1003" s="166">
        <v>0</v>
      </c>
      <c r="AY1003" s="166">
        <v>0</v>
      </c>
      <c r="AZ1003" s="166">
        <v>0</v>
      </c>
      <c r="BA1003" s="166">
        <v>0</v>
      </c>
      <c r="BB1003" s="166">
        <v>0</v>
      </c>
      <c r="BC1003" s="166">
        <v>0</v>
      </c>
      <c r="BD1003" s="166">
        <v>0</v>
      </c>
      <c r="BE1003" s="166">
        <v>0</v>
      </c>
      <c r="BF1003" s="166">
        <v>0</v>
      </c>
      <c r="BG1003" s="166">
        <v>0</v>
      </c>
      <c r="BH1003" s="166">
        <v>0</v>
      </c>
      <c r="BI1003" s="166">
        <v>0</v>
      </c>
      <c r="BJ1003" s="166">
        <v>0</v>
      </c>
      <c r="BK1003" s="166">
        <v>0</v>
      </c>
      <c r="BL1003" s="166">
        <v>0</v>
      </c>
      <c r="BM1003" s="166">
        <v>0</v>
      </c>
      <c r="BN1003" s="166">
        <v>0</v>
      </c>
      <c r="BO1003" s="166">
        <v>0</v>
      </c>
      <c r="BP1003" s="166">
        <v>0</v>
      </c>
      <c r="BQ1003" s="166">
        <v>0</v>
      </c>
      <c r="BR1003" s="166">
        <v>101618157.15000001</v>
      </c>
      <c r="BS1003" s="166">
        <v>101618157.15000001</v>
      </c>
      <c r="BT1003" s="168">
        <v>0</v>
      </c>
      <c r="BU1003" s="166">
        <v>0</v>
      </c>
      <c r="BV1003" s="166">
        <v>0</v>
      </c>
      <c r="BW1003" s="166">
        <v>0</v>
      </c>
      <c r="BX1003" s="166">
        <v>0</v>
      </c>
      <c r="BY1003" s="166">
        <v>0</v>
      </c>
      <c r="BZ1003" s="166">
        <v>0</v>
      </c>
      <c r="CA1003" s="166">
        <v>0</v>
      </c>
      <c r="CB1003" s="166">
        <v>0</v>
      </c>
      <c r="CC1003" s="166">
        <v>0</v>
      </c>
      <c r="CD1003" s="166">
        <v>0</v>
      </c>
      <c r="CE1003" s="166">
        <v>0</v>
      </c>
      <c r="CF1003" s="166">
        <v>0</v>
      </c>
      <c r="CG1003" s="166">
        <v>0</v>
      </c>
      <c r="CH1003" s="166">
        <v>0</v>
      </c>
      <c r="CI1003" s="166">
        <v>0</v>
      </c>
      <c r="CJ1003" s="166">
        <v>0</v>
      </c>
      <c r="CK1003" s="166">
        <v>0</v>
      </c>
      <c r="CL1003" s="166">
        <v>0</v>
      </c>
      <c r="CM1003" s="166">
        <v>0</v>
      </c>
      <c r="CN1003" s="166">
        <v>0</v>
      </c>
      <c r="CO1003" s="166">
        <v>0</v>
      </c>
      <c r="CP1003" s="166">
        <v>0</v>
      </c>
      <c r="CQ1003" s="166">
        <v>0</v>
      </c>
      <c r="CR1003" s="166">
        <v>0</v>
      </c>
      <c r="CS1003" s="166">
        <v>0</v>
      </c>
      <c r="CT1003" s="166">
        <v>0</v>
      </c>
      <c r="CU1003" s="166">
        <v>0</v>
      </c>
      <c r="CV1003" s="166">
        <v>0</v>
      </c>
      <c r="CW1003" s="166">
        <v>0</v>
      </c>
      <c r="CX1003" s="166">
        <v>0</v>
      </c>
      <c r="CY1003" s="166">
        <v>0</v>
      </c>
      <c r="CZ1003" s="166">
        <v>0</v>
      </c>
    </row>
    <row r="1004" spans="1:104" x14ac:dyDescent="0.2">
      <c r="A1004" s="167" t="s">
        <v>532</v>
      </c>
      <c r="B1004" s="166">
        <v>398404507.98400003</v>
      </c>
      <c r="C1004" s="166">
        <v>398404507.98400003</v>
      </c>
      <c r="D1004" s="166">
        <v>0</v>
      </c>
      <c r="E1004" s="166">
        <v>0</v>
      </c>
      <c r="F1004" s="166">
        <v>0</v>
      </c>
      <c r="G1004" s="166">
        <v>0</v>
      </c>
      <c r="H1004" s="166">
        <v>0</v>
      </c>
      <c r="I1004" s="166">
        <v>0</v>
      </c>
      <c r="J1004" s="166">
        <v>0</v>
      </c>
      <c r="K1004" s="166">
        <v>0</v>
      </c>
      <c r="L1004" s="166">
        <v>0</v>
      </c>
      <c r="M1004" s="166">
        <v>0</v>
      </c>
      <c r="N1004" s="166">
        <v>0</v>
      </c>
      <c r="O1004" s="166">
        <v>0</v>
      </c>
      <c r="P1004" s="166">
        <v>0</v>
      </c>
      <c r="Q1004" s="166">
        <v>0</v>
      </c>
      <c r="R1004" s="166">
        <v>0</v>
      </c>
      <c r="S1004" s="166">
        <v>0</v>
      </c>
      <c r="T1004" s="166">
        <v>0</v>
      </c>
      <c r="U1004" s="166">
        <v>0</v>
      </c>
      <c r="V1004" s="166">
        <v>0</v>
      </c>
      <c r="W1004" s="166">
        <v>0</v>
      </c>
      <c r="X1004" s="166">
        <v>0</v>
      </c>
      <c r="Y1004" s="166">
        <v>0</v>
      </c>
      <c r="Z1004" s="166">
        <v>0</v>
      </c>
      <c r="AA1004" s="166">
        <v>0</v>
      </c>
      <c r="AB1004" s="166">
        <v>0</v>
      </c>
      <c r="AC1004" s="166">
        <v>0</v>
      </c>
      <c r="AD1004" s="166">
        <v>0</v>
      </c>
      <c r="AE1004" s="166">
        <v>0</v>
      </c>
      <c r="AF1004" s="166">
        <v>0</v>
      </c>
      <c r="AG1004" s="166">
        <v>0</v>
      </c>
      <c r="AH1004" s="166">
        <v>0</v>
      </c>
      <c r="AI1004" s="166">
        <v>0</v>
      </c>
      <c r="AJ1004" s="166">
        <v>0</v>
      </c>
      <c r="AK1004" s="166">
        <v>0</v>
      </c>
      <c r="AL1004" s="166">
        <v>0</v>
      </c>
      <c r="AM1004" s="166">
        <v>0</v>
      </c>
      <c r="AN1004" s="166">
        <v>0</v>
      </c>
      <c r="AO1004" s="166">
        <v>0</v>
      </c>
      <c r="AP1004" s="166">
        <v>0</v>
      </c>
      <c r="AQ1004" s="166">
        <v>0</v>
      </c>
      <c r="AR1004" s="166">
        <v>0</v>
      </c>
      <c r="AS1004" s="166">
        <v>0</v>
      </c>
      <c r="AT1004" s="166">
        <v>0</v>
      </c>
      <c r="AU1004" s="166">
        <v>0</v>
      </c>
      <c r="AV1004" s="166">
        <v>0</v>
      </c>
      <c r="AW1004" s="166">
        <v>0</v>
      </c>
      <c r="AX1004" s="166">
        <v>0</v>
      </c>
      <c r="AY1004" s="166">
        <v>0</v>
      </c>
      <c r="AZ1004" s="166">
        <v>0</v>
      </c>
      <c r="BA1004" s="166">
        <v>0</v>
      </c>
      <c r="BB1004" s="166">
        <v>0</v>
      </c>
      <c r="BC1004" s="166">
        <v>0</v>
      </c>
      <c r="BD1004" s="166">
        <v>0</v>
      </c>
      <c r="BE1004" s="166">
        <v>0</v>
      </c>
      <c r="BF1004" s="166">
        <v>0</v>
      </c>
      <c r="BG1004" s="166">
        <v>0</v>
      </c>
      <c r="BH1004" s="166">
        <v>0</v>
      </c>
      <c r="BI1004" s="166">
        <v>0</v>
      </c>
      <c r="BJ1004" s="166">
        <v>0</v>
      </c>
      <c r="BK1004" s="166">
        <v>0</v>
      </c>
      <c r="BL1004" s="166">
        <v>0</v>
      </c>
      <c r="BM1004" s="166">
        <v>0</v>
      </c>
      <c r="BN1004" s="166">
        <v>0</v>
      </c>
      <c r="BO1004" s="166">
        <v>0</v>
      </c>
      <c r="BP1004" s="166">
        <v>0</v>
      </c>
      <c r="BQ1004" s="166">
        <v>0</v>
      </c>
      <c r="BR1004" s="166">
        <v>398404507.98400003</v>
      </c>
      <c r="BS1004" s="166">
        <v>398404507.98400003</v>
      </c>
      <c r="BT1004" s="168">
        <v>0</v>
      </c>
      <c r="BU1004" s="166">
        <v>0</v>
      </c>
      <c r="BV1004" s="166">
        <v>0</v>
      </c>
      <c r="BW1004" s="166">
        <v>0</v>
      </c>
      <c r="BX1004" s="166">
        <v>0</v>
      </c>
      <c r="BY1004" s="166">
        <v>0</v>
      </c>
      <c r="BZ1004" s="166">
        <v>0</v>
      </c>
      <c r="CA1004" s="166">
        <v>0</v>
      </c>
      <c r="CB1004" s="166">
        <v>0</v>
      </c>
      <c r="CC1004" s="166">
        <v>0</v>
      </c>
      <c r="CD1004" s="166">
        <v>0</v>
      </c>
      <c r="CE1004" s="166">
        <v>0</v>
      </c>
      <c r="CF1004" s="166">
        <v>0</v>
      </c>
      <c r="CG1004" s="166">
        <v>0</v>
      </c>
      <c r="CH1004" s="166">
        <v>0</v>
      </c>
      <c r="CI1004" s="166">
        <v>0</v>
      </c>
      <c r="CJ1004" s="166">
        <v>0</v>
      </c>
      <c r="CK1004" s="166">
        <v>0</v>
      </c>
      <c r="CL1004" s="166">
        <v>0</v>
      </c>
      <c r="CM1004" s="166">
        <v>0</v>
      </c>
      <c r="CN1004" s="166">
        <v>0</v>
      </c>
      <c r="CO1004" s="166">
        <v>0</v>
      </c>
      <c r="CP1004" s="166">
        <v>0</v>
      </c>
      <c r="CQ1004" s="166">
        <v>0</v>
      </c>
      <c r="CR1004" s="166">
        <v>0</v>
      </c>
      <c r="CS1004" s="166">
        <v>0</v>
      </c>
      <c r="CT1004" s="166">
        <v>0</v>
      </c>
      <c r="CU1004" s="166">
        <v>0</v>
      </c>
      <c r="CV1004" s="166">
        <v>0</v>
      </c>
      <c r="CW1004" s="166">
        <v>0</v>
      </c>
      <c r="CX1004" s="166">
        <v>0</v>
      </c>
      <c r="CY1004" s="166">
        <v>0</v>
      </c>
      <c r="CZ1004" s="166">
        <v>0</v>
      </c>
    </row>
    <row r="1005" spans="1:104" x14ac:dyDescent="0.2">
      <c r="A1005" s="167" t="s">
        <v>533</v>
      </c>
      <c r="B1005" s="166">
        <v>2663278301.7750101</v>
      </c>
      <c r="C1005" s="166">
        <v>2663278301.7750101</v>
      </c>
      <c r="D1005" s="166">
        <v>0</v>
      </c>
      <c r="E1005" s="166">
        <v>0</v>
      </c>
      <c r="F1005" s="166">
        <v>0</v>
      </c>
      <c r="G1005" s="166">
        <v>0</v>
      </c>
      <c r="H1005" s="166">
        <v>0</v>
      </c>
      <c r="I1005" s="166">
        <v>0</v>
      </c>
      <c r="J1005" s="166">
        <v>0</v>
      </c>
      <c r="K1005" s="166">
        <v>0</v>
      </c>
      <c r="L1005" s="166">
        <v>0</v>
      </c>
      <c r="M1005" s="166">
        <v>0</v>
      </c>
      <c r="N1005" s="166">
        <v>0</v>
      </c>
      <c r="O1005" s="166">
        <v>0</v>
      </c>
      <c r="P1005" s="166">
        <v>0</v>
      </c>
      <c r="Q1005" s="166">
        <v>0</v>
      </c>
      <c r="R1005" s="166">
        <v>0</v>
      </c>
      <c r="S1005" s="166">
        <v>0</v>
      </c>
      <c r="T1005" s="166">
        <v>0</v>
      </c>
      <c r="U1005" s="166">
        <v>0</v>
      </c>
      <c r="V1005" s="166">
        <v>0</v>
      </c>
      <c r="W1005" s="166">
        <v>0</v>
      </c>
      <c r="X1005" s="166">
        <v>0</v>
      </c>
      <c r="Y1005" s="166">
        <v>0</v>
      </c>
      <c r="Z1005" s="166">
        <v>0</v>
      </c>
      <c r="AA1005" s="166">
        <v>0</v>
      </c>
      <c r="AB1005" s="166">
        <v>0</v>
      </c>
      <c r="AC1005" s="166">
        <v>0</v>
      </c>
      <c r="AD1005" s="166">
        <v>0</v>
      </c>
      <c r="AE1005" s="166">
        <v>0</v>
      </c>
      <c r="AF1005" s="166">
        <v>0</v>
      </c>
      <c r="AG1005" s="166">
        <v>0</v>
      </c>
      <c r="AH1005" s="166">
        <v>0</v>
      </c>
      <c r="AI1005" s="166">
        <v>0</v>
      </c>
      <c r="AJ1005" s="166">
        <v>0</v>
      </c>
      <c r="AK1005" s="166">
        <v>0</v>
      </c>
      <c r="AL1005" s="166">
        <v>0</v>
      </c>
      <c r="AM1005" s="166">
        <v>0</v>
      </c>
      <c r="AN1005" s="166">
        <v>0</v>
      </c>
      <c r="AO1005" s="166">
        <v>0</v>
      </c>
      <c r="AP1005" s="166">
        <v>0</v>
      </c>
      <c r="AQ1005" s="166">
        <v>0</v>
      </c>
      <c r="AR1005" s="166">
        <v>0</v>
      </c>
      <c r="AS1005" s="166">
        <v>0</v>
      </c>
      <c r="AT1005" s="166">
        <v>0</v>
      </c>
      <c r="AU1005" s="166">
        <v>0</v>
      </c>
      <c r="AV1005" s="166">
        <v>0</v>
      </c>
      <c r="AW1005" s="166">
        <v>0</v>
      </c>
      <c r="AX1005" s="166">
        <v>0</v>
      </c>
      <c r="AY1005" s="166">
        <v>0</v>
      </c>
      <c r="AZ1005" s="166">
        <v>0</v>
      </c>
      <c r="BA1005" s="166">
        <v>0</v>
      </c>
      <c r="BB1005" s="166">
        <v>0</v>
      </c>
      <c r="BC1005" s="166">
        <v>0</v>
      </c>
      <c r="BD1005" s="166">
        <v>0</v>
      </c>
      <c r="BE1005" s="166">
        <v>0</v>
      </c>
      <c r="BF1005" s="166">
        <v>0</v>
      </c>
      <c r="BG1005" s="166">
        <v>0</v>
      </c>
      <c r="BH1005" s="166">
        <v>0</v>
      </c>
      <c r="BI1005" s="166">
        <v>0</v>
      </c>
      <c r="BJ1005" s="166">
        <v>0</v>
      </c>
      <c r="BK1005" s="166">
        <v>0</v>
      </c>
      <c r="BL1005" s="166">
        <v>0</v>
      </c>
      <c r="BM1005" s="166">
        <v>0</v>
      </c>
      <c r="BN1005" s="166">
        <v>0</v>
      </c>
      <c r="BO1005" s="166">
        <v>0</v>
      </c>
      <c r="BP1005" s="166">
        <v>0</v>
      </c>
      <c r="BQ1005" s="166">
        <v>0</v>
      </c>
      <c r="BR1005" s="166">
        <v>2663278301.7750101</v>
      </c>
      <c r="BS1005" s="166">
        <v>2663278301.7750101</v>
      </c>
      <c r="BT1005" s="168">
        <v>0</v>
      </c>
      <c r="BU1005" s="166">
        <v>0</v>
      </c>
      <c r="BV1005" s="166">
        <v>0</v>
      </c>
      <c r="BW1005" s="166">
        <v>0</v>
      </c>
      <c r="BX1005" s="166">
        <v>0</v>
      </c>
      <c r="BY1005" s="166">
        <v>0</v>
      </c>
      <c r="BZ1005" s="166">
        <v>0</v>
      </c>
      <c r="CA1005" s="166">
        <v>0</v>
      </c>
      <c r="CB1005" s="166">
        <v>0</v>
      </c>
      <c r="CC1005" s="166">
        <v>0</v>
      </c>
      <c r="CD1005" s="166">
        <v>0</v>
      </c>
      <c r="CE1005" s="166">
        <v>0</v>
      </c>
      <c r="CF1005" s="166">
        <v>0</v>
      </c>
      <c r="CG1005" s="166">
        <v>0</v>
      </c>
      <c r="CH1005" s="166">
        <v>0</v>
      </c>
      <c r="CI1005" s="166">
        <v>0</v>
      </c>
      <c r="CJ1005" s="166">
        <v>0</v>
      </c>
      <c r="CK1005" s="166">
        <v>0</v>
      </c>
      <c r="CL1005" s="166">
        <v>0</v>
      </c>
      <c r="CM1005" s="166">
        <v>0</v>
      </c>
      <c r="CN1005" s="166">
        <v>0</v>
      </c>
      <c r="CO1005" s="166">
        <v>0</v>
      </c>
      <c r="CP1005" s="166">
        <v>0</v>
      </c>
      <c r="CQ1005" s="166">
        <v>0</v>
      </c>
      <c r="CR1005" s="166">
        <v>0</v>
      </c>
      <c r="CS1005" s="166">
        <v>0</v>
      </c>
      <c r="CT1005" s="166">
        <v>0</v>
      </c>
      <c r="CU1005" s="166">
        <v>0</v>
      </c>
      <c r="CV1005" s="166">
        <v>0</v>
      </c>
      <c r="CW1005" s="166">
        <v>0</v>
      </c>
      <c r="CX1005" s="166">
        <v>0</v>
      </c>
      <c r="CY1005" s="166">
        <v>0</v>
      </c>
      <c r="CZ1005" s="166">
        <v>0</v>
      </c>
    </row>
    <row r="1006" spans="1:104" x14ac:dyDescent="0.2">
      <c r="A1006" s="167" t="s">
        <v>534</v>
      </c>
      <c r="B1006" s="166">
        <v>3474052109.7760701</v>
      </c>
      <c r="C1006" s="166">
        <v>3474052109.7760701</v>
      </c>
      <c r="D1006" s="166">
        <v>0</v>
      </c>
      <c r="E1006" s="166">
        <v>0</v>
      </c>
      <c r="F1006" s="166">
        <v>0</v>
      </c>
      <c r="G1006" s="166">
        <v>0</v>
      </c>
      <c r="H1006" s="166">
        <v>0</v>
      </c>
      <c r="I1006" s="166">
        <v>0</v>
      </c>
      <c r="J1006" s="166">
        <v>0</v>
      </c>
      <c r="K1006" s="166">
        <v>0</v>
      </c>
      <c r="L1006" s="166">
        <v>0</v>
      </c>
      <c r="M1006" s="166">
        <v>0</v>
      </c>
      <c r="N1006" s="166">
        <v>0</v>
      </c>
      <c r="O1006" s="166">
        <v>0</v>
      </c>
      <c r="P1006" s="166">
        <v>0</v>
      </c>
      <c r="Q1006" s="166">
        <v>0</v>
      </c>
      <c r="R1006" s="166">
        <v>0</v>
      </c>
      <c r="S1006" s="166">
        <v>0</v>
      </c>
      <c r="T1006" s="166">
        <v>0</v>
      </c>
      <c r="U1006" s="166">
        <v>0</v>
      </c>
      <c r="V1006" s="166">
        <v>0</v>
      </c>
      <c r="W1006" s="166">
        <v>0</v>
      </c>
      <c r="X1006" s="166">
        <v>0</v>
      </c>
      <c r="Y1006" s="166">
        <v>0</v>
      </c>
      <c r="Z1006" s="166">
        <v>0</v>
      </c>
      <c r="AA1006" s="166">
        <v>0</v>
      </c>
      <c r="AB1006" s="166">
        <v>0</v>
      </c>
      <c r="AC1006" s="166">
        <v>0</v>
      </c>
      <c r="AD1006" s="166">
        <v>0</v>
      </c>
      <c r="AE1006" s="166">
        <v>0</v>
      </c>
      <c r="AF1006" s="166">
        <v>0</v>
      </c>
      <c r="AG1006" s="166">
        <v>0</v>
      </c>
      <c r="AH1006" s="166">
        <v>0</v>
      </c>
      <c r="AI1006" s="166">
        <v>0</v>
      </c>
      <c r="AJ1006" s="166">
        <v>0</v>
      </c>
      <c r="AK1006" s="166">
        <v>0</v>
      </c>
      <c r="AL1006" s="166">
        <v>0</v>
      </c>
      <c r="AM1006" s="166">
        <v>0</v>
      </c>
      <c r="AN1006" s="166">
        <v>0</v>
      </c>
      <c r="AO1006" s="166">
        <v>0</v>
      </c>
      <c r="AP1006" s="166">
        <v>0</v>
      </c>
      <c r="AQ1006" s="166">
        <v>0</v>
      </c>
      <c r="AR1006" s="166">
        <v>0</v>
      </c>
      <c r="AS1006" s="166">
        <v>0</v>
      </c>
      <c r="AT1006" s="166">
        <v>0</v>
      </c>
      <c r="AU1006" s="166">
        <v>0</v>
      </c>
      <c r="AV1006" s="166">
        <v>0</v>
      </c>
      <c r="AW1006" s="166">
        <v>0</v>
      </c>
      <c r="AX1006" s="166">
        <v>0</v>
      </c>
      <c r="AY1006" s="166">
        <v>0</v>
      </c>
      <c r="AZ1006" s="166">
        <v>0</v>
      </c>
      <c r="BA1006" s="166">
        <v>0</v>
      </c>
      <c r="BB1006" s="166">
        <v>0</v>
      </c>
      <c r="BC1006" s="166">
        <v>0</v>
      </c>
      <c r="BD1006" s="166">
        <v>0</v>
      </c>
      <c r="BE1006" s="166">
        <v>0</v>
      </c>
      <c r="BF1006" s="166">
        <v>0</v>
      </c>
      <c r="BG1006" s="166">
        <v>0</v>
      </c>
      <c r="BH1006" s="166">
        <v>0</v>
      </c>
      <c r="BI1006" s="166">
        <v>0</v>
      </c>
      <c r="BJ1006" s="166">
        <v>0</v>
      </c>
      <c r="BK1006" s="166">
        <v>0</v>
      </c>
      <c r="BL1006" s="166">
        <v>0</v>
      </c>
      <c r="BM1006" s="166">
        <v>0</v>
      </c>
      <c r="BN1006" s="166">
        <v>0</v>
      </c>
      <c r="BO1006" s="166">
        <v>0</v>
      </c>
      <c r="BP1006" s="166">
        <v>0</v>
      </c>
      <c r="BQ1006" s="166">
        <v>0</v>
      </c>
      <c r="BR1006" s="166">
        <v>3474052109.7760701</v>
      </c>
      <c r="BS1006" s="166">
        <v>3474052109.7760701</v>
      </c>
      <c r="BT1006" s="168">
        <v>0</v>
      </c>
      <c r="BU1006" s="166">
        <v>0</v>
      </c>
      <c r="BV1006" s="166">
        <v>0</v>
      </c>
      <c r="BW1006" s="166">
        <v>0</v>
      </c>
      <c r="BX1006" s="166">
        <v>0</v>
      </c>
      <c r="BY1006" s="166">
        <v>0</v>
      </c>
      <c r="BZ1006" s="166">
        <v>0</v>
      </c>
      <c r="CA1006" s="166">
        <v>0</v>
      </c>
      <c r="CB1006" s="166">
        <v>0</v>
      </c>
      <c r="CC1006" s="166">
        <v>0</v>
      </c>
      <c r="CD1006" s="166">
        <v>0</v>
      </c>
      <c r="CE1006" s="166">
        <v>0</v>
      </c>
      <c r="CF1006" s="166">
        <v>0</v>
      </c>
      <c r="CG1006" s="166">
        <v>0</v>
      </c>
      <c r="CH1006" s="166">
        <v>0</v>
      </c>
      <c r="CI1006" s="166">
        <v>0</v>
      </c>
      <c r="CJ1006" s="166">
        <v>0</v>
      </c>
      <c r="CK1006" s="166">
        <v>0</v>
      </c>
      <c r="CL1006" s="166">
        <v>0</v>
      </c>
      <c r="CM1006" s="166">
        <v>0</v>
      </c>
      <c r="CN1006" s="166">
        <v>0</v>
      </c>
      <c r="CO1006" s="166">
        <v>0</v>
      </c>
      <c r="CP1006" s="166">
        <v>0</v>
      </c>
      <c r="CQ1006" s="166">
        <v>0</v>
      </c>
      <c r="CR1006" s="166">
        <v>0</v>
      </c>
      <c r="CS1006" s="166">
        <v>0</v>
      </c>
      <c r="CT1006" s="166">
        <v>0</v>
      </c>
      <c r="CU1006" s="166">
        <v>0</v>
      </c>
      <c r="CV1006" s="166">
        <v>0</v>
      </c>
      <c r="CW1006" s="166">
        <v>0</v>
      </c>
      <c r="CX1006" s="166">
        <v>0</v>
      </c>
      <c r="CY1006" s="166">
        <v>0</v>
      </c>
      <c r="CZ1006" s="166">
        <v>0</v>
      </c>
    </row>
    <row r="1007" spans="1:104" x14ac:dyDescent="0.2">
      <c r="A1007" s="170" t="s">
        <v>535</v>
      </c>
      <c r="B1007" s="166">
        <v>0</v>
      </c>
      <c r="C1007" s="166">
        <v>0</v>
      </c>
      <c r="D1007" s="166">
        <v>0</v>
      </c>
      <c r="E1007" s="166">
        <v>0</v>
      </c>
      <c r="F1007" s="166">
        <v>0</v>
      </c>
      <c r="G1007" s="166">
        <v>0</v>
      </c>
      <c r="H1007" s="166">
        <v>0</v>
      </c>
      <c r="I1007" s="166">
        <v>0</v>
      </c>
      <c r="J1007" s="166">
        <v>0</v>
      </c>
      <c r="K1007" s="166">
        <v>0</v>
      </c>
      <c r="L1007" s="166">
        <v>0</v>
      </c>
      <c r="M1007" s="166">
        <v>0</v>
      </c>
      <c r="N1007" s="166">
        <v>0</v>
      </c>
      <c r="O1007" s="166">
        <v>0</v>
      </c>
      <c r="P1007" s="166">
        <v>0</v>
      </c>
      <c r="Q1007" s="166">
        <v>0</v>
      </c>
      <c r="R1007" s="166">
        <v>0</v>
      </c>
      <c r="S1007" s="166">
        <v>0</v>
      </c>
      <c r="T1007" s="166">
        <v>0</v>
      </c>
      <c r="U1007" s="166">
        <v>0</v>
      </c>
      <c r="V1007" s="166">
        <v>0</v>
      </c>
      <c r="W1007" s="166">
        <v>0</v>
      </c>
      <c r="X1007" s="166">
        <v>0</v>
      </c>
      <c r="Y1007" s="166">
        <v>0</v>
      </c>
      <c r="Z1007" s="166">
        <v>0</v>
      </c>
      <c r="AA1007" s="166">
        <v>0</v>
      </c>
      <c r="AB1007" s="166">
        <v>0</v>
      </c>
      <c r="AC1007" s="166">
        <v>0</v>
      </c>
      <c r="AD1007" s="166">
        <v>0</v>
      </c>
      <c r="AE1007" s="166">
        <v>0</v>
      </c>
      <c r="AF1007" s="166">
        <v>0</v>
      </c>
      <c r="AG1007" s="166">
        <v>0</v>
      </c>
      <c r="AH1007" s="166">
        <v>0</v>
      </c>
      <c r="AI1007" s="166">
        <v>0</v>
      </c>
      <c r="AJ1007" s="166">
        <v>0</v>
      </c>
      <c r="AK1007" s="166">
        <v>0</v>
      </c>
      <c r="AL1007" s="166">
        <v>0</v>
      </c>
      <c r="AM1007" s="166">
        <v>0</v>
      </c>
      <c r="AN1007" s="166">
        <v>0</v>
      </c>
      <c r="AO1007" s="166">
        <v>0</v>
      </c>
      <c r="AP1007" s="166">
        <v>0</v>
      </c>
      <c r="AQ1007" s="166">
        <v>0</v>
      </c>
      <c r="AR1007" s="166">
        <v>0</v>
      </c>
      <c r="AS1007" s="166">
        <v>0</v>
      </c>
      <c r="AT1007" s="166">
        <v>0</v>
      </c>
      <c r="AU1007" s="166">
        <v>0</v>
      </c>
      <c r="AV1007" s="166">
        <v>0</v>
      </c>
      <c r="AW1007" s="166">
        <v>0</v>
      </c>
      <c r="AX1007" s="166">
        <v>0</v>
      </c>
      <c r="AY1007" s="166">
        <v>0</v>
      </c>
      <c r="AZ1007" s="166">
        <v>0</v>
      </c>
      <c r="BA1007" s="166">
        <v>0</v>
      </c>
      <c r="BB1007" s="166">
        <v>0</v>
      </c>
      <c r="BC1007" s="166">
        <v>0</v>
      </c>
      <c r="BD1007" s="166">
        <v>0</v>
      </c>
      <c r="BE1007" s="166">
        <v>0</v>
      </c>
      <c r="BF1007" s="166">
        <v>0</v>
      </c>
      <c r="BG1007" s="166">
        <v>0</v>
      </c>
      <c r="BH1007" s="166">
        <v>0</v>
      </c>
      <c r="BI1007" s="166">
        <v>0</v>
      </c>
      <c r="BJ1007" s="166">
        <v>0</v>
      </c>
      <c r="BK1007" s="166">
        <v>0</v>
      </c>
      <c r="BL1007" s="166">
        <v>0</v>
      </c>
      <c r="BM1007" s="166">
        <v>0</v>
      </c>
      <c r="BN1007" s="166">
        <v>0</v>
      </c>
      <c r="BO1007" s="166">
        <v>0</v>
      </c>
      <c r="BP1007" s="166">
        <v>0</v>
      </c>
      <c r="BQ1007" s="166">
        <v>0</v>
      </c>
      <c r="BR1007" s="166">
        <v>0</v>
      </c>
      <c r="BS1007" s="166">
        <v>0</v>
      </c>
      <c r="BT1007" s="168">
        <v>0</v>
      </c>
      <c r="BU1007" s="166">
        <v>0</v>
      </c>
      <c r="BV1007" s="166">
        <v>0</v>
      </c>
      <c r="BW1007" s="166">
        <v>0</v>
      </c>
      <c r="BX1007" s="166">
        <v>0</v>
      </c>
      <c r="BY1007" s="166">
        <v>0</v>
      </c>
      <c r="BZ1007" s="166">
        <v>0</v>
      </c>
      <c r="CA1007" s="166">
        <v>0</v>
      </c>
      <c r="CB1007" s="166">
        <v>0</v>
      </c>
      <c r="CC1007" s="166">
        <v>0</v>
      </c>
      <c r="CD1007" s="166">
        <v>0</v>
      </c>
      <c r="CE1007" s="166">
        <v>0</v>
      </c>
      <c r="CF1007" s="166">
        <v>0</v>
      </c>
      <c r="CG1007" s="166">
        <v>0</v>
      </c>
      <c r="CH1007" s="166">
        <v>0</v>
      </c>
      <c r="CI1007" s="166">
        <v>0</v>
      </c>
      <c r="CJ1007" s="166">
        <v>0</v>
      </c>
      <c r="CK1007" s="166">
        <v>0</v>
      </c>
      <c r="CL1007" s="166">
        <v>0</v>
      </c>
      <c r="CM1007" s="166">
        <v>0</v>
      </c>
      <c r="CN1007" s="166">
        <v>0</v>
      </c>
      <c r="CO1007" s="166">
        <v>0</v>
      </c>
      <c r="CP1007" s="166">
        <v>0</v>
      </c>
      <c r="CQ1007" s="166">
        <v>0</v>
      </c>
      <c r="CR1007" s="166">
        <v>0</v>
      </c>
      <c r="CS1007" s="166">
        <v>0</v>
      </c>
      <c r="CT1007" s="166">
        <v>0</v>
      </c>
      <c r="CU1007" s="166">
        <v>0</v>
      </c>
      <c r="CV1007" s="166">
        <v>0</v>
      </c>
      <c r="CW1007" s="166">
        <v>0</v>
      </c>
      <c r="CX1007" s="166">
        <v>0</v>
      </c>
      <c r="CY1007" s="166">
        <v>0</v>
      </c>
      <c r="CZ1007" s="166">
        <v>0</v>
      </c>
    </row>
    <row r="1008" spans="1:104" x14ac:dyDescent="0.2">
      <c r="A1008" s="167" t="s">
        <v>536</v>
      </c>
      <c r="B1008" s="166">
        <v>5.8207660913467401E-8</v>
      </c>
      <c r="C1008" s="166">
        <v>5.8207660913467401E-8</v>
      </c>
      <c r="D1008" s="166">
        <v>0</v>
      </c>
      <c r="E1008" s="166">
        <v>0</v>
      </c>
      <c r="F1008" s="166">
        <v>0</v>
      </c>
      <c r="G1008" s="166">
        <v>0</v>
      </c>
      <c r="H1008" s="166">
        <v>0</v>
      </c>
      <c r="I1008" s="166">
        <v>0</v>
      </c>
      <c r="J1008" s="166">
        <v>0</v>
      </c>
      <c r="K1008" s="166">
        <v>0</v>
      </c>
      <c r="L1008" s="166">
        <v>0</v>
      </c>
      <c r="M1008" s="166">
        <v>0</v>
      </c>
      <c r="N1008" s="166">
        <v>0</v>
      </c>
      <c r="O1008" s="166">
        <v>0</v>
      </c>
      <c r="P1008" s="166">
        <v>0</v>
      </c>
      <c r="Q1008" s="166">
        <v>0</v>
      </c>
      <c r="R1008" s="166">
        <v>0</v>
      </c>
      <c r="S1008" s="166">
        <v>0</v>
      </c>
      <c r="T1008" s="166">
        <v>0</v>
      </c>
      <c r="U1008" s="166">
        <v>0</v>
      </c>
      <c r="V1008" s="166">
        <v>0</v>
      </c>
      <c r="W1008" s="166">
        <v>0</v>
      </c>
      <c r="X1008" s="166">
        <v>0</v>
      </c>
      <c r="Y1008" s="166">
        <v>0</v>
      </c>
      <c r="Z1008" s="166">
        <v>0</v>
      </c>
      <c r="AA1008" s="166">
        <v>0</v>
      </c>
      <c r="AB1008" s="166">
        <v>0</v>
      </c>
      <c r="AC1008" s="166">
        <v>0</v>
      </c>
      <c r="AD1008" s="166">
        <v>0</v>
      </c>
      <c r="AE1008" s="166">
        <v>0</v>
      </c>
      <c r="AF1008" s="166">
        <v>0</v>
      </c>
      <c r="AG1008" s="166">
        <v>0</v>
      </c>
      <c r="AH1008" s="166">
        <v>0</v>
      </c>
      <c r="AI1008" s="166">
        <v>0</v>
      </c>
      <c r="AJ1008" s="166">
        <v>0</v>
      </c>
      <c r="AK1008" s="166">
        <v>0</v>
      </c>
      <c r="AL1008" s="166">
        <v>0</v>
      </c>
      <c r="AM1008" s="166">
        <v>0</v>
      </c>
      <c r="AN1008" s="166">
        <v>0</v>
      </c>
      <c r="AO1008" s="166">
        <v>0</v>
      </c>
      <c r="AP1008" s="166">
        <v>0</v>
      </c>
      <c r="AQ1008" s="166">
        <v>0</v>
      </c>
      <c r="AR1008" s="166">
        <v>0</v>
      </c>
      <c r="AS1008" s="166">
        <v>0</v>
      </c>
      <c r="AT1008" s="166">
        <v>0</v>
      </c>
      <c r="AU1008" s="166">
        <v>0</v>
      </c>
      <c r="AV1008" s="166">
        <v>0</v>
      </c>
      <c r="AW1008" s="166">
        <v>0</v>
      </c>
      <c r="AX1008" s="166">
        <v>0</v>
      </c>
      <c r="AY1008" s="166">
        <v>0</v>
      </c>
      <c r="AZ1008" s="166">
        <v>0</v>
      </c>
      <c r="BA1008" s="166">
        <v>0</v>
      </c>
      <c r="BB1008" s="166">
        <v>0</v>
      </c>
      <c r="BC1008" s="166">
        <v>0</v>
      </c>
      <c r="BD1008" s="166">
        <v>0</v>
      </c>
      <c r="BE1008" s="166">
        <v>0</v>
      </c>
      <c r="BF1008" s="166">
        <v>0</v>
      </c>
      <c r="BG1008" s="166">
        <v>0</v>
      </c>
      <c r="BH1008" s="166">
        <v>0</v>
      </c>
      <c r="BI1008" s="166">
        <v>0</v>
      </c>
      <c r="BJ1008" s="166">
        <v>0</v>
      </c>
      <c r="BK1008" s="166">
        <v>0</v>
      </c>
      <c r="BL1008" s="166">
        <v>0</v>
      </c>
      <c r="BM1008" s="166">
        <v>0</v>
      </c>
      <c r="BN1008" s="166">
        <v>0</v>
      </c>
      <c r="BO1008" s="166">
        <v>0</v>
      </c>
      <c r="BP1008" s="166">
        <v>0</v>
      </c>
      <c r="BQ1008" s="166">
        <v>0</v>
      </c>
      <c r="BR1008" s="166">
        <v>5.8207660913467401E-8</v>
      </c>
      <c r="BS1008" s="166">
        <v>5.8207660913467401E-8</v>
      </c>
      <c r="BT1008" s="168">
        <v>0</v>
      </c>
      <c r="BU1008" s="166">
        <v>0</v>
      </c>
      <c r="BV1008" s="166">
        <v>0</v>
      </c>
      <c r="BW1008" s="166">
        <v>0</v>
      </c>
      <c r="BX1008" s="166">
        <v>0</v>
      </c>
      <c r="BY1008" s="166">
        <v>0</v>
      </c>
      <c r="BZ1008" s="166">
        <v>0</v>
      </c>
      <c r="CA1008" s="166">
        <v>0</v>
      </c>
      <c r="CB1008" s="166">
        <v>0</v>
      </c>
      <c r="CC1008" s="166">
        <v>0</v>
      </c>
      <c r="CD1008" s="166">
        <v>0</v>
      </c>
      <c r="CE1008" s="166">
        <v>0</v>
      </c>
      <c r="CF1008" s="166">
        <v>0</v>
      </c>
      <c r="CG1008" s="166">
        <v>0</v>
      </c>
      <c r="CH1008" s="166">
        <v>0</v>
      </c>
      <c r="CI1008" s="166">
        <v>0</v>
      </c>
      <c r="CJ1008" s="166">
        <v>0</v>
      </c>
      <c r="CK1008" s="166">
        <v>0</v>
      </c>
      <c r="CL1008" s="166">
        <v>0</v>
      </c>
      <c r="CM1008" s="166">
        <v>0</v>
      </c>
      <c r="CN1008" s="166">
        <v>0</v>
      </c>
      <c r="CO1008" s="166">
        <v>0</v>
      </c>
      <c r="CP1008" s="166">
        <v>0</v>
      </c>
      <c r="CQ1008" s="166">
        <v>0</v>
      </c>
      <c r="CR1008" s="166">
        <v>0</v>
      </c>
      <c r="CS1008" s="166">
        <v>0</v>
      </c>
      <c r="CT1008" s="166">
        <v>0</v>
      </c>
      <c r="CU1008" s="166">
        <v>0</v>
      </c>
      <c r="CV1008" s="166">
        <v>0</v>
      </c>
      <c r="CW1008" s="166">
        <v>0</v>
      </c>
      <c r="CX1008" s="166">
        <v>0</v>
      </c>
      <c r="CY1008" s="166">
        <v>0</v>
      </c>
      <c r="CZ1008" s="166">
        <v>0</v>
      </c>
    </row>
    <row r="1009" spans="1:104" x14ac:dyDescent="0.2">
      <c r="A1009" s="167" t="s">
        <v>537</v>
      </c>
      <c r="B1009" s="166">
        <v>0</v>
      </c>
      <c r="C1009" s="166">
        <v>0</v>
      </c>
      <c r="D1009" s="166">
        <v>0</v>
      </c>
      <c r="E1009" s="166">
        <v>0</v>
      </c>
      <c r="F1009" s="166">
        <v>0</v>
      </c>
      <c r="G1009" s="166">
        <v>0</v>
      </c>
      <c r="H1009" s="166">
        <v>0</v>
      </c>
      <c r="I1009" s="166">
        <v>0</v>
      </c>
      <c r="J1009" s="166">
        <v>0</v>
      </c>
      <c r="K1009" s="166">
        <v>0</v>
      </c>
      <c r="L1009" s="166">
        <v>0</v>
      </c>
      <c r="M1009" s="166">
        <v>0</v>
      </c>
      <c r="N1009" s="166">
        <v>0</v>
      </c>
      <c r="O1009" s="166">
        <v>0</v>
      </c>
      <c r="P1009" s="166">
        <v>0</v>
      </c>
      <c r="Q1009" s="166">
        <v>0</v>
      </c>
      <c r="R1009" s="166">
        <v>0</v>
      </c>
      <c r="S1009" s="166">
        <v>0</v>
      </c>
      <c r="T1009" s="166">
        <v>0</v>
      </c>
      <c r="U1009" s="166">
        <v>0</v>
      </c>
      <c r="V1009" s="166">
        <v>0</v>
      </c>
      <c r="W1009" s="166">
        <v>0</v>
      </c>
      <c r="X1009" s="166">
        <v>0</v>
      </c>
      <c r="Y1009" s="166">
        <v>0</v>
      </c>
      <c r="Z1009" s="166">
        <v>0</v>
      </c>
      <c r="AA1009" s="166">
        <v>0</v>
      </c>
      <c r="AB1009" s="166">
        <v>0</v>
      </c>
      <c r="AC1009" s="166">
        <v>0</v>
      </c>
      <c r="AD1009" s="166">
        <v>0</v>
      </c>
      <c r="AE1009" s="166">
        <v>0</v>
      </c>
      <c r="AF1009" s="166">
        <v>0</v>
      </c>
      <c r="AG1009" s="166">
        <v>0</v>
      </c>
      <c r="AH1009" s="166">
        <v>0</v>
      </c>
      <c r="AI1009" s="166">
        <v>0</v>
      </c>
      <c r="AJ1009" s="166">
        <v>0</v>
      </c>
      <c r="AK1009" s="166">
        <v>0</v>
      </c>
      <c r="AL1009" s="166">
        <v>0</v>
      </c>
      <c r="AM1009" s="166">
        <v>0</v>
      </c>
      <c r="AN1009" s="166">
        <v>0</v>
      </c>
      <c r="AO1009" s="166">
        <v>0</v>
      </c>
      <c r="AP1009" s="166">
        <v>0</v>
      </c>
      <c r="AQ1009" s="166">
        <v>0</v>
      </c>
      <c r="AR1009" s="166">
        <v>0</v>
      </c>
      <c r="AS1009" s="166">
        <v>0</v>
      </c>
      <c r="AT1009" s="166">
        <v>0</v>
      </c>
      <c r="AU1009" s="166">
        <v>0</v>
      </c>
      <c r="AV1009" s="166">
        <v>0</v>
      </c>
      <c r="AW1009" s="166">
        <v>0</v>
      </c>
      <c r="AX1009" s="166">
        <v>0</v>
      </c>
      <c r="AY1009" s="166">
        <v>0</v>
      </c>
      <c r="AZ1009" s="166">
        <v>0</v>
      </c>
      <c r="BA1009" s="166">
        <v>0</v>
      </c>
      <c r="BB1009" s="166">
        <v>0</v>
      </c>
      <c r="BC1009" s="166">
        <v>0</v>
      </c>
      <c r="BD1009" s="166">
        <v>0</v>
      </c>
      <c r="BE1009" s="166">
        <v>0</v>
      </c>
      <c r="BF1009" s="166">
        <v>0</v>
      </c>
      <c r="BG1009" s="166">
        <v>0</v>
      </c>
      <c r="BH1009" s="166">
        <v>0</v>
      </c>
      <c r="BI1009" s="166">
        <v>0</v>
      </c>
      <c r="BJ1009" s="166">
        <v>0</v>
      </c>
      <c r="BK1009" s="166">
        <v>0</v>
      </c>
      <c r="BL1009" s="166">
        <v>0</v>
      </c>
      <c r="BM1009" s="166">
        <v>0</v>
      </c>
      <c r="BN1009" s="166">
        <v>0</v>
      </c>
      <c r="BO1009" s="166">
        <v>0</v>
      </c>
      <c r="BP1009" s="166">
        <v>0</v>
      </c>
      <c r="BQ1009" s="166">
        <v>0</v>
      </c>
      <c r="BR1009" s="166">
        <v>0</v>
      </c>
      <c r="BS1009" s="166">
        <v>0</v>
      </c>
      <c r="BT1009" s="168">
        <v>0</v>
      </c>
      <c r="BU1009" s="166">
        <v>0</v>
      </c>
      <c r="BV1009" s="166">
        <v>0</v>
      </c>
      <c r="BW1009" s="166">
        <v>0</v>
      </c>
      <c r="BX1009" s="166">
        <v>0</v>
      </c>
      <c r="BY1009" s="166">
        <v>0</v>
      </c>
      <c r="BZ1009" s="166">
        <v>0</v>
      </c>
      <c r="CA1009" s="166">
        <v>0</v>
      </c>
      <c r="CB1009" s="166">
        <v>0</v>
      </c>
      <c r="CC1009" s="166">
        <v>0</v>
      </c>
      <c r="CD1009" s="166">
        <v>0</v>
      </c>
      <c r="CE1009" s="166">
        <v>0</v>
      </c>
      <c r="CF1009" s="166">
        <v>0</v>
      </c>
      <c r="CG1009" s="166">
        <v>0</v>
      </c>
      <c r="CH1009" s="166">
        <v>0</v>
      </c>
      <c r="CI1009" s="166">
        <v>0</v>
      </c>
      <c r="CJ1009" s="166">
        <v>0</v>
      </c>
      <c r="CK1009" s="166">
        <v>0</v>
      </c>
      <c r="CL1009" s="166">
        <v>0</v>
      </c>
      <c r="CM1009" s="166">
        <v>0</v>
      </c>
      <c r="CN1009" s="166">
        <v>0</v>
      </c>
      <c r="CO1009" s="166">
        <v>0</v>
      </c>
      <c r="CP1009" s="166">
        <v>0</v>
      </c>
      <c r="CQ1009" s="166">
        <v>0</v>
      </c>
      <c r="CR1009" s="166">
        <v>0</v>
      </c>
      <c r="CS1009" s="166">
        <v>0</v>
      </c>
      <c r="CT1009" s="166">
        <v>0</v>
      </c>
      <c r="CU1009" s="166">
        <v>0</v>
      </c>
      <c r="CV1009" s="166">
        <v>0</v>
      </c>
      <c r="CW1009" s="166">
        <v>0</v>
      </c>
      <c r="CX1009" s="166">
        <v>0</v>
      </c>
      <c r="CY1009" s="166">
        <v>0</v>
      </c>
      <c r="CZ1009" s="166">
        <v>0</v>
      </c>
    </row>
    <row r="1010" spans="1:104" x14ac:dyDescent="0.2">
      <c r="A1010" s="167" t="s">
        <v>538</v>
      </c>
      <c r="B1010" s="166">
        <v>3.6379788070917101E-9</v>
      </c>
      <c r="C1010" s="166">
        <v>3.6379788070917101E-9</v>
      </c>
      <c r="D1010" s="166">
        <v>0</v>
      </c>
      <c r="E1010" s="166">
        <v>0</v>
      </c>
      <c r="F1010" s="166">
        <v>0</v>
      </c>
      <c r="G1010" s="166">
        <v>0</v>
      </c>
      <c r="H1010" s="166">
        <v>0</v>
      </c>
      <c r="I1010" s="166">
        <v>0</v>
      </c>
      <c r="J1010" s="166">
        <v>0</v>
      </c>
      <c r="K1010" s="166">
        <v>0</v>
      </c>
      <c r="L1010" s="166">
        <v>0</v>
      </c>
      <c r="M1010" s="166">
        <v>0</v>
      </c>
      <c r="N1010" s="166">
        <v>0</v>
      </c>
      <c r="O1010" s="166">
        <v>0</v>
      </c>
      <c r="P1010" s="166">
        <v>0</v>
      </c>
      <c r="Q1010" s="166">
        <v>0</v>
      </c>
      <c r="R1010" s="166">
        <v>0</v>
      </c>
      <c r="S1010" s="166">
        <v>0</v>
      </c>
      <c r="T1010" s="166">
        <v>0</v>
      </c>
      <c r="U1010" s="166">
        <v>0</v>
      </c>
      <c r="V1010" s="166">
        <v>0</v>
      </c>
      <c r="W1010" s="166">
        <v>0</v>
      </c>
      <c r="X1010" s="166">
        <v>0</v>
      </c>
      <c r="Y1010" s="166">
        <v>0</v>
      </c>
      <c r="Z1010" s="166">
        <v>0</v>
      </c>
      <c r="AA1010" s="166">
        <v>0</v>
      </c>
      <c r="AB1010" s="166">
        <v>0</v>
      </c>
      <c r="AC1010" s="166">
        <v>0</v>
      </c>
      <c r="AD1010" s="166">
        <v>0</v>
      </c>
      <c r="AE1010" s="166">
        <v>0</v>
      </c>
      <c r="AF1010" s="166">
        <v>0</v>
      </c>
      <c r="AG1010" s="166">
        <v>0</v>
      </c>
      <c r="AH1010" s="166">
        <v>0</v>
      </c>
      <c r="AI1010" s="166">
        <v>0</v>
      </c>
      <c r="AJ1010" s="166">
        <v>0</v>
      </c>
      <c r="AK1010" s="166">
        <v>0</v>
      </c>
      <c r="AL1010" s="166">
        <v>0</v>
      </c>
      <c r="AM1010" s="166">
        <v>0</v>
      </c>
      <c r="AN1010" s="166">
        <v>0</v>
      </c>
      <c r="AO1010" s="166">
        <v>0</v>
      </c>
      <c r="AP1010" s="166">
        <v>0</v>
      </c>
      <c r="AQ1010" s="166">
        <v>0</v>
      </c>
      <c r="AR1010" s="166">
        <v>0</v>
      </c>
      <c r="AS1010" s="166">
        <v>0</v>
      </c>
      <c r="AT1010" s="166">
        <v>0</v>
      </c>
      <c r="AU1010" s="166">
        <v>0</v>
      </c>
      <c r="AV1010" s="166">
        <v>0</v>
      </c>
      <c r="AW1010" s="166">
        <v>0</v>
      </c>
      <c r="AX1010" s="166">
        <v>0</v>
      </c>
      <c r="AY1010" s="166">
        <v>0</v>
      </c>
      <c r="AZ1010" s="166">
        <v>0</v>
      </c>
      <c r="BA1010" s="166">
        <v>0</v>
      </c>
      <c r="BB1010" s="166">
        <v>0</v>
      </c>
      <c r="BC1010" s="166">
        <v>0</v>
      </c>
      <c r="BD1010" s="166">
        <v>0</v>
      </c>
      <c r="BE1010" s="166">
        <v>0</v>
      </c>
      <c r="BF1010" s="166">
        <v>0</v>
      </c>
      <c r="BG1010" s="166">
        <v>0</v>
      </c>
      <c r="BH1010" s="166">
        <v>0</v>
      </c>
      <c r="BI1010" s="166">
        <v>0</v>
      </c>
      <c r="BJ1010" s="166">
        <v>0</v>
      </c>
      <c r="BK1010" s="166">
        <v>0</v>
      </c>
      <c r="BL1010" s="166">
        <v>0</v>
      </c>
      <c r="BM1010" s="166">
        <v>0</v>
      </c>
      <c r="BN1010" s="166">
        <v>0</v>
      </c>
      <c r="BO1010" s="166">
        <v>0</v>
      </c>
      <c r="BP1010" s="166">
        <v>0</v>
      </c>
      <c r="BQ1010" s="166">
        <v>0</v>
      </c>
      <c r="BR1010" s="166">
        <v>3.6379788070917101E-9</v>
      </c>
      <c r="BS1010" s="166">
        <v>3.6379788070917101E-9</v>
      </c>
      <c r="BT1010" s="168">
        <v>0</v>
      </c>
      <c r="BU1010" s="166">
        <v>0</v>
      </c>
      <c r="BV1010" s="166">
        <v>0</v>
      </c>
      <c r="BW1010" s="166">
        <v>0</v>
      </c>
      <c r="BX1010" s="166">
        <v>0</v>
      </c>
      <c r="BY1010" s="166">
        <v>0</v>
      </c>
      <c r="BZ1010" s="166">
        <v>0</v>
      </c>
      <c r="CA1010" s="166">
        <v>0</v>
      </c>
      <c r="CB1010" s="166">
        <v>0</v>
      </c>
      <c r="CC1010" s="166">
        <v>0</v>
      </c>
      <c r="CD1010" s="166">
        <v>0</v>
      </c>
      <c r="CE1010" s="166">
        <v>0</v>
      </c>
      <c r="CF1010" s="166">
        <v>0</v>
      </c>
      <c r="CG1010" s="166">
        <v>0</v>
      </c>
      <c r="CH1010" s="166">
        <v>0</v>
      </c>
      <c r="CI1010" s="166">
        <v>0</v>
      </c>
      <c r="CJ1010" s="166">
        <v>0</v>
      </c>
      <c r="CK1010" s="166">
        <v>0</v>
      </c>
      <c r="CL1010" s="166">
        <v>0</v>
      </c>
      <c r="CM1010" s="166">
        <v>0</v>
      </c>
      <c r="CN1010" s="166">
        <v>0</v>
      </c>
      <c r="CO1010" s="166">
        <v>0</v>
      </c>
      <c r="CP1010" s="166">
        <v>0</v>
      </c>
      <c r="CQ1010" s="166">
        <v>0</v>
      </c>
      <c r="CR1010" s="166">
        <v>0</v>
      </c>
      <c r="CS1010" s="166">
        <v>0</v>
      </c>
      <c r="CT1010" s="166">
        <v>0</v>
      </c>
      <c r="CU1010" s="166">
        <v>0</v>
      </c>
      <c r="CV1010" s="166">
        <v>0</v>
      </c>
      <c r="CW1010" s="166">
        <v>0</v>
      </c>
      <c r="CX1010" s="166">
        <v>0</v>
      </c>
      <c r="CY1010" s="166">
        <v>0</v>
      </c>
      <c r="CZ1010" s="166">
        <v>0</v>
      </c>
    </row>
    <row r="1011" spans="1:104" x14ac:dyDescent="0.2">
      <c r="A1011" s="167" t="s">
        <v>539</v>
      </c>
      <c r="B1011" s="166">
        <v>1.8189894035458501E-9</v>
      </c>
      <c r="C1011" s="166">
        <v>1.8189894035458501E-9</v>
      </c>
      <c r="D1011" s="166">
        <v>0</v>
      </c>
      <c r="E1011" s="166">
        <v>0</v>
      </c>
      <c r="F1011" s="166">
        <v>0</v>
      </c>
      <c r="G1011" s="166">
        <v>0</v>
      </c>
      <c r="H1011" s="166">
        <v>0</v>
      </c>
      <c r="I1011" s="166">
        <v>0</v>
      </c>
      <c r="J1011" s="166">
        <v>0</v>
      </c>
      <c r="K1011" s="166">
        <v>0</v>
      </c>
      <c r="L1011" s="166">
        <v>0</v>
      </c>
      <c r="M1011" s="166">
        <v>0</v>
      </c>
      <c r="N1011" s="166">
        <v>0</v>
      </c>
      <c r="O1011" s="166">
        <v>0</v>
      </c>
      <c r="P1011" s="166">
        <v>0</v>
      </c>
      <c r="Q1011" s="166">
        <v>0</v>
      </c>
      <c r="R1011" s="166">
        <v>0</v>
      </c>
      <c r="S1011" s="166">
        <v>0</v>
      </c>
      <c r="T1011" s="166">
        <v>0</v>
      </c>
      <c r="U1011" s="166">
        <v>0</v>
      </c>
      <c r="V1011" s="166">
        <v>0</v>
      </c>
      <c r="W1011" s="166">
        <v>0</v>
      </c>
      <c r="X1011" s="166">
        <v>0</v>
      </c>
      <c r="Y1011" s="166">
        <v>0</v>
      </c>
      <c r="Z1011" s="166">
        <v>0</v>
      </c>
      <c r="AA1011" s="166">
        <v>0</v>
      </c>
      <c r="AB1011" s="166">
        <v>0</v>
      </c>
      <c r="AC1011" s="166">
        <v>0</v>
      </c>
      <c r="AD1011" s="166">
        <v>0</v>
      </c>
      <c r="AE1011" s="166">
        <v>0</v>
      </c>
      <c r="AF1011" s="166">
        <v>0</v>
      </c>
      <c r="AG1011" s="166">
        <v>0</v>
      </c>
      <c r="AH1011" s="166">
        <v>0</v>
      </c>
      <c r="AI1011" s="166">
        <v>0</v>
      </c>
      <c r="AJ1011" s="166">
        <v>0</v>
      </c>
      <c r="AK1011" s="166">
        <v>0</v>
      </c>
      <c r="AL1011" s="166">
        <v>0</v>
      </c>
      <c r="AM1011" s="166">
        <v>0</v>
      </c>
      <c r="AN1011" s="166">
        <v>0</v>
      </c>
      <c r="AO1011" s="166">
        <v>0</v>
      </c>
      <c r="AP1011" s="166">
        <v>0</v>
      </c>
      <c r="AQ1011" s="166">
        <v>0</v>
      </c>
      <c r="AR1011" s="166">
        <v>0</v>
      </c>
      <c r="AS1011" s="166">
        <v>0</v>
      </c>
      <c r="AT1011" s="166">
        <v>0</v>
      </c>
      <c r="AU1011" s="166">
        <v>0</v>
      </c>
      <c r="AV1011" s="166">
        <v>0</v>
      </c>
      <c r="AW1011" s="166">
        <v>0</v>
      </c>
      <c r="AX1011" s="166">
        <v>0</v>
      </c>
      <c r="AY1011" s="166">
        <v>0</v>
      </c>
      <c r="AZ1011" s="166">
        <v>0</v>
      </c>
      <c r="BA1011" s="166">
        <v>0</v>
      </c>
      <c r="BB1011" s="166">
        <v>0</v>
      </c>
      <c r="BC1011" s="166">
        <v>0</v>
      </c>
      <c r="BD1011" s="166">
        <v>0</v>
      </c>
      <c r="BE1011" s="166">
        <v>0</v>
      </c>
      <c r="BF1011" s="166">
        <v>0</v>
      </c>
      <c r="BG1011" s="166">
        <v>0</v>
      </c>
      <c r="BH1011" s="166">
        <v>0</v>
      </c>
      <c r="BI1011" s="166">
        <v>0</v>
      </c>
      <c r="BJ1011" s="166">
        <v>0</v>
      </c>
      <c r="BK1011" s="166">
        <v>0</v>
      </c>
      <c r="BL1011" s="166">
        <v>0</v>
      </c>
      <c r="BM1011" s="166">
        <v>0</v>
      </c>
      <c r="BN1011" s="166">
        <v>0</v>
      </c>
      <c r="BO1011" s="166">
        <v>0</v>
      </c>
      <c r="BP1011" s="166">
        <v>0</v>
      </c>
      <c r="BQ1011" s="166">
        <v>0</v>
      </c>
      <c r="BR1011" s="166">
        <v>1.8189894035458501E-9</v>
      </c>
      <c r="BS1011" s="166">
        <v>1.8189894035458501E-9</v>
      </c>
      <c r="BT1011" s="168">
        <v>0</v>
      </c>
      <c r="BU1011" s="166">
        <v>0</v>
      </c>
      <c r="BV1011" s="166">
        <v>0</v>
      </c>
      <c r="BW1011" s="166">
        <v>0</v>
      </c>
      <c r="BX1011" s="166">
        <v>0</v>
      </c>
      <c r="BY1011" s="166">
        <v>0</v>
      </c>
      <c r="BZ1011" s="166">
        <v>0</v>
      </c>
      <c r="CA1011" s="166">
        <v>0</v>
      </c>
      <c r="CB1011" s="166">
        <v>0</v>
      </c>
      <c r="CC1011" s="166">
        <v>0</v>
      </c>
      <c r="CD1011" s="166">
        <v>0</v>
      </c>
      <c r="CE1011" s="166">
        <v>0</v>
      </c>
      <c r="CF1011" s="166">
        <v>0</v>
      </c>
      <c r="CG1011" s="166">
        <v>0</v>
      </c>
      <c r="CH1011" s="166">
        <v>0</v>
      </c>
      <c r="CI1011" s="166">
        <v>0</v>
      </c>
      <c r="CJ1011" s="166">
        <v>0</v>
      </c>
      <c r="CK1011" s="166">
        <v>0</v>
      </c>
      <c r="CL1011" s="166">
        <v>0</v>
      </c>
      <c r="CM1011" s="166">
        <v>0</v>
      </c>
      <c r="CN1011" s="166">
        <v>0</v>
      </c>
      <c r="CO1011" s="166">
        <v>0</v>
      </c>
      <c r="CP1011" s="166">
        <v>0</v>
      </c>
      <c r="CQ1011" s="166">
        <v>0</v>
      </c>
      <c r="CR1011" s="166">
        <v>0</v>
      </c>
      <c r="CS1011" s="166">
        <v>0</v>
      </c>
      <c r="CT1011" s="166">
        <v>0</v>
      </c>
      <c r="CU1011" s="166">
        <v>0</v>
      </c>
      <c r="CV1011" s="166">
        <v>0</v>
      </c>
      <c r="CW1011" s="166">
        <v>0</v>
      </c>
      <c r="CX1011" s="166">
        <v>0</v>
      </c>
      <c r="CY1011" s="166">
        <v>0</v>
      </c>
      <c r="CZ1011" s="166">
        <v>0</v>
      </c>
    </row>
    <row r="1012" spans="1:104" x14ac:dyDescent="0.2">
      <c r="A1012" s="167" t="s">
        <v>540</v>
      </c>
      <c r="B1012" s="166">
        <v>-1.4551915228366801E-8</v>
      </c>
      <c r="C1012" s="166">
        <v>-1.4551915228366801E-8</v>
      </c>
      <c r="D1012" s="166">
        <v>0</v>
      </c>
      <c r="E1012" s="166">
        <v>0</v>
      </c>
      <c r="F1012" s="166">
        <v>0</v>
      </c>
      <c r="G1012" s="166">
        <v>0</v>
      </c>
      <c r="H1012" s="166">
        <v>0</v>
      </c>
      <c r="I1012" s="166">
        <v>0</v>
      </c>
      <c r="J1012" s="166">
        <v>0</v>
      </c>
      <c r="K1012" s="166">
        <v>0</v>
      </c>
      <c r="L1012" s="166">
        <v>0</v>
      </c>
      <c r="M1012" s="166">
        <v>0</v>
      </c>
      <c r="N1012" s="166">
        <v>0</v>
      </c>
      <c r="O1012" s="166">
        <v>0</v>
      </c>
      <c r="P1012" s="166">
        <v>0</v>
      </c>
      <c r="Q1012" s="166">
        <v>0</v>
      </c>
      <c r="R1012" s="166">
        <v>0</v>
      </c>
      <c r="S1012" s="166">
        <v>0</v>
      </c>
      <c r="T1012" s="166">
        <v>0</v>
      </c>
      <c r="U1012" s="166">
        <v>0</v>
      </c>
      <c r="V1012" s="166">
        <v>0</v>
      </c>
      <c r="W1012" s="166">
        <v>0</v>
      </c>
      <c r="X1012" s="166">
        <v>0</v>
      </c>
      <c r="Y1012" s="166">
        <v>0</v>
      </c>
      <c r="Z1012" s="166">
        <v>0</v>
      </c>
      <c r="AA1012" s="166">
        <v>0</v>
      </c>
      <c r="AB1012" s="166">
        <v>0</v>
      </c>
      <c r="AC1012" s="166">
        <v>0</v>
      </c>
      <c r="AD1012" s="166">
        <v>0</v>
      </c>
      <c r="AE1012" s="166">
        <v>0</v>
      </c>
      <c r="AF1012" s="166">
        <v>0</v>
      </c>
      <c r="AG1012" s="166">
        <v>0</v>
      </c>
      <c r="AH1012" s="166">
        <v>0</v>
      </c>
      <c r="AI1012" s="166">
        <v>0</v>
      </c>
      <c r="AJ1012" s="166">
        <v>0</v>
      </c>
      <c r="AK1012" s="166">
        <v>0</v>
      </c>
      <c r="AL1012" s="166">
        <v>0</v>
      </c>
      <c r="AM1012" s="166">
        <v>0</v>
      </c>
      <c r="AN1012" s="166">
        <v>0</v>
      </c>
      <c r="AO1012" s="166">
        <v>0</v>
      </c>
      <c r="AP1012" s="166">
        <v>0</v>
      </c>
      <c r="AQ1012" s="166">
        <v>0</v>
      </c>
      <c r="AR1012" s="166">
        <v>0</v>
      </c>
      <c r="AS1012" s="166">
        <v>0</v>
      </c>
      <c r="AT1012" s="166">
        <v>0</v>
      </c>
      <c r="AU1012" s="166">
        <v>0</v>
      </c>
      <c r="AV1012" s="166">
        <v>0</v>
      </c>
      <c r="AW1012" s="166">
        <v>0</v>
      </c>
      <c r="AX1012" s="166">
        <v>0</v>
      </c>
      <c r="AY1012" s="166">
        <v>0</v>
      </c>
      <c r="AZ1012" s="166">
        <v>0</v>
      </c>
      <c r="BA1012" s="166">
        <v>0</v>
      </c>
      <c r="BB1012" s="166">
        <v>0</v>
      </c>
      <c r="BC1012" s="166">
        <v>0</v>
      </c>
      <c r="BD1012" s="166">
        <v>0</v>
      </c>
      <c r="BE1012" s="166">
        <v>0</v>
      </c>
      <c r="BF1012" s="166">
        <v>0</v>
      </c>
      <c r="BG1012" s="166">
        <v>0</v>
      </c>
      <c r="BH1012" s="166">
        <v>0</v>
      </c>
      <c r="BI1012" s="166">
        <v>0</v>
      </c>
      <c r="BJ1012" s="166">
        <v>0</v>
      </c>
      <c r="BK1012" s="166">
        <v>0</v>
      </c>
      <c r="BL1012" s="166">
        <v>0</v>
      </c>
      <c r="BM1012" s="166">
        <v>0</v>
      </c>
      <c r="BN1012" s="166">
        <v>0</v>
      </c>
      <c r="BO1012" s="166">
        <v>0</v>
      </c>
      <c r="BP1012" s="166">
        <v>0</v>
      </c>
      <c r="BQ1012" s="166">
        <v>0</v>
      </c>
      <c r="BR1012" s="166">
        <v>-1.4551915228366801E-8</v>
      </c>
      <c r="BS1012" s="166">
        <v>-1.4551915228366801E-8</v>
      </c>
      <c r="BT1012" s="168">
        <v>0</v>
      </c>
      <c r="BU1012" s="166">
        <v>0</v>
      </c>
      <c r="BV1012" s="166">
        <v>0</v>
      </c>
      <c r="BW1012" s="166">
        <v>0</v>
      </c>
      <c r="BX1012" s="166">
        <v>0</v>
      </c>
      <c r="BY1012" s="166">
        <v>0</v>
      </c>
      <c r="BZ1012" s="166">
        <v>0</v>
      </c>
      <c r="CA1012" s="166">
        <v>0</v>
      </c>
      <c r="CB1012" s="166">
        <v>0</v>
      </c>
      <c r="CC1012" s="166">
        <v>0</v>
      </c>
      <c r="CD1012" s="166">
        <v>0</v>
      </c>
      <c r="CE1012" s="166">
        <v>0</v>
      </c>
      <c r="CF1012" s="166">
        <v>0</v>
      </c>
      <c r="CG1012" s="166">
        <v>0</v>
      </c>
      <c r="CH1012" s="166">
        <v>0</v>
      </c>
      <c r="CI1012" s="166">
        <v>0</v>
      </c>
      <c r="CJ1012" s="166">
        <v>0</v>
      </c>
      <c r="CK1012" s="166">
        <v>0</v>
      </c>
      <c r="CL1012" s="166">
        <v>0</v>
      </c>
      <c r="CM1012" s="166">
        <v>0</v>
      </c>
      <c r="CN1012" s="166">
        <v>0</v>
      </c>
      <c r="CO1012" s="166">
        <v>0</v>
      </c>
      <c r="CP1012" s="166">
        <v>0</v>
      </c>
      <c r="CQ1012" s="166">
        <v>0</v>
      </c>
      <c r="CR1012" s="166">
        <v>0</v>
      </c>
      <c r="CS1012" s="166">
        <v>0</v>
      </c>
      <c r="CT1012" s="166">
        <v>0</v>
      </c>
      <c r="CU1012" s="166">
        <v>0</v>
      </c>
      <c r="CV1012" s="166">
        <v>0</v>
      </c>
      <c r="CW1012" s="166">
        <v>0</v>
      </c>
      <c r="CX1012" s="166">
        <v>0</v>
      </c>
      <c r="CY1012" s="166">
        <v>0</v>
      </c>
      <c r="CZ1012" s="166">
        <v>0</v>
      </c>
    </row>
    <row r="1013" spans="1:104" x14ac:dyDescent="0.2">
      <c r="A1013" s="167" t="s">
        <v>541</v>
      </c>
      <c r="B1013" s="166">
        <v>0</v>
      </c>
      <c r="C1013" s="166">
        <v>0</v>
      </c>
      <c r="D1013" s="166">
        <v>0</v>
      </c>
      <c r="E1013" s="166">
        <v>0</v>
      </c>
      <c r="F1013" s="166">
        <v>0</v>
      </c>
      <c r="G1013" s="166">
        <v>0</v>
      </c>
      <c r="H1013" s="166">
        <v>0</v>
      </c>
      <c r="I1013" s="166">
        <v>0</v>
      </c>
      <c r="J1013" s="166">
        <v>0</v>
      </c>
      <c r="K1013" s="166">
        <v>0</v>
      </c>
      <c r="L1013" s="166">
        <v>0</v>
      </c>
      <c r="M1013" s="166">
        <v>0</v>
      </c>
      <c r="N1013" s="166">
        <v>0</v>
      </c>
      <c r="O1013" s="166">
        <v>0</v>
      </c>
      <c r="P1013" s="166">
        <v>0</v>
      </c>
      <c r="Q1013" s="166">
        <v>0</v>
      </c>
      <c r="R1013" s="166">
        <v>0</v>
      </c>
      <c r="S1013" s="166">
        <v>0</v>
      </c>
      <c r="T1013" s="166">
        <v>0</v>
      </c>
      <c r="U1013" s="166">
        <v>0</v>
      </c>
      <c r="V1013" s="166">
        <v>0</v>
      </c>
      <c r="W1013" s="166">
        <v>0</v>
      </c>
      <c r="X1013" s="166">
        <v>0</v>
      </c>
      <c r="Y1013" s="166">
        <v>0</v>
      </c>
      <c r="Z1013" s="166">
        <v>0</v>
      </c>
      <c r="AA1013" s="166">
        <v>0</v>
      </c>
      <c r="AB1013" s="166">
        <v>0</v>
      </c>
      <c r="AC1013" s="166">
        <v>0</v>
      </c>
      <c r="AD1013" s="166">
        <v>0</v>
      </c>
      <c r="AE1013" s="166">
        <v>0</v>
      </c>
      <c r="AF1013" s="166">
        <v>0</v>
      </c>
      <c r="AG1013" s="166">
        <v>0</v>
      </c>
      <c r="AH1013" s="166">
        <v>0</v>
      </c>
      <c r="AI1013" s="166">
        <v>0</v>
      </c>
      <c r="AJ1013" s="166">
        <v>0</v>
      </c>
      <c r="AK1013" s="166">
        <v>0</v>
      </c>
      <c r="AL1013" s="166">
        <v>0</v>
      </c>
      <c r="AM1013" s="166">
        <v>0</v>
      </c>
      <c r="AN1013" s="166">
        <v>0</v>
      </c>
      <c r="AO1013" s="166">
        <v>0</v>
      </c>
      <c r="AP1013" s="166">
        <v>0</v>
      </c>
      <c r="AQ1013" s="166">
        <v>0</v>
      </c>
      <c r="AR1013" s="166">
        <v>0</v>
      </c>
      <c r="AS1013" s="166">
        <v>0</v>
      </c>
      <c r="AT1013" s="166">
        <v>0</v>
      </c>
      <c r="AU1013" s="166">
        <v>0</v>
      </c>
      <c r="AV1013" s="166">
        <v>0</v>
      </c>
      <c r="AW1013" s="166">
        <v>0</v>
      </c>
      <c r="AX1013" s="166">
        <v>0</v>
      </c>
      <c r="AY1013" s="166">
        <v>0</v>
      </c>
      <c r="AZ1013" s="166">
        <v>0</v>
      </c>
      <c r="BA1013" s="166">
        <v>0</v>
      </c>
      <c r="BB1013" s="166">
        <v>0</v>
      </c>
      <c r="BC1013" s="166">
        <v>0</v>
      </c>
      <c r="BD1013" s="166">
        <v>0</v>
      </c>
      <c r="BE1013" s="166">
        <v>0</v>
      </c>
      <c r="BF1013" s="166">
        <v>0</v>
      </c>
      <c r="BG1013" s="166">
        <v>0</v>
      </c>
      <c r="BH1013" s="166">
        <v>0</v>
      </c>
      <c r="BI1013" s="166">
        <v>0</v>
      </c>
      <c r="BJ1013" s="166">
        <v>0</v>
      </c>
      <c r="BK1013" s="166">
        <v>0</v>
      </c>
      <c r="BL1013" s="166">
        <v>0</v>
      </c>
      <c r="BM1013" s="166">
        <v>0</v>
      </c>
      <c r="BN1013" s="166">
        <v>0</v>
      </c>
      <c r="BO1013" s="166">
        <v>0</v>
      </c>
      <c r="BP1013" s="166">
        <v>0</v>
      </c>
      <c r="BQ1013" s="166">
        <v>0</v>
      </c>
      <c r="BR1013" s="166">
        <v>0</v>
      </c>
      <c r="BS1013" s="166">
        <v>0</v>
      </c>
      <c r="BT1013" s="168">
        <v>0</v>
      </c>
      <c r="BU1013" s="166">
        <v>0</v>
      </c>
      <c r="BV1013" s="166">
        <v>0</v>
      </c>
      <c r="BW1013" s="166">
        <v>0</v>
      </c>
      <c r="BX1013" s="166">
        <v>0</v>
      </c>
      <c r="BY1013" s="166">
        <v>0</v>
      </c>
      <c r="BZ1013" s="166">
        <v>0</v>
      </c>
      <c r="CA1013" s="166">
        <v>0</v>
      </c>
      <c r="CB1013" s="166">
        <v>0</v>
      </c>
      <c r="CC1013" s="166">
        <v>0</v>
      </c>
      <c r="CD1013" s="166">
        <v>0</v>
      </c>
      <c r="CE1013" s="166">
        <v>0</v>
      </c>
      <c r="CF1013" s="166">
        <v>0</v>
      </c>
      <c r="CG1013" s="166">
        <v>0</v>
      </c>
      <c r="CH1013" s="166">
        <v>0</v>
      </c>
      <c r="CI1013" s="166">
        <v>0</v>
      </c>
      <c r="CJ1013" s="166">
        <v>0</v>
      </c>
      <c r="CK1013" s="166">
        <v>0</v>
      </c>
      <c r="CL1013" s="166">
        <v>0</v>
      </c>
      <c r="CM1013" s="166">
        <v>0</v>
      </c>
      <c r="CN1013" s="166">
        <v>0</v>
      </c>
      <c r="CO1013" s="166">
        <v>0</v>
      </c>
      <c r="CP1013" s="166">
        <v>0</v>
      </c>
      <c r="CQ1013" s="166">
        <v>0</v>
      </c>
      <c r="CR1013" s="166">
        <v>0</v>
      </c>
      <c r="CS1013" s="166">
        <v>0</v>
      </c>
      <c r="CT1013" s="166">
        <v>0</v>
      </c>
      <c r="CU1013" s="166">
        <v>0</v>
      </c>
      <c r="CV1013" s="166">
        <v>0</v>
      </c>
      <c r="CW1013" s="166">
        <v>0</v>
      </c>
      <c r="CX1013" s="166">
        <v>0</v>
      </c>
      <c r="CY1013" s="166">
        <v>0</v>
      </c>
      <c r="CZ1013" s="166">
        <v>0</v>
      </c>
    </row>
    <row r="1014" spans="1:104" x14ac:dyDescent="0.2">
      <c r="A1014" s="167" t="s">
        <v>542</v>
      </c>
      <c r="B1014" s="166">
        <v>0</v>
      </c>
      <c r="C1014" s="166">
        <v>0</v>
      </c>
      <c r="D1014" s="166">
        <v>0</v>
      </c>
      <c r="E1014" s="166">
        <v>0</v>
      </c>
      <c r="F1014" s="166">
        <v>0</v>
      </c>
      <c r="G1014" s="166">
        <v>0</v>
      </c>
      <c r="H1014" s="166">
        <v>0</v>
      </c>
      <c r="I1014" s="166">
        <v>0</v>
      </c>
      <c r="J1014" s="166">
        <v>0</v>
      </c>
      <c r="K1014" s="166">
        <v>0</v>
      </c>
      <c r="L1014" s="166">
        <v>0</v>
      </c>
      <c r="M1014" s="166">
        <v>0</v>
      </c>
      <c r="N1014" s="166">
        <v>0</v>
      </c>
      <c r="O1014" s="166">
        <v>0</v>
      </c>
      <c r="P1014" s="166">
        <v>0</v>
      </c>
      <c r="Q1014" s="166">
        <v>0</v>
      </c>
      <c r="R1014" s="166">
        <v>0</v>
      </c>
      <c r="S1014" s="166">
        <v>0</v>
      </c>
      <c r="T1014" s="166">
        <v>0</v>
      </c>
      <c r="U1014" s="166">
        <v>0</v>
      </c>
      <c r="V1014" s="166">
        <v>0</v>
      </c>
      <c r="W1014" s="166">
        <v>0</v>
      </c>
      <c r="X1014" s="166">
        <v>0</v>
      </c>
      <c r="Y1014" s="166">
        <v>0</v>
      </c>
      <c r="Z1014" s="166">
        <v>0</v>
      </c>
      <c r="AA1014" s="166">
        <v>0</v>
      </c>
      <c r="AB1014" s="166">
        <v>0</v>
      </c>
      <c r="AC1014" s="166">
        <v>0</v>
      </c>
      <c r="AD1014" s="166">
        <v>0</v>
      </c>
      <c r="AE1014" s="166">
        <v>0</v>
      </c>
      <c r="AF1014" s="166">
        <v>0</v>
      </c>
      <c r="AG1014" s="166">
        <v>0</v>
      </c>
      <c r="AH1014" s="166">
        <v>0</v>
      </c>
      <c r="AI1014" s="166">
        <v>0</v>
      </c>
      <c r="AJ1014" s="166">
        <v>0</v>
      </c>
      <c r="AK1014" s="166">
        <v>0</v>
      </c>
      <c r="AL1014" s="166">
        <v>0</v>
      </c>
      <c r="AM1014" s="166">
        <v>0</v>
      </c>
      <c r="AN1014" s="166">
        <v>0</v>
      </c>
      <c r="AO1014" s="166">
        <v>0</v>
      </c>
      <c r="AP1014" s="166">
        <v>0</v>
      </c>
      <c r="AQ1014" s="166">
        <v>0</v>
      </c>
      <c r="AR1014" s="166">
        <v>0</v>
      </c>
      <c r="AS1014" s="166">
        <v>0</v>
      </c>
      <c r="AT1014" s="166">
        <v>0</v>
      </c>
      <c r="AU1014" s="166">
        <v>0</v>
      </c>
      <c r="AV1014" s="166">
        <v>0</v>
      </c>
      <c r="AW1014" s="166">
        <v>0</v>
      </c>
      <c r="AX1014" s="166">
        <v>0</v>
      </c>
      <c r="AY1014" s="166">
        <v>0</v>
      </c>
      <c r="AZ1014" s="166">
        <v>0</v>
      </c>
      <c r="BA1014" s="166">
        <v>0</v>
      </c>
      <c r="BB1014" s="166">
        <v>0</v>
      </c>
      <c r="BC1014" s="166">
        <v>0</v>
      </c>
      <c r="BD1014" s="166">
        <v>0</v>
      </c>
      <c r="BE1014" s="166">
        <v>0</v>
      </c>
      <c r="BF1014" s="166">
        <v>0</v>
      </c>
      <c r="BG1014" s="166">
        <v>0</v>
      </c>
      <c r="BH1014" s="166">
        <v>0</v>
      </c>
      <c r="BI1014" s="166">
        <v>0</v>
      </c>
      <c r="BJ1014" s="166">
        <v>0</v>
      </c>
      <c r="BK1014" s="166">
        <v>0</v>
      </c>
      <c r="BL1014" s="166">
        <v>0</v>
      </c>
      <c r="BM1014" s="166">
        <v>0</v>
      </c>
      <c r="BN1014" s="166">
        <v>0</v>
      </c>
      <c r="BO1014" s="166">
        <v>0</v>
      </c>
      <c r="BP1014" s="166">
        <v>0</v>
      </c>
      <c r="BQ1014" s="166">
        <v>0</v>
      </c>
      <c r="BR1014" s="166">
        <v>0</v>
      </c>
      <c r="BS1014" s="166">
        <v>0</v>
      </c>
      <c r="BT1014" s="168">
        <v>0</v>
      </c>
      <c r="BU1014" s="166">
        <v>0</v>
      </c>
      <c r="BV1014" s="166">
        <v>0</v>
      </c>
      <c r="BW1014" s="166">
        <v>0</v>
      </c>
      <c r="BX1014" s="166">
        <v>0</v>
      </c>
      <c r="BY1014" s="166">
        <v>0</v>
      </c>
      <c r="BZ1014" s="166">
        <v>0</v>
      </c>
      <c r="CA1014" s="166">
        <v>0</v>
      </c>
      <c r="CB1014" s="166">
        <v>0</v>
      </c>
      <c r="CC1014" s="166">
        <v>0</v>
      </c>
      <c r="CD1014" s="166">
        <v>0</v>
      </c>
      <c r="CE1014" s="166">
        <v>0</v>
      </c>
      <c r="CF1014" s="166">
        <v>0</v>
      </c>
      <c r="CG1014" s="166">
        <v>0</v>
      </c>
      <c r="CH1014" s="166">
        <v>0</v>
      </c>
      <c r="CI1014" s="166">
        <v>0</v>
      </c>
      <c r="CJ1014" s="166">
        <v>0</v>
      </c>
      <c r="CK1014" s="166">
        <v>0</v>
      </c>
      <c r="CL1014" s="166">
        <v>0</v>
      </c>
      <c r="CM1014" s="166">
        <v>0</v>
      </c>
      <c r="CN1014" s="166">
        <v>0</v>
      </c>
      <c r="CO1014" s="166">
        <v>0</v>
      </c>
      <c r="CP1014" s="166">
        <v>0</v>
      </c>
      <c r="CQ1014" s="166">
        <v>0</v>
      </c>
      <c r="CR1014" s="166">
        <v>0</v>
      </c>
      <c r="CS1014" s="166">
        <v>0</v>
      </c>
      <c r="CT1014" s="166">
        <v>0</v>
      </c>
      <c r="CU1014" s="166">
        <v>0</v>
      </c>
      <c r="CV1014" s="166">
        <v>0</v>
      </c>
      <c r="CW1014" s="166">
        <v>0</v>
      </c>
      <c r="CX1014" s="166">
        <v>0</v>
      </c>
      <c r="CY1014" s="166">
        <v>0</v>
      </c>
      <c r="CZ1014" s="166">
        <v>0</v>
      </c>
    </row>
    <row r="1015" spans="1:104" x14ac:dyDescent="0.2">
      <c r="A1015" s="170" t="s">
        <v>543</v>
      </c>
      <c r="B1015" s="166">
        <v>0</v>
      </c>
      <c r="C1015" s="166">
        <v>0</v>
      </c>
      <c r="D1015" s="166">
        <v>0</v>
      </c>
      <c r="E1015" s="166">
        <v>0</v>
      </c>
      <c r="F1015" s="166">
        <v>0</v>
      </c>
      <c r="G1015" s="166">
        <v>0</v>
      </c>
      <c r="H1015" s="166">
        <v>0</v>
      </c>
      <c r="I1015" s="166">
        <v>0</v>
      </c>
      <c r="J1015" s="166">
        <v>0</v>
      </c>
      <c r="K1015" s="166">
        <v>0</v>
      </c>
      <c r="L1015" s="166">
        <v>0</v>
      </c>
      <c r="M1015" s="166">
        <v>0</v>
      </c>
      <c r="N1015" s="166">
        <v>0</v>
      </c>
      <c r="O1015" s="166">
        <v>0</v>
      </c>
      <c r="P1015" s="166">
        <v>0</v>
      </c>
      <c r="Q1015" s="166">
        <v>0</v>
      </c>
      <c r="R1015" s="166">
        <v>0</v>
      </c>
      <c r="S1015" s="166">
        <v>0</v>
      </c>
      <c r="T1015" s="166">
        <v>0</v>
      </c>
      <c r="U1015" s="166">
        <v>0</v>
      </c>
      <c r="V1015" s="166">
        <v>0</v>
      </c>
      <c r="W1015" s="166">
        <v>0</v>
      </c>
      <c r="X1015" s="166">
        <v>0</v>
      </c>
      <c r="Y1015" s="166">
        <v>0</v>
      </c>
      <c r="Z1015" s="166">
        <v>0</v>
      </c>
      <c r="AA1015" s="166">
        <v>0</v>
      </c>
      <c r="AB1015" s="166">
        <v>0</v>
      </c>
      <c r="AC1015" s="166">
        <v>0</v>
      </c>
      <c r="AD1015" s="166">
        <v>0</v>
      </c>
      <c r="AE1015" s="166">
        <v>0</v>
      </c>
      <c r="AF1015" s="166">
        <v>0</v>
      </c>
      <c r="AG1015" s="166">
        <v>0</v>
      </c>
      <c r="AH1015" s="166">
        <v>0</v>
      </c>
      <c r="AI1015" s="166">
        <v>0</v>
      </c>
      <c r="AJ1015" s="166">
        <v>0</v>
      </c>
      <c r="AK1015" s="166">
        <v>0</v>
      </c>
      <c r="AL1015" s="166">
        <v>0</v>
      </c>
      <c r="AM1015" s="166">
        <v>0</v>
      </c>
      <c r="AN1015" s="166">
        <v>0</v>
      </c>
      <c r="AO1015" s="166">
        <v>0</v>
      </c>
      <c r="AP1015" s="166">
        <v>0</v>
      </c>
      <c r="AQ1015" s="166">
        <v>0</v>
      </c>
      <c r="AR1015" s="166">
        <v>0</v>
      </c>
      <c r="AS1015" s="166">
        <v>0</v>
      </c>
      <c r="AT1015" s="166">
        <v>0</v>
      </c>
      <c r="AU1015" s="166">
        <v>0</v>
      </c>
      <c r="AV1015" s="166">
        <v>0</v>
      </c>
      <c r="AW1015" s="166">
        <v>0</v>
      </c>
      <c r="AX1015" s="166">
        <v>0</v>
      </c>
      <c r="AY1015" s="166">
        <v>0</v>
      </c>
      <c r="AZ1015" s="166">
        <v>0</v>
      </c>
      <c r="BA1015" s="166">
        <v>0</v>
      </c>
      <c r="BB1015" s="166">
        <v>0</v>
      </c>
      <c r="BC1015" s="166">
        <v>0</v>
      </c>
      <c r="BD1015" s="166">
        <v>0</v>
      </c>
      <c r="BE1015" s="166">
        <v>0</v>
      </c>
      <c r="BF1015" s="166">
        <v>0</v>
      </c>
      <c r="BG1015" s="166">
        <v>0</v>
      </c>
      <c r="BH1015" s="166">
        <v>0</v>
      </c>
      <c r="BI1015" s="166">
        <v>0</v>
      </c>
      <c r="BJ1015" s="166">
        <v>0</v>
      </c>
      <c r="BK1015" s="166">
        <v>0</v>
      </c>
      <c r="BL1015" s="166">
        <v>0</v>
      </c>
      <c r="BM1015" s="166">
        <v>0</v>
      </c>
      <c r="BN1015" s="166">
        <v>0</v>
      </c>
      <c r="BO1015" s="166">
        <v>0</v>
      </c>
      <c r="BP1015" s="166">
        <v>0</v>
      </c>
      <c r="BQ1015" s="166">
        <v>0</v>
      </c>
      <c r="BR1015" s="166">
        <v>0</v>
      </c>
      <c r="BS1015" s="166">
        <v>0</v>
      </c>
      <c r="BT1015" s="168">
        <v>0</v>
      </c>
      <c r="BU1015" s="166">
        <v>0</v>
      </c>
      <c r="BV1015" s="166">
        <v>0</v>
      </c>
      <c r="BW1015" s="166">
        <v>0</v>
      </c>
      <c r="BX1015" s="166">
        <v>0</v>
      </c>
      <c r="BY1015" s="166">
        <v>0</v>
      </c>
      <c r="BZ1015" s="166">
        <v>0</v>
      </c>
      <c r="CA1015" s="166">
        <v>0</v>
      </c>
      <c r="CB1015" s="166">
        <v>0</v>
      </c>
      <c r="CC1015" s="166">
        <v>0</v>
      </c>
      <c r="CD1015" s="166">
        <v>0</v>
      </c>
      <c r="CE1015" s="166">
        <v>0</v>
      </c>
      <c r="CF1015" s="166">
        <v>0</v>
      </c>
      <c r="CG1015" s="166">
        <v>0</v>
      </c>
      <c r="CH1015" s="166">
        <v>0</v>
      </c>
      <c r="CI1015" s="166">
        <v>0</v>
      </c>
      <c r="CJ1015" s="166">
        <v>0</v>
      </c>
      <c r="CK1015" s="166">
        <v>0</v>
      </c>
      <c r="CL1015" s="166">
        <v>0</v>
      </c>
      <c r="CM1015" s="166">
        <v>0</v>
      </c>
      <c r="CN1015" s="166">
        <v>0</v>
      </c>
      <c r="CO1015" s="166">
        <v>0</v>
      </c>
      <c r="CP1015" s="166">
        <v>0</v>
      </c>
      <c r="CQ1015" s="166">
        <v>0</v>
      </c>
      <c r="CR1015" s="166">
        <v>0</v>
      </c>
      <c r="CS1015" s="166">
        <v>0</v>
      </c>
      <c r="CT1015" s="166">
        <v>0</v>
      </c>
      <c r="CU1015" s="166">
        <v>0</v>
      </c>
      <c r="CV1015" s="166">
        <v>0</v>
      </c>
      <c r="CW1015" s="166">
        <v>0</v>
      </c>
      <c r="CX1015" s="166">
        <v>0</v>
      </c>
      <c r="CY1015" s="166">
        <v>0</v>
      </c>
      <c r="CZ1015" s="166">
        <v>0</v>
      </c>
    </row>
    <row r="1016" spans="1:104" x14ac:dyDescent="0.2">
      <c r="A1016" s="177" t="s">
        <v>544</v>
      </c>
      <c r="B1016" s="166">
        <v>0</v>
      </c>
      <c r="C1016" s="166">
        <v>0</v>
      </c>
      <c r="D1016" s="166">
        <v>0</v>
      </c>
      <c r="E1016" s="166">
        <v>0</v>
      </c>
      <c r="F1016" s="166">
        <v>0</v>
      </c>
      <c r="G1016" s="166">
        <v>0</v>
      </c>
      <c r="H1016" s="166">
        <v>0</v>
      </c>
      <c r="I1016" s="166">
        <v>0</v>
      </c>
      <c r="J1016" s="166">
        <v>0</v>
      </c>
      <c r="K1016" s="166">
        <v>0</v>
      </c>
      <c r="L1016" s="166">
        <v>0</v>
      </c>
      <c r="M1016" s="166">
        <v>0</v>
      </c>
      <c r="N1016" s="166">
        <v>0</v>
      </c>
      <c r="O1016" s="166">
        <v>0</v>
      </c>
      <c r="P1016" s="166">
        <v>0</v>
      </c>
      <c r="Q1016" s="166">
        <v>0</v>
      </c>
      <c r="R1016" s="166">
        <v>0</v>
      </c>
      <c r="S1016" s="166">
        <v>0</v>
      </c>
      <c r="T1016" s="166">
        <v>0</v>
      </c>
      <c r="U1016" s="166">
        <v>0</v>
      </c>
      <c r="V1016" s="166">
        <v>0</v>
      </c>
      <c r="W1016" s="166">
        <v>0</v>
      </c>
      <c r="X1016" s="166">
        <v>0</v>
      </c>
      <c r="Y1016" s="166">
        <v>0</v>
      </c>
      <c r="Z1016" s="166">
        <v>0</v>
      </c>
      <c r="AA1016" s="166">
        <v>0</v>
      </c>
      <c r="AB1016" s="166">
        <v>0</v>
      </c>
      <c r="AC1016" s="166">
        <v>0</v>
      </c>
      <c r="AD1016" s="166">
        <v>0</v>
      </c>
      <c r="AE1016" s="166">
        <v>0</v>
      </c>
      <c r="AF1016" s="166">
        <v>0</v>
      </c>
      <c r="AG1016" s="166">
        <v>0</v>
      </c>
      <c r="AH1016" s="166">
        <v>0</v>
      </c>
      <c r="AI1016" s="166">
        <v>0</v>
      </c>
      <c r="AJ1016" s="166">
        <v>0</v>
      </c>
      <c r="AK1016" s="166">
        <v>0</v>
      </c>
      <c r="AL1016" s="166">
        <v>0</v>
      </c>
      <c r="AM1016" s="166">
        <v>0</v>
      </c>
      <c r="AN1016" s="166">
        <v>0</v>
      </c>
      <c r="AO1016" s="166">
        <v>0</v>
      </c>
      <c r="AP1016" s="166">
        <v>0</v>
      </c>
      <c r="AQ1016" s="166">
        <v>0</v>
      </c>
      <c r="AR1016" s="166">
        <v>0</v>
      </c>
      <c r="AS1016" s="166">
        <v>0</v>
      </c>
      <c r="AT1016" s="166">
        <v>0</v>
      </c>
      <c r="AU1016" s="166">
        <v>0</v>
      </c>
      <c r="AV1016" s="166">
        <v>0</v>
      </c>
      <c r="AW1016" s="166">
        <v>0</v>
      </c>
      <c r="AX1016" s="166">
        <v>0</v>
      </c>
      <c r="AY1016" s="166">
        <v>0</v>
      </c>
      <c r="AZ1016" s="166">
        <v>0</v>
      </c>
      <c r="BA1016" s="166">
        <v>0</v>
      </c>
      <c r="BB1016" s="166">
        <v>0</v>
      </c>
      <c r="BC1016" s="166">
        <v>0</v>
      </c>
      <c r="BD1016" s="166">
        <v>0</v>
      </c>
      <c r="BE1016" s="166">
        <v>0</v>
      </c>
      <c r="BF1016" s="166">
        <v>0</v>
      </c>
      <c r="BG1016" s="166">
        <v>0</v>
      </c>
      <c r="BH1016" s="166">
        <v>0</v>
      </c>
      <c r="BI1016" s="166">
        <v>0</v>
      </c>
      <c r="BJ1016" s="166">
        <v>0</v>
      </c>
      <c r="BK1016" s="166">
        <v>0</v>
      </c>
      <c r="BL1016" s="166">
        <v>0</v>
      </c>
      <c r="BM1016" s="166">
        <v>0</v>
      </c>
      <c r="BN1016" s="166">
        <v>0</v>
      </c>
      <c r="BO1016" s="166">
        <v>0</v>
      </c>
      <c r="BP1016" s="166">
        <v>0</v>
      </c>
      <c r="BQ1016" s="166">
        <v>0</v>
      </c>
      <c r="BR1016" s="166">
        <v>0</v>
      </c>
      <c r="BS1016" s="166">
        <v>0</v>
      </c>
      <c r="BT1016" s="168">
        <v>0</v>
      </c>
      <c r="BU1016" s="166">
        <v>0</v>
      </c>
      <c r="BV1016" s="166">
        <v>0</v>
      </c>
      <c r="BW1016" s="166">
        <v>0</v>
      </c>
      <c r="BX1016" s="166">
        <v>0</v>
      </c>
      <c r="BY1016" s="166">
        <v>0</v>
      </c>
      <c r="BZ1016" s="166">
        <v>0</v>
      </c>
      <c r="CA1016" s="166">
        <v>0</v>
      </c>
      <c r="CB1016" s="166">
        <v>0</v>
      </c>
      <c r="CC1016" s="166">
        <v>0</v>
      </c>
      <c r="CD1016" s="166">
        <v>0</v>
      </c>
      <c r="CE1016" s="166">
        <v>0</v>
      </c>
      <c r="CF1016" s="166">
        <v>0</v>
      </c>
      <c r="CG1016" s="166">
        <v>0</v>
      </c>
      <c r="CH1016" s="166">
        <v>0</v>
      </c>
      <c r="CI1016" s="166">
        <v>0</v>
      </c>
      <c r="CJ1016" s="166">
        <v>0</v>
      </c>
      <c r="CK1016" s="166">
        <v>0</v>
      </c>
      <c r="CL1016" s="166">
        <v>0</v>
      </c>
      <c r="CM1016" s="166">
        <v>0</v>
      </c>
      <c r="CN1016" s="166">
        <v>0</v>
      </c>
      <c r="CO1016" s="166">
        <v>0</v>
      </c>
      <c r="CP1016" s="166">
        <v>0</v>
      </c>
      <c r="CQ1016" s="166">
        <v>0</v>
      </c>
      <c r="CR1016" s="166">
        <v>0</v>
      </c>
      <c r="CS1016" s="166">
        <v>0</v>
      </c>
      <c r="CT1016" s="166">
        <v>0</v>
      </c>
      <c r="CU1016" s="166">
        <v>0</v>
      </c>
      <c r="CV1016" s="166">
        <v>0</v>
      </c>
      <c r="CW1016" s="166">
        <v>0</v>
      </c>
      <c r="CX1016" s="166">
        <v>0</v>
      </c>
      <c r="CY1016" s="166">
        <v>0</v>
      </c>
      <c r="CZ1016" s="166">
        <v>0</v>
      </c>
    </row>
    <row r="1017" spans="1:104" x14ac:dyDescent="0.2">
      <c r="A1017" s="177" t="s">
        <v>545</v>
      </c>
      <c r="B1017" s="166">
        <v>0</v>
      </c>
      <c r="C1017" s="166">
        <v>0</v>
      </c>
      <c r="D1017" s="166">
        <v>0</v>
      </c>
      <c r="E1017" s="166">
        <v>0</v>
      </c>
      <c r="F1017" s="166">
        <v>0</v>
      </c>
      <c r="G1017" s="166">
        <v>0</v>
      </c>
      <c r="H1017" s="166">
        <v>0</v>
      </c>
      <c r="I1017" s="166">
        <v>0</v>
      </c>
      <c r="J1017" s="166">
        <v>0</v>
      </c>
      <c r="K1017" s="166">
        <v>0</v>
      </c>
      <c r="L1017" s="166">
        <v>0</v>
      </c>
      <c r="M1017" s="166">
        <v>0</v>
      </c>
      <c r="N1017" s="166">
        <v>0</v>
      </c>
      <c r="O1017" s="166">
        <v>0</v>
      </c>
      <c r="P1017" s="166">
        <v>0</v>
      </c>
      <c r="Q1017" s="166">
        <v>0</v>
      </c>
      <c r="R1017" s="166">
        <v>0</v>
      </c>
      <c r="S1017" s="166">
        <v>0</v>
      </c>
      <c r="T1017" s="166">
        <v>0</v>
      </c>
      <c r="U1017" s="166">
        <v>0</v>
      </c>
      <c r="V1017" s="166">
        <v>0</v>
      </c>
      <c r="W1017" s="166">
        <v>0</v>
      </c>
      <c r="X1017" s="166">
        <v>0</v>
      </c>
      <c r="Y1017" s="166">
        <v>0</v>
      </c>
      <c r="Z1017" s="166">
        <v>0</v>
      </c>
      <c r="AA1017" s="166">
        <v>0</v>
      </c>
      <c r="AB1017" s="166">
        <v>0</v>
      </c>
      <c r="AC1017" s="166">
        <v>0</v>
      </c>
      <c r="AD1017" s="166">
        <v>0</v>
      </c>
      <c r="AE1017" s="166">
        <v>0</v>
      </c>
      <c r="AF1017" s="166">
        <v>0</v>
      </c>
      <c r="AG1017" s="166">
        <v>0</v>
      </c>
      <c r="AH1017" s="166">
        <v>0</v>
      </c>
      <c r="AI1017" s="166">
        <v>0</v>
      </c>
      <c r="AJ1017" s="166">
        <v>0</v>
      </c>
      <c r="AK1017" s="166">
        <v>0</v>
      </c>
      <c r="AL1017" s="166">
        <v>0</v>
      </c>
      <c r="AM1017" s="166">
        <v>0</v>
      </c>
      <c r="AN1017" s="166">
        <v>0</v>
      </c>
      <c r="AO1017" s="166">
        <v>0</v>
      </c>
      <c r="AP1017" s="166">
        <v>0</v>
      </c>
      <c r="AQ1017" s="166">
        <v>0</v>
      </c>
      <c r="AR1017" s="166">
        <v>0</v>
      </c>
      <c r="AS1017" s="166">
        <v>0</v>
      </c>
      <c r="AT1017" s="166">
        <v>0</v>
      </c>
      <c r="AU1017" s="166">
        <v>0</v>
      </c>
      <c r="AV1017" s="166">
        <v>0</v>
      </c>
      <c r="AW1017" s="166">
        <v>0</v>
      </c>
      <c r="AX1017" s="166">
        <v>0</v>
      </c>
      <c r="AY1017" s="166">
        <v>0</v>
      </c>
      <c r="AZ1017" s="166">
        <v>0</v>
      </c>
      <c r="BA1017" s="166">
        <v>0</v>
      </c>
      <c r="BB1017" s="166">
        <v>0</v>
      </c>
      <c r="BC1017" s="166">
        <v>0</v>
      </c>
      <c r="BD1017" s="166">
        <v>0</v>
      </c>
      <c r="BE1017" s="166">
        <v>0</v>
      </c>
      <c r="BF1017" s="166">
        <v>0</v>
      </c>
      <c r="BG1017" s="166">
        <v>0</v>
      </c>
      <c r="BH1017" s="166">
        <v>0</v>
      </c>
      <c r="BI1017" s="166">
        <v>0</v>
      </c>
      <c r="BJ1017" s="166">
        <v>0</v>
      </c>
      <c r="BK1017" s="166">
        <v>0</v>
      </c>
      <c r="BL1017" s="166">
        <v>0</v>
      </c>
      <c r="BM1017" s="166">
        <v>0</v>
      </c>
      <c r="BN1017" s="166">
        <v>0</v>
      </c>
      <c r="BO1017" s="166">
        <v>0</v>
      </c>
      <c r="BP1017" s="166">
        <v>0</v>
      </c>
      <c r="BQ1017" s="166">
        <v>0</v>
      </c>
      <c r="BR1017" s="166">
        <v>0</v>
      </c>
      <c r="BS1017" s="166">
        <v>0</v>
      </c>
      <c r="BT1017" s="168">
        <v>0</v>
      </c>
      <c r="BU1017" s="166">
        <v>0</v>
      </c>
      <c r="BV1017" s="166">
        <v>0</v>
      </c>
      <c r="BW1017" s="166">
        <v>0</v>
      </c>
      <c r="BX1017" s="166">
        <v>0</v>
      </c>
      <c r="BY1017" s="166">
        <v>0</v>
      </c>
      <c r="BZ1017" s="166">
        <v>0</v>
      </c>
      <c r="CA1017" s="166">
        <v>0</v>
      </c>
      <c r="CB1017" s="166">
        <v>0</v>
      </c>
      <c r="CC1017" s="166">
        <v>0</v>
      </c>
      <c r="CD1017" s="166">
        <v>0</v>
      </c>
      <c r="CE1017" s="166">
        <v>0</v>
      </c>
      <c r="CF1017" s="166">
        <v>0</v>
      </c>
      <c r="CG1017" s="166">
        <v>0</v>
      </c>
      <c r="CH1017" s="166">
        <v>0</v>
      </c>
      <c r="CI1017" s="166">
        <v>0</v>
      </c>
      <c r="CJ1017" s="166">
        <v>0</v>
      </c>
      <c r="CK1017" s="166">
        <v>0</v>
      </c>
      <c r="CL1017" s="166">
        <v>0</v>
      </c>
      <c r="CM1017" s="166">
        <v>0</v>
      </c>
      <c r="CN1017" s="166">
        <v>0</v>
      </c>
      <c r="CO1017" s="166">
        <v>0</v>
      </c>
      <c r="CP1017" s="166">
        <v>0</v>
      </c>
      <c r="CQ1017" s="166">
        <v>0</v>
      </c>
      <c r="CR1017" s="166">
        <v>0</v>
      </c>
      <c r="CS1017" s="166">
        <v>0</v>
      </c>
      <c r="CT1017" s="166">
        <v>0</v>
      </c>
      <c r="CU1017" s="166">
        <v>0</v>
      </c>
      <c r="CV1017" s="166">
        <v>0</v>
      </c>
      <c r="CW1017" s="166">
        <v>0</v>
      </c>
      <c r="CX1017" s="166">
        <v>0</v>
      </c>
      <c r="CY1017" s="166">
        <v>0</v>
      </c>
      <c r="CZ1017" s="166">
        <v>0</v>
      </c>
    </row>
    <row r="1018" spans="1:104" x14ac:dyDescent="0.2">
      <c r="A1018" s="167" t="s">
        <v>546</v>
      </c>
      <c r="B1018" s="166">
        <v>0</v>
      </c>
      <c r="C1018" s="166">
        <v>0</v>
      </c>
      <c r="D1018" s="166">
        <v>0</v>
      </c>
      <c r="E1018" s="166">
        <v>0</v>
      </c>
      <c r="F1018" s="166">
        <v>0</v>
      </c>
      <c r="G1018" s="166">
        <v>0</v>
      </c>
      <c r="H1018" s="166">
        <v>0</v>
      </c>
      <c r="I1018" s="166">
        <v>0</v>
      </c>
      <c r="J1018" s="166">
        <v>0</v>
      </c>
      <c r="K1018" s="166">
        <v>0</v>
      </c>
      <c r="L1018" s="166">
        <v>0</v>
      </c>
      <c r="M1018" s="166">
        <v>0</v>
      </c>
      <c r="N1018" s="166">
        <v>0</v>
      </c>
      <c r="O1018" s="166">
        <v>0</v>
      </c>
      <c r="P1018" s="166">
        <v>0</v>
      </c>
      <c r="Q1018" s="166">
        <v>0</v>
      </c>
      <c r="R1018" s="166">
        <v>0</v>
      </c>
      <c r="S1018" s="166">
        <v>0</v>
      </c>
      <c r="T1018" s="166">
        <v>0</v>
      </c>
      <c r="U1018" s="166">
        <v>0</v>
      </c>
      <c r="V1018" s="166">
        <v>0</v>
      </c>
      <c r="W1018" s="166">
        <v>0</v>
      </c>
      <c r="X1018" s="166">
        <v>0</v>
      </c>
      <c r="Y1018" s="166">
        <v>0</v>
      </c>
      <c r="Z1018" s="166">
        <v>0</v>
      </c>
      <c r="AA1018" s="166">
        <v>0</v>
      </c>
      <c r="AB1018" s="166">
        <v>0</v>
      </c>
      <c r="AC1018" s="166">
        <v>0</v>
      </c>
      <c r="AD1018" s="166">
        <v>0</v>
      </c>
      <c r="AE1018" s="166">
        <v>0</v>
      </c>
      <c r="AF1018" s="166">
        <v>0</v>
      </c>
      <c r="AG1018" s="166">
        <v>0</v>
      </c>
      <c r="AH1018" s="166">
        <v>0</v>
      </c>
      <c r="AI1018" s="166">
        <v>0</v>
      </c>
      <c r="AJ1018" s="166">
        <v>0</v>
      </c>
      <c r="AK1018" s="166">
        <v>0</v>
      </c>
      <c r="AL1018" s="166">
        <v>0</v>
      </c>
      <c r="AM1018" s="166">
        <v>0</v>
      </c>
      <c r="AN1018" s="166">
        <v>0</v>
      </c>
      <c r="AO1018" s="166">
        <v>0</v>
      </c>
      <c r="AP1018" s="166">
        <v>0</v>
      </c>
      <c r="AQ1018" s="166">
        <v>0</v>
      </c>
      <c r="AR1018" s="166">
        <v>0</v>
      </c>
      <c r="AS1018" s="166">
        <v>0</v>
      </c>
      <c r="AT1018" s="166">
        <v>0</v>
      </c>
      <c r="AU1018" s="166">
        <v>0</v>
      </c>
      <c r="AV1018" s="166">
        <v>0</v>
      </c>
      <c r="AW1018" s="166">
        <v>0</v>
      </c>
      <c r="AX1018" s="166">
        <v>0</v>
      </c>
      <c r="AY1018" s="166">
        <v>0</v>
      </c>
      <c r="AZ1018" s="166">
        <v>0</v>
      </c>
      <c r="BA1018" s="166">
        <v>0</v>
      </c>
      <c r="BB1018" s="166">
        <v>0</v>
      </c>
      <c r="BC1018" s="166">
        <v>0</v>
      </c>
      <c r="BD1018" s="166">
        <v>0</v>
      </c>
      <c r="BE1018" s="166">
        <v>0</v>
      </c>
      <c r="BF1018" s="166">
        <v>0</v>
      </c>
      <c r="BG1018" s="166">
        <v>0</v>
      </c>
      <c r="BH1018" s="166">
        <v>0</v>
      </c>
      <c r="BI1018" s="166">
        <v>0</v>
      </c>
      <c r="BJ1018" s="166">
        <v>0</v>
      </c>
      <c r="BK1018" s="166">
        <v>0</v>
      </c>
      <c r="BL1018" s="166">
        <v>0</v>
      </c>
      <c r="BM1018" s="166">
        <v>0</v>
      </c>
      <c r="BN1018" s="166">
        <v>0</v>
      </c>
      <c r="BO1018" s="166">
        <v>0</v>
      </c>
      <c r="BP1018" s="166">
        <v>0</v>
      </c>
      <c r="BQ1018" s="166">
        <v>0</v>
      </c>
      <c r="BR1018" s="166">
        <v>0</v>
      </c>
      <c r="BS1018" s="166">
        <v>0</v>
      </c>
      <c r="BT1018" s="168">
        <v>0</v>
      </c>
      <c r="BU1018" s="166">
        <v>0</v>
      </c>
      <c r="BV1018" s="166">
        <v>0</v>
      </c>
      <c r="BW1018" s="166">
        <v>0</v>
      </c>
      <c r="BX1018" s="166">
        <v>0</v>
      </c>
      <c r="BY1018" s="166">
        <v>0</v>
      </c>
      <c r="BZ1018" s="166">
        <v>0</v>
      </c>
      <c r="CA1018" s="166">
        <v>0</v>
      </c>
      <c r="CB1018" s="166">
        <v>0</v>
      </c>
      <c r="CC1018" s="166">
        <v>0</v>
      </c>
      <c r="CD1018" s="166">
        <v>0</v>
      </c>
      <c r="CE1018" s="166">
        <v>0</v>
      </c>
      <c r="CF1018" s="166">
        <v>0</v>
      </c>
      <c r="CG1018" s="166">
        <v>0</v>
      </c>
      <c r="CH1018" s="166">
        <v>0</v>
      </c>
      <c r="CI1018" s="166">
        <v>0</v>
      </c>
      <c r="CJ1018" s="166">
        <v>0</v>
      </c>
      <c r="CK1018" s="166">
        <v>0</v>
      </c>
      <c r="CL1018" s="166">
        <v>0</v>
      </c>
      <c r="CM1018" s="166">
        <v>0</v>
      </c>
      <c r="CN1018" s="166">
        <v>0</v>
      </c>
      <c r="CO1018" s="166">
        <v>0</v>
      </c>
      <c r="CP1018" s="166">
        <v>0</v>
      </c>
      <c r="CQ1018" s="166">
        <v>0</v>
      </c>
      <c r="CR1018" s="166">
        <v>0</v>
      </c>
      <c r="CS1018" s="166">
        <v>0</v>
      </c>
      <c r="CT1018" s="166">
        <v>0</v>
      </c>
      <c r="CU1018" s="166">
        <v>0</v>
      </c>
      <c r="CV1018" s="166">
        <v>0</v>
      </c>
      <c r="CW1018" s="166">
        <v>0</v>
      </c>
      <c r="CX1018" s="166">
        <v>0</v>
      </c>
      <c r="CY1018" s="166">
        <v>0</v>
      </c>
      <c r="CZ1018" s="166">
        <v>0</v>
      </c>
    </row>
    <row r="1019" spans="1:104" x14ac:dyDescent="0.2">
      <c r="A1019" s="167" t="s">
        <v>547</v>
      </c>
      <c r="B1019" s="166">
        <v>0</v>
      </c>
      <c r="C1019" s="166">
        <v>0</v>
      </c>
      <c r="D1019" s="166">
        <v>0</v>
      </c>
      <c r="E1019" s="166">
        <v>0</v>
      </c>
      <c r="F1019" s="166">
        <v>0</v>
      </c>
      <c r="G1019" s="166">
        <v>0</v>
      </c>
      <c r="H1019" s="166">
        <v>0</v>
      </c>
      <c r="I1019" s="166">
        <v>0</v>
      </c>
      <c r="J1019" s="166">
        <v>0</v>
      </c>
      <c r="K1019" s="166">
        <v>0</v>
      </c>
      <c r="L1019" s="166">
        <v>0</v>
      </c>
      <c r="M1019" s="166">
        <v>0</v>
      </c>
      <c r="N1019" s="166">
        <v>0</v>
      </c>
      <c r="O1019" s="166">
        <v>0</v>
      </c>
      <c r="P1019" s="166">
        <v>0</v>
      </c>
      <c r="Q1019" s="166">
        <v>0</v>
      </c>
      <c r="R1019" s="166">
        <v>0</v>
      </c>
      <c r="S1019" s="166">
        <v>0</v>
      </c>
      <c r="T1019" s="166">
        <v>0</v>
      </c>
      <c r="U1019" s="166">
        <v>0</v>
      </c>
      <c r="V1019" s="166">
        <v>0</v>
      </c>
      <c r="W1019" s="166">
        <v>0</v>
      </c>
      <c r="X1019" s="166">
        <v>0</v>
      </c>
      <c r="Y1019" s="166">
        <v>0</v>
      </c>
      <c r="Z1019" s="166">
        <v>0</v>
      </c>
      <c r="AA1019" s="166">
        <v>0</v>
      </c>
      <c r="AB1019" s="166">
        <v>0</v>
      </c>
      <c r="AC1019" s="166">
        <v>0</v>
      </c>
      <c r="AD1019" s="166">
        <v>0</v>
      </c>
      <c r="AE1019" s="166">
        <v>0</v>
      </c>
      <c r="AF1019" s="166">
        <v>0</v>
      </c>
      <c r="AG1019" s="166">
        <v>0</v>
      </c>
      <c r="AH1019" s="166">
        <v>0</v>
      </c>
      <c r="AI1019" s="166">
        <v>0</v>
      </c>
      <c r="AJ1019" s="166">
        <v>0</v>
      </c>
      <c r="AK1019" s="166">
        <v>0</v>
      </c>
      <c r="AL1019" s="166">
        <v>0</v>
      </c>
      <c r="AM1019" s="166">
        <v>0</v>
      </c>
      <c r="AN1019" s="166">
        <v>0</v>
      </c>
      <c r="AO1019" s="166">
        <v>0</v>
      </c>
      <c r="AP1019" s="166">
        <v>0</v>
      </c>
      <c r="AQ1019" s="166">
        <v>0</v>
      </c>
      <c r="AR1019" s="166">
        <v>0</v>
      </c>
      <c r="AS1019" s="166">
        <v>0</v>
      </c>
      <c r="AT1019" s="166">
        <v>0</v>
      </c>
      <c r="AU1019" s="166">
        <v>0</v>
      </c>
      <c r="AV1019" s="166">
        <v>0</v>
      </c>
      <c r="AW1019" s="166">
        <v>0</v>
      </c>
      <c r="AX1019" s="166">
        <v>0</v>
      </c>
      <c r="AY1019" s="166">
        <v>0</v>
      </c>
      <c r="AZ1019" s="166">
        <v>0</v>
      </c>
      <c r="BA1019" s="166">
        <v>0</v>
      </c>
      <c r="BB1019" s="166">
        <v>0</v>
      </c>
      <c r="BC1019" s="166">
        <v>0</v>
      </c>
      <c r="BD1019" s="166">
        <v>0</v>
      </c>
      <c r="BE1019" s="166">
        <v>0</v>
      </c>
      <c r="BF1019" s="166">
        <v>0</v>
      </c>
      <c r="BG1019" s="166">
        <v>0</v>
      </c>
      <c r="BH1019" s="166">
        <v>0</v>
      </c>
      <c r="BI1019" s="166">
        <v>0</v>
      </c>
      <c r="BJ1019" s="166">
        <v>0</v>
      </c>
      <c r="BK1019" s="166">
        <v>0</v>
      </c>
      <c r="BL1019" s="166">
        <v>0</v>
      </c>
      <c r="BM1019" s="166">
        <v>0</v>
      </c>
      <c r="BN1019" s="166">
        <v>0</v>
      </c>
      <c r="BO1019" s="166">
        <v>0</v>
      </c>
      <c r="BP1019" s="166">
        <v>0</v>
      </c>
      <c r="BQ1019" s="166">
        <v>0</v>
      </c>
      <c r="BR1019" s="166">
        <v>0</v>
      </c>
      <c r="BS1019" s="166">
        <v>0</v>
      </c>
      <c r="BT1019" s="168">
        <v>0</v>
      </c>
      <c r="BU1019" s="166">
        <v>0</v>
      </c>
      <c r="BV1019" s="166">
        <v>0</v>
      </c>
      <c r="BW1019" s="166">
        <v>0</v>
      </c>
      <c r="BX1019" s="166">
        <v>0</v>
      </c>
      <c r="BY1019" s="166">
        <v>0</v>
      </c>
      <c r="BZ1019" s="166">
        <v>0</v>
      </c>
      <c r="CA1019" s="166">
        <v>0</v>
      </c>
      <c r="CB1019" s="166">
        <v>0</v>
      </c>
      <c r="CC1019" s="166">
        <v>0</v>
      </c>
      <c r="CD1019" s="166">
        <v>0</v>
      </c>
      <c r="CE1019" s="166">
        <v>0</v>
      </c>
      <c r="CF1019" s="166">
        <v>0</v>
      </c>
      <c r="CG1019" s="166">
        <v>0</v>
      </c>
      <c r="CH1019" s="166">
        <v>0</v>
      </c>
      <c r="CI1019" s="166">
        <v>0</v>
      </c>
      <c r="CJ1019" s="166">
        <v>0</v>
      </c>
      <c r="CK1019" s="166">
        <v>0</v>
      </c>
      <c r="CL1019" s="166">
        <v>0</v>
      </c>
      <c r="CM1019" s="166">
        <v>0</v>
      </c>
      <c r="CN1019" s="166">
        <v>0</v>
      </c>
      <c r="CO1019" s="166">
        <v>0</v>
      </c>
      <c r="CP1019" s="166">
        <v>0</v>
      </c>
      <c r="CQ1019" s="166">
        <v>0</v>
      </c>
      <c r="CR1019" s="166">
        <v>0</v>
      </c>
      <c r="CS1019" s="166">
        <v>0</v>
      </c>
      <c r="CT1019" s="166">
        <v>0</v>
      </c>
      <c r="CU1019" s="166">
        <v>0</v>
      </c>
      <c r="CV1019" s="166">
        <v>0</v>
      </c>
      <c r="CW1019" s="166">
        <v>0</v>
      </c>
      <c r="CX1019" s="166">
        <v>0</v>
      </c>
      <c r="CY1019" s="166">
        <v>0</v>
      </c>
      <c r="CZ1019" s="166">
        <v>0</v>
      </c>
    </row>
    <row r="1020" spans="1:104" x14ac:dyDescent="0.2">
      <c r="A1020" s="167" t="s">
        <v>548</v>
      </c>
      <c r="B1020" s="166">
        <v>0</v>
      </c>
      <c r="C1020" s="166">
        <v>0</v>
      </c>
      <c r="D1020" s="166">
        <v>0</v>
      </c>
      <c r="E1020" s="166">
        <v>0</v>
      </c>
      <c r="F1020" s="166">
        <v>0</v>
      </c>
      <c r="G1020" s="166">
        <v>0</v>
      </c>
      <c r="H1020" s="166">
        <v>0</v>
      </c>
      <c r="I1020" s="166">
        <v>0</v>
      </c>
      <c r="J1020" s="166">
        <v>0</v>
      </c>
      <c r="K1020" s="166">
        <v>0</v>
      </c>
      <c r="L1020" s="166">
        <v>0</v>
      </c>
      <c r="M1020" s="166">
        <v>0</v>
      </c>
      <c r="N1020" s="166">
        <v>0</v>
      </c>
      <c r="O1020" s="166">
        <v>0</v>
      </c>
      <c r="P1020" s="166">
        <v>0</v>
      </c>
      <c r="Q1020" s="166">
        <v>0</v>
      </c>
      <c r="R1020" s="166">
        <v>0</v>
      </c>
      <c r="S1020" s="166">
        <v>0</v>
      </c>
      <c r="T1020" s="166">
        <v>0</v>
      </c>
      <c r="U1020" s="166">
        <v>0</v>
      </c>
      <c r="V1020" s="166">
        <v>0</v>
      </c>
      <c r="W1020" s="166">
        <v>0</v>
      </c>
      <c r="X1020" s="166">
        <v>0</v>
      </c>
      <c r="Y1020" s="166">
        <v>0</v>
      </c>
      <c r="Z1020" s="166">
        <v>0</v>
      </c>
      <c r="AA1020" s="166">
        <v>0</v>
      </c>
      <c r="AB1020" s="166">
        <v>0</v>
      </c>
      <c r="AC1020" s="166">
        <v>0</v>
      </c>
      <c r="AD1020" s="166">
        <v>0</v>
      </c>
      <c r="AE1020" s="166">
        <v>0</v>
      </c>
      <c r="AF1020" s="166">
        <v>0</v>
      </c>
      <c r="AG1020" s="166">
        <v>0</v>
      </c>
      <c r="AH1020" s="166">
        <v>0</v>
      </c>
      <c r="AI1020" s="166">
        <v>0</v>
      </c>
      <c r="AJ1020" s="166">
        <v>0</v>
      </c>
      <c r="AK1020" s="166">
        <v>0</v>
      </c>
      <c r="AL1020" s="166">
        <v>0</v>
      </c>
      <c r="AM1020" s="166">
        <v>0</v>
      </c>
      <c r="AN1020" s="166">
        <v>0</v>
      </c>
      <c r="AO1020" s="166">
        <v>0</v>
      </c>
      <c r="AP1020" s="166">
        <v>0</v>
      </c>
      <c r="AQ1020" s="166">
        <v>0</v>
      </c>
      <c r="AR1020" s="166">
        <v>0</v>
      </c>
      <c r="AS1020" s="166">
        <v>0</v>
      </c>
      <c r="AT1020" s="166">
        <v>0</v>
      </c>
      <c r="AU1020" s="166">
        <v>0</v>
      </c>
      <c r="AV1020" s="166">
        <v>0</v>
      </c>
      <c r="AW1020" s="166">
        <v>0</v>
      </c>
      <c r="AX1020" s="166">
        <v>0</v>
      </c>
      <c r="AY1020" s="166">
        <v>0</v>
      </c>
      <c r="AZ1020" s="166">
        <v>0</v>
      </c>
      <c r="BA1020" s="166">
        <v>0</v>
      </c>
      <c r="BB1020" s="166">
        <v>0</v>
      </c>
      <c r="BC1020" s="166">
        <v>0</v>
      </c>
      <c r="BD1020" s="166">
        <v>0</v>
      </c>
      <c r="BE1020" s="166">
        <v>0</v>
      </c>
      <c r="BF1020" s="166">
        <v>0</v>
      </c>
      <c r="BG1020" s="166">
        <v>0</v>
      </c>
      <c r="BH1020" s="166">
        <v>0</v>
      </c>
      <c r="BI1020" s="166">
        <v>0</v>
      </c>
      <c r="BJ1020" s="166">
        <v>0</v>
      </c>
      <c r="BK1020" s="166">
        <v>0</v>
      </c>
      <c r="BL1020" s="166">
        <v>0</v>
      </c>
      <c r="BM1020" s="166">
        <v>0</v>
      </c>
      <c r="BN1020" s="166">
        <v>0</v>
      </c>
      <c r="BO1020" s="166">
        <v>0</v>
      </c>
      <c r="BP1020" s="166">
        <v>0</v>
      </c>
      <c r="BQ1020" s="166">
        <v>0</v>
      </c>
      <c r="BR1020" s="166">
        <v>0</v>
      </c>
      <c r="BS1020" s="166">
        <v>0</v>
      </c>
      <c r="BT1020" s="168">
        <v>0</v>
      </c>
      <c r="BU1020" s="166">
        <v>0</v>
      </c>
      <c r="BV1020" s="166">
        <v>0</v>
      </c>
      <c r="BW1020" s="166">
        <v>0</v>
      </c>
      <c r="BX1020" s="166">
        <v>0</v>
      </c>
      <c r="BY1020" s="166">
        <v>0</v>
      </c>
      <c r="BZ1020" s="166">
        <v>0</v>
      </c>
      <c r="CA1020" s="166">
        <v>0</v>
      </c>
      <c r="CB1020" s="166">
        <v>0</v>
      </c>
      <c r="CC1020" s="166">
        <v>0</v>
      </c>
      <c r="CD1020" s="166">
        <v>0</v>
      </c>
      <c r="CE1020" s="166">
        <v>0</v>
      </c>
      <c r="CF1020" s="166">
        <v>0</v>
      </c>
      <c r="CG1020" s="166">
        <v>0</v>
      </c>
      <c r="CH1020" s="166">
        <v>0</v>
      </c>
      <c r="CI1020" s="166">
        <v>0</v>
      </c>
      <c r="CJ1020" s="166">
        <v>0</v>
      </c>
      <c r="CK1020" s="166">
        <v>0</v>
      </c>
      <c r="CL1020" s="166">
        <v>0</v>
      </c>
      <c r="CM1020" s="166">
        <v>0</v>
      </c>
      <c r="CN1020" s="166">
        <v>0</v>
      </c>
      <c r="CO1020" s="166">
        <v>0</v>
      </c>
      <c r="CP1020" s="166">
        <v>0</v>
      </c>
      <c r="CQ1020" s="166">
        <v>0</v>
      </c>
      <c r="CR1020" s="166">
        <v>0</v>
      </c>
      <c r="CS1020" s="166">
        <v>0</v>
      </c>
      <c r="CT1020" s="166">
        <v>0</v>
      </c>
      <c r="CU1020" s="166">
        <v>0</v>
      </c>
      <c r="CV1020" s="166">
        <v>0</v>
      </c>
      <c r="CW1020" s="166">
        <v>0</v>
      </c>
      <c r="CX1020" s="166">
        <v>0</v>
      </c>
      <c r="CY1020" s="166">
        <v>0</v>
      </c>
      <c r="CZ1020" s="166">
        <v>0</v>
      </c>
    </row>
    <row r="1021" spans="1:104" x14ac:dyDescent="0.2">
      <c r="A1021" s="167" t="s">
        <v>549</v>
      </c>
      <c r="B1021" s="166">
        <v>0</v>
      </c>
      <c r="C1021" s="166">
        <v>0</v>
      </c>
      <c r="D1021" s="166">
        <v>0</v>
      </c>
      <c r="E1021" s="166">
        <v>0</v>
      </c>
      <c r="F1021" s="166">
        <v>0</v>
      </c>
      <c r="G1021" s="166">
        <v>0</v>
      </c>
      <c r="H1021" s="166">
        <v>0</v>
      </c>
      <c r="I1021" s="166">
        <v>0</v>
      </c>
      <c r="J1021" s="166">
        <v>0</v>
      </c>
      <c r="K1021" s="166">
        <v>0</v>
      </c>
      <c r="L1021" s="166">
        <v>0</v>
      </c>
      <c r="M1021" s="166">
        <v>0</v>
      </c>
      <c r="N1021" s="166">
        <v>0</v>
      </c>
      <c r="O1021" s="166">
        <v>0</v>
      </c>
      <c r="P1021" s="166">
        <v>0</v>
      </c>
      <c r="Q1021" s="166">
        <v>0</v>
      </c>
      <c r="R1021" s="166">
        <v>0</v>
      </c>
      <c r="S1021" s="166">
        <v>0</v>
      </c>
      <c r="T1021" s="166">
        <v>0</v>
      </c>
      <c r="U1021" s="166">
        <v>0</v>
      </c>
      <c r="V1021" s="166">
        <v>0</v>
      </c>
      <c r="W1021" s="166">
        <v>0</v>
      </c>
      <c r="X1021" s="166">
        <v>0</v>
      </c>
      <c r="Y1021" s="166">
        <v>0</v>
      </c>
      <c r="Z1021" s="166">
        <v>0</v>
      </c>
      <c r="AA1021" s="166">
        <v>0</v>
      </c>
      <c r="AB1021" s="166">
        <v>0</v>
      </c>
      <c r="AC1021" s="166">
        <v>0</v>
      </c>
      <c r="AD1021" s="166">
        <v>0</v>
      </c>
      <c r="AE1021" s="166">
        <v>0</v>
      </c>
      <c r="AF1021" s="166">
        <v>0</v>
      </c>
      <c r="AG1021" s="166">
        <v>0</v>
      </c>
      <c r="AH1021" s="166">
        <v>0</v>
      </c>
      <c r="AI1021" s="166">
        <v>0</v>
      </c>
      <c r="AJ1021" s="166">
        <v>0</v>
      </c>
      <c r="AK1021" s="166">
        <v>0</v>
      </c>
      <c r="AL1021" s="166">
        <v>0</v>
      </c>
      <c r="AM1021" s="166">
        <v>0</v>
      </c>
      <c r="AN1021" s="166">
        <v>0</v>
      </c>
      <c r="AO1021" s="166">
        <v>0</v>
      </c>
      <c r="AP1021" s="166">
        <v>0</v>
      </c>
      <c r="AQ1021" s="166">
        <v>0</v>
      </c>
      <c r="AR1021" s="166">
        <v>0</v>
      </c>
      <c r="AS1021" s="166">
        <v>0</v>
      </c>
      <c r="AT1021" s="166">
        <v>0</v>
      </c>
      <c r="AU1021" s="166">
        <v>0</v>
      </c>
      <c r="AV1021" s="166">
        <v>0</v>
      </c>
      <c r="AW1021" s="166">
        <v>0</v>
      </c>
      <c r="AX1021" s="166">
        <v>0</v>
      </c>
      <c r="AY1021" s="166">
        <v>0</v>
      </c>
      <c r="AZ1021" s="166">
        <v>0</v>
      </c>
      <c r="BA1021" s="166">
        <v>0</v>
      </c>
      <c r="BB1021" s="166">
        <v>0</v>
      </c>
      <c r="BC1021" s="166">
        <v>0</v>
      </c>
      <c r="BD1021" s="166">
        <v>0</v>
      </c>
      <c r="BE1021" s="166">
        <v>0</v>
      </c>
      <c r="BF1021" s="166">
        <v>0</v>
      </c>
      <c r="BG1021" s="166">
        <v>0</v>
      </c>
      <c r="BH1021" s="166">
        <v>0</v>
      </c>
      <c r="BI1021" s="166">
        <v>0</v>
      </c>
      <c r="BJ1021" s="166">
        <v>0</v>
      </c>
      <c r="BK1021" s="166">
        <v>0</v>
      </c>
      <c r="BL1021" s="166">
        <v>0</v>
      </c>
      <c r="BM1021" s="166">
        <v>0</v>
      </c>
      <c r="BN1021" s="166">
        <v>0</v>
      </c>
      <c r="BO1021" s="166">
        <v>0</v>
      </c>
      <c r="BP1021" s="166">
        <v>0</v>
      </c>
      <c r="BQ1021" s="166">
        <v>0</v>
      </c>
      <c r="BR1021" s="166">
        <v>0</v>
      </c>
      <c r="BS1021" s="166">
        <v>0</v>
      </c>
      <c r="BT1021" s="168">
        <v>0</v>
      </c>
      <c r="BU1021" s="166">
        <v>0</v>
      </c>
      <c r="BV1021" s="166">
        <v>0</v>
      </c>
      <c r="BW1021" s="166">
        <v>0</v>
      </c>
      <c r="BX1021" s="166">
        <v>0</v>
      </c>
      <c r="BY1021" s="166">
        <v>0</v>
      </c>
      <c r="BZ1021" s="166">
        <v>0</v>
      </c>
      <c r="CA1021" s="166">
        <v>0</v>
      </c>
      <c r="CB1021" s="166">
        <v>0</v>
      </c>
      <c r="CC1021" s="166">
        <v>0</v>
      </c>
      <c r="CD1021" s="166">
        <v>0</v>
      </c>
      <c r="CE1021" s="166">
        <v>0</v>
      </c>
      <c r="CF1021" s="166">
        <v>0</v>
      </c>
      <c r="CG1021" s="166">
        <v>0</v>
      </c>
      <c r="CH1021" s="166">
        <v>0</v>
      </c>
      <c r="CI1021" s="166">
        <v>0</v>
      </c>
      <c r="CJ1021" s="166">
        <v>0</v>
      </c>
      <c r="CK1021" s="166">
        <v>0</v>
      </c>
      <c r="CL1021" s="166">
        <v>0</v>
      </c>
      <c r="CM1021" s="166">
        <v>0</v>
      </c>
      <c r="CN1021" s="166">
        <v>0</v>
      </c>
      <c r="CO1021" s="166">
        <v>0</v>
      </c>
      <c r="CP1021" s="166">
        <v>0</v>
      </c>
      <c r="CQ1021" s="166">
        <v>0</v>
      </c>
      <c r="CR1021" s="166">
        <v>0</v>
      </c>
      <c r="CS1021" s="166">
        <v>0</v>
      </c>
      <c r="CT1021" s="166">
        <v>0</v>
      </c>
      <c r="CU1021" s="166">
        <v>0</v>
      </c>
      <c r="CV1021" s="166">
        <v>0</v>
      </c>
      <c r="CW1021" s="166">
        <v>0</v>
      </c>
      <c r="CX1021" s="166">
        <v>0</v>
      </c>
      <c r="CY1021" s="166">
        <v>0</v>
      </c>
      <c r="CZ1021" s="166">
        <v>0</v>
      </c>
    </row>
    <row r="1022" spans="1:104" x14ac:dyDescent="0.2">
      <c r="A1022" s="167" t="s">
        <v>550</v>
      </c>
      <c r="B1022" s="166">
        <v>0</v>
      </c>
      <c r="C1022" s="166">
        <v>0</v>
      </c>
      <c r="D1022" s="166">
        <v>0</v>
      </c>
      <c r="E1022" s="166">
        <v>0</v>
      </c>
      <c r="F1022" s="166">
        <v>0</v>
      </c>
      <c r="G1022" s="166">
        <v>0</v>
      </c>
      <c r="H1022" s="166">
        <v>0</v>
      </c>
      <c r="I1022" s="166">
        <v>0</v>
      </c>
      <c r="J1022" s="166">
        <v>0</v>
      </c>
      <c r="K1022" s="166">
        <v>0</v>
      </c>
      <c r="L1022" s="166">
        <v>0</v>
      </c>
      <c r="M1022" s="166">
        <v>0</v>
      </c>
      <c r="N1022" s="166">
        <v>0</v>
      </c>
      <c r="O1022" s="166">
        <v>0</v>
      </c>
      <c r="P1022" s="166">
        <v>0</v>
      </c>
      <c r="Q1022" s="166">
        <v>0</v>
      </c>
      <c r="R1022" s="166">
        <v>0</v>
      </c>
      <c r="S1022" s="166">
        <v>0</v>
      </c>
      <c r="T1022" s="166">
        <v>0</v>
      </c>
      <c r="U1022" s="166">
        <v>0</v>
      </c>
      <c r="V1022" s="166">
        <v>0</v>
      </c>
      <c r="W1022" s="166">
        <v>0</v>
      </c>
      <c r="X1022" s="166">
        <v>0</v>
      </c>
      <c r="Y1022" s="166">
        <v>0</v>
      </c>
      <c r="Z1022" s="166">
        <v>0</v>
      </c>
      <c r="AA1022" s="166">
        <v>0</v>
      </c>
      <c r="AB1022" s="166">
        <v>0</v>
      </c>
      <c r="AC1022" s="166">
        <v>0</v>
      </c>
      <c r="AD1022" s="166">
        <v>0</v>
      </c>
      <c r="AE1022" s="166">
        <v>0</v>
      </c>
      <c r="AF1022" s="166">
        <v>0</v>
      </c>
      <c r="AG1022" s="166">
        <v>0</v>
      </c>
      <c r="AH1022" s="166">
        <v>0</v>
      </c>
      <c r="AI1022" s="166">
        <v>0</v>
      </c>
      <c r="AJ1022" s="166">
        <v>0</v>
      </c>
      <c r="AK1022" s="166">
        <v>0</v>
      </c>
      <c r="AL1022" s="166">
        <v>0</v>
      </c>
      <c r="AM1022" s="166">
        <v>0</v>
      </c>
      <c r="AN1022" s="166">
        <v>0</v>
      </c>
      <c r="AO1022" s="166">
        <v>0</v>
      </c>
      <c r="AP1022" s="166">
        <v>0</v>
      </c>
      <c r="AQ1022" s="166">
        <v>0</v>
      </c>
      <c r="AR1022" s="166">
        <v>0</v>
      </c>
      <c r="AS1022" s="166">
        <v>0</v>
      </c>
      <c r="AT1022" s="166">
        <v>0</v>
      </c>
      <c r="AU1022" s="166">
        <v>0</v>
      </c>
      <c r="AV1022" s="166">
        <v>0</v>
      </c>
      <c r="AW1022" s="166">
        <v>0</v>
      </c>
      <c r="AX1022" s="166">
        <v>0</v>
      </c>
      <c r="AY1022" s="166">
        <v>0</v>
      </c>
      <c r="AZ1022" s="166">
        <v>0</v>
      </c>
      <c r="BA1022" s="166">
        <v>0</v>
      </c>
      <c r="BB1022" s="166">
        <v>0</v>
      </c>
      <c r="BC1022" s="166">
        <v>0</v>
      </c>
      <c r="BD1022" s="166">
        <v>0</v>
      </c>
      <c r="BE1022" s="166">
        <v>0</v>
      </c>
      <c r="BF1022" s="166">
        <v>0</v>
      </c>
      <c r="BG1022" s="166">
        <v>0</v>
      </c>
      <c r="BH1022" s="166">
        <v>0</v>
      </c>
      <c r="BI1022" s="166">
        <v>0</v>
      </c>
      <c r="BJ1022" s="166">
        <v>0</v>
      </c>
      <c r="BK1022" s="166">
        <v>0</v>
      </c>
      <c r="BL1022" s="166">
        <v>0</v>
      </c>
      <c r="BM1022" s="166">
        <v>0</v>
      </c>
      <c r="BN1022" s="166">
        <v>0</v>
      </c>
      <c r="BO1022" s="166">
        <v>0</v>
      </c>
      <c r="BP1022" s="166">
        <v>0</v>
      </c>
      <c r="BQ1022" s="166">
        <v>0</v>
      </c>
      <c r="BR1022" s="166">
        <v>0</v>
      </c>
      <c r="BS1022" s="166">
        <v>0</v>
      </c>
      <c r="BT1022" s="168">
        <v>0</v>
      </c>
      <c r="BU1022" s="166">
        <v>0</v>
      </c>
      <c r="BV1022" s="166">
        <v>0</v>
      </c>
      <c r="BW1022" s="166">
        <v>0</v>
      </c>
      <c r="BX1022" s="166">
        <v>0</v>
      </c>
      <c r="BY1022" s="166">
        <v>0</v>
      </c>
      <c r="BZ1022" s="166">
        <v>0</v>
      </c>
      <c r="CA1022" s="166">
        <v>0</v>
      </c>
      <c r="CB1022" s="166">
        <v>0</v>
      </c>
      <c r="CC1022" s="166">
        <v>0</v>
      </c>
      <c r="CD1022" s="166">
        <v>0</v>
      </c>
      <c r="CE1022" s="166">
        <v>0</v>
      </c>
      <c r="CF1022" s="166">
        <v>0</v>
      </c>
      <c r="CG1022" s="166">
        <v>0</v>
      </c>
      <c r="CH1022" s="166">
        <v>0</v>
      </c>
      <c r="CI1022" s="166">
        <v>0</v>
      </c>
      <c r="CJ1022" s="166">
        <v>0</v>
      </c>
      <c r="CK1022" s="166">
        <v>0</v>
      </c>
      <c r="CL1022" s="166">
        <v>0</v>
      </c>
      <c r="CM1022" s="166">
        <v>0</v>
      </c>
      <c r="CN1022" s="166">
        <v>0</v>
      </c>
      <c r="CO1022" s="166">
        <v>0</v>
      </c>
      <c r="CP1022" s="166">
        <v>0</v>
      </c>
      <c r="CQ1022" s="166">
        <v>0</v>
      </c>
      <c r="CR1022" s="166">
        <v>0</v>
      </c>
      <c r="CS1022" s="166">
        <v>0</v>
      </c>
      <c r="CT1022" s="166">
        <v>0</v>
      </c>
      <c r="CU1022" s="166">
        <v>0</v>
      </c>
      <c r="CV1022" s="166">
        <v>0</v>
      </c>
      <c r="CW1022" s="166">
        <v>0</v>
      </c>
      <c r="CX1022" s="166">
        <v>0</v>
      </c>
      <c r="CY1022" s="166">
        <v>0</v>
      </c>
      <c r="CZ1022" s="166">
        <v>0</v>
      </c>
    </row>
    <row r="1023" spans="1:104" x14ac:dyDescent="0.2">
      <c r="A1023" s="177" t="s">
        <v>551</v>
      </c>
      <c r="B1023" s="166">
        <v>0</v>
      </c>
      <c r="C1023" s="166">
        <v>0</v>
      </c>
      <c r="D1023" s="166">
        <v>0</v>
      </c>
      <c r="E1023" s="166">
        <v>0</v>
      </c>
      <c r="F1023" s="166">
        <v>0</v>
      </c>
      <c r="G1023" s="166">
        <v>0</v>
      </c>
      <c r="H1023" s="166">
        <v>0</v>
      </c>
      <c r="I1023" s="166">
        <v>0</v>
      </c>
      <c r="J1023" s="166">
        <v>0</v>
      </c>
      <c r="K1023" s="166">
        <v>0</v>
      </c>
      <c r="L1023" s="166">
        <v>0</v>
      </c>
      <c r="M1023" s="166">
        <v>0</v>
      </c>
      <c r="N1023" s="166">
        <v>0</v>
      </c>
      <c r="O1023" s="166">
        <v>0</v>
      </c>
      <c r="P1023" s="166">
        <v>0</v>
      </c>
      <c r="Q1023" s="166">
        <v>0</v>
      </c>
      <c r="R1023" s="166">
        <v>0</v>
      </c>
      <c r="S1023" s="166">
        <v>0</v>
      </c>
      <c r="T1023" s="166">
        <v>0</v>
      </c>
      <c r="U1023" s="166">
        <v>0</v>
      </c>
      <c r="V1023" s="166">
        <v>0</v>
      </c>
      <c r="W1023" s="166">
        <v>0</v>
      </c>
      <c r="X1023" s="166">
        <v>0</v>
      </c>
      <c r="Y1023" s="166">
        <v>0</v>
      </c>
      <c r="Z1023" s="166">
        <v>0</v>
      </c>
      <c r="AA1023" s="166">
        <v>0</v>
      </c>
      <c r="AB1023" s="166">
        <v>0</v>
      </c>
      <c r="AC1023" s="166">
        <v>0</v>
      </c>
      <c r="AD1023" s="166">
        <v>0</v>
      </c>
      <c r="AE1023" s="166">
        <v>0</v>
      </c>
      <c r="AF1023" s="166">
        <v>0</v>
      </c>
      <c r="AG1023" s="166">
        <v>0</v>
      </c>
      <c r="AH1023" s="166">
        <v>0</v>
      </c>
      <c r="AI1023" s="166">
        <v>0</v>
      </c>
      <c r="AJ1023" s="166">
        <v>0</v>
      </c>
      <c r="AK1023" s="166">
        <v>0</v>
      </c>
      <c r="AL1023" s="166">
        <v>0</v>
      </c>
      <c r="AM1023" s="166">
        <v>0</v>
      </c>
      <c r="AN1023" s="166">
        <v>0</v>
      </c>
      <c r="AO1023" s="166">
        <v>0</v>
      </c>
      <c r="AP1023" s="166">
        <v>0</v>
      </c>
      <c r="AQ1023" s="166">
        <v>0</v>
      </c>
      <c r="AR1023" s="166">
        <v>0</v>
      </c>
      <c r="AS1023" s="166">
        <v>0</v>
      </c>
      <c r="AT1023" s="166">
        <v>0</v>
      </c>
      <c r="AU1023" s="166">
        <v>0</v>
      </c>
      <c r="AV1023" s="166">
        <v>0</v>
      </c>
      <c r="AW1023" s="166">
        <v>0</v>
      </c>
      <c r="AX1023" s="166">
        <v>0</v>
      </c>
      <c r="AY1023" s="166">
        <v>0</v>
      </c>
      <c r="AZ1023" s="166">
        <v>0</v>
      </c>
      <c r="BA1023" s="166">
        <v>0</v>
      </c>
      <c r="BB1023" s="166">
        <v>0</v>
      </c>
      <c r="BC1023" s="166">
        <v>0</v>
      </c>
      <c r="BD1023" s="166">
        <v>0</v>
      </c>
      <c r="BE1023" s="166">
        <v>0</v>
      </c>
      <c r="BF1023" s="166">
        <v>0</v>
      </c>
      <c r="BG1023" s="166">
        <v>0</v>
      </c>
      <c r="BH1023" s="166">
        <v>0</v>
      </c>
      <c r="BI1023" s="166">
        <v>0</v>
      </c>
      <c r="BJ1023" s="166">
        <v>0</v>
      </c>
      <c r="BK1023" s="166">
        <v>0</v>
      </c>
      <c r="BL1023" s="166">
        <v>0</v>
      </c>
      <c r="BM1023" s="166">
        <v>0</v>
      </c>
      <c r="BN1023" s="166">
        <v>0</v>
      </c>
      <c r="BO1023" s="166">
        <v>0</v>
      </c>
      <c r="BP1023" s="166">
        <v>0</v>
      </c>
      <c r="BQ1023" s="166">
        <v>0</v>
      </c>
      <c r="BR1023" s="166">
        <v>0</v>
      </c>
      <c r="BS1023" s="166">
        <v>0</v>
      </c>
      <c r="BT1023" s="168">
        <v>0</v>
      </c>
      <c r="BU1023" s="166">
        <v>0</v>
      </c>
      <c r="BV1023" s="166">
        <v>0</v>
      </c>
      <c r="BW1023" s="166">
        <v>0</v>
      </c>
      <c r="BX1023" s="166">
        <v>0</v>
      </c>
      <c r="BY1023" s="166">
        <v>0</v>
      </c>
      <c r="BZ1023" s="166">
        <v>0</v>
      </c>
      <c r="CA1023" s="166">
        <v>0</v>
      </c>
      <c r="CB1023" s="166">
        <v>0</v>
      </c>
      <c r="CC1023" s="166">
        <v>0</v>
      </c>
      <c r="CD1023" s="166">
        <v>0</v>
      </c>
      <c r="CE1023" s="166">
        <v>0</v>
      </c>
      <c r="CF1023" s="166">
        <v>0</v>
      </c>
      <c r="CG1023" s="166">
        <v>0</v>
      </c>
      <c r="CH1023" s="166">
        <v>0</v>
      </c>
      <c r="CI1023" s="166">
        <v>0</v>
      </c>
      <c r="CJ1023" s="166">
        <v>0</v>
      </c>
      <c r="CK1023" s="166">
        <v>0</v>
      </c>
      <c r="CL1023" s="166">
        <v>0</v>
      </c>
      <c r="CM1023" s="166">
        <v>0</v>
      </c>
      <c r="CN1023" s="166">
        <v>0</v>
      </c>
      <c r="CO1023" s="166">
        <v>0</v>
      </c>
      <c r="CP1023" s="166">
        <v>0</v>
      </c>
      <c r="CQ1023" s="166">
        <v>0</v>
      </c>
      <c r="CR1023" s="166">
        <v>0</v>
      </c>
      <c r="CS1023" s="166">
        <v>0</v>
      </c>
      <c r="CT1023" s="166">
        <v>0</v>
      </c>
      <c r="CU1023" s="166">
        <v>0</v>
      </c>
      <c r="CV1023" s="166">
        <v>0</v>
      </c>
      <c r="CW1023" s="166">
        <v>0</v>
      </c>
      <c r="CX1023" s="166">
        <v>0</v>
      </c>
      <c r="CY1023" s="166">
        <v>0</v>
      </c>
      <c r="CZ1023" s="166">
        <v>0</v>
      </c>
    </row>
    <row r="1024" spans="1:104" x14ac:dyDescent="0.2">
      <c r="A1024" s="167" t="s">
        <v>552</v>
      </c>
      <c r="B1024" s="166">
        <v>0</v>
      </c>
      <c r="C1024" s="166">
        <v>0</v>
      </c>
      <c r="D1024" s="166">
        <v>0</v>
      </c>
      <c r="E1024" s="166">
        <v>0</v>
      </c>
      <c r="F1024" s="166">
        <v>0</v>
      </c>
      <c r="G1024" s="166">
        <v>0</v>
      </c>
      <c r="H1024" s="166">
        <v>0</v>
      </c>
      <c r="I1024" s="166">
        <v>0</v>
      </c>
      <c r="J1024" s="166">
        <v>0</v>
      </c>
      <c r="K1024" s="166">
        <v>0</v>
      </c>
      <c r="L1024" s="166">
        <v>0</v>
      </c>
      <c r="M1024" s="166">
        <v>0</v>
      </c>
      <c r="N1024" s="166">
        <v>0</v>
      </c>
      <c r="O1024" s="166">
        <v>0</v>
      </c>
      <c r="P1024" s="166">
        <v>0</v>
      </c>
      <c r="Q1024" s="166">
        <v>0</v>
      </c>
      <c r="R1024" s="166">
        <v>0</v>
      </c>
      <c r="S1024" s="166">
        <v>0</v>
      </c>
      <c r="T1024" s="166">
        <v>0</v>
      </c>
      <c r="U1024" s="166">
        <v>0</v>
      </c>
      <c r="V1024" s="166">
        <v>0</v>
      </c>
      <c r="W1024" s="166">
        <v>0</v>
      </c>
      <c r="X1024" s="166">
        <v>0</v>
      </c>
      <c r="Y1024" s="166">
        <v>0</v>
      </c>
      <c r="Z1024" s="166">
        <v>0</v>
      </c>
      <c r="AA1024" s="166">
        <v>0</v>
      </c>
      <c r="AB1024" s="166">
        <v>0</v>
      </c>
      <c r="AC1024" s="166">
        <v>0</v>
      </c>
      <c r="AD1024" s="166">
        <v>0</v>
      </c>
      <c r="AE1024" s="166">
        <v>0</v>
      </c>
      <c r="AF1024" s="166">
        <v>0</v>
      </c>
      <c r="AG1024" s="166">
        <v>0</v>
      </c>
      <c r="AH1024" s="166">
        <v>0</v>
      </c>
      <c r="AI1024" s="166">
        <v>0</v>
      </c>
      <c r="AJ1024" s="166">
        <v>0</v>
      </c>
      <c r="AK1024" s="166">
        <v>0</v>
      </c>
      <c r="AL1024" s="166">
        <v>0</v>
      </c>
      <c r="AM1024" s="166">
        <v>0</v>
      </c>
      <c r="AN1024" s="166">
        <v>0</v>
      </c>
      <c r="AO1024" s="166">
        <v>0</v>
      </c>
      <c r="AP1024" s="166">
        <v>0</v>
      </c>
      <c r="AQ1024" s="166">
        <v>0</v>
      </c>
      <c r="AR1024" s="166">
        <v>0</v>
      </c>
      <c r="AS1024" s="166">
        <v>0</v>
      </c>
      <c r="AT1024" s="166">
        <v>0</v>
      </c>
      <c r="AU1024" s="166">
        <v>0</v>
      </c>
      <c r="AV1024" s="166">
        <v>0</v>
      </c>
      <c r="AW1024" s="166">
        <v>0</v>
      </c>
      <c r="AX1024" s="166">
        <v>0</v>
      </c>
      <c r="AY1024" s="166">
        <v>0</v>
      </c>
      <c r="AZ1024" s="166">
        <v>0</v>
      </c>
      <c r="BA1024" s="166">
        <v>0</v>
      </c>
      <c r="BB1024" s="166">
        <v>0</v>
      </c>
      <c r="BC1024" s="166">
        <v>0</v>
      </c>
      <c r="BD1024" s="166">
        <v>0</v>
      </c>
      <c r="BE1024" s="166">
        <v>0</v>
      </c>
      <c r="BF1024" s="166">
        <v>0</v>
      </c>
      <c r="BG1024" s="166">
        <v>0</v>
      </c>
      <c r="BH1024" s="166">
        <v>0</v>
      </c>
      <c r="BI1024" s="166">
        <v>0</v>
      </c>
      <c r="BJ1024" s="166">
        <v>0</v>
      </c>
      <c r="BK1024" s="166">
        <v>0</v>
      </c>
      <c r="BL1024" s="166">
        <v>0</v>
      </c>
      <c r="BM1024" s="166">
        <v>0</v>
      </c>
      <c r="BN1024" s="166">
        <v>0</v>
      </c>
      <c r="BO1024" s="166">
        <v>0</v>
      </c>
      <c r="BP1024" s="166">
        <v>0</v>
      </c>
      <c r="BQ1024" s="166">
        <v>0</v>
      </c>
      <c r="BR1024" s="166">
        <v>0</v>
      </c>
      <c r="BS1024" s="166">
        <v>0</v>
      </c>
      <c r="BT1024" s="168">
        <v>0</v>
      </c>
      <c r="BU1024" s="166">
        <v>0</v>
      </c>
      <c r="BV1024" s="166">
        <v>0</v>
      </c>
      <c r="BW1024" s="166">
        <v>0</v>
      </c>
      <c r="BX1024" s="166">
        <v>0</v>
      </c>
      <c r="BY1024" s="166">
        <v>0</v>
      </c>
      <c r="BZ1024" s="166">
        <v>0</v>
      </c>
      <c r="CA1024" s="166">
        <v>0</v>
      </c>
      <c r="CB1024" s="166">
        <v>0</v>
      </c>
      <c r="CC1024" s="166">
        <v>0</v>
      </c>
      <c r="CD1024" s="166">
        <v>0</v>
      </c>
      <c r="CE1024" s="166">
        <v>0</v>
      </c>
      <c r="CF1024" s="166">
        <v>0</v>
      </c>
      <c r="CG1024" s="166">
        <v>0</v>
      </c>
      <c r="CH1024" s="166">
        <v>0</v>
      </c>
      <c r="CI1024" s="166">
        <v>0</v>
      </c>
      <c r="CJ1024" s="166">
        <v>0</v>
      </c>
      <c r="CK1024" s="166">
        <v>0</v>
      </c>
      <c r="CL1024" s="166">
        <v>0</v>
      </c>
      <c r="CM1024" s="166">
        <v>0</v>
      </c>
      <c r="CN1024" s="166">
        <v>0</v>
      </c>
      <c r="CO1024" s="166">
        <v>0</v>
      </c>
      <c r="CP1024" s="166">
        <v>0</v>
      </c>
      <c r="CQ1024" s="166">
        <v>0</v>
      </c>
      <c r="CR1024" s="166">
        <v>0</v>
      </c>
      <c r="CS1024" s="166">
        <v>0</v>
      </c>
      <c r="CT1024" s="166">
        <v>0</v>
      </c>
      <c r="CU1024" s="166">
        <v>0</v>
      </c>
      <c r="CV1024" s="166">
        <v>0</v>
      </c>
      <c r="CW1024" s="166">
        <v>0</v>
      </c>
      <c r="CX1024" s="166">
        <v>0</v>
      </c>
      <c r="CY1024" s="166">
        <v>0</v>
      </c>
      <c r="CZ1024" s="166">
        <v>0</v>
      </c>
    </row>
    <row r="1025" spans="1:104" x14ac:dyDescent="0.2">
      <c r="A1025" s="170" t="s">
        <v>553</v>
      </c>
      <c r="B1025" s="166">
        <v>0</v>
      </c>
      <c r="C1025" s="166">
        <v>0</v>
      </c>
      <c r="D1025" s="166">
        <v>0</v>
      </c>
      <c r="E1025" s="166">
        <v>0</v>
      </c>
      <c r="F1025" s="166">
        <v>0</v>
      </c>
      <c r="G1025" s="166">
        <v>0</v>
      </c>
      <c r="H1025" s="166">
        <v>0</v>
      </c>
      <c r="I1025" s="166">
        <v>0</v>
      </c>
      <c r="J1025" s="166">
        <v>0</v>
      </c>
      <c r="K1025" s="166">
        <v>0</v>
      </c>
      <c r="L1025" s="166">
        <v>0</v>
      </c>
      <c r="M1025" s="166">
        <v>0</v>
      </c>
      <c r="N1025" s="166">
        <v>0</v>
      </c>
      <c r="O1025" s="166">
        <v>0</v>
      </c>
      <c r="P1025" s="166">
        <v>0</v>
      </c>
      <c r="Q1025" s="166">
        <v>0</v>
      </c>
      <c r="R1025" s="166">
        <v>0</v>
      </c>
      <c r="S1025" s="166">
        <v>0</v>
      </c>
      <c r="T1025" s="166">
        <v>0</v>
      </c>
      <c r="U1025" s="166">
        <v>0</v>
      </c>
      <c r="V1025" s="166">
        <v>0</v>
      </c>
      <c r="W1025" s="166">
        <v>0</v>
      </c>
      <c r="X1025" s="166">
        <v>0</v>
      </c>
      <c r="Y1025" s="166">
        <v>0</v>
      </c>
      <c r="Z1025" s="166">
        <v>0</v>
      </c>
      <c r="AA1025" s="166">
        <v>0</v>
      </c>
      <c r="AB1025" s="166">
        <v>0</v>
      </c>
      <c r="AC1025" s="166">
        <v>0</v>
      </c>
      <c r="AD1025" s="166">
        <v>0</v>
      </c>
      <c r="AE1025" s="166">
        <v>0</v>
      </c>
      <c r="AF1025" s="166">
        <v>0</v>
      </c>
      <c r="AG1025" s="166">
        <v>0</v>
      </c>
      <c r="AH1025" s="166">
        <v>0</v>
      </c>
      <c r="AI1025" s="166">
        <v>0</v>
      </c>
      <c r="AJ1025" s="166">
        <v>0</v>
      </c>
      <c r="AK1025" s="166">
        <v>0</v>
      </c>
      <c r="AL1025" s="166">
        <v>0</v>
      </c>
      <c r="AM1025" s="166">
        <v>0</v>
      </c>
      <c r="AN1025" s="166">
        <v>0</v>
      </c>
      <c r="AO1025" s="166">
        <v>0</v>
      </c>
      <c r="AP1025" s="166">
        <v>0</v>
      </c>
      <c r="AQ1025" s="166">
        <v>0</v>
      </c>
      <c r="AR1025" s="166">
        <v>0</v>
      </c>
      <c r="AS1025" s="166">
        <v>0</v>
      </c>
      <c r="AT1025" s="166">
        <v>0</v>
      </c>
      <c r="AU1025" s="166">
        <v>0</v>
      </c>
      <c r="AV1025" s="166">
        <v>0</v>
      </c>
      <c r="AW1025" s="166">
        <v>0</v>
      </c>
      <c r="AX1025" s="166">
        <v>0</v>
      </c>
      <c r="AY1025" s="166">
        <v>0</v>
      </c>
      <c r="AZ1025" s="166">
        <v>0</v>
      </c>
      <c r="BA1025" s="166">
        <v>0</v>
      </c>
      <c r="BB1025" s="166">
        <v>0</v>
      </c>
      <c r="BC1025" s="166">
        <v>0</v>
      </c>
      <c r="BD1025" s="166">
        <v>0</v>
      </c>
      <c r="BE1025" s="166">
        <v>0</v>
      </c>
      <c r="BF1025" s="166">
        <v>0</v>
      </c>
      <c r="BG1025" s="166">
        <v>0</v>
      </c>
      <c r="BH1025" s="166">
        <v>0</v>
      </c>
      <c r="BI1025" s="166">
        <v>0</v>
      </c>
      <c r="BJ1025" s="166">
        <v>0</v>
      </c>
      <c r="BK1025" s="166">
        <v>0</v>
      </c>
      <c r="BL1025" s="166">
        <v>0</v>
      </c>
      <c r="BM1025" s="166">
        <v>0</v>
      </c>
      <c r="BN1025" s="166">
        <v>0</v>
      </c>
      <c r="BO1025" s="166">
        <v>0</v>
      </c>
      <c r="BP1025" s="166">
        <v>0</v>
      </c>
      <c r="BQ1025" s="166">
        <v>0</v>
      </c>
      <c r="BR1025" s="166">
        <v>0</v>
      </c>
      <c r="BS1025" s="166">
        <v>0</v>
      </c>
      <c r="BT1025" s="168">
        <v>0</v>
      </c>
      <c r="BU1025" s="166">
        <v>0</v>
      </c>
      <c r="BV1025" s="166">
        <v>0</v>
      </c>
      <c r="BW1025" s="166">
        <v>0</v>
      </c>
      <c r="BX1025" s="166">
        <v>0</v>
      </c>
      <c r="BY1025" s="166">
        <v>0</v>
      </c>
      <c r="BZ1025" s="166">
        <v>0</v>
      </c>
      <c r="CA1025" s="166">
        <v>0</v>
      </c>
      <c r="CB1025" s="166">
        <v>0</v>
      </c>
      <c r="CC1025" s="166">
        <v>0</v>
      </c>
      <c r="CD1025" s="166">
        <v>0</v>
      </c>
      <c r="CE1025" s="166">
        <v>0</v>
      </c>
      <c r="CF1025" s="166">
        <v>0</v>
      </c>
      <c r="CG1025" s="166">
        <v>0</v>
      </c>
      <c r="CH1025" s="166">
        <v>0</v>
      </c>
      <c r="CI1025" s="166">
        <v>0</v>
      </c>
      <c r="CJ1025" s="166">
        <v>0</v>
      </c>
      <c r="CK1025" s="166">
        <v>0</v>
      </c>
      <c r="CL1025" s="166">
        <v>0</v>
      </c>
      <c r="CM1025" s="166">
        <v>0</v>
      </c>
      <c r="CN1025" s="166">
        <v>0</v>
      </c>
      <c r="CO1025" s="166">
        <v>0</v>
      </c>
      <c r="CP1025" s="166">
        <v>0</v>
      </c>
      <c r="CQ1025" s="166">
        <v>0</v>
      </c>
      <c r="CR1025" s="166">
        <v>0</v>
      </c>
      <c r="CS1025" s="166">
        <v>0</v>
      </c>
      <c r="CT1025" s="166">
        <v>0</v>
      </c>
      <c r="CU1025" s="166">
        <v>0</v>
      </c>
      <c r="CV1025" s="166">
        <v>0</v>
      </c>
      <c r="CW1025" s="166">
        <v>0</v>
      </c>
      <c r="CX1025" s="166">
        <v>0</v>
      </c>
      <c r="CY1025" s="166">
        <v>0</v>
      </c>
      <c r="CZ1025" s="166">
        <v>0</v>
      </c>
    </row>
    <row r="1026" spans="1:104" x14ac:dyDescent="0.2">
      <c r="A1026" s="167" t="s">
        <v>554</v>
      </c>
      <c r="B1026" s="166">
        <v>91055548.120526403</v>
      </c>
      <c r="C1026" s="166">
        <v>91055548.120526403</v>
      </c>
      <c r="D1026" s="166">
        <v>0</v>
      </c>
      <c r="E1026" s="166">
        <v>0</v>
      </c>
      <c r="F1026" s="166">
        <v>0</v>
      </c>
      <c r="G1026" s="166">
        <v>0</v>
      </c>
      <c r="H1026" s="166">
        <v>0</v>
      </c>
      <c r="I1026" s="166">
        <v>0</v>
      </c>
      <c r="J1026" s="166">
        <v>0</v>
      </c>
      <c r="K1026" s="166">
        <v>0</v>
      </c>
      <c r="L1026" s="166">
        <v>0</v>
      </c>
      <c r="M1026" s="166">
        <v>0</v>
      </c>
      <c r="N1026" s="166">
        <v>0</v>
      </c>
      <c r="O1026" s="166">
        <v>0</v>
      </c>
      <c r="P1026" s="166">
        <v>0</v>
      </c>
      <c r="Q1026" s="166">
        <v>0</v>
      </c>
      <c r="R1026" s="166">
        <v>0</v>
      </c>
      <c r="S1026" s="166">
        <v>0</v>
      </c>
      <c r="T1026" s="166">
        <v>0</v>
      </c>
      <c r="U1026" s="166">
        <v>0</v>
      </c>
      <c r="V1026" s="166">
        <v>0</v>
      </c>
      <c r="W1026" s="166">
        <v>0</v>
      </c>
      <c r="X1026" s="166">
        <v>0</v>
      </c>
      <c r="Y1026" s="166">
        <v>0</v>
      </c>
      <c r="Z1026" s="166">
        <v>0</v>
      </c>
      <c r="AA1026" s="166">
        <v>0</v>
      </c>
      <c r="AB1026" s="166">
        <v>0</v>
      </c>
      <c r="AC1026" s="166">
        <v>0</v>
      </c>
      <c r="AD1026" s="166">
        <v>0</v>
      </c>
      <c r="AE1026" s="166">
        <v>0</v>
      </c>
      <c r="AF1026" s="166">
        <v>0</v>
      </c>
      <c r="AG1026" s="166">
        <v>0</v>
      </c>
      <c r="AH1026" s="166">
        <v>0</v>
      </c>
      <c r="AI1026" s="166">
        <v>0</v>
      </c>
      <c r="AJ1026" s="166">
        <v>0</v>
      </c>
      <c r="AK1026" s="166">
        <v>0</v>
      </c>
      <c r="AL1026" s="166">
        <v>0</v>
      </c>
      <c r="AM1026" s="166">
        <v>0</v>
      </c>
      <c r="AN1026" s="166">
        <v>0</v>
      </c>
      <c r="AO1026" s="166">
        <v>0</v>
      </c>
      <c r="AP1026" s="166">
        <v>0</v>
      </c>
      <c r="AQ1026" s="166">
        <v>0</v>
      </c>
      <c r="AR1026" s="166">
        <v>0</v>
      </c>
      <c r="AS1026" s="166">
        <v>0</v>
      </c>
      <c r="AT1026" s="166">
        <v>0</v>
      </c>
      <c r="AU1026" s="166">
        <v>0</v>
      </c>
      <c r="AV1026" s="166">
        <v>0</v>
      </c>
      <c r="AW1026" s="166">
        <v>0</v>
      </c>
      <c r="AX1026" s="166">
        <v>0</v>
      </c>
      <c r="AY1026" s="166">
        <v>0</v>
      </c>
      <c r="AZ1026" s="166">
        <v>0</v>
      </c>
      <c r="BA1026" s="166">
        <v>0</v>
      </c>
      <c r="BB1026" s="166">
        <v>0</v>
      </c>
      <c r="BC1026" s="166">
        <v>0</v>
      </c>
      <c r="BD1026" s="166">
        <v>0</v>
      </c>
      <c r="BE1026" s="166">
        <v>0</v>
      </c>
      <c r="BF1026" s="166">
        <v>0</v>
      </c>
      <c r="BG1026" s="166">
        <v>0</v>
      </c>
      <c r="BH1026" s="166">
        <v>0</v>
      </c>
      <c r="BI1026" s="166">
        <v>0</v>
      </c>
      <c r="BJ1026" s="166">
        <v>0</v>
      </c>
      <c r="BK1026" s="166">
        <v>0</v>
      </c>
      <c r="BL1026" s="166">
        <v>0</v>
      </c>
      <c r="BM1026" s="166">
        <v>0</v>
      </c>
      <c r="BN1026" s="166">
        <v>0</v>
      </c>
      <c r="BO1026" s="166">
        <v>0</v>
      </c>
      <c r="BP1026" s="166">
        <v>0</v>
      </c>
      <c r="BQ1026" s="166">
        <v>0</v>
      </c>
      <c r="BR1026" s="166">
        <v>91055548.120526403</v>
      </c>
      <c r="BS1026" s="166">
        <v>91055548.120526403</v>
      </c>
      <c r="BT1026" s="168">
        <v>0</v>
      </c>
      <c r="BU1026" s="166">
        <v>0</v>
      </c>
      <c r="BV1026" s="166">
        <v>0</v>
      </c>
      <c r="BW1026" s="166">
        <v>0</v>
      </c>
      <c r="BX1026" s="166">
        <v>0</v>
      </c>
      <c r="BY1026" s="166">
        <v>0</v>
      </c>
      <c r="BZ1026" s="166">
        <v>0</v>
      </c>
      <c r="CA1026" s="166">
        <v>0</v>
      </c>
      <c r="CB1026" s="166">
        <v>0</v>
      </c>
      <c r="CC1026" s="166">
        <v>0</v>
      </c>
      <c r="CD1026" s="166">
        <v>0</v>
      </c>
      <c r="CE1026" s="166">
        <v>0</v>
      </c>
      <c r="CF1026" s="166">
        <v>0</v>
      </c>
      <c r="CG1026" s="166">
        <v>0</v>
      </c>
      <c r="CH1026" s="166">
        <v>0</v>
      </c>
      <c r="CI1026" s="166">
        <v>0</v>
      </c>
      <c r="CJ1026" s="166">
        <v>0</v>
      </c>
      <c r="CK1026" s="166">
        <v>0</v>
      </c>
      <c r="CL1026" s="166">
        <v>0</v>
      </c>
      <c r="CM1026" s="166">
        <v>0</v>
      </c>
      <c r="CN1026" s="166">
        <v>0</v>
      </c>
      <c r="CO1026" s="166">
        <v>0</v>
      </c>
      <c r="CP1026" s="166">
        <v>0</v>
      </c>
      <c r="CQ1026" s="166">
        <v>0</v>
      </c>
      <c r="CR1026" s="166">
        <v>0</v>
      </c>
      <c r="CS1026" s="166">
        <v>0</v>
      </c>
      <c r="CT1026" s="166">
        <v>0</v>
      </c>
      <c r="CU1026" s="166">
        <v>0</v>
      </c>
      <c r="CV1026" s="166">
        <v>0</v>
      </c>
      <c r="CW1026" s="166">
        <v>0</v>
      </c>
      <c r="CX1026" s="166">
        <v>0</v>
      </c>
      <c r="CY1026" s="166">
        <v>0</v>
      </c>
      <c r="CZ1026" s="166">
        <v>0</v>
      </c>
    </row>
    <row r="1027" spans="1:104" x14ac:dyDescent="0.2">
      <c r="A1027" s="167" t="s">
        <v>555</v>
      </c>
      <c r="B1027" s="166">
        <v>6574276.5206364496</v>
      </c>
      <c r="C1027" s="166">
        <v>6574276.5206364496</v>
      </c>
      <c r="D1027" s="166">
        <v>0</v>
      </c>
      <c r="E1027" s="166">
        <v>0</v>
      </c>
      <c r="F1027" s="166">
        <v>0</v>
      </c>
      <c r="G1027" s="166">
        <v>0</v>
      </c>
      <c r="H1027" s="166">
        <v>0</v>
      </c>
      <c r="I1027" s="166">
        <v>0</v>
      </c>
      <c r="J1027" s="166">
        <v>0</v>
      </c>
      <c r="K1027" s="166">
        <v>0</v>
      </c>
      <c r="L1027" s="166">
        <v>0</v>
      </c>
      <c r="M1027" s="166">
        <v>0</v>
      </c>
      <c r="N1027" s="166">
        <v>0</v>
      </c>
      <c r="O1027" s="166">
        <v>0</v>
      </c>
      <c r="P1027" s="166">
        <v>0</v>
      </c>
      <c r="Q1027" s="166">
        <v>0</v>
      </c>
      <c r="R1027" s="166">
        <v>0</v>
      </c>
      <c r="S1027" s="166">
        <v>0</v>
      </c>
      <c r="T1027" s="166">
        <v>0</v>
      </c>
      <c r="U1027" s="166">
        <v>0</v>
      </c>
      <c r="V1027" s="166">
        <v>0</v>
      </c>
      <c r="W1027" s="166">
        <v>0</v>
      </c>
      <c r="X1027" s="166">
        <v>0</v>
      </c>
      <c r="Y1027" s="166">
        <v>0</v>
      </c>
      <c r="Z1027" s="166">
        <v>0</v>
      </c>
      <c r="AA1027" s="166">
        <v>0</v>
      </c>
      <c r="AB1027" s="166">
        <v>0</v>
      </c>
      <c r="AC1027" s="166">
        <v>0</v>
      </c>
      <c r="AD1027" s="166">
        <v>0</v>
      </c>
      <c r="AE1027" s="166">
        <v>0</v>
      </c>
      <c r="AF1027" s="166">
        <v>0</v>
      </c>
      <c r="AG1027" s="166">
        <v>0</v>
      </c>
      <c r="AH1027" s="166">
        <v>0</v>
      </c>
      <c r="AI1027" s="166">
        <v>0</v>
      </c>
      <c r="AJ1027" s="166">
        <v>0</v>
      </c>
      <c r="AK1027" s="166">
        <v>0</v>
      </c>
      <c r="AL1027" s="166">
        <v>0</v>
      </c>
      <c r="AM1027" s="166">
        <v>0</v>
      </c>
      <c r="AN1027" s="166">
        <v>0</v>
      </c>
      <c r="AO1027" s="166">
        <v>0</v>
      </c>
      <c r="AP1027" s="166">
        <v>0</v>
      </c>
      <c r="AQ1027" s="166">
        <v>0</v>
      </c>
      <c r="AR1027" s="166">
        <v>0</v>
      </c>
      <c r="AS1027" s="166">
        <v>0</v>
      </c>
      <c r="AT1027" s="166">
        <v>0</v>
      </c>
      <c r="AU1027" s="166">
        <v>0</v>
      </c>
      <c r="AV1027" s="166">
        <v>0</v>
      </c>
      <c r="AW1027" s="166">
        <v>0</v>
      </c>
      <c r="AX1027" s="166">
        <v>0</v>
      </c>
      <c r="AY1027" s="166">
        <v>0</v>
      </c>
      <c r="AZ1027" s="166">
        <v>0</v>
      </c>
      <c r="BA1027" s="166">
        <v>0</v>
      </c>
      <c r="BB1027" s="166">
        <v>0</v>
      </c>
      <c r="BC1027" s="166">
        <v>0</v>
      </c>
      <c r="BD1027" s="166">
        <v>0</v>
      </c>
      <c r="BE1027" s="166">
        <v>0</v>
      </c>
      <c r="BF1027" s="166">
        <v>0</v>
      </c>
      <c r="BG1027" s="166">
        <v>0</v>
      </c>
      <c r="BH1027" s="166">
        <v>0</v>
      </c>
      <c r="BI1027" s="166">
        <v>0</v>
      </c>
      <c r="BJ1027" s="166">
        <v>0</v>
      </c>
      <c r="BK1027" s="166">
        <v>0</v>
      </c>
      <c r="BL1027" s="166">
        <v>0</v>
      </c>
      <c r="BM1027" s="166">
        <v>0</v>
      </c>
      <c r="BN1027" s="166">
        <v>0</v>
      </c>
      <c r="BO1027" s="166">
        <v>0</v>
      </c>
      <c r="BP1027" s="166">
        <v>0</v>
      </c>
      <c r="BQ1027" s="166">
        <v>0</v>
      </c>
      <c r="BR1027" s="166">
        <v>6574276.5206364496</v>
      </c>
      <c r="BS1027" s="166">
        <v>6574276.5206364496</v>
      </c>
      <c r="BT1027" s="168">
        <v>0</v>
      </c>
      <c r="BU1027" s="166">
        <v>0</v>
      </c>
      <c r="BV1027" s="166">
        <v>0</v>
      </c>
      <c r="BW1027" s="166">
        <v>0</v>
      </c>
      <c r="BX1027" s="166">
        <v>0</v>
      </c>
      <c r="BY1027" s="166">
        <v>0</v>
      </c>
      <c r="BZ1027" s="166">
        <v>0</v>
      </c>
      <c r="CA1027" s="166">
        <v>0</v>
      </c>
      <c r="CB1027" s="166">
        <v>0</v>
      </c>
      <c r="CC1027" s="166">
        <v>0</v>
      </c>
      <c r="CD1027" s="166">
        <v>0</v>
      </c>
      <c r="CE1027" s="166">
        <v>0</v>
      </c>
      <c r="CF1027" s="166">
        <v>0</v>
      </c>
      <c r="CG1027" s="166">
        <v>0</v>
      </c>
      <c r="CH1027" s="166">
        <v>0</v>
      </c>
      <c r="CI1027" s="166">
        <v>0</v>
      </c>
      <c r="CJ1027" s="166">
        <v>0</v>
      </c>
      <c r="CK1027" s="166">
        <v>0</v>
      </c>
      <c r="CL1027" s="166">
        <v>0</v>
      </c>
      <c r="CM1027" s="166">
        <v>0</v>
      </c>
      <c r="CN1027" s="166">
        <v>0</v>
      </c>
      <c r="CO1027" s="166">
        <v>0</v>
      </c>
      <c r="CP1027" s="166">
        <v>0</v>
      </c>
      <c r="CQ1027" s="166">
        <v>0</v>
      </c>
      <c r="CR1027" s="166">
        <v>0</v>
      </c>
      <c r="CS1027" s="166">
        <v>0</v>
      </c>
      <c r="CT1027" s="166">
        <v>0</v>
      </c>
      <c r="CU1027" s="166">
        <v>0</v>
      </c>
      <c r="CV1027" s="166">
        <v>0</v>
      </c>
      <c r="CW1027" s="166">
        <v>0</v>
      </c>
      <c r="CX1027" s="166">
        <v>0</v>
      </c>
      <c r="CY1027" s="166">
        <v>0</v>
      </c>
      <c r="CZ1027" s="166">
        <v>0</v>
      </c>
    </row>
    <row r="1028" spans="1:104" x14ac:dyDescent="0.2">
      <c r="A1028" s="167" t="s">
        <v>556</v>
      </c>
      <c r="B1028" s="166">
        <v>3835669.10781524</v>
      </c>
      <c r="C1028" s="166">
        <v>3835669.10781524</v>
      </c>
      <c r="D1028" s="166">
        <v>0</v>
      </c>
      <c r="E1028" s="166">
        <v>0</v>
      </c>
      <c r="F1028" s="166">
        <v>0</v>
      </c>
      <c r="G1028" s="166">
        <v>0</v>
      </c>
      <c r="H1028" s="166">
        <v>0</v>
      </c>
      <c r="I1028" s="166">
        <v>0</v>
      </c>
      <c r="J1028" s="166">
        <v>0</v>
      </c>
      <c r="K1028" s="166">
        <v>0</v>
      </c>
      <c r="L1028" s="166">
        <v>0</v>
      </c>
      <c r="M1028" s="166">
        <v>0</v>
      </c>
      <c r="N1028" s="166">
        <v>0</v>
      </c>
      <c r="O1028" s="166">
        <v>0</v>
      </c>
      <c r="P1028" s="166">
        <v>0</v>
      </c>
      <c r="Q1028" s="166">
        <v>0</v>
      </c>
      <c r="R1028" s="166">
        <v>0</v>
      </c>
      <c r="S1028" s="166">
        <v>0</v>
      </c>
      <c r="T1028" s="166">
        <v>0</v>
      </c>
      <c r="U1028" s="166">
        <v>0</v>
      </c>
      <c r="V1028" s="166">
        <v>0</v>
      </c>
      <c r="W1028" s="166">
        <v>0</v>
      </c>
      <c r="X1028" s="166">
        <v>0</v>
      </c>
      <c r="Y1028" s="166">
        <v>0</v>
      </c>
      <c r="Z1028" s="166">
        <v>0</v>
      </c>
      <c r="AA1028" s="166">
        <v>0</v>
      </c>
      <c r="AB1028" s="166">
        <v>0</v>
      </c>
      <c r="AC1028" s="166">
        <v>0</v>
      </c>
      <c r="AD1028" s="166">
        <v>0</v>
      </c>
      <c r="AE1028" s="166">
        <v>0</v>
      </c>
      <c r="AF1028" s="166">
        <v>0</v>
      </c>
      <c r="AG1028" s="166">
        <v>0</v>
      </c>
      <c r="AH1028" s="166">
        <v>0</v>
      </c>
      <c r="AI1028" s="166">
        <v>0</v>
      </c>
      <c r="AJ1028" s="166">
        <v>0</v>
      </c>
      <c r="AK1028" s="166">
        <v>0</v>
      </c>
      <c r="AL1028" s="166">
        <v>0</v>
      </c>
      <c r="AM1028" s="166">
        <v>0</v>
      </c>
      <c r="AN1028" s="166">
        <v>0</v>
      </c>
      <c r="AO1028" s="166">
        <v>0</v>
      </c>
      <c r="AP1028" s="166">
        <v>0</v>
      </c>
      <c r="AQ1028" s="166">
        <v>0</v>
      </c>
      <c r="AR1028" s="166">
        <v>0</v>
      </c>
      <c r="AS1028" s="166">
        <v>0</v>
      </c>
      <c r="AT1028" s="166">
        <v>0</v>
      </c>
      <c r="AU1028" s="166">
        <v>0</v>
      </c>
      <c r="AV1028" s="166">
        <v>0</v>
      </c>
      <c r="AW1028" s="166">
        <v>0</v>
      </c>
      <c r="AX1028" s="166">
        <v>0</v>
      </c>
      <c r="AY1028" s="166">
        <v>0</v>
      </c>
      <c r="AZ1028" s="166">
        <v>0</v>
      </c>
      <c r="BA1028" s="166">
        <v>0</v>
      </c>
      <c r="BB1028" s="166">
        <v>0</v>
      </c>
      <c r="BC1028" s="166">
        <v>0</v>
      </c>
      <c r="BD1028" s="166">
        <v>0</v>
      </c>
      <c r="BE1028" s="166">
        <v>0</v>
      </c>
      <c r="BF1028" s="166">
        <v>0</v>
      </c>
      <c r="BG1028" s="166">
        <v>0</v>
      </c>
      <c r="BH1028" s="166">
        <v>0</v>
      </c>
      <c r="BI1028" s="166">
        <v>0</v>
      </c>
      <c r="BJ1028" s="166">
        <v>0</v>
      </c>
      <c r="BK1028" s="166">
        <v>0</v>
      </c>
      <c r="BL1028" s="166">
        <v>0</v>
      </c>
      <c r="BM1028" s="166">
        <v>0</v>
      </c>
      <c r="BN1028" s="166">
        <v>0</v>
      </c>
      <c r="BO1028" s="166">
        <v>0</v>
      </c>
      <c r="BP1028" s="166">
        <v>0</v>
      </c>
      <c r="BQ1028" s="166">
        <v>0</v>
      </c>
      <c r="BR1028" s="166">
        <v>3835669.10781524</v>
      </c>
      <c r="BS1028" s="166">
        <v>3835669.10781524</v>
      </c>
      <c r="BT1028" s="168">
        <v>0</v>
      </c>
      <c r="BU1028" s="166">
        <v>0</v>
      </c>
      <c r="BV1028" s="166">
        <v>0</v>
      </c>
      <c r="BW1028" s="166">
        <v>0</v>
      </c>
      <c r="BX1028" s="166">
        <v>0</v>
      </c>
      <c r="BY1028" s="166">
        <v>0</v>
      </c>
      <c r="BZ1028" s="166">
        <v>0</v>
      </c>
      <c r="CA1028" s="166">
        <v>0</v>
      </c>
      <c r="CB1028" s="166">
        <v>0</v>
      </c>
      <c r="CC1028" s="166">
        <v>0</v>
      </c>
      <c r="CD1028" s="166">
        <v>0</v>
      </c>
      <c r="CE1028" s="166">
        <v>0</v>
      </c>
      <c r="CF1028" s="166">
        <v>0</v>
      </c>
      <c r="CG1028" s="166">
        <v>0</v>
      </c>
      <c r="CH1028" s="166">
        <v>0</v>
      </c>
      <c r="CI1028" s="166">
        <v>0</v>
      </c>
      <c r="CJ1028" s="166">
        <v>0</v>
      </c>
      <c r="CK1028" s="166">
        <v>0</v>
      </c>
      <c r="CL1028" s="166">
        <v>0</v>
      </c>
      <c r="CM1028" s="166">
        <v>0</v>
      </c>
      <c r="CN1028" s="166">
        <v>0</v>
      </c>
      <c r="CO1028" s="166">
        <v>0</v>
      </c>
      <c r="CP1028" s="166">
        <v>0</v>
      </c>
      <c r="CQ1028" s="166">
        <v>0</v>
      </c>
      <c r="CR1028" s="166">
        <v>0</v>
      </c>
      <c r="CS1028" s="166">
        <v>0</v>
      </c>
      <c r="CT1028" s="166">
        <v>0</v>
      </c>
      <c r="CU1028" s="166">
        <v>0</v>
      </c>
      <c r="CV1028" s="166">
        <v>0</v>
      </c>
      <c r="CW1028" s="166">
        <v>0</v>
      </c>
      <c r="CX1028" s="166">
        <v>0</v>
      </c>
      <c r="CY1028" s="166">
        <v>0</v>
      </c>
      <c r="CZ1028" s="166">
        <v>0</v>
      </c>
    </row>
    <row r="1029" spans="1:104" x14ac:dyDescent="0.2">
      <c r="A1029" s="167" t="s">
        <v>557</v>
      </c>
      <c r="B1029" s="166">
        <v>759762.74</v>
      </c>
      <c r="C1029" s="166">
        <v>759762.74</v>
      </c>
      <c r="D1029" s="166">
        <v>0</v>
      </c>
      <c r="E1029" s="166">
        <v>0</v>
      </c>
      <c r="F1029" s="166">
        <v>0</v>
      </c>
      <c r="G1029" s="166">
        <v>0</v>
      </c>
      <c r="H1029" s="166">
        <v>0</v>
      </c>
      <c r="I1029" s="166">
        <v>0</v>
      </c>
      <c r="J1029" s="166">
        <v>0</v>
      </c>
      <c r="K1029" s="166">
        <v>0</v>
      </c>
      <c r="L1029" s="166">
        <v>0</v>
      </c>
      <c r="M1029" s="166">
        <v>0</v>
      </c>
      <c r="N1029" s="166">
        <v>0</v>
      </c>
      <c r="O1029" s="166">
        <v>0</v>
      </c>
      <c r="P1029" s="166">
        <v>0</v>
      </c>
      <c r="Q1029" s="166">
        <v>0</v>
      </c>
      <c r="R1029" s="166">
        <v>0</v>
      </c>
      <c r="S1029" s="166">
        <v>0</v>
      </c>
      <c r="T1029" s="166">
        <v>0</v>
      </c>
      <c r="U1029" s="166">
        <v>0</v>
      </c>
      <c r="V1029" s="166">
        <v>0</v>
      </c>
      <c r="W1029" s="166">
        <v>0</v>
      </c>
      <c r="X1029" s="166">
        <v>0</v>
      </c>
      <c r="Y1029" s="166">
        <v>0</v>
      </c>
      <c r="Z1029" s="166">
        <v>0</v>
      </c>
      <c r="AA1029" s="166">
        <v>0</v>
      </c>
      <c r="AB1029" s="166">
        <v>0</v>
      </c>
      <c r="AC1029" s="166">
        <v>0</v>
      </c>
      <c r="AD1029" s="166">
        <v>0</v>
      </c>
      <c r="AE1029" s="166">
        <v>0</v>
      </c>
      <c r="AF1029" s="166">
        <v>0</v>
      </c>
      <c r="AG1029" s="166">
        <v>0</v>
      </c>
      <c r="AH1029" s="166">
        <v>0</v>
      </c>
      <c r="AI1029" s="166">
        <v>0</v>
      </c>
      <c r="AJ1029" s="166">
        <v>0</v>
      </c>
      <c r="AK1029" s="166">
        <v>0</v>
      </c>
      <c r="AL1029" s="166">
        <v>0</v>
      </c>
      <c r="AM1029" s="166">
        <v>0</v>
      </c>
      <c r="AN1029" s="166">
        <v>0</v>
      </c>
      <c r="AO1029" s="166">
        <v>0</v>
      </c>
      <c r="AP1029" s="166">
        <v>0</v>
      </c>
      <c r="AQ1029" s="166">
        <v>0</v>
      </c>
      <c r="AR1029" s="166">
        <v>0</v>
      </c>
      <c r="AS1029" s="166">
        <v>0</v>
      </c>
      <c r="AT1029" s="166">
        <v>0</v>
      </c>
      <c r="AU1029" s="166">
        <v>0</v>
      </c>
      <c r="AV1029" s="166">
        <v>0</v>
      </c>
      <c r="AW1029" s="166">
        <v>0</v>
      </c>
      <c r="AX1029" s="166">
        <v>0</v>
      </c>
      <c r="AY1029" s="166">
        <v>0</v>
      </c>
      <c r="AZ1029" s="166">
        <v>0</v>
      </c>
      <c r="BA1029" s="166">
        <v>0</v>
      </c>
      <c r="BB1029" s="166">
        <v>0</v>
      </c>
      <c r="BC1029" s="166">
        <v>0</v>
      </c>
      <c r="BD1029" s="166">
        <v>0</v>
      </c>
      <c r="BE1029" s="166">
        <v>0</v>
      </c>
      <c r="BF1029" s="166">
        <v>0</v>
      </c>
      <c r="BG1029" s="166">
        <v>0</v>
      </c>
      <c r="BH1029" s="166">
        <v>0</v>
      </c>
      <c r="BI1029" s="166">
        <v>0</v>
      </c>
      <c r="BJ1029" s="166">
        <v>0</v>
      </c>
      <c r="BK1029" s="166">
        <v>0</v>
      </c>
      <c r="BL1029" s="166">
        <v>0</v>
      </c>
      <c r="BM1029" s="166">
        <v>0</v>
      </c>
      <c r="BN1029" s="166">
        <v>0</v>
      </c>
      <c r="BO1029" s="166">
        <v>0</v>
      </c>
      <c r="BP1029" s="166">
        <v>0</v>
      </c>
      <c r="BQ1029" s="166">
        <v>0</v>
      </c>
      <c r="BR1029" s="166">
        <v>759762.74</v>
      </c>
      <c r="BS1029" s="166">
        <v>759762.74</v>
      </c>
      <c r="BT1029" s="168">
        <v>0</v>
      </c>
      <c r="BU1029" s="166">
        <v>0</v>
      </c>
      <c r="BV1029" s="166">
        <v>0</v>
      </c>
      <c r="BW1029" s="166">
        <v>0</v>
      </c>
      <c r="BX1029" s="166">
        <v>0</v>
      </c>
      <c r="BY1029" s="166">
        <v>0</v>
      </c>
      <c r="BZ1029" s="166">
        <v>0</v>
      </c>
      <c r="CA1029" s="166">
        <v>0</v>
      </c>
      <c r="CB1029" s="166">
        <v>0</v>
      </c>
      <c r="CC1029" s="166">
        <v>0</v>
      </c>
      <c r="CD1029" s="166">
        <v>0</v>
      </c>
      <c r="CE1029" s="166">
        <v>0</v>
      </c>
      <c r="CF1029" s="166">
        <v>0</v>
      </c>
      <c r="CG1029" s="166">
        <v>0</v>
      </c>
      <c r="CH1029" s="166">
        <v>0</v>
      </c>
      <c r="CI1029" s="166">
        <v>0</v>
      </c>
      <c r="CJ1029" s="166">
        <v>0</v>
      </c>
      <c r="CK1029" s="166">
        <v>0</v>
      </c>
      <c r="CL1029" s="166">
        <v>0</v>
      </c>
      <c r="CM1029" s="166">
        <v>0</v>
      </c>
      <c r="CN1029" s="166">
        <v>0</v>
      </c>
      <c r="CO1029" s="166">
        <v>0</v>
      </c>
      <c r="CP1029" s="166">
        <v>0</v>
      </c>
      <c r="CQ1029" s="166">
        <v>0</v>
      </c>
      <c r="CR1029" s="166">
        <v>0</v>
      </c>
      <c r="CS1029" s="166">
        <v>0</v>
      </c>
      <c r="CT1029" s="166">
        <v>0</v>
      </c>
      <c r="CU1029" s="166">
        <v>0</v>
      </c>
      <c r="CV1029" s="166">
        <v>0</v>
      </c>
      <c r="CW1029" s="166">
        <v>0</v>
      </c>
      <c r="CX1029" s="166">
        <v>0</v>
      </c>
      <c r="CY1029" s="166">
        <v>0</v>
      </c>
      <c r="CZ1029" s="166">
        <v>0</v>
      </c>
    </row>
    <row r="1030" spans="1:104" x14ac:dyDescent="0.2">
      <c r="A1030" s="177" t="s">
        <v>558</v>
      </c>
      <c r="B1030" s="166">
        <v>102225256.488978</v>
      </c>
      <c r="C1030" s="166">
        <v>102225256.488978</v>
      </c>
      <c r="D1030" s="166">
        <v>0</v>
      </c>
      <c r="E1030" s="166">
        <v>0</v>
      </c>
      <c r="F1030" s="166">
        <v>0</v>
      </c>
      <c r="G1030" s="166">
        <v>0</v>
      </c>
      <c r="H1030" s="166">
        <v>0</v>
      </c>
      <c r="I1030" s="166">
        <v>0</v>
      </c>
      <c r="J1030" s="166">
        <v>0</v>
      </c>
      <c r="K1030" s="166">
        <v>0</v>
      </c>
      <c r="L1030" s="166">
        <v>0</v>
      </c>
      <c r="M1030" s="166">
        <v>0</v>
      </c>
      <c r="N1030" s="166">
        <v>0</v>
      </c>
      <c r="O1030" s="166">
        <v>0</v>
      </c>
      <c r="P1030" s="166">
        <v>0</v>
      </c>
      <c r="Q1030" s="166">
        <v>0</v>
      </c>
      <c r="R1030" s="166">
        <v>0</v>
      </c>
      <c r="S1030" s="166">
        <v>0</v>
      </c>
      <c r="T1030" s="166">
        <v>0</v>
      </c>
      <c r="U1030" s="166">
        <v>0</v>
      </c>
      <c r="V1030" s="166">
        <v>0</v>
      </c>
      <c r="W1030" s="166">
        <v>0</v>
      </c>
      <c r="X1030" s="166">
        <v>0</v>
      </c>
      <c r="Y1030" s="166">
        <v>0</v>
      </c>
      <c r="Z1030" s="166">
        <v>0</v>
      </c>
      <c r="AA1030" s="166">
        <v>0</v>
      </c>
      <c r="AB1030" s="166">
        <v>0</v>
      </c>
      <c r="AC1030" s="166">
        <v>0</v>
      </c>
      <c r="AD1030" s="166">
        <v>0</v>
      </c>
      <c r="AE1030" s="166">
        <v>0</v>
      </c>
      <c r="AF1030" s="166">
        <v>0</v>
      </c>
      <c r="AG1030" s="166">
        <v>0</v>
      </c>
      <c r="AH1030" s="166">
        <v>0</v>
      </c>
      <c r="AI1030" s="166">
        <v>0</v>
      </c>
      <c r="AJ1030" s="166">
        <v>0</v>
      </c>
      <c r="AK1030" s="166">
        <v>0</v>
      </c>
      <c r="AL1030" s="166">
        <v>0</v>
      </c>
      <c r="AM1030" s="166">
        <v>0</v>
      </c>
      <c r="AN1030" s="166">
        <v>0</v>
      </c>
      <c r="AO1030" s="166">
        <v>0</v>
      </c>
      <c r="AP1030" s="166">
        <v>0</v>
      </c>
      <c r="AQ1030" s="166">
        <v>0</v>
      </c>
      <c r="AR1030" s="166">
        <v>0</v>
      </c>
      <c r="AS1030" s="166">
        <v>0</v>
      </c>
      <c r="AT1030" s="166">
        <v>0</v>
      </c>
      <c r="AU1030" s="166">
        <v>0</v>
      </c>
      <c r="AV1030" s="166">
        <v>0</v>
      </c>
      <c r="AW1030" s="166">
        <v>0</v>
      </c>
      <c r="AX1030" s="166">
        <v>0</v>
      </c>
      <c r="AY1030" s="166">
        <v>0</v>
      </c>
      <c r="AZ1030" s="166">
        <v>0</v>
      </c>
      <c r="BA1030" s="166">
        <v>0</v>
      </c>
      <c r="BB1030" s="166">
        <v>0</v>
      </c>
      <c r="BC1030" s="166">
        <v>0</v>
      </c>
      <c r="BD1030" s="166">
        <v>0</v>
      </c>
      <c r="BE1030" s="166">
        <v>0</v>
      </c>
      <c r="BF1030" s="166">
        <v>0</v>
      </c>
      <c r="BG1030" s="166">
        <v>0</v>
      </c>
      <c r="BH1030" s="166">
        <v>0</v>
      </c>
      <c r="BI1030" s="166">
        <v>0</v>
      </c>
      <c r="BJ1030" s="166">
        <v>0</v>
      </c>
      <c r="BK1030" s="166">
        <v>0</v>
      </c>
      <c r="BL1030" s="166">
        <v>0</v>
      </c>
      <c r="BM1030" s="166">
        <v>0</v>
      </c>
      <c r="BN1030" s="166">
        <v>0</v>
      </c>
      <c r="BO1030" s="166">
        <v>0</v>
      </c>
      <c r="BP1030" s="166">
        <v>0</v>
      </c>
      <c r="BQ1030" s="166">
        <v>0</v>
      </c>
      <c r="BR1030" s="166">
        <v>102225256.488978</v>
      </c>
      <c r="BS1030" s="166">
        <v>102225256.488978</v>
      </c>
      <c r="BT1030" s="168">
        <v>0</v>
      </c>
      <c r="BU1030" s="166">
        <v>0</v>
      </c>
      <c r="BV1030" s="166">
        <v>0</v>
      </c>
      <c r="BW1030" s="166">
        <v>0</v>
      </c>
      <c r="BX1030" s="166">
        <v>0</v>
      </c>
      <c r="BY1030" s="166">
        <v>0</v>
      </c>
      <c r="BZ1030" s="166">
        <v>0</v>
      </c>
      <c r="CA1030" s="166">
        <v>0</v>
      </c>
      <c r="CB1030" s="166">
        <v>0</v>
      </c>
      <c r="CC1030" s="166">
        <v>0</v>
      </c>
      <c r="CD1030" s="166">
        <v>0</v>
      </c>
      <c r="CE1030" s="166">
        <v>0</v>
      </c>
      <c r="CF1030" s="166">
        <v>0</v>
      </c>
      <c r="CG1030" s="166">
        <v>0</v>
      </c>
      <c r="CH1030" s="166">
        <v>0</v>
      </c>
      <c r="CI1030" s="166">
        <v>0</v>
      </c>
      <c r="CJ1030" s="166">
        <v>0</v>
      </c>
      <c r="CK1030" s="166">
        <v>0</v>
      </c>
      <c r="CL1030" s="166">
        <v>0</v>
      </c>
      <c r="CM1030" s="166">
        <v>0</v>
      </c>
      <c r="CN1030" s="166">
        <v>0</v>
      </c>
      <c r="CO1030" s="166">
        <v>0</v>
      </c>
      <c r="CP1030" s="166">
        <v>0</v>
      </c>
      <c r="CQ1030" s="166">
        <v>0</v>
      </c>
      <c r="CR1030" s="166">
        <v>0</v>
      </c>
      <c r="CS1030" s="166">
        <v>0</v>
      </c>
      <c r="CT1030" s="166">
        <v>0</v>
      </c>
      <c r="CU1030" s="166">
        <v>0</v>
      </c>
      <c r="CV1030" s="166">
        <v>0</v>
      </c>
      <c r="CW1030" s="166">
        <v>0</v>
      </c>
      <c r="CX1030" s="166">
        <v>0</v>
      </c>
      <c r="CY1030" s="166">
        <v>0</v>
      </c>
      <c r="CZ1030" s="166">
        <v>0</v>
      </c>
    </row>
    <row r="1031" spans="1:104" x14ac:dyDescent="0.2">
      <c r="A1031" s="167" t="s">
        <v>559</v>
      </c>
      <c r="B1031" s="166">
        <v>0</v>
      </c>
      <c r="C1031" s="166">
        <v>0</v>
      </c>
      <c r="D1031" s="166">
        <v>0</v>
      </c>
      <c r="E1031" s="166">
        <v>0</v>
      </c>
      <c r="F1031" s="166">
        <v>0</v>
      </c>
      <c r="G1031" s="166">
        <v>0</v>
      </c>
      <c r="H1031" s="166">
        <v>0</v>
      </c>
      <c r="I1031" s="166">
        <v>0</v>
      </c>
      <c r="J1031" s="166">
        <v>0</v>
      </c>
      <c r="K1031" s="166">
        <v>0</v>
      </c>
      <c r="L1031" s="166">
        <v>0</v>
      </c>
      <c r="M1031" s="166">
        <v>0</v>
      </c>
      <c r="N1031" s="166">
        <v>0</v>
      </c>
      <c r="O1031" s="166">
        <v>0</v>
      </c>
      <c r="P1031" s="166">
        <v>0</v>
      </c>
      <c r="Q1031" s="166">
        <v>0</v>
      </c>
      <c r="R1031" s="166">
        <v>0</v>
      </c>
      <c r="S1031" s="166">
        <v>0</v>
      </c>
      <c r="T1031" s="166">
        <v>0</v>
      </c>
      <c r="U1031" s="166">
        <v>0</v>
      </c>
      <c r="V1031" s="166">
        <v>0</v>
      </c>
      <c r="W1031" s="166">
        <v>0</v>
      </c>
      <c r="X1031" s="166">
        <v>0</v>
      </c>
      <c r="Y1031" s="166">
        <v>0</v>
      </c>
      <c r="Z1031" s="166">
        <v>0</v>
      </c>
      <c r="AA1031" s="166">
        <v>0</v>
      </c>
      <c r="AB1031" s="166">
        <v>0</v>
      </c>
      <c r="AC1031" s="166">
        <v>0</v>
      </c>
      <c r="AD1031" s="166">
        <v>0</v>
      </c>
      <c r="AE1031" s="166">
        <v>0</v>
      </c>
      <c r="AF1031" s="166">
        <v>0</v>
      </c>
      <c r="AG1031" s="166">
        <v>0</v>
      </c>
      <c r="AH1031" s="166">
        <v>0</v>
      </c>
      <c r="AI1031" s="166">
        <v>0</v>
      </c>
      <c r="AJ1031" s="166">
        <v>0</v>
      </c>
      <c r="AK1031" s="166">
        <v>0</v>
      </c>
      <c r="AL1031" s="166">
        <v>0</v>
      </c>
      <c r="AM1031" s="166">
        <v>0</v>
      </c>
      <c r="AN1031" s="166">
        <v>0</v>
      </c>
      <c r="AO1031" s="166">
        <v>0</v>
      </c>
      <c r="AP1031" s="166">
        <v>0</v>
      </c>
      <c r="AQ1031" s="166">
        <v>0</v>
      </c>
      <c r="AR1031" s="166">
        <v>0</v>
      </c>
      <c r="AS1031" s="166">
        <v>0</v>
      </c>
      <c r="AT1031" s="166">
        <v>0</v>
      </c>
      <c r="AU1031" s="166">
        <v>0</v>
      </c>
      <c r="AV1031" s="166">
        <v>0</v>
      </c>
      <c r="AW1031" s="166">
        <v>0</v>
      </c>
      <c r="AX1031" s="166">
        <v>0</v>
      </c>
      <c r="AY1031" s="166">
        <v>0</v>
      </c>
      <c r="AZ1031" s="166">
        <v>0</v>
      </c>
      <c r="BA1031" s="166">
        <v>0</v>
      </c>
      <c r="BB1031" s="166">
        <v>0</v>
      </c>
      <c r="BC1031" s="166">
        <v>0</v>
      </c>
      <c r="BD1031" s="166">
        <v>0</v>
      </c>
      <c r="BE1031" s="166">
        <v>0</v>
      </c>
      <c r="BF1031" s="166">
        <v>0</v>
      </c>
      <c r="BG1031" s="166">
        <v>0</v>
      </c>
      <c r="BH1031" s="166">
        <v>0</v>
      </c>
      <c r="BI1031" s="166">
        <v>0</v>
      </c>
      <c r="BJ1031" s="166">
        <v>0</v>
      </c>
      <c r="BK1031" s="166">
        <v>0</v>
      </c>
      <c r="BL1031" s="166">
        <v>0</v>
      </c>
      <c r="BM1031" s="166">
        <v>0</v>
      </c>
      <c r="BN1031" s="166">
        <v>0</v>
      </c>
      <c r="BO1031" s="166">
        <v>0</v>
      </c>
      <c r="BP1031" s="166">
        <v>0</v>
      </c>
      <c r="BQ1031" s="166">
        <v>0</v>
      </c>
      <c r="BR1031" s="166">
        <v>0</v>
      </c>
      <c r="BS1031" s="166">
        <v>0</v>
      </c>
      <c r="BT1031" s="168">
        <v>0</v>
      </c>
      <c r="BU1031" s="166">
        <v>0</v>
      </c>
      <c r="BV1031" s="166">
        <v>0</v>
      </c>
      <c r="BW1031" s="166">
        <v>0</v>
      </c>
      <c r="BX1031" s="166">
        <v>0</v>
      </c>
      <c r="BY1031" s="166">
        <v>0</v>
      </c>
      <c r="BZ1031" s="166">
        <v>0</v>
      </c>
      <c r="CA1031" s="166">
        <v>0</v>
      </c>
      <c r="CB1031" s="166">
        <v>0</v>
      </c>
      <c r="CC1031" s="166">
        <v>0</v>
      </c>
      <c r="CD1031" s="166">
        <v>0</v>
      </c>
      <c r="CE1031" s="166">
        <v>0</v>
      </c>
      <c r="CF1031" s="166">
        <v>0</v>
      </c>
      <c r="CG1031" s="166">
        <v>0</v>
      </c>
      <c r="CH1031" s="166">
        <v>0</v>
      </c>
      <c r="CI1031" s="166">
        <v>0</v>
      </c>
      <c r="CJ1031" s="166">
        <v>0</v>
      </c>
      <c r="CK1031" s="166">
        <v>0</v>
      </c>
      <c r="CL1031" s="166">
        <v>0</v>
      </c>
      <c r="CM1031" s="166">
        <v>0</v>
      </c>
      <c r="CN1031" s="166">
        <v>0</v>
      </c>
      <c r="CO1031" s="166">
        <v>0</v>
      </c>
      <c r="CP1031" s="166">
        <v>0</v>
      </c>
      <c r="CQ1031" s="166">
        <v>0</v>
      </c>
      <c r="CR1031" s="166">
        <v>0</v>
      </c>
      <c r="CS1031" s="166">
        <v>0</v>
      </c>
      <c r="CT1031" s="166">
        <v>0</v>
      </c>
      <c r="CU1031" s="166">
        <v>0</v>
      </c>
      <c r="CV1031" s="166">
        <v>0</v>
      </c>
      <c r="CW1031" s="166">
        <v>0</v>
      </c>
      <c r="CX1031" s="166">
        <v>0</v>
      </c>
      <c r="CY1031" s="166">
        <v>0</v>
      </c>
      <c r="CZ1031" s="166">
        <v>0</v>
      </c>
    </row>
    <row r="1032" spans="1:104" x14ac:dyDescent="0.2">
      <c r="A1032" s="167" t="s">
        <v>560</v>
      </c>
      <c r="B1032" s="166">
        <v>26125118.316952001</v>
      </c>
      <c r="C1032" s="166">
        <v>26125118.316952001</v>
      </c>
      <c r="D1032" s="166">
        <v>0</v>
      </c>
      <c r="E1032" s="166">
        <v>0</v>
      </c>
      <c r="F1032" s="166">
        <v>0</v>
      </c>
      <c r="G1032" s="166">
        <v>0</v>
      </c>
      <c r="H1032" s="166">
        <v>0</v>
      </c>
      <c r="I1032" s="166">
        <v>0</v>
      </c>
      <c r="J1032" s="166">
        <v>0</v>
      </c>
      <c r="K1032" s="166">
        <v>0</v>
      </c>
      <c r="L1032" s="166">
        <v>0</v>
      </c>
      <c r="M1032" s="166">
        <v>0</v>
      </c>
      <c r="N1032" s="166">
        <v>0</v>
      </c>
      <c r="O1032" s="166">
        <v>0</v>
      </c>
      <c r="P1032" s="166">
        <v>0</v>
      </c>
      <c r="Q1032" s="166">
        <v>0</v>
      </c>
      <c r="R1032" s="166">
        <v>0</v>
      </c>
      <c r="S1032" s="166">
        <v>0</v>
      </c>
      <c r="T1032" s="166">
        <v>0</v>
      </c>
      <c r="U1032" s="166">
        <v>0</v>
      </c>
      <c r="V1032" s="166">
        <v>0</v>
      </c>
      <c r="W1032" s="166">
        <v>0</v>
      </c>
      <c r="X1032" s="166">
        <v>0</v>
      </c>
      <c r="Y1032" s="166">
        <v>0</v>
      </c>
      <c r="Z1032" s="166">
        <v>0</v>
      </c>
      <c r="AA1032" s="166">
        <v>0</v>
      </c>
      <c r="AB1032" s="166">
        <v>0</v>
      </c>
      <c r="AC1032" s="166">
        <v>0</v>
      </c>
      <c r="AD1032" s="166">
        <v>0</v>
      </c>
      <c r="AE1032" s="166">
        <v>0</v>
      </c>
      <c r="AF1032" s="166">
        <v>0</v>
      </c>
      <c r="AG1032" s="166">
        <v>0</v>
      </c>
      <c r="AH1032" s="166">
        <v>0</v>
      </c>
      <c r="AI1032" s="166">
        <v>0</v>
      </c>
      <c r="AJ1032" s="166">
        <v>0</v>
      </c>
      <c r="AK1032" s="166">
        <v>0</v>
      </c>
      <c r="AL1032" s="166">
        <v>0</v>
      </c>
      <c r="AM1032" s="166">
        <v>0</v>
      </c>
      <c r="AN1032" s="166">
        <v>0</v>
      </c>
      <c r="AO1032" s="166">
        <v>0</v>
      </c>
      <c r="AP1032" s="166">
        <v>0</v>
      </c>
      <c r="AQ1032" s="166">
        <v>0</v>
      </c>
      <c r="AR1032" s="166">
        <v>0</v>
      </c>
      <c r="AS1032" s="166">
        <v>0</v>
      </c>
      <c r="AT1032" s="166">
        <v>0</v>
      </c>
      <c r="AU1032" s="166">
        <v>0</v>
      </c>
      <c r="AV1032" s="166">
        <v>0</v>
      </c>
      <c r="AW1032" s="166">
        <v>0</v>
      </c>
      <c r="AX1032" s="166">
        <v>0</v>
      </c>
      <c r="AY1032" s="166">
        <v>0</v>
      </c>
      <c r="AZ1032" s="166">
        <v>0</v>
      </c>
      <c r="BA1032" s="166">
        <v>0</v>
      </c>
      <c r="BB1032" s="166">
        <v>0</v>
      </c>
      <c r="BC1032" s="166">
        <v>0</v>
      </c>
      <c r="BD1032" s="166">
        <v>0</v>
      </c>
      <c r="BE1032" s="166">
        <v>0</v>
      </c>
      <c r="BF1032" s="166">
        <v>0</v>
      </c>
      <c r="BG1032" s="166">
        <v>0</v>
      </c>
      <c r="BH1032" s="166">
        <v>0</v>
      </c>
      <c r="BI1032" s="166">
        <v>0</v>
      </c>
      <c r="BJ1032" s="166">
        <v>0</v>
      </c>
      <c r="BK1032" s="166">
        <v>0</v>
      </c>
      <c r="BL1032" s="166">
        <v>0</v>
      </c>
      <c r="BM1032" s="166">
        <v>0</v>
      </c>
      <c r="BN1032" s="166">
        <v>0</v>
      </c>
      <c r="BO1032" s="166">
        <v>0</v>
      </c>
      <c r="BP1032" s="166">
        <v>0</v>
      </c>
      <c r="BQ1032" s="166">
        <v>0</v>
      </c>
      <c r="BR1032" s="166">
        <v>26125118.316952001</v>
      </c>
      <c r="BS1032" s="166">
        <v>26125118.316952001</v>
      </c>
      <c r="BT1032" s="168">
        <v>0</v>
      </c>
      <c r="BU1032" s="166">
        <v>0</v>
      </c>
      <c r="BV1032" s="166">
        <v>0</v>
      </c>
      <c r="BW1032" s="166">
        <v>0</v>
      </c>
      <c r="BX1032" s="166">
        <v>0</v>
      </c>
      <c r="BY1032" s="166">
        <v>0</v>
      </c>
      <c r="BZ1032" s="166">
        <v>0</v>
      </c>
      <c r="CA1032" s="166">
        <v>0</v>
      </c>
      <c r="CB1032" s="166">
        <v>0</v>
      </c>
      <c r="CC1032" s="166">
        <v>0</v>
      </c>
      <c r="CD1032" s="166">
        <v>0</v>
      </c>
      <c r="CE1032" s="166">
        <v>0</v>
      </c>
      <c r="CF1032" s="166">
        <v>0</v>
      </c>
      <c r="CG1032" s="166">
        <v>0</v>
      </c>
      <c r="CH1032" s="166">
        <v>0</v>
      </c>
      <c r="CI1032" s="166">
        <v>0</v>
      </c>
      <c r="CJ1032" s="166">
        <v>0</v>
      </c>
      <c r="CK1032" s="166">
        <v>0</v>
      </c>
      <c r="CL1032" s="166">
        <v>0</v>
      </c>
      <c r="CM1032" s="166">
        <v>0</v>
      </c>
      <c r="CN1032" s="166">
        <v>0</v>
      </c>
      <c r="CO1032" s="166">
        <v>0</v>
      </c>
      <c r="CP1032" s="166">
        <v>0</v>
      </c>
      <c r="CQ1032" s="166">
        <v>0</v>
      </c>
      <c r="CR1032" s="166">
        <v>0</v>
      </c>
      <c r="CS1032" s="166">
        <v>0</v>
      </c>
      <c r="CT1032" s="166">
        <v>0</v>
      </c>
      <c r="CU1032" s="166">
        <v>0</v>
      </c>
      <c r="CV1032" s="166">
        <v>0</v>
      </c>
      <c r="CW1032" s="166">
        <v>0</v>
      </c>
      <c r="CX1032" s="166">
        <v>0</v>
      </c>
      <c r="CY1032" s="166">
        <v>0</v>
      </c>
      <c r="CZ1032" s="166">
        <v>0</v>
      </c>
    </row>
    <row r="1033" spans="1:104" x14ac:dyDescent="0.2">
      <c r="A1033" s="167" t="s">
        <v>561</v>
      </c>
      <c r="B1033" s="166">
        <v>7793616.6470910097</v>
      </c>
      <c r="C1033" s="166">
        <v>7793616.6470910097</v>
      </c>
      <c r="D1033" s="166">
        <v>0</v>
      </c>
      <c r="E1033" s="166">
        <v>0</v>
      </c>
      <c r="F1033" s="166">
        <v>0</v>
      </c>
      <c r="G1033" s="166">
        <v>0</v>
      </c>
      <c r="H1033" s="166">
        <v>0</v>
      </c>
      <c r="I1033" s="166">
        <v>0</v>
      </c>
      <c r="J1033" s="166">
        <v>0</v>
      </c>
      <c r="K1033" s="166">
        <v>0</v>
      </c>
      <c r="L1033" s="166">
        <v>0</v>
      </c>
      <c r="M1033" s="166">
        <v>0</v>
      </c>
      <c r="N1033" s="166">
        <v>0</v>
      </c>
      <c r="O1033" s="166">
        <v>0</v>
      </c>
      <c r="P1033" s="166">
        <v>0</v>
      </c>
      <c r="Q1033" s="166">
        <v>0</v>
      </c>
      <c r="R1033" s="166">
        <v>0</v>
      </c>
      <c r="S1033" s="166">
        <v>0</v>
      </c>
      <c r="T1033" s="166">
        <v>0</v>
      </c>
      <c r="U1033" s="166">
        <v>0</v>
      </c>
      <c r="V1033" s="166">
        <v>0</v>
      </c>
      <c r="W1033" s="166">
        <v>0</v>
      </c>
      <c r="X1033" s="166">
        <v>0</v>
      </c>
      <c r="Y1033" s="166">
        <v>0</v>
      </c>
      <c r="Z1033" s="166">
        <v>0</v>
      </c>
      <c r="AA1033" s="166">
        <v>0</v>
      </c>
      <c r="AB1033" s="166">
        <v>0</v>
      </c>
      <c r="AC1033" s="166">
        <v>0</v>
      </c>
      <c r="AD1033" s="166">
        <v>0</v>
      </c>
      <c r="AE1033" s="166">
        <v>0</v>
      </c>
      <c r="AF1033" s="166">
        <v>0</v>
      </c>
      <c r="AG1033" s="166">
        <v>0</v>
      </c>
      <c r="AH1033" s="166">
        <v>0</v>
      </c>
      <c r="AI1033" s="166">
        <v>0</v>
      </c>
      <c r="AJ1033" s="166">
        <v>0</v>
      </c>
      <c r="AK1033" s="166">
        <v>0</v>
      </c>
      <c r="AL1033" s="166">
        <v>0</v>
      </c>
      <c r="AM1033" s="166">
        <v>0</v>
      </c>
      <c r="AN1033" s="166">
        <v>0</v>
      </c>
      <c r="AO1033" s="166">
        <v>0</v>
      </c>
      <c r="AP1033" s="166">
        <v>0</v>
      </c>
      <c r="AQ1033" s="166">
        <v>0</v>
      </c>
      <c r="AR1033" s="166">
        <v>0</v>
      </c>
      <c r="AS1033" s="166">
        <v>0</v>
      </c>
      <c r="AT1033" s="166">
        <v>0</v>
      </c>
      <c r="AU1033" s="166">
        <v>0</v>
      </c>
      <c r="AV1033" s="166">
        <v>0</v>
      </c>
      <c r="AW1033" s="166">
        <v>0</v>
      </c>
      <c r="AX1033" s="166">
        <v>0</v>
      </c>
      <c r="AY1033" s="166">
        <v>0</v>
      </c>
      <c r="AZ1033" s="166">
        <v>0</v>
      </c>
      <c r="BA1033" s="166">
        <v>0</v>
      </c>
      <c r="BB1033" s="166">
        <v>0</v>
      </c>
      <c r="BC1033" s="166">
        <v>0</v>
      </c>
      <c r="BD1033" s="166">
        <v>0</v>
      </c>
      <c r="BE1033" s="166">
        <v>0</v>
      </c>
      <c r="BF1033" s="166">
        <v>0</v>
      </c>
      <c r="BG1033" s="166">
        <v>0</v>
      </c>
      <c r="BH1033" s="166">
        <v>0</v>
      </c>
      <c r="BI1033" s="166">
        <v>0</v>
      </c>
      <c r="BJ1033" s="166">
        <v>0</v>
      </c>
      <c r="BK1033" s="166">
        <v>0</v>
      </c>
      <c r="BL1033" s="166">
        <v>0</v>
      </c>
      <c r="BM1033" s="166">
        <v>0</v>
      </c>
      <c r="BN1033" s="166">
        <v>0</v>
      </c>
      <c r="BO1033" s="166">
        <v>0</v>
      </c>
      <c r="BP1033" s="166">
        <v>0</v>
      </c>
      <c r="BQ1033" s="166">
        <v>0</v>
      </c>
      <c r="BR1033" s="166">
        <v>7793616.6470910097</v>
      </c>
      <c r="BS1033" s="166">
        <v>7793616.6470910097</v>
      </c>
      <c r="BT1033" s="168">
        <v>0</v>
      </c>
      <c r="BU1033" s="166">
        <v>0</v>
      </c>
      <c r="BV1033" s="166">
        <v>0</v>
      </c>
      <c r="BW1033" s="166">
        <v>0</v>
      </c>
      <c r="BX1033" s="166">
        <v>0</v>
      </c>
      <c r="BY1033" s="166">
        <v>0</v>
      </c>
      <c r="BZ1033" s="166">
        <v>0</v>
      </c>
      <c r="CA1033" s="166">
        <v>0</v>
      </c>
      <c r="CB1033" s="166">
        <v>0</v>
      </c>
      <c r="CC1033" s="166">
        <v>0</v>
      </c>
      <c r="CD1033" s="166">
        <v>0</v>
      </c>
      <c r="CE1033" s="166">
        <v>0</v>
      </c>
      <c r="CF1033" s="166">
        <v>0</v>
      </c>
      <c r="CG1033" s="166">
        <v>0</v>
      </c>
      <c r="CH1033" s="166">
        <v>0</v>
      </c>
      <c r="CI1033" s="166">
        <v>0</v>
      </c>
      <c r="CJ1033" s="166">
        <v>0</v>
      </c>
      <c r="CK1033" s="166">
        <v>0</v>
      </c>
      <c r="CL1033" s="166">
        <v>0</v>
      </c>
      <c r="CM1033" s="166">
        <v>0</v>
      </c>
      <c r="CN1033" s="166">
        <v>0</v>
      </c>
      <c r="CO1033" s="166">
        <v>0</v>
      </c>
      <c r="CP1033" s="166">
        <v>0</v>
      </c>
      <c r="CQ1033" s="166">
        <v>0</v>
      </c>
      <c r="CR1033" s="166">
        <v>0</v>
      </c>
      <c r="CS1033" s="166">
        <v>0</v>
      </c>
      <c r="CT1033" s="166">
        <v>0</v>
      </c>
      <c r="CU1033" s="166">
        <v>0</v>
      </c>
      <c r="CV1033" s="166">
        <v>0</v>
      </c>
      <c r="CW1033" s="166">
        <v>0</v>
      </c>
      <c r="CX1033" s="166">
        <v>0</v>
      </c>
      <c r="CY1033" s="166">
        <v>0</v>
      </c>
      <c r="CZ1033" s="166">
        <v>0</v>
      </c>
    </row>
    <row r="1034" spans="1:104" x14ac:dyDescent="0.2">
      <c r="A1034" s="167" t="s">
        <v>562</v>
      </c>
      <c r="B1034" s="166">
        <v>6660568.2997173704</v>
      </c>
      <c r="C1034" s="166">
        <v>6660568.2997173704</v>
      </c>
      <c r="D1034" s="166">
        <v>0</v>
      </c>
      <c r="E1034" s="166">
        <v>0</v>
      </c>
      <c r="F1034" s="166">
        <v>0</v>
      </c>
      <c r="G1034" s="166">
        <v>0</v>
      </c>
      <c r="H1034" s="166">
        <v>0</v>
      </c>
      <c r="I1034" s="166">
        <v>0</v>
      </c>
      <c r="J1034" s="166">
        <v>0</v>
      </c>
      <c r="K1034" s="166">
        <v>0</v>
      </c>
      <c r="L1034" s="166">
        <v>0</v>
      </c>
      <c r="M1034" s="166">
        <v>0</v>
      </c>
      <c r="N1034" s="166">
        <v>0</v>
      </c>
      <c r="O1034" s="166">
        <v>0</v>
      </c>
      <c r="P1034" s="166">
        <v>0</v>
      </c>
      <c r="Q1034" s="166">
        <v>0</v>
      </c>
      <c r="R1034" s="166">
        <v>0</v>
      </c>
      <c r="S1034" s="166">
        <v>0</v>
      </c>
      <c r="T1034" s="166">
        <v>0</v>
      </c>
      <c r="U1034" s="166">
        <v>0</v>
      </c>
      <c r="V1034" s="166">
        <v>0</v>
      </c>
      <c r="W1034" s="166">
        <v>0</v>
      </c>
      <c r="X1034" s="166">
        <v>0</v>
      </c>
      <c r="Y1034" s="166">
        <v>0</v>
      </c>
      <c r="Z1034" s="166">
        <v>0</v>
      </c>
      <c r="AA1034" s="166">
        <v>0</v>
      </c>
      <c r="AB1034" s="166">
        <v>0</v>
      </c>
      <c r="AC1034" s="166">
        <v>0</v>
      </c>
      <c r="AD1034" s="166">
        <v>0</v>
      </c>
      <c r="AE1034" s="166">
        <v>0</v>
      </c>
      <c r="AF1034" s="166">
        <v>0</v>
      </c>
      <c r="AG1034" s="166">
        <v>0</v>
      </c>
      <c r="AH1034" s="166">
        <v>0</v>
      </c>
      <c r="AI1034" s="166">
        <v>0</v>
      </c>
      <c r="AJ1034" s="166">
        <v>0</v>
      </c>
      <c r="AK1034" s="166">
        <v>0</v>
      </c>
      <c r="AL1034" s="166">
        <v>0</v>
      </c>
      <c r="AM1034" s="166">
        <v>0</v>
      </c>
      <c r="AN1034" s="166">
        <v>0</v>
      </c>
      <c r="AO1034" s="166">
        <v>0</v>
      </c>
      <c r="AP1034" s="166">
        <v>0</v>
      </c>
      <c r="AQ1034" s="166">
        <v>0</v>
      </c>
      <c r="AR1034" s="166">
        <v>0</v>
      </c>
      <c r="AS1034" s="166">
        <v>0</v>
      </c>
      <c r="AT1034" s="166">
        <v>0</v>
      </c>
      <c r="AU1034" s="166">
        <v>0</v>
      </c>
      <c r="AV1034" s="166">
        <v>0</v>
      </c>
      <c r="AW1034" s="166">
        <v>0</v>
      </c>
      <c r="AX1034" s="166">
        <v>0</v>
      </c>
      <c r="AY1034" s="166">
        <v>0</v>
      </c>
      <c r="AZ1034" s="166">
        <v>0</v>
      </c>
      <c r="BA1034" s="166">
        <v>0</v>
      </c>
      <c r="BB1034" s="166">
        <v>0</v>
      </c>
      <c r="BC1034" s="166">
        <v>0</v>
      </c>
      <c r="BD1034" s="166">
        <v>0</v>
      </c>
      <c r="BE1034" s="166">
        <v>0</v>
      </c>
      <c r="BF1034" s="166">
        <v>0</v>
      </c>
      <c r="BG1034" s="166">
        <v>0</v>
      </c>
      <c r="BH1034" s="166">
        <v>0</v>
      </c>
      <c r="BI1034" s="166">
        <v>0</v>
      </c>
      <c r="BJ1034" s="166">
        <v>0</v>
      </c>
      <c r="BK1034" s="166">
        <v>0</v>
      </c>
      <c r="BL1034" s="166">
        <v>0</v>
      </c>
      <c r="BM1034" s="166">
        <v>0</v>
      </c>
      <c r="BN1034" s="166">
        <v>0</v>
      </c>
      <c r="BO1034" s="166">
        <v>0</v>
      </c>
      <c r="BP1034" s="166">
        <v>0</v>
      </c>
      <c r="BQ1034" s="166">
        <v>0</v>
      </c>
      <c r="BR1034" s="166">
        <v>6660568.2997173704</v>
      </c>
      <c r="BS1034" s="166">
        <v>6660568.2997173704</v>
      </c>
      <c r="BT1034" s="168">
        <v>0</v>
      </c>
      <c r="BU1034" s="166">
        <v>0</v>
      </c>
      <c r="BV1034" s="166">
        <v>0</v>
      </c>
      <c r="BW1034" s="166">
        <v>0</v>
      </c>
      <c r="BX1034" s="166">
        <v>0</v>
      </c>
      <c r="BY1034" s="166">
        <v>0</v>
      </c>
      <c r="BZ1034" s="166">
        <v>0</v>
      </c>
      <c r="CA1034" s="166">
        <v>0</v>
      </c>
      <c r="CB1034" s="166">
        <v>0</v>
      </c>
      <c r="CC1034" s="166">
        <v>0</v>
      </c>
      <c r="CD1034" s="166">
        <v>0</v>
      </c>
      <c r="CE1034" s="166">
        <v>0</v>
      </c>
      <c r="CF1034" s="166">
        <v>0</v>
      </c>
      <c r="CG1034" s="166">
        <v>0</v>
      </c>
      <c r="CH1034" s="166">
        <v>0</v>
      </c>
      <c r="CI1034" s="166">
        <v>0</v>
      </c>
      <c r="CJ1034" s="166">
        <v>0</v>
      </c>
      <c r="CK1034" s="166">
        <v>0</v>
      </c>
      <c r="CL1034" s="166">
        <v>0</v>
      </c>
      <c r="CM1034" s="166">
        <v>0</v>
      </c>
      <c r="CN1034" s="166">
        <v>0</v>
      </c>
      <c r="CO1034" s="166">
        <v>0</v>
      </c>
      <c r="CP1034" s="166">
        <v>0</v>
      </c>
      <c r="CQ1034" s="166">
        <v>0</v>
      </c>
      <c r="CR1034" s="166">
        <v>0</v>
      </c>
      <c r="CS1034" s="166">
        <v>0</v>
      </c>
      <c r="CT1034" s="166">
        <v>0</v>
      </c>
      <c r="CU1034" s="166">
        <v>0</v>
      </c>
      <c r="CV1034" s="166">
        <v>0</v>
      </c>
      <c r="CW1034" s="166">
        <v>0</v>
      </c>
      <c r="CX1034" s="166">
        <v>0</v>
      </c>
      <c r="CY1034" s="166">
        <v>0</v>
      </c>
      <c r="CZ1034" s="166">
        <v>0</v>
      </c>
    </row>
    <row r="1035" spans="1:104" x14ac:dyDescent="0.2">
      <c r="A1035" s="177" t="s">
        <v>563</v>
      </c>
      <c r="B1035" s="166">
        <v>40579303.263760403</v>
      </c>
      <c r="C1035" s="166">
        <v>40579303.263760403</v>
      </c>
      <c r="D1035" s="166">
        <v>0</v>
      </c>
      <c r="E1035" s="166">
        <v>0</v>
      </c>
      <c r="F1035" s="166">
        <v>0</v>
      </c>
      <c r="G1035" s="166">
        <v>0</v>
      </c>
      <c r="H1035" s="166">
        <v>0</v>
      </c>
      <c r="I1035" s="166">
        <v>0</v>
      </c>
      <c r="J1035" s="166">
        <v>0</v>
      </c>
      <c r="K1035" s="166">
        <v>0</v>
      </c>
      <c r="L1035" s="166">
        <v>0</v>
      </c>
      <c r="M1035" s="166">
        <v>0</v>
      </c>
      <c r="N1035" s="166">
        <v>0</v>
      </c>
      <c r="O1035" s="166">
        <v>0</v>
      </c>
      <c r="P1035" s="166">
        <v>0</v>
      </c>
      <c r="Q1035" s="166">
        <v>0</v>
      </c>
      <c r="R1035" s="166">
        <v>0</v>
      </c>
      <c r="S1035" s="166">
        <v>0</v>
      </c>
      <c r="T1035" s="166">
        <v>0</v>
      </c>
      <c r="U1035" s="166">
        <v>0</v>
      </c>
      <c r="V1035" s="166">
        <v>0</v>
      </c>
      <c r="W1035" s="166">
        <v>0</v>
      </c>
      <c r="X1035" s="166">
        <v>0</v>
      </c>
      <c r="Y1035" s="166">
        <v>0</v>
      </c>
      <c r="Z1035" s="166">
        <v>0</v>
      </c>
      <c r="AA1035" s="166">
        <v>0</v>
      </c>
      <c r="AB1035" s="166">
        <v>0</v>
      </c>
      <c r="AC1035" s="166">
        <v>0</v>
      </c>
      <c r="AD1035" s="166">
        <v>0</v>
      </c>
      <c r="AE1035" s="166">
        <v>0</v>
      </c>
      <c r="AF1035" s="166">
        <v>0</v>
      </c>
      <c r="AG1035" s="166">
        <v>0</v>
      </c>
      <c r="AH1035" s="166">
        <v>0</v>
      </c>
      <c r="AI1035" s="166">
        <v>0</v>
      </c>
      <c r="AJ1035" s="166">
        <v>0</v>
      </c>
      <c r="AK1035" s="166">
        <v>0</v>
      </c>
      <c r="AL1035" s="166">
        <v>0</v>
      </c>
      <c r="AM1035" s="166">
        <v>0</v>
      </c>
      <c r="AN1035" s="166">
        <v>0</v>
      </c>
      <c r="AO1035" s="166">
        <v>0</v>
      </c>
      <c r="AP1035" s="166">
        <v>0</v>
      </c>
      <c r="AQ1035" s="166">
        <v>0</v>
      </c>
      <c r="AR1035" s="166">
        <v>0</v>
      </c>
      <c r="AS1035" s="166">
        <v>0</v>
      </c>
      <c r="AT1035" s="166">
        <v>0</v>
      </c>
      <c r="AU1035" s="166">
        <v>0</v>
      </c>
      <c r="AV1035" s="166">
        <v>0</v>
      </c>
      <c r="AW1035" s="166">
        <v>0</v>
      </c>
      <c r="AX1035" s="166">
        <v>0</v>
      </c>
      <c r="AY1035" s="166">
        <v>0</v>
      </c>
      <c r="AZ1035" s="166">
        <v>0</v>
      </c>
      <c r="BA1035" s="166">
        <v>0</v>
      </c>
      <c r="BB1035" s="166">
        <v>0</v>
      </c>
      <c r="BC1035" s="166">
        <v>0</v>
      </c>
      <c r="BD1035" s="166">
        <v>0</v>
      </c>
      <c r="BE1035" s="166">
        <v>0</v>
      </c>
      <c r="BF1035" s="166">
        <v>0</v>
      </c>
      <c r="BG1035" s="166">
        <v>0</v>
      </c>
      <c r="BH1035" s="166">
        <v>0</v>
      </c>
      <c r="BI1035" s="166">
        <v>0</v>
      </c>
      <c r="BJ1035" s="166">
        <v>0</v>
      </c>
      <c r="BK1035" s="166">
        <v>0</v>
      </c>
      <c r="BL1035" s="166">
        <v>0</v>
      </c>
      <c r="BM1035" s="166">
        <v>0</v>
      </c>
      <c r="BN1035" s="166">
        <v>0</v>
      </c>
      <c r="BO1035" s="166">
        <v>0</v>
      </c>
      <c r="BP1035" s="166">
        <v>0</v>
      </c>
      <c r="BQ1035" s="166">
        <v>0</v>
      </c>
      <c r="BR1035" s="166">
        <v>40579303.263760403</v>
      </c>
      <c r="BS1035" s="166">
        <v>40579303.263760403</v>
      </c>
      <c r="BT1035" s="168">
        <v>0</v>
      </c>
      <c r="BU1035" s="166">
        <v>0</v>
      </c>
      <c r="BV1035" s="166">
        <v>0</v>
      </c>
      <c r="BW1035" s="166">
        <v>0</v>
      </c>
      <c r="BX1035" s="166">
        <v>0</v>
      </c>
      <c r="BY1035" s="166">
        <v>0</v>
      </c>
      <c r="BZ1035" s="166">
        <v>0</v>
      </c>
      <c r="CA1035" s="166">
        <v>0</v>
      </c>
      <c r="CB1035" s="166">
        <v>0</v>
      </c>
      <c r="CC1035" s="166">
        <v>0</v>
      </c>
      <c r="CD1035" s="166">
        <v>0</v>
      </c>
      <c r="CE1035" s="166">
        <v>0</v>
      </c>
      <c r="CF1035" s="166">
        <v>0</v>
      </c>
      <c r="CG1035" s="166">
        <v>0</v>
      </c>
      <c r="CH1035" s="166">
        <v>0</v>
      </c>
      <c r="CI1035" s="166">
        <v>0</v>
      </c>
      <c r="CJ1035" s="166">
        <v>0</v>
      </c>
      <c r="CK1035" s="166">
        <v>0</v>
      </c>
      <c r="CL1035" s="166">
        <v>0</v>
      </c>
      <c r="CM1035" s="166">
        <v>0</v>
      </c>
      <c r="CN1035" s="166">
        <v>0</v>
      </c>
      <c r="CO1035" s="166">
        <v>0</v>
      </c>
      <c r="CP1035" s="166">
        <v>0</v>
      </c>
      <c r="CQ1035" s="166">
        <v>0</v>
      </c>
      <c r="CR1035" s="166">
        <v>0</v>
      </c>
      <c r="CS1035" s="166">
        <v>0</v>
      </c>
      <c r="CT1035" s="166">
        <v>0</v>
      </c>
      <c r="CU1035" s="166">
        <v>0</v>
      </c>
      <c r="CV1035" s="166">
        <v>0</v>
      </c>
      <c r="CW1035" s="166">
        <v>0</v>
      </c>
      <c r="CX1035" s="166">
        <v>0</v>
      </c>
      <c r="CY1035" s="166">
        <v>0</v>
      </c>
      <c r="CZ1035" s="166">
        <v>0</v>
      </c>
    </row>
    <row r="1036" spans="1:104" x14ac:dyDescent="0.2">
      <c r="A1036" s="167" t="s">
        <v>564</v>
      </c>
      <c r="B1036" s="166">
        <v>0</v>
      </c>
      <c r="C1036" s="166">
        <v>0</v>
      </c>
      <c r="D1036" s="166">
        <v>0</v>
      </c>
      <c r="E1036" s="166">
        <v>0</v>
      </c>
      <c r="F1036" s="166">
        <v>0</v>
      </c>
      <c r="G1036" s="166">
        <v>0</v>
      </c>
      <c r="H1036" s="166">
        <v>0</v>
      </c>
      <c r="I1036" s="166">
        <v>0</v>
      </c>
      <c r="J1036" s="166">
        <v>0</v>
      </c>
      <c r="K1036" s="166">
        <v>0</v>
      </c>
      <c r="L1036" s="166">
        <v>0</v>
      </c>
      <c r="M1036" s="166">
        <v>0</v>
      </c>
      <c r="N1036" s="166">
        <v>0</v>
      </c>
      <c r="O1036" s="166">
        <v>0</v>
      </c>
      <c r="P1036" s="166">
        <v>0</v>
      </c>
      <c r="Q1036" s="166">
        <v>0</v>
      </c>
      <c r="R1036" s="166">
        <v>0</v>
      </c>
      <c r="S1036" s="166">
        <v>0</v>
      </c>
      <c r="T1036" s="166">
        <v>0</v>
      </c>
      <c r="U1036" s="166">
        <v>0</v>
      </c>
      <c r="V1036" s="166">
        <v>0</v>
      </c>
      <c r="W1036" s="166">
        <v>0</v>
      </c>
      <c r="X1036" s="166">
        <v>0</v>
      </c>
      <c r="Y1036" s="166">
        <v>0</v>
      </c>
      <c r="Z1036" s="166">
        <v>0</v>
      </c>
      <c r="AA1036" s="166">
        <v>0</v>
      </c>
      <c r="AB1036" s="166">
        <v>0</v>
      </c>
      <c r="AC1036" s="166">
        <v>0</v>
      </c>
      <c r="AD1036" s="166">
        <v>0</v>
      </c>
      <c r="AE1036" s="166">
        <v>0</v>
      </c>
      <c r="AF1036" s="166">
        <v>0</v>
      </c>
      <c r="AG1036" s="166">
        <v>0</v>
      </c>
      <c r="AH1036" s="166">
        <v>0</v>
      </c>
      <c r="AI1036" s="166">
        <v>0</v>
      </c>
      <c r="AJ1036" s="166">
        <v>0</v>
      </c>
      <c r="AK1036" s="166">
        <v>0</v>
      </c>
      <c r="AL1036" s="166">
        <v>0</v>
      </c>
      <c r="AM1036" s="166">
        <v>0</v>
      </c>
      <c r="AN1036" s="166">
        <v>0</v>
      </c>
      <c r="AO1036" s="166">
        <v>0</v>
      </c>
      <c r="AP1036" s="166">
        <v>0</v>
      </c>
      <c r="AQ1036" s="166">
        <v>0</v>
      </c>
      <c r="AR1036" s="166">
        <v>0</v>
      </c>
      <c r="AS1036" s="166">
        <v>0</v>
      </c>
      <c r="AT1036" s="166">
        <v>0</v>
      </c>
      <c r="AU1036" s="166">
        <v>0</v>
      </c>
      <c r="AV1036" s="166">
        <v>0</v>
      </c>
      <c r="AW1036" s="166">
        <v>0</v>
      </c>
      <c r="AX1036" s="166">
        <v>0</v>
      </c>
      <c r="AY1036" s="166">
        <v>0</v>
      </c>
      <c r="AZ1036" s="166">
        <v>0</v>
      </c>
      <c r="BA1036" s="166">
        <v>0</v>
      </c>
      <c r="BB1036" s="166">
        <v>0</v>
      </c>
      <c r="BC1036" s="166">
        <v>0</v>
      </c>
      <c r="BD1036" s="166">
        <v>0</v>
      </c>
      <c r="BE1036" s="166">
        <v>0</v>
      </c>
      <c r="BF1036" s="166">
        <v>0</v>
      </c>
      <c r="BG1036" s="166">
        <v>0</v>
      </c>
      <c r="BH1036" s="166">
        <v>0</v>
      </c>
      <c r="BI1036" s="166">
        <v>0</v>
      </c>
      <c r="BJ1036" s="166">
        <v>0</v>
      </c>
      <c r="BK1036" s="166">
        <v>0</v>
      </c>
      <c r="BL1036" s="166">
        <v>0</v>
      </c>
      <c r="BM1036" s="166">
        <v>0</v>
      </c>
      <c r="BN1036" s="166">
        <v>0</v>
      </c>
      <c r="BO1036" s="166">
        <v>0</v>
      </c>
      <c r="BP1036" s="166">
        <v>0</v>
      </c>
      <c r="BQ1036" s="166">
        <v>0</v>
      </c>
      <c r="BR1036" s="166">
        <v>0</v>
      </c>
      <c r="BS1036" s="166">
        <v>0</v>
      </c>
      <c r="BT1036" s="168">
        <v>0</v>
      </c>
      <c r="BU1036" s="166">
        <v>0</v>
      </c>
      <c r="BV1036" s="166">
        <v>0</v>
      </c>
      <c r="BW1036" s="166">
        <v>0</v>
      </c>
      <c r="BX1036" s="166">
        <v>0</v>
      </c>
      <c r="BY1036" s="166">
        <v>0</v>
      </c>
      <c r="BZ1036" s="166">
        <v>0</v>
      </c>
      <c r="CA1036" s="166">
        <v>0</v>
      </c>
      <c r="CB1036" s="166">
        <v>0</v>
      </c>
      <c r="CC1036" s="166">
        <v>0</v>
      </c>
      <c r="CD1036" s="166">
        <v>0</v>
      </c>
      <c r="CE1036" s="166">
        <v>0</v>
      </c>
      <c r="CF1036" s="166">
        <v>0</v>
      </c>
      <c r="CG1036" s="166">
        <v>0</v>
      </c>
      <c r="CH1036" s="166">
        <v>0</v>
      </c>
      <c r="CI1036" s="166">
        <v>0</v>
      </c>
      <c r="CJ1036" s="166">
        <v>0</v>
      </c>
      <c r="CK1036" s="166">
        <v>0</v>
      </c>
      <c r="CL1036" s="166">
        <v>0</v>
      </c>
      <c r="CM1036" s="166">
        <v>0</v>
      </c>
      <c r="CN1036" s="166">
        <v>0</v>
      </c>
      <c r="CO1036" s="166">
        <v>0</v>
      </c>
      <c r="CP1036" s="166">
        <v>0</v>
      </c>
      <c r="CQ1036" s="166">
        <v>0</v>
      </c>
      <c r="CR1036" s="166">
        <v>0</v>
      </c>
      <c r="CS1036" s="166">
        <v>0</v>
      </c>
      <c r="CT1036" s="166">
        <v>0</v>
      </c>
      <c r="CU1036" s="166">
        <v>0</v>
      </c>
      <c r="CV1036" s="166">
        <v>0</v>
      </c>
      <c r="CW1036" s="166">
        <v>0</v>
      </c>
      <c r="CX1036" s="166">
        <v>0</v>
      </c>
      <c r="CY1036" s="166">
        <v>0</v>
      </c>
      <c r="CZ1036" s="166">
        <v>0</v>
      </c>
    </row>
    <row r="1037" spans="1:104" x14ac:dyDescent="0.2">
      <c r="A1037" s="167" t="s">
        <v>565</v>
      </c>
      <c r="B1037" s="166">
        <v>695363.28109708603</v>
      </c>
      <c r="C1037" s="166">
        <v>695363.28109708603</v>
      </c>
      <c r="D1037" s="166">
        <v>0</v>
      </c>
      <c r="E1037" s="166">
        <v>0</v>
      </c>
      <c r="F1037" s="166">
        <v>0</v>
      </c>
      <c r="G1037" s="166">
        <v>0</v>
      </c>
      <c r="H1037" s="166">
        <v>0</v>
      </c>
      <c r="I1037" s="166">
        <v>0</v>
      </c>
      <c r="J1037" s="166">
        <v>0</v>
      </c>
      <c r="K1037" s="166">
        <v>0</v>
      </c>
      <c r="L1037" s="166">
        <v>0</v>
      </c>
      <c r="M1037" s="166">
        <v>0</v>
      </c>
      <c r="N1037" s="166">
        <v>0</v>
      </c>
      <c r="O1037" s="166">
        <v>0</v>
      </c>
      <c r="P1037" s="166">
        <v>0</v>
      </c>
      <c r="Q1037" s="166">
        <v>0</v>
      </c>
      <c r="R1037" s="166">
        <v>0</v>
      </c>
      <c r="S1037" s="166">
        <v>0</v>
      </c>
      <c r="T1037" s="166">
        <v>0</v>
      </c>
      <c r="U1037" s="166">
        <v>0</v>
      </c>
      <c r="V1037" s="166">
        <v>0</v>
      </c>
      <c r="W1037" s="166">
        <v>0</v>
      </c>
      <c r="X1037" s="166">
        <v>0</v>
      </c>
      <c r="Y1037" s="166">
        <v>0</v>
      </c>
      <c r="Z1037" s="166">
        <v>0</v>
      </c>
      <c r="AA1037" s="166">
        <v>0</v>
      </c>
      <c r="AB1037" s="166">
        <v>0</v>
      </c>
      <c r="AC1037" s="166">
        <v>0</v>
      </c>
      <c r="AD1037" s="166">
        <v>0</v>
      </c>
      <c r="AE1037" s="166">
        <v>0</v>
      </c>
      <c r="AF1037" s="166">
        <v>0</v>
      </c>
      <c r="AG1037" s="166">
        <v>0</v>
      </c>
      <c r="AH1037" s="166">
        <v>0</v>
      </c>
      <c r="AI1037" s="166">
        <v>0</v>
      </c>
      <c r="AJ1037" s="166">
        <v>0</v>
      </c>
      <c r="AK1037" s="166">
        <v>0</v>
      </c>
      <c r="AL1037" s="166">
        <v>0</v>
      </c>
      <c r="AM1037" s="166">
        <v>0</v>
      </c>
      <c r="AN1037" s="166">
        <v>0</v>
      </c>
      <c r="AO1037" s="166">
        <v>0</v>
      </c>
      <c r="AP1037" s="166">
        <v>0</v>
      </c>
      <c r="AQ1037" s="166">
        <v>0</v>
      </c>
      <c r="AR1037" s="166">
        <v>0</v>
      </c>
      <c r="AS1037" s="166">
        <v>0</v>
      </c>
      <c r="AT1037" s="166">
        <v>0</v>
      </c>
      <c r="AU1037" s="166">
        <v>0</v>
      </c>
      <c r="AV1037" s="166">
        <v>0</v>
      </c>
      <c r="AW1037" s="166">
        <v>0</v>
      </c>
      <c r="AX1037" s="166">
        <v>0</v>
      </c>
      <c r="AY1037" s="166">
        <v>0</v>
      </c>
      <c r="AZ1037" s="166">
        <v>0</v>
      </c>
      <c r="BA1037" s="166">
        <v>0</v>
      </c>
      <c r="BB1037" s="166">
        <v>0</v>
      </c>
      <c r="BC1037" s="166">
        <v>0</v>
      </c>
      <c r="BD1037" s="166">
        <v>0</v>
      </c>
      <c r="BE1037" s="166">
        <v>0</v>
      </c>
      <c r="BF1037" s="166">
        <v>0</v>
      </c>
      <c r="BG1037" s="166">
        <v>0</v>
      </c>
      <c r="BH1037" s="166">
        <v>0</v>
      </c>
      <c r="BI1037" s="166">
        <v>0</v>
      </c>
      <c r="BJ1037" s="166">
        <v>0</v>
      </c>
      <c r="BK1037" s="166">
        <v>0</v>
      </c>
      <c r="BL1037" s="166">
        <v>0</v>
      </c>
      <c r="BM1037" s="166">
        <v>0</v>
      </c>
      <c r="BN1037" s="166">
        <v>0</v>
      </c>
      <c r="BO1037" s="166">
        <v>0</v>
      </c>
      <c r="BP1037" s="166">
        <v>0</v>
      </c>
      <c r="BQ1037" s="166">
        <v>0</v>
      </c>
      <c r="BR1037" s="166">
        <v>695363.28109708603</v>
      </c>
      <c r="BS1037" s="166">
        <v>695363.28109708603</v>
      </c>
      <c r="BT1037" s="168">
        <v>0</v>
      </c>
      <c r="BU1037" s="166">
        <v>0</v>
      </c>
      <c r="BV1037" s="166">
        <v>0</v>
      </c>
      <c r="BW1037" s="166">
        <v>0</v>
      </c>
      <c r="BX1037" s="166">
        <v>0</v>
      </c>
      <c r="BY1037" s="166">
        <v>0</v>
      </c>
      <c r="BZ1037" s="166">
        <v>0</v>
      </c>
      <c r="CA1037" s="166">
        <v>0</v>
      </c>
      <c r="CB1037" s="166">
        <v>0</v>
      </c>
      <c r="CC1037" s="166">
        <v>0</v>
      </c>
      <c r="CD1037" s="166">
        <v>0</v>
      </c>
      <c r="CE1037" s="166">
        <v>0</v>
      </c>
      <c r="CF1037" s="166">
        <v>0</v>
      </c>
      <c r="CG1037" s="166">
        <v>0</v>
      </c>
      <c r="CH1037" s="166">
        <v>0</v>
      </c>
      <c r="CI1037" s="166">
        <v>0</v>
      </c>
      <c r="CJ1037" s="166">
        <v>0</v>
      </c>
      <c r="CK1037" s="166">
        <v>0</v>
      </c>
      <c r="CL1037" s="166">
        <v>0</v>
      </c>
      <c r="CM1037" s="166">
        <v>0</v>
      </c>
      <c r="CN1037" s="166">
        <v>0</v>
      </c>
      <c r="CO1037" s="166">
        <v>0</v>
      </c>
      <c r="CP1037" s="166">
        <v>0</v>
      </c>
      <c r="CQ1037" s="166">
        <v>0</v>
      </c>
      <c r="CR1037" s="166">
        <v>0</v>
      </c>
      <c r="CS1037" s="166">
        <v>0</v>
      </c>
      <c r="CT1037" s="166">
        <v>0</v>
      </c>
      <c r="CU1037" s="166">
        <v>0</v>
      </c>
      <c r="CV1037" s="166">
        <v>0</v>
      </c>
      <c r="CW1037" s="166">
        <v>0</v>
      </c>
      <c r="CX1037" s="166">
        <v>0</v>
      </c>
      <c r="CY1037" s="166">
        <v>0</v>
      </c>
      <c r="CZ1037" s="166">
        <v>0</v>
      </c>
    </row>
    <row r="1038" spans="1:104" x14ac:dyDescent="0.2">
      <c r="A1038" s="167" t="s">
        <v>566</v>
      </c>
      <c r="B1038" s="166">
        <v>8389.8695140958207</v>
      </c>
      <c r="C1038" s="166">
        <v>8389.8695140958207</v>
      </c>
      <c r="D1038" s="166">
        <v>0</v>
      </c>
      <c r="E1038" s="166">
        <v>0</v>
      </c>
      <c r="F1038" s="166">
        <v>0</v>
      </c>
      <c r="G1038" s="166">
        <v>0</v>
      </c>
      <c r="H1038" s="166">
        <v>0</v>
      </c>
      <c r="I1038" s="166">
        <v>0</v>
      </c>
      <c r="J1038" s="166">
        <v>0</v>
      </c>
      <c r="K1038" s="166">
        <v>0</v>
      </c>
      <c r="L1038" s="166">
        <v>0</v>
      </c>
      <c r="M1038" s="166">
        <v>0</v>
      </c>
      <c r="N1038" s="166">
        <v>0</v>
      </c>
      <c r="O1038" s="166">
        <v>0</v>
      </c>
      <c r="P1038" s="166">
        <v>0</v>
      </c>
      <c r="Q1038" s="166">
        <v>0</v>
      </c>
      <c r="R1038" s="166">
        <v>0</v>
      </c>
      <c r="S1038" s="166">
        <v>0</v>
      </c>
      <c r="T1038" s="166">
        <v>0</v>
      </c>
      <c r="U1038" s="166">
        <v>0</v>
      </c>
      <c r="V1038" s="166">
        <v>0</v>
      </c>
      <c r="W1038" s="166">
        <v>0</v>
      </c>
      <c r="X1038" s="166">
        <v>0</v>
      </c>
      <c r="Y1038" s="166">
        <v>0</v>
      </c>
      <c r="Z1038" s="166">
        <v>0</v>
      </c>
      <c r="AA1038" s="166">
        <v>0</v>
      </c>
      <c r="AB1038" s="166">
        <v>0</v>
      </c>
      <c r="AC1038" s="166">
        <v>0</v>
      </c>
      <c r="AD1038" s="166">
        <v>0</v>
      </c>
      <c r="AE1038" s="166">
        <v>0</v>
      </c>
      <c r="AF1038" s="166">
        <v>0</v>
      </c>
      <c r="AG1038" s="166">
        <v>0</v>
      </c>
      <c r="AH1038" s="166">
        <v>0</v>
      </c>
      <c r="AI1038" s="166">
        <v>0</v>
      </c>
      <c r="AJ1038" s="166">
        <v>0</v>
      </c>
      <c r="AK1038" s="166">
        <v>0</v>
      </c>
      <c r="AL1038" s="166">
        <v>0</v>
      </c>
      <c r="AM1038" s="166">
        <v>0</v>
      </c>
      <c r="AN1038" s="166">
        <v>0</v>
      </c>
      <c r="AO1038" s="166">
        <v>0</v>
      </c>
      <c r="AP1038" s="166">
        <v>0</v>
      </c>
      <c r="AQ1038" s="166">
        <v>0</v>
      </c>
      <c r="AR1038" s="166">
        <v>0</v>
      </c>
      <c r="AS1038" s="166">
        <v>0</v>
      </c>
      <c r="AT1038" s="166">
        <v>0</v>
      </c>
      <c r="AU1038" s="166">
        <v>0</v>
      </c>
      <c r="AV1038" s="166">
        <v>0</v>
      </c>
      <c r="AW1038" s="166">
        <v>0</v>
      </c>
      <c r="AX1038" s="166">
        <v>0</v>
      </c>
      <c r="AY1038" s="166">
        <v>0</v>
      </c>
      <c r="AZ1038" s="166">
        <v>0</v>
      </c>
      <c r="BA1038" s="166">
        <v>0</v>
      </c>
      <c r="BB1038" s="166">
        <v>0</v>
      </c>
      <c r="BC1038" s="166">
        <v>0</v>
      </c>
      <c r="BD1038" s="166">
        <v>0</v>
      </c>
      <c r="BE1038" s="166">
        <v>0</v>
      </c>
      <c r="BF1038" s="166">
        <v>0</v>
      </c>
      <c r="BG1038" s="166">
        <v>0</v>
      </c>
      <c r="BH1038" s="166">
        <v>0</v>
      </c>
      <c r="BI1038" s="166">
        <v>0</v>
      </c>
      <c r="BJ1038" s="166">
        <v>0</v>
      </c>
      <c r="BK1038" s="166">
        <v>0</v>
      </c>
      <c r="BL1038" s="166">
        <v>0</v>
      </c>
      <c r="BM1038" s="166">
        <v>0</v>
      </c>
      <c r="BN1038" s="166">
        <v>0</v>
      </c>
      <c r="BO1038" s="166">
        <v>0</v>
      </c>
      <c r="BP1038" s="166">
        <v>0</v>
      </c>
      <c r="BQ1038" s="166">
        <v>0</v>
      </c>
      <c r="BR1038" s="166">
        <v>8389.8695140958207</v>
      </c>
      <c r="BS1038" s="166">
        <v>8389.8695140958207</v>
      </c>
      <c r="BT1038" s="168">
        <v>0</v>
      </c>
      <c r="BU1038" s="166">
        <v>0</v>
      </c>
      <c r="BV1038" s="166">
        <v>0</v>
      </c>
      <c r="BW1038" s="166">
        <v>0</v>
      </c>
      <c r="BX1038" s="166">
        <v>0</v>
      </c>
      <c r="BY1038" s="166">
        <v>0</v>
      </c>
      <c r="BZ1038" s="166">
        <v>0</v>
      </c>
      <c r="CA1038" s="166">
        <v>0</v>
      </c>
      <c r="CB1038" s="166">
        <v>0</v>
      </c>
      <c r="CC1038" s="166">
        <v>0</v>
      </c>
      <c r="CD1038" s="166">
        <v>0</v>
      </c>
      <c r="CE1038" s="166">
        <v>0</v>
      </c>
      <c r="CF1038" s="166">
        <v>0</v>
      </c>
      <c r="CG1038" s="166">
        <v>0</v>
      </c>
      <c r="CH1038" s="166">
        <v>0</v>
      </c>
      <c r="CI1038" s="166">
        <v>0</v>
      </c>
      <c r="CJ1038" s="166">
        <v>0</v>
      </c>
      <c r="CK1038" s="166">
        <v>0</v>
      </c>
      <c r="CL1038" s="166">
        <v>0</v>
      </c>
      <c r="CM1038" s="166">
        <v>0</v>
      </c>
      <c r="CN1038" s="166">
        <v>0</v>
      </c>
      <c r="CO1038" s="166">
        <v>0</v>
      </c>
      <c r="CP1038" s="166">
        <v>0</v>
      </c>
      <c r="CQ1038" s="166">
        <v>0</v>
      </c>
      <c r="CR1038" s="166">
        <v>0</v>
      </c>
      <c r="CS1038" s="166">
        <v>0</v>
      </c>
      <c r="CT1038" s="166">
        <v>0</v>
      </c>
      <c r="CU1038" s="166">
        <v>0</v>
      </c>
      <c r="CV1038" s="166">
        <v>0</v>
      </c>
      <c r="CW1038" s="166">
        <v>0</v>
      </c>
      <c r="CX1038" s="166">
        <v>0</v>
      </c>
      <c r="CY1038" s="166">
        <v>0</v>
      </c>
      <c r="CZ1038" s="166">
        <v>0</v>
      </c>
    </row>
    <row r="1039" spans="1:104" x14ac:dyDescent="0.2">
      <c r="A1039" s="167" t="s">
        <v>567</v>
      </c>
      <c r="B1039" s="166">
        <v>60523.070894711796</v>
      </c>
      <c r="C1039" s="166">
        <v>60523.070894711796</v>
      </c>
      <c r="D1039" s="166">
        <v>0</v>
      </c>
      <c r="E1039" s="166">
        <v>0</v>
      </c>
      <c r="F1039" s="166">
        <v>0</v>
      </c>
      <c r="G1039" s="166">
        <v>0</v>
      </c>
      <c r="H1039" s="166">
        <v>0</v>
      </c>
      <c r="I1039" s="166">
        <v>0</v>
      </c>
      <c r="J1039" s="166">
        <v>0</v>
      </c>
      <c r="K1039" s="166">
        <v>0</v>
      </c>
      <c r="L1039" s="166">
        <v>0</v>
      </c>
      <c r="M1039" s="166">
        <v>0</v>
      </c>
      <c r="N1039" s="166">
        <v>0</v>
      </c>
      <c r="O1039" s="166">
        <v>0</v>
      </c>
      <c r="P1039" s="166">
        <v>0</v>
      </c>
      <c r="Q1039" s="166">
        <v>0</v>
      </c>
      <c r="R1039" s="166">
        <v>0</v>
      </c>
      <c r="S1039" s="166">
        <v>0</v>
      </c>
      <c r="T1039" s="166">
        <v>0</v>
      </c>
      <c r="U1039" s="166">
        <v>0</v>
      </c>
      <c r="V1039" s="166">
        <v>0</v>
      </c>
      <c r="W1039" s="166">
        <v>0</v>
      </c>
      <c r="X1039" s="166">
        <v>0</v>
      </c>
      <c r="Y1039" s="166">
        <v>0</v>
      </c>
      <c r="Z1039" s="166">
        <v>0</v>
      </c>
      <c r="AA1039" s="166">
        <v>0</v>
      </c>
      <c r="AB1039" s="166">
        <v>0</v>
      </c>
      <c r="AC1039" s="166">
        <v>0</v>
      </c>
      <c r="AD1039" s="166">
        <v>0</v>
      </c>
      <c r="AE1039" s="166">
        <v>0</v>
      </c>
      <c r="AF1039" s="166">
        <v>0</v>
      </c>
      <c r="AG1039" s="166">
        <v>0</v>
      </c>
      <c r="AH1039" s="166">
        <v>0</v>
      </c>
      <c r="AI1039" s="166">
        <v>0</v>
      </c>
      <c r="AJ1039" s="166">
        <v>0</v>
      </c>
      <c r="AK1039" s="166">
        <v>0</v>
      </c>
      <c r="AL1039" s="166">
        <v>0</v>
      </c>
      <c r="AM1039" s="166">
        <v>0</v>
      </c>
      <c r="AN1039" s="166">
        <v>0</v>
      </c>
      <c r="AO1039" s="166">
        <v>0</v>
      </c>
      <c r="AP1039" s="166">
        <v>0</v>
      </c>
      <c r="AQ1039" s="166">
        <v>0</v>
      </c>
      <c r="AR1039" s="166">
        <v>0</v>
      </c>
      <c r="AS1039" s="166">
        <v>0</v>
      </c>
      <c r="AT1039" s="166">
        <v>0</v>
      </c>
      <c r="AU1039" s="166">
        <v>0</v>
      </c>
      <c r="AV1039" s="166">
        <v>0</v>
      </c>
      <c r="AW1039" s="166">
        <v>0</v>
      </c>
      <c r="AX1039" s="166">
        <v>0</v>
      </c>
      <c r="AY1039" s="166">
        <v>0</v>
      </c>
      <c r="AZ1039" s="166">
        <v>0</v>
      </c>
      <c r="BA1039" s="166">
        <v>0</v>
      </c>
      <c r="BB1039" s="166">
        <v>0</v>
      </c>
      <c r="BC1039" s="166">
        <v>0</v>
      </c>
      <c r="BD1039" s="166">
        <v>0</v>
      </c>
      <c r="BE1039" s="166">
        <v>0</v>
      </c>
      <c r="BF1039" s="166">
        <v>0</v>
      </c>
      <c r="BG1039" s="166">
        <v>0</v>
      </c>
      <c r="BH1039" s="166">
        <v>0</v>
      </c>
      <c r="BI1039" s="166">
        <v>0</v>
      </c>
      <c r="BJ1039" s="166">
        <v>0</v>
      </c>
      <c r="BK1039" s="166">
        <v>0</v>
      </c>
      <c r="BL1039" s="166">
        <v>0</v>
      </c>
      <c r="BM1039" s="166">
        <v>0</v>
      </c>
      <c r="BN1039" s="166">
        <v>0</v>
      </c>
      <c r="BO1039" s="166">
        <v>0</v>
      </c>
      <c r="BP1039" s="166">
        <v>0</v>
      </c>
      <c r="BQ1039" s="166">
        <v>0</v>
      </c>
      <c r="BR1039" s="166">
        <v>60523.070894711796</v>
      </c>
      <c r="BS1039" s="166">
        <v>60523.070894711796</v>
      </c>
      <c r="BT1039" s="168">
        <v>0</v>
      </c>
      <c r="BU1039" s="166">
        <v>0</v>
      </c>
      <c r="BV1039" s="166">
        <v>0</v>
      </c>
      <c r="BW1039" s="166">
        <v>0</v>
      </c>
      <c r="BX1039" s="166">
        <v>0</v>
      </c>
      <c r="BY1039" s="166">
        <v>0</v>
      </c>
      <c r="BZ1039" s="166">
        <v>0</v>
      </c>
      <c r="CA1039" s="166">
        <v>0</v>
      </c>
      <c r="CB1039" s="166">
        <v>0</v>
      </c>
      <c r="CC1039" s="166">
        <v>0</v>
      </c>
      <c r="CD1039" s="166">
        <v>0</v>
      </c>
      <c r="CE1039" s="166">
        <v>0</v>
      </c>
      <c r="CF1039" s="166">
        <v>0</v>
      </c>
      <c r="CG1039" s="166">
        <v>0</v>
      </c>
      <c r="CH1039" s="166">
        <v>0</v>
      </c>
      <c r="CI1039" s="166">
        <v>0</v>
      </c>
      <c r="CJ1039" s="166">
        <v>0</v>
      </c>
      <c r="CK1039" s="166">
        <v>0</v>
      </c>
      <c r="CL1039" s="166">
        <v>0</v>
      </c>
      <c r="CM1039" s="166">
        <v>0</v>
      </c>
      <c r="CN1039" s="166">
        <v>0</v>
      </c>
      <c r="CO1039" s="166">
        <v>0</v>
      </c>
      <c r="CP1039" s="166">
        <v>0</v>
      </c>
      <c r="CQ1039" s="166">
        <v>0</v>
      </c>
      <c r="CR1039" s="166">
        <v>0</v>
      </c>
      <c r="CS1039" s="166">
        <v>0</v>
      </c>
      <c r="CT1039" s="166">
        <v>0</v>
      </c>
      <c r="CU1039" s="166">
        <v>0</v>
      </c>
      <c r="CV1039" s="166">
        <v>0</v>
      </c>
      <c r="CW1039" s="166">
        <v>0</v>
      </c>
      <c r="CX1039" s="166">
        <v>0</v>
      </c>
      <c r="CY1039" s="166">
        <v>0</v>
      </c>
      <c r="CZ1039" s="166">
        <v>0</v>
      </c>
    </row>
    <row r="1040" spans="1:104" x14ac:dyDescent="0.2">
      <c r="A1040" s="167" t="s">
        <v>568</v>
      </c>
      <c r="B1040" s="166">
        <v>40357863.462888502</v>
      </c>
      <c r="C1040" s="166">
        <v>40357863.462888502</v>
      </c>
      <c r="D1040" s="166">
        <v>0</v>
      </c>
      <c r="E1040" s="166">
        <v>0</v>
      </c>
      <c r="F1040" s="166">
        <v>0</v>
      </c>
      <c r="G1040" s="166">
        <v>0</v>
      </c>
      <c r="H1040" s="166">
        <v>0</v>
      </c>
      <c r="I1040" s="166">
        <v>0</v>
      </c>
      <c r="J1040" s="166">
        <v>0</v>
      </c>
      <c r="K1040" s="166">
        <v>0</v>
      </c>
      <c r="L1040" s="166">
        <v>0</v>
      </c>
      <c r="M1040" s="166">
        <v>0</v>
      </c>
      <c r="N1040" s="166">
        <v>0</v>
      </c>
      <c r="O1040" s="166">
        <v>0</v>
      </c>
      <c r="P1040" s="166">
        <v>0</v>
      </c>
      <c r="Q1040" s="166">
        <v>0</v>
      </c>
      <c r="R1040" s="166">
        <v>0</v>
      </c>
      <c r="S1040" s="166">
        <v>0</v>
      </c>
      <c r="T1040" s="166">
        <v>0</v>
      </c>
      <c r="U1040" s="166">
        <v>0</v>
      </c>
      <c r="V1040" s="166">
        <v>0</v>
      </c>
      <c r="W1040" s="166">
        <v>0</v>
      </c>
      <c r="X1040" s="166">
        <v>0</v>
      </c>
      <c r="Y1040" s="166">
        <v>0</v>
      </c>
      <c r="Z1040" s="166">
        <v>0</v>
      </c>
      <c r="AA1040" s="166">
        <v>0</v>
      </c>
      <c r="AB1040" s="166">
        <v>0</v>
      </c>
      <c r="AC1040" s="166">
        <v>0</v>
      </c>
      <c r="AD1040" s="166">
        <v>0</v>
      </c>
      <c r="AE1040" s="166">
        <v>0</v>
      </c>
      <c r="AF1040" s="166">
        <v>0</v>
      </c>
      <c r="AG1040" s="166">
        <v>0</v>
      </c>
      <c r="AH1040" s="166">
        <v>0</v>
      </c>
      <c r="AI1040" s="166">
        <v>0</v>
      </c>
      <c r="AJ1040" s="166">
        <v>0</v>
      </c>
      <c r="AK1040" s="166">
        <v>0</v>
      </c>
      <c r="AL1040" s="166">
        <v>0</v>
      </c>
      <c r="AM1040" s="166">
        <v>0</v>
      </c>
      <c r="AN1040" s="166">
        <v>0</v>
      </c>
      <c r="AO1040" s="166">
        <v>0</v>
      </c>
      <c r="AP1040" s="166">
        <v>0</v>
      </c>
      <c r="AQ1040" s="166">
        <v>0</v>
      </c>
      <c r="AR1040" s="166">
        <v>0</v>
      </c>
      <c r="AS1040" s="166">
        <v>0</v>
      </c>
      <c r="AT1040" s="166">
        <v>0</v>
      </c>
      <c r="AU1040" s="166">
        <v>0</v>
      </c>
      <c r="AV1040" s="166">
        <v>0</v>
      </c>
      <c r="AW1040" s="166">
        <v>0</v>
      </c>
      <c r="AX1040" s="166">
        <v>0</v>
      </c>
      <c r="AY1040" s="166">
        <v>0</v>
      </c>
      <c r="AZ1040" s="166">
        <v>0</v>
      </c>
      <c r="BA1040" s="166">
        <v>0</v>
      </c>
      <c r="BB1040" s="166">
        <v>0</v>
      </c>
      <c r="BC1040" s="166">
        <v>0</v>
      </c>
      <c r="BD1040" s="166">
        <v>0</v>
      </c>
      <c r="BE1040" s="166">
        <v>0</v>
      </c>
      <c r="BF1040" s="166">
        <v>0</v>
      </c>
      <c r="BG1040" s="166">
        <v>0</v>
      </c>
      <c r="BH1040" s="166">
        <v>0</v>
      </c>
      <c r="BI1040" s="166">
        <v>0</v>
      </c>
      <c r="BJ1040" s="166">
        <v>0</v>
      </c>
      <c r="BK1040" s="166">
        <v>0</v>
      </c>
      <c r="BL1040" s="166">
        <v>0</v>
      </c>
      <c r="BM1040" s="166">
        <v>0</v>
      </c>
      <c r="BN1040" s="166">
        <v>0</v>
      </c>
      <c r="BO1040" s="166">
        <v>0</v>
      </c>
      <c r="BP1040" s="166">
        <v>0</v>
      </c>
      <c r="BQ1040" s="166">
        <v>0</v>
      </c>
      <c r="BR1040" s="166">
        <v>40357863.462888502</v>
      </c>
      <c r="BS1040" s="166">
        <v>40357863.462888502</v>
      </c>
      <c r="BT1040" s="168">
        <v>0</v>
      </c>
      <c r="BU1040" s="166">
        <v>0</v>
      </c>
      <c r="BV1040" s="166">
        <v>0</v>
      </c>
      <c r="BW1040" s="166">
        <v>0</v>
      </c>
      <c r="BX1040" s="166">
        <v>0</v>
      </c>
      <c r="BY1040" s="166">
        <v>0</v>
      </c>
      <c r="BZ1040" s="166">
        <v>0</v>
      </c>
      <c r="CA1040" s="166">
        <v>0</v>
      </c>
      <c r="CB1040" s="166">
        <v>0</v>
      </c>
      <c r="CC1040" s="166">
        <v>0</v>
      </c>
      <c r="CD1040" s="166">
        <v>0</v>
      </c>
      <c r="CE1040" s="166">
        <v>0</v>
      </c>
      <c r="CF1040" s="166">
        <v>0</v>
      </c>
      <c r="CG1040" s="166">
        <v>0</v>
      </c>
      <c r="CH1040" s="166">
        <v>0</v>
      </c>
      <c r="CI1040" s="166">
        <v>0</v>
      </c>
      <c r="CJ1040" s="166">
        <v>0</v>
      </c>
      <c r="CK1040" s="166">
        <v>0</v>
      </c>
      <c r="CL1040" s="166">
        <v>0</v>
      </c>
      <c r="CM1040" s="166">
        <v>0</v>
      </c>
      <c r="CN1040" s="166">
        <v>0</v>
      </c>
      <c r="CO1040" s="166">
        <v>0</v>
      </c>
      <c r="CP1040" s="166">
        <v>0</v>
      </c>
      <c r="CQ1040" s="166">
        <v>0</v>
      </c>
      <c r="CR1040" s="166">
        <v>0</v>
      </c>
      <c r="CS1040" s="166">
        <v>0</v>
      </c>
      <c r="CT1040" s="166">
        <v>0</v>
      </c>
      <c r="CU1040" s="166">
        <v>0</v>
      </c>
      <c r="CV1040" s="166">
        <v>0</v>
      </c>
      <c r="CW1040" s="166">
        <v>0</v>
      </c>
      <c r="CX1040" s="166">
        <v>0</v>
      </c>
      <c r="CY1040" s="166">
        <v>0</v>
      </c>
      <c r="CZ1040" s="166">
        <v>0</v>
      </c>
    </row>
    <row r="1041" spans="1:104" x14ac:dyDescent="0.2">
      <c r="A1041" s="177" t="s">
        <v>569</v>
      </c>
      <c r="B1041" s="166">
        <v>41122139.684394397</v>
      </c>
      <c r="C1041" s="166">
        <v>41122139.684394397</v>
      </c>
      <c r="D1041" s="166">
        <v>0</v>
      </c>
      <c r="E1041" s="166">
        <v>0</v>
      </c>
      <c r="F1041" s="166">
        <v>0</v>
      </c>
      <c r="G1041" s="166">
        <v>0</v>
      </c>
      <c r="H1041" s="166">
        <v>0</v>
      </c>
      <c r="I1041" s="166">
        <v>0</v>
      </c>
      <c r="J1041" s="166">
        <v>0</v>
      </c>
      <c r="K1041" s="166">
        <v>0</v>
      </c>
      <c r="L1041" s="166">
        <v>0</v>
      </c>
      <c r="M1041" s="166">
        <v>0</v>
      </c>
      <c r="N1041" s="166">
        <v>0</v>
      </c>
      <c r="O1041" s="166">
        <v>0</v>
      </c>
      <c r="P1041" s="166">
        <v>0</v>
      </c>
      <c r="Q1041" s="166">
        <v>0</v>
      </c>
      <c r="R1041" s="166">
        <v>0</v>
      </c>
      <c r="S1041" s="166">
        <v>0</v>
      </c>
      <c r="T1041" s="166">
        <v>0</v>
      </c>
      <c r="U1041" s="166">
        <v>0</v>
      </c>
      <c r="V1041" s="166">
        <v>0</v>
      </c>
      <c r="W1041" s="166">
        <v>0</v>
      </c>
      <c r="X1041" s="166">
        <v>0</v>
      </c>
      <c r="Y1041" s="166">
        <v>0</v>
      </c>
      <c r="Z1041" s="166">
        <v>0</v>
      </c>
      <c r="AA1041" s="166">
        <v>0</v>
      </c>
      <c r="AB1041" s="166">
        <v>0</v>
      </c>
      <c r="AC1041" s="166">
        <v>0</v>
      </c>
      <c r="AD1041" s="166">
        <v>0</v>
      </c>
      <c r="AE1041" s="166">
        <v>0</v>
      </c>
      <c r="AF1041" s="166">
        <v>0</v>
      </c>
      <c r="AG1041" s="166">
        <v>0</v>
      </c>
      <c r="AH1041" s="166">
        <v>0</v>
      </c>
      <c r="AI1041" s="166">
        <v>0</v>
      </c>
      <c r="AJ1041" s="166">
        <v>0</v>
      </c>
      <c r="AK1041" s="166">
        <v>0</v>
      </c>
      <c r="AL1041" s="166">
        <v>0</v>
      </c>
      <c r="AM1041" s="166">
        <v>0</v>
      </c>
      <c r="AN1041" s="166">
        <v>0</v>
      </c>
      <c r="AO1041" s="166">
        <v>0</v>
      </c>
      <c r="AP1041" s="166">
        <v>0</v>
      </c>
      <c r="AQ1041" s="166">
        <v>0</v>
      </c>
      <c r="AR1041" s="166">
        <v>0</v>
      </c>
      <c r="AS1041" s="166">
        <v>0</v>
      </c>
      <c r="AT1041" s="166">
        <v>0</v>
      </c>
      <c r="AU1041" s="166">
        <v>0</v>
      </c>
      <c r="AV1041" s="166">
        <v>0</v>
      </c>
      <c r="AW1041" s="166">
        <v>0</v>
      </c>
      <c r="AX1041" s="166">
        <v>0</v>
      </c>
      <c r="AY1041" s="166">
        <v>0</v>
      </c>
      <c r="AZ1041" s="166">
        <v>0</v>
      </c>
      <c r="BA1041" s="166">
        <v>0</v>
      </c>
      <c r="BB1041" s="166">
        <v>0</v>
      </c>
      <c r="BC1041" s="166">
        <v>0</v>
      </c>
      <c r="BD1041" s="166">
        <v>0</v>
      </c>
      <c r="BE1041" s="166">
        <v>0</v>
      </c>
      <c r="BF1041" s="166">
        <v>0</v>
      </c>
      <c r="BG1041" s="166">
        <v>0</v>
      </c>
      <c r="BH1041" s="166">
        <v>0</v>
      </c>
      <c r="BI1041" s="166">
        <v>0</v>
      </c>
      <c r="BJ1041" s="166">
        <v>0</v>
      </c>
      <c r="BK1041" s="166">
        <v>0</v>
      </c>
      <c r="BL1041" s="166">
        <v>0</v>
      </c>
      <c r="BM1041" s="166">
        <v>0</v>
      </c>
      <c r="BN1041" s="166">
        <v>0</v>
      </c>
      <c r="BO1041" s="166">
        <v>0</v>
      </c>
      <c r="BP1041" s="166">
        <v>0</v>
      </c>
      <c r="BQ1041" s="166">
        <v>0</v>
      </c>
      <c r="BR1041" s="166">
        <v>41122139.684394397</v>
      </c>
      <c r="BS1041" s="166">
        <v>41122139.684394397</v>
      </c>
      <c r="BT1041" s="168">
        <v>0</v>
      </c>
      <c r="BU1041" s="166">
        <v>0</v>
      </c>
      <c r="BV1041" s="166">
        <v>0</v>
      </c>
      <c r="BW1041" s="166">
        <v>0</v>
      </c>
      <c r="BX1041" s="166">
        <v>0</v>
      </c>
      <c r="BY1041" s="166">
        <v>0</v>
      </c>
      <c r="BZ1041" s="166">
        <v>0</v>
      </c>
      <c r="CA1041" s="166">
        <v>0</v>
      </c>
      <c r="CB1041" s="166">
        <v>0</v>
      </c>
      <c r="CC1041" s="166">
        <v>0</v>
      </c>
      <c r="CD1041" s="166">
        <v>0</v>
      </c>
      <c r="CE1041" s="166">
        <v>0</v>
      </c>
      <c r="CF1041" s="166">
        <v>0</v>
      </c>
      <c r="CG1041" s="166">
        <v>0</v>
      </c>
      <c r="CH1041" s="166">
        <v>0</v>
      </c>
      <c r="CI1041" s="166">
        <v>0</v>
      </c>
      <c r="CJ1041" s="166">
        <v>0</v>
      </c>
      <c r="CK1041" s="166">
        <v>0</v>
      </c>
      <c r="CL1041" s="166">
        <v>0</v>
      </c>
      <c r="CM1041" s="166">
        <v>0</v>
      </c>
      <c r="CN1041" s="166">
        <v>0</v>
      </c>
      <c r="CO1041" s="166">
        <v>0</v>
      </c>
      <c r="CP1041" s="166">
        <v>0</v>
      </c>
      <c r="CQ1041" s="166">
        <v>0</v>
      </c>
      <c r="CR1041" s="166">
        <v>0</v>
      </c>
      <c r="CS1041" s="166">
        <v>0</v>
      </c>
      <c r="CT1041" s="166">
        <v>0</v>
      </c>
      <c r="CU1041" s="166">
        <v>0</v>
      </c>
      <c r="CV1041" s="166">
        <v>0</v>
      </c>
      <c r="CW1041" s="166">
        <v>0</v>
      </c>
      <c r="CX1041" s="166">
        <v>0</v>
      </c>
      <c r="CY1041" s="166">
        <v>0</v>
      </c>
      <c r="CZ1041" s="166">
        <v>0</v>
      </c>
    </row>
    <row r="1042" spans="1:104" x14ac:dyDescent="0.2">
      <c r="A1042" s="167" t="s">
        <v>570</v>
      </c>
      <c r="B1042" s="166">
        <v>0</v>
      </c>
      <c r="C1042" s="166">
        <v>0</v>
      </c>
      <c r="D1042" s="166">
        <v>0</v>
      </c>
      <c r="E1042" s="166">
        <v>0</v>
      </c>
      <c r="F1042" s="166">
        <v>0</v>
      </c>
      <c r="G1042" s="166">
        <v>0</v>
      </c>
      <c r="H1042" s="166">
        <v>0</v>
      </c>
      <c r="I1042" s="166">
        <v>0</v>
      </c>
      <c r="J1042" s="166">
        <v>0</v>
      </c>
      <c r="K1042" s="166">
        <v>0</v>
      </c>
      <c r="L1042" s="166">
        <v>0</v>
      </c>
      <c r="M1042" s="166">
        <v>0</v>
      </c>
      <c r="N1042" s="166">
        <v>0</v>
      </c>
      <c r="O1042" s="166">
        <v>0</v>
      </c>
      <c r="P1042" s="166">
        <v>0</v>
      </c>
      <c r="Q1042" s="166">
        <v>0</v>
      </c>
      <c r="R1042" s="166">
        <v>0</v>
      </c>
      <c r="S1042" s="166">
        <v>0</v>
      </c>
      <c r="T1042" s="166">
        <v>0</v>
      </c>
      <c r="U1042" s="166">
        <v>0</v>
      </c>
      <c r="V1042" s="166">
        <v>0</v>
      </c>
      <c r="W1042" s="166">
        <v>0</v>
      </c>
      <c r="X1042" s="166">
        <v>0</v>
      </c>
      <c r="Y1042" s="166">
        <v>0</v>
      </c>
      <c r="Z1042" s="166">
        <v>0</v>
      </c>
      <c r="AA1042" s="166">
        <v>0</v>
      </c>
      <c r="AB1042" s="166">
        <v>0</v>
      </c>
      <c r="AC1042" s="166">
        <v>0</v>
      </c>
      <c r="AD1042" s="166">
        <v>0</v>
      </c>
      <c r="AE1042" s="166">
        <v>0</v>
      </c>
      <c r="AF1042" s="166">
        <v>0</v>
      </c>
      <c r="AG1042" s="166">
        <v>0</v>
      </c>
      <c r="AH1042" s="166">
        <v>0</v>
      </c>
      <c r="AI1042" s="166">
        <v>0</v>
      </c>
      <c r="AJ1042" s="166">
        <v>0</v>
      </c>
      <c r="AK1042" s="166">
        <v>0</v>
      </c>
      <c r="AL1042" s="166">
        <v>0</v>
      </c>
      <c r="AM1042" s="166">
        <v>0</v>
      </c>
      <c r="AN1042" s="166">
        <v>0</v>
      </c>
      <c r="AO1042" s="166">
        <v>0</v>
      </c>
      <c r="AP1042" s="166">
        <v>0</v>
      </c>
      <c r="AQ1042" s="166">
        <v>0</v>
      </c>
      <c r="AR1042" s="166">
        <v>0</v>
      </c>
      <c r="AS1042" s="166">
        <v>0</v>
      </c>
      <c r="AT1042" s="166">
        <v>0</v>
      </c>
      <c r="AU1042" s="166">
        <v>0</v>
      </c>
      <c r="AV1042" s="166">
        <v>0</v>
      </c>
      <c r="AW1042" s="166">
        <v>0</v>
      </c>
      <c r="AX1042" s="166">
        <v>0</v>
      </c>
      <c r="AY1042" s="166">
        <v>0</v>
      </c>
      <c r="AZ1042" s="166">
        <v>0</v>
      </c>
      <c r="BA1042" s="166">
        <v>0</v>
      </c>
      <c r="BB1042" s="166">
        <v>0</v>
      </c>
      <c r="BC1042" s="166">
        <v>0</v>
      </c>
      <c r="BD1042" s="166">
        <v>0</v>
      </c>
      <c r="BE1042" s="166">
        <v>0</v>
      </c>
      <c r="BF1042" s="166">
        <v>0</v>
      </c>
      <c r="BG1042" s="166">
        <v>0</v>
      </c>
      <c r="BH1042" s="166">
        <v>0</v>
      </c>
      <c r="BI1042" s="166">
        <v>0</v>
      </c>
      <c r="BJ1042" s="166">
        <v>0</v>
      </c>
      <c r="BK1042" s="166">
        <v>0</v>
      </c>
      <c r="BL1042" s="166">
        <v>0</v>
      </c>
      <c r="BM1042" s="166">
        <v>0</v>
      </c>
      <c r="BN1042" s="166">
        <v>0</v>
      </c>
      <c r="BO1042" s="166">
        <v>0</v>
      </c>
      <c r="BP1042" s="166">
        <v>0</v>
      </c>
      <c r="BQ1042" s="166">
        <v>0</v>
      </c>
      <c r="BR1042" s="166">
        <v>0</v>
      </c>
      <c r="BS1042" s="166">
        <v>0</v>
      </c>
      <c r="BT1042" s="168">
        <v>0</v>
      </c>
      <c r="BU1042" s="166">
        <v>0</v>
      </c>
      <c r="BV1042" s="166">
        <v>0</v>
      </c>
      <c r="BW1042" s="166">
        <v>0</v>
      </c>
      <c r="BX1042" s="166">
        <v>0</v>
      </c>
      <c r="BY1042" s="166">
        <v>0</v>
      </c>
      <c r="BZ1042" s="166">
        <v>0</v>
      </c>
      <c r="CA1042" s="166">
        <v>0</v>
      </c>
      <c r="CB1042" s="166">
        <v>0</v>
      </c>
      <c r="CC1042" s="166">
        <v>0</v>
      </c>
      <c r="CD1042" s="166">
        <v>0</v>
      </c>
      <c r="CE1042" s="166">
        <v>0</v>
      </c>
      <c r="CF1042" s="166">
        <v>0</v>
      </c>
      <c r="CG1042" s="166">
        <v>0</v>
      </c>
      <c r="CH1042" s="166">
        <v>0</v>
      </c>
      <c r="CI1042" s="166">
        <v>0</v>
      </c>
      <c r="CJ1042" s="166">
        <v>0</v>
      </c>
      <c r="CK1042" s="166">
        <v>0</v>
      </c>
      <c r="CL1042" s="166">
        <v>0</v>
      </c>
      <c r="CM1042" s="166">
        <v>0</v>
      </c>
      <c r="CN1042" s="166">
        <v>0</v>
      </c>
      <c r="CO1042" s="166">
        <v>0</v>
      </c>
      <c r="CP1042" s="166">
        <v>0</v>
      </c>
      <c r="CQ1042" s="166">
        <v>0</v>
      </c>
      <c r="CR1042" s="166">
        <v>0</v>
      </c>
      <c r="CS1042" s="166">
        <v>0</v>
      </c>
      <c r="CT1042" s="166">
        <v>0</v>
      </c>
      <c r="CU1042" s="166">
        <v>0</v>
      </c>
      <c r="CV1042" s="166">
        <v>0</v>
      </c>
      <c r="CW1042" s="166">
        <v>0</v>
      </c>
      <c r="CX1042" s="166">
        <v>0</v>
      </c>
      <c r="CY1042" s="166">
        <v>0</v>
      </c>
      <c r="CZ1042" s="166">
        <v>0</v>
      </c>
    </row>
    <row r="1043" spans="1:104" x14ac:dyDescent="0.2">
      <c r="A1043" s="167" t="s">
        <v>571</v>
      </c>
      <c r="B1043" s="166">
        <v>55237409.857845902</v>
      </c>
      <c r="C1043" s="166">
        <v>55237409.857845902</v>
      </c>
      <c r="D1043" s="166">
        <v>0</v>
      </c>
      <c r="E1043" s="166">
        <v>0</v>
      </c>
      <c r="F1043" s="166">
        <v>0</v>
      </c>
      <c r="G1043" s="166">
        <v>0</v>
      </c>
      <c r="H1043" s="166">
        <v>0</v>
      </c>
      <c r="I1043" s="166">
        <v>0</v>
      </c>
      <c r="J1043" s="166">
        <v>0</v>
      </c>
      <c r="K1043" s="166">
        <v>0</v>
      </c>
      <c r="L1043" s="166">
        <v>0</v>
      </c>
      <c r="M1043" s="166">
        <v>0</v>
      </c>
      <c r="N1043" s="166">
        <v>0</v>
      </c>
      <c r="O1043" s="166">
        <v>0</v>
      </c>
      <c r="P1043" s="166">
        <v>0</v>
      </c>
      <c r="Q1043" s="166">
        <v>0</v>
      </c>
      <c r="R1043" s="166">
        <v>0</v>
      </c>
      <c r="S1043" s="166">
        <v>0</v>
      </c>
      <c r="T1043" s="166">
        <v>0</v>
      </c>
      <c r="U1043" s="166">
        <v>0</v>
      </c>
      <c r="V1043" s="166">
        <v>0</v>
      </c>
      <c r="W1043" s="166">
        <v>0</v>
      </c>
      <c r="X1043" s="166">
        <v>0</v>
      </c>
      <c r="Y1043" s="166">
        <v>0</v>
      </c>
      <c r="Z1043" s="166">
        <v>0</v>
      </c>
      <c r="AA1043" s="166">
        <v>0</v>
      </c>
      <c r="AB1043" s="166">
        <v>0</v>
      </c>
      <c r="AC1043" s="166">
        <v>0</v>
      </c>
      <c r="AD1043" s="166">
        <v>0</v>
      </c>
      <c r="AE1043" s="166">
        <v>0</v>
      </c>
      <c r="AF1043" s="166">
        <v>0</v>
      </c>
      <c r="AG1043" s="166">
        <v>0</v>
      </c>
      <c r="AH1043" s="166">
        <v>0</v>
      </c>
      <c r="AI1043" s="166">
        <v>0</v>
      </c>
      <c r="AJ1043" s="166">
        <v>0</v>
      </c>
      <c r="AK1043" s="166">
        <v>0</v>
      </c>
      <c r="AL1043" s="166">
        <v>0</v>
      </c>
      <c r="AM1043" s="166">
        <v>0</v>
      </c>
      <c r="AN1043" s="166">
        <v>0</v>
      </c>
      <c r="AO1043" s="166">
        <v>0</v>
      </c>
      <c r="AP1043" s="166">
        <v>0</v>
      </c>
      <c r="AQ1043" s="166">
        <v>0</v>
      </c>
      <c r="AR1043" s="166">
        <v>0</v>
      </c>
      <c r="AS1043" s="166">
        <v>0</v>
      </c>
      <c r="AT1043" s="166">
        <v>0</v>
      </c>
      <c r="AU1043" s="166">
        <v>0</v>
      </c>
      <c r="AV1043" s="166">
        <v>0</v>
      </c>
      <c r="AW1043" s="166">
        <v>0</v>
      </c>
      <c r="AX1043" s="166">
        <v>0</v>
      </c>
      <c r="AY1043" s="166">
        <v>0</v>
      </c>
      <c r="AZ1043" s="166">
        <v>0</v>
      </c>
      <c r="BA1043" s="166">
        <v>0</v>
      </c>
      <c r="BB1043" s="166">
        <v>0</v>
      </c>
      <c r="BC1043" s="166">
        <v>0</v>
      </c>
      <c r="BD1043" s="166">
        <v>0</v>
      </c>
      <c r="BE1043" s="166">
        <v>0</v>
      </c>
      <c r="BF1043" s="166">
        <v>0</v>
      </c>
      <c r="BG1043" s="166">
        <v>0</v>
      </c>
      <c r="BH1043" s="166">
        <v>0</v>
      </c>
      <c r="BI1043" s="166">
        <v>0</v>
      </c>
      <c r="BJ1043" s="166">
        <v>0</v>
      </c>
      <c r="BK1043" s="166">
        <v>0</v>
      </c>
      <c r="BL1043" s="166">
        <v>0</v>
      </c>
      <c r="BM1043" s="166">
        <v>0</v>
      </c>
      <c r="BN1043" s="166">
        <v>0</v>
      </c>
      <c r="BO1043" s="166">
        <v>0</v>
      </c>
      <c r="BP1043" s="166">
        <v>0</v>
      </c>
      <c r="BQ1043" s="166">
        <v>0</v>
      </c>
      <c r="BR1043" s="166">
        <v>55237409.857845902</v>
      </c>
      <c r="BS1043" s="166">
        <v>55237409.857845902</v>
      </c>
      <c r="BT1043" s="168">
        <v>0</v>
      </c>
      <c r="BU1043" s="166">
        <v>0</v>
      </c>
      <c r="BV1043" s="166">
        <v>0</v>
      </c>
      <c r="BW1043" s="166">
        <v>0</v>
      </c>
      <c r="BX1043" s="166">
        <v>0</v>
      </c>
      <c r="BY1043" s="166">
        <v>0</v>
      </c>
      <c r="BZ1043" s="166">
        <v>0</v>
      </c>
      <c r="CA1043" s="166">
        <v>0</v>
      </c>
      <c r="CB1043" s="166">
        <v>0</v>
      </c>
      <c r="CC1043" s="166">
        <v>0</v>
      </c>
      <c r="CD1043" s="166">
        <v>0</v>
      </c>
      <c r="CE1043" s="166">
        <v>0</v>
      </c>
      <c r="CF1043" s="166">
        <v>0</v>
      </c>
      <c r="CG1043" s="166">
        <v>0</v>
      </c>
      <c r="CH1043" s="166">
        <v>0</v>
      </c>
      <c r="CI1043" s="166">
        <v>0</v>
      </c>
      <c r="CJ1043" s="166">
        <v>0</v>
      </c>
      <c r="CK1043" s="166">
        <v>0</v>
      </c>
      <c r="CL1043" s="166">
        <v>0</v>
      </c>
      <c r="CM1043" s="166">
        <v>0</v>
      </c>
      <c r="CN1043" s="166">
        <v>0</v>
      </c>
      <c r="CO1043" s="166">
        <v>0</v>
      </c>
      <c r="CP1043" s="166">
        <v>0</v>
      </c>
      <c r="CQ1043" s="166">
        <v>0</v>
      </c>
      <c r="CR1043" s="166">
        <v>0</v>
      </c>
      <c r="CS1043" s="166">
        <v>0</v>
      </c>
      <c r="CT1043" s="166">
        <v>0</v>
      </c>
      <c r="CU1043" s="166">
        <v>0</v>
      </c>
      <c r="CV1043" s="166">
        <v>0</v>
      </c>
      <c r="CW1043" s="166">
        <v>0</v>
      </c>
      <c r="CX1043" s="166">
        <v>0</v>
      </c>
      <c r="CY1043" s="166">
        <v>0</v>
      </c>
      <c r="CZ1043" s="166">
        <v>0</v>
      </c>
    </row>
    <row r="1044" spans="1:104" x14ac:dyDescent="0.2">
      <c r="A1044" s="167" t="s">
        <v>572</v>
      </c>
      <c r="B1044" s="166">
        <v>23901017.2779934</v>
      </c>
      <c r="C1044" s="166">
        <v>23901017.2779934</v>
      </c>
      <c r="D1044" s="166">
        <v>0</v>
      </c>
      <c r="E1044" s="166">
        <v>0</v>
      </c>
      <c r="F1044" s="166">
        <v>0</v>
      </c>
      <c r="G1044" s="166">
        <v>0</v>
      </c>
      <c r="H1044" s="166">
        <v>0</v>
      </c>
      <c r="I1044" s="166">
        <v>0</v>
      </c>
      <c r="J1044" s="166">
        <v>0</v>
      </c>
      <c r="K1044" s="166">
        <v>0</v>
      </c>
      <c r="L1044" s="166">
        <v>0</v>
      </c>
      <c r="M1044" s="166">
        <v>0</v>
      </c>
      <c r="N1044" s="166">
        <v>0</v>
      </c>
      <c r="O1044" s="166">
        <v>0</v>
      </c>
      <c r="P1044" s="166">
        <v>0</v>
      </c>
      <c r="Q1044" s="166">
        <v>0</v>
      </c>
      <c r="R1044" s="166">
        <v>0</v>
      </c>
      <c r="S1044" s="166">
        <v>0</v>
      </c>
      <c r="T1044" s="166">
        <v>0</v>
      </c>
      <c r="U1044" s="166">
        <v>0</v>
      </c>
      <c r="V1044" s="166">
        <v>0</v>
      </c>
      <c r="W1044" s="166">
        <v>0</v>
      </c>
      <c r="X1044" s="166">
        <v>0</v>
      </c>
      <c r="Y1044" s="166">
        <v>0</v>
      </c>
      <c r="Z1044" s="166">
        <v>0</v>
      </c>
      <c r="AA1044" s="166">
        <v>0</v>
      </c>
      <c r="AB1044" s="166">
        <v>0</v>
      </c>
      <c r="AC1044" s="166">
        <v>0</v>
      </c>
      <c r="AD1044" s="166">
        <v>0</v>
      </c>
      <c r="AE1044" s="166">
        <v>0</v>
      </c>
      <c r="AF1044" s="166">
        <v>0</v>
      </c>
      <c r="AG1044" s="166">
        <v>0</v>
      </c>
      <c r="AH1044" s="166">
        <v>0</v>
      </c>
      <c r="AI1044" s="166">
        <v>0</v>
      </c>
      <c r="AJ1044" s="166">
        <v>0</v>
      </c>
      <c r="AK1044" s="166">
        <v>0</v>
      </c>
      <c r="AL1044" s="166">
        <v>0</v>
      </c>
      <c r="AM1044" s="166">
        <v>0</v>
      </c>
      <c r="AN1044" s="166">
        <v>0</v>
      </c>
      <c r="AO1044" s="166">
        <v>0</v>
      </c>
      <c r="AP1044" s="166">
        <v>0</v>
      </c>
      <c r="AQ1044" s="166">
        <v>0</v>
      </c>
      <c r="AR1044" s="166">
        <v>0</v>
      </c>
      <c r="AS1044" s="166">
        <v>0</v>
      </c>
      <c r="AT1044" s="166">
        <v>0</v>
      </c>
      <c r="AU1044" s="166">
        <v>0</v>
      </c>
      <c r="AV1044" s="166">
        <v>0</v>
      </c>
      <c r="AW1044" s="166">
        <v>0</v>
      </c>
      <c r="AX1044" s="166">
        <v>0</v>
      </c>
      <c r="AY1044" s="166">
        <v>0</v>
      </c>
      <c r="AZ1044" s="166">
        <v>0</v>
      </c>
      <c r="BA1044" s="166">
        <v>0</v>
      </c>
      <c r="BB1044" s="166">
        <v>0</v>
      </c>
      <c r="BC1044" s="166">
        <v>0</v>
      </c>
      <c r="BD1044" s="166">
        <v>0</v>
      </c>
      <c r="BE1044" s="166">
        <v>0</v>
      </c>
      <c r="BF1044" s="166">
        <v>0</v>
      </c>
      <c r="BG1044" s="166">
        <v>0</v>
      </c>
      <c r="BH1044" s="166">
        <v>0</v>
      </c>
      <c r="BI1044" s="166">
        <v>0</v>
      </c>
      <c r="BJ1044" s="166">
        <v>0</v>
      </c>
      <c r="BK1044" s="166">
        <v>0</v>
      </c>
      <c r="BL1044" s="166">
        <v>0</v>
      </c>
      <c r="BM1044" s="166">
        <v>0</v>
      </c>
      <c r="BN1044" s="166">
        <v>0</v>
      </c>
      <c r="BO1044" s="166">
        <v>0</v>
      </c>
      <c r="BP1044" s="166">
        <v>0</v>
      </c>
      <c r="BQ1044" s="166">
        <v>0</v>
      </c>
      <c r="BR1044" s="166">
        <v>23901017.2779934</v>
      </c>
      <c r="BS1044" s="166">
        <v>23901017.2779934</v>
      </c>
      <c r="BT1044" s="168">
        <v>0</v>
      </c>
      <c r="BU1044" s="166">
        <v>0</v>
      </c>
      <c r="BV1044" s="166">
        <v>0</v>
      </c>
      <c r="BW1044" s="166">
        <v>0</v>
      </c>
      <c r="BX1044" s="166">
        <v>0</v>
      </c>
      <c r="BY1044" s="166">
        <v>0</v>
      </c>
      <c r="BZ1044" s="166">
        <v>0</v>
      </c>
      <c r="CA1044" s="166">
        <v>0</v>
      </c>
      <c r="CB1044" s="166">
        <v>0</v>
      </c>
      <c r="CC1044" s="166">
        <v>0</v>
      </c>
      <c r="CD1044" s="166">
        <v>0</v>
      </c>
      <c r="CE1044" s="166">
        <v>0</v>
      </c>
      <c r="CF1044" s="166">
        <v>0</v>
      </c>
      <c r="CG1044" s="166">
        <v>0</v>
      </c>
      <c r="CH1044" s="166">
        <v>0</v>
      </c>
      <c r="CI1044" s="166">
        <v>0</v>
      </c>
      <c r="CJ1044" s="166">
        <v>0</v>
      </c>
      <c r="CK1044" s="166">
        <v>0</v>
      </c>
      <c r="CL1044" s="166">
        <v>0</v>
      </c>
      <c r="CM1044" s="166">
        <v>0</v>
      </c>
      <c r="CN1044" s="166">
        <v>0</v>
      </c>
      <c r="CO1044" s="166">
        <v>0</v>
      </c>
      <c r="CP1044" s="166">
        <v>0</v>
      </c>
      <c r="CQ1044" s="166">
        <v>0</v>
      </c>
      <c r="CR1044" s="166">
        <v>0</v>
      </c>
      <c r="CS1044" s="166">
        <v>0</v>
      </c>
      <c r="CT1044" s="166">
        <v>0</v>
      </c>
      <c r="CU1044" s="166">
        <v>0</v>
      </c>
      <c r="CV1044" s="166">
        <v>0</v>
      </c>
      <c r="CW1044" s="166">
        <v>0</v>
      </c>
      <c r="CX1044" s="166">
        <v>0</v>
      </c>
      <c r="CY1044" s="166">
        <v>0</v>
      </c>
      <c r="CZ1044" s="166">
        <v>0</v>
      </c>
    </row>
    <row r="1045" spans="1:104" x14ac:dyDescent="0.2">
      <c r="A1045" s="167" t="s">
        <v>573</v>
      </c>
      <c r="B1045" s="166">
        <v>10524276.528608499</v>
      </c>
      <c r="C1045" s="166">
        <v>10524276.528608499</v>
      </c>
      <c r="D1045" s="166">
        <v>0</v>
      </c>
      <c r="E1045" s="166">
        <v>0</v>
      </c>
      <c r="F1045" s="166">
        <v>0</v>
      </c>
      <c r="G1045" s="166">
        <v>0</v>
      </c>
      <c r="H1045" s="166">
        <v>0</v>
      </c>
      <c r="I1045" s="166">
        <v>0</v>
      </c>
      <c r="J1045" s="166">
        <v>0</v>
      </c>
      <c r="K1045" s="166">
        <v>0</v>
      </c>
      <c r="L1045" s="166">
        <v>0</v>
      </c>
      <c r="M1045" s="166">
        <v>0</v>
      </c>
      <c r="N1045" s="166">
        <v>0</v>
      </c>
      <c r="O1045" s="166">
        <v>0</v>
      </c>
      <c r="P1045" s="166">
        <v>0</v>
      </c>
      <c r="Q1045" s="166">
        <v>0</v>
      </c>
      <c r="R1045" s="166">
        <v>0</v>
      </c>
      <c r="S1045" s="166">
        <v>0</v>
      </c>
      <c r="T1045" s="166">
        <v>0</v>
      </c>
      <c r="U1045" s="166">
        <v>0</v>
      </c>
      <c r="V1045" s="166">
        <v>0</v>
      </c>
      <c r="W1045" s="166">
        <v>0</v>
      </c>
      <c r="X1045" s="166">
        <v>0</v>
      </c>
      <c r="Y1045" s="166">
        <v>0</v>
      </c>
      <c r="Z1045" s="166">
        <v>0</v>
      </c>
      <c r="AA1045" s="166">
        <v>0</v>
      </c>
      <c r="AB1045" s="166">
        <v>0</v>
      </c>
      <c r="AC1045" s="166">
        <v>0</v>
      </c>
      <c r="AD1045" s="166">
        <v>0</v>
      </c>
      <c r="AE1045" s="166">
        <v>0</v>
      </c>
      <c r="AF1045" s="166">
        <v>0</v>
      </c>
      <c r="AG1045" s="166">
        <v>0</v>
      </c>
      <c r="AH1045" s="166">
        <v>0</v>
      </c>
      <c r="AI1045" s="166">
        <v>0</v>
      </c>
      <c r="AJ1045" s="166">
        <v>0</v>
      </c>
      <c r="AK1045" s="166">
        <v>0</v>
      </c>
      <c r="AL1045" s="166">
        <v>0</v>
      </c>
      <c r="AM1045" s="166">
        <v>0</v>
      </c>
      <c r="AN1045" s="166">
        <v>0</v>
      </c>
      <c r="AO1045" s="166">
        <v>0</v>
      </c>
      <c r="AP1045" s="166">
        <v>0</v>
      </c>
      <c r="AQ1045" s="166">
        <v>0</v>
      </c>
      <c r="AR1045" s="166">
        <v>0</v>
      </c>
      <c r="AS1045" s="166">
        <v>0</v>
      </c>
      <c r="AT1045" s="166">
        <v>0</v>
      </c>
      <c r="AU1045" s="166">
        <v>0</v>
      </c>
      <c r="AV1045" s="166">
        <v>0</v>
      </c>
      <c r="AW1045" s="166">
        <v>0</v>
      </c>
      <c r="AX1045" s="166">
        <v>0</v>
      </c>
      <c r="AY1045" s="166">
        <v>0</v>
      </c>
      <c r="AZ1045" s="166">
        <v>0</v>
      </c>
      <c r="BA1045" s="166">
        <v>0</v>
      </c>
      <c r="BB1045" s="166">
        <v>0</v>
      </c>
      <c r="BC1045" s="166">
        <v>0</v>
      </c>
      <c r="BD1045" s="166">
        <v>0</v>
      </c>
      <c r="BE1045" s="166">
        <v>0</v>
      </c>
      <c r="BF1045" s="166">
        <v>0</v>
      </c>
      <c r="BG1045" s="166">
        <v>0</v>
      </c>
      <c r="BH1045" s="166">
        <v>0</v>
      </c>
      <c r="BI1045" s="166">
        <v>0</v>
      </c>
      <c r="BJ1045" s="166">
        <v>0</v>
      </c>
      <c r="BK1045" s="166">
        <v>0</v>
      </c>
      <c r="BL1045" s="166">
        <v>0</v>
      </c>
      <c r="BM1045" s="166">
        <v>0</v>
      </c>
      <c r="BN1045" s="166">
        <v>0</v>
      </c>
      <c r="BO1045" s="166">
        <v>0</v>
      </c>
      <c r="BP1045" s="166">
        <v>0</v>
      </c>
      <c r="BQ1045" s="166">
        <v>0</v>
      </c>
      <c r="BR1045" s="166">
        <v>10524276.528608499</v>
      </c>
      <c r="BS1045" s="166">
        <v>10524276.528608499</v>
      </c>
      <c r="BT1045" s="168">
        <v>0</v>
      </c>
      <c r="BU1045" s="166">
        <v>0</v>
      </c>
      <c r="BV1045" s="166">
        <v>0</v>
      </c>
      <c r="BW1045" s="166">
        <v>0</v>
      </c>
      <c r="BX1045" s="166">
        <v>0</v>
      </c>
      <c r="BY1045" s="166">
        <v>0</v>
      </c>
      <c r="BZ1045" s="166">
        <v>0</v>
      </c>
      <c r="CA1045" s="166">
        <v>0</v>
      </c>
      <c r="CB1045" s="166">
        <v>0</v>
      </c>
      <c r="CC1045" s="166">
        <v>0</v>
      </c>
      <c r="CD1045" s="166">
        <v>0</v>
      </c>
      <c r="CE1045" s="166">
        <v>0</v>
      </c>
      <c r="CF1045" s="166">
        <v>0</v>
      </c>
      <c r="CG1045" s="166">
        <v>0</v>
      </c>
      <c r="CH1045" s="166">
        <v>0</v>
      </c>
      <c r="CI1045" s="166">
        <v>0</v>
      </c>
      <c r="CJ1045" s="166">
        <v>0</v>
      </c>
      <c r="CK1045" s="166">
        <v>0</v>
      </c>
      <c r="CL1045" s="166">
        <v>0</v>
      </c>
      <c r="CM1045" s="166">
        <v>0</v>
      </c>
      <c r="CN1045" s="166">
        <v>0</v>
      </c>
      <c r="CO1045" s="166">
        <v>0</v>
      </c>
      <c r="CP1045" s="166">
        <v>0</v>
      </c>
      <c r="CQ1045" s="166">
        <v>0</v>
      </c>
      <c r="CR1045" s="166">
        <v>0</v>
      </c>
      <c r="CS1045" s="166">
        <v>0</v>
      </c>
      <c r="CT1045" s="166">
        <v>0</v>
      </c>
      <c r="CU1045" s="166">
        <v>0</v>
      </c>
      <c r="CV1045" s="166">
        <v>0</v>
      </c>
      <c r="CW1045" s="166">
        <v>0</v>
      </c>
      <c r="CX1045" s="166">
        <v>0</v>
      </c>
      <c r="CY1045" s="166">
        <v>0</v>
      </c>
      <c r="CZ1045" s="166">
        <v>0</v>
      </c>
    </row>
    <row r="1046" spans="1:104" x14ac:dyDescent="0.2">
      <c r="A1046" s="167" t="s">
        <v>574</v>
      </c>
      <c r="B1046" s="166">
        <v>3151114.2300462099</v>
      </c>
      <c r="C1046" s="166">
        <v>3151114.2300462099</v>
      </c>
      <c r="D1046" s="166">
        <v>0</v>
      </c>
      <c r="E1046" s="166">
        <v>0</v>
      </c>
      <c r="F1046" s="166">
        <v>0</v>
      </c>
      <c r="G1046" s="166">
        <v>0</v>
      </c>
      <c r="H1046" s="166">
        <v>0</v>
      </c>
      <c r="I1046" s="166">
        <v>0</v>
      </c>
      <c r="J1046" s="166">
        <v>0</v>
      </c>
      <c r="K1046" s="166">
        <v>0</v>
      </c>
      <c r="L1046" s="166">
        <v>0</v>
      </c>
      <c r="M1046" s="166">
        <v>0</v>
      </c>
      <c r="N1046" s="166">
        <v>0</v>
      </c>
      <c r="O1046" s="166">
        <v>0</v>
      </c>
      <c r="P1046" s="166">
        <v>0</v>
      </c>
      <c r="Q1046" s="166">
        <v>0</v>
      </c>
      <c r="R1046" s="166">
        <v>0</v>
      </c>
      <c r="S1046" s="166">
        <v>0</v>
      </c>
      <c r="T1046" s="166">
        <v>0</v>
      </c>
      <c r="U1046" s="166">
        <v>0</v>
      </c>
      <c r="V1046" s="166">
        <v>0</v>
      </c>
      <c r="W1046" s="166">
        <v>0</v>
      </c>
      <c r="X1046" s="166">
        <v>0</v>
      </c>
      <c r="Y1046" s="166">
        <v>0</v>
      </c>
      <c r="Z1046" s="166">
        <v>0</v>
      </c>
      <c r="AA1046" s="166">
        <v>0</v>
      </c>
      <c r="AB1046" s="166">
        <v>0</v>
      </c>
      <c r="AC1046" s="166">
        <v>0</v>
      </c>
      <c r="AD1046" s="166">
        <v>0</v>
      </c>
      <c r="AE1046" s="166">
        <v>0</v>
      </c>
      <c r="AF1046" s="166">
        <v>0</v>
      </c>
      <c r="AG1046" s="166">
        <v>0</v>
      </c>
      <c r="AH1046" s="166">
        <v>0</v>
      </c>
      <c r="AI1046" s="166">
        <v>0</v>
      </c>
      <c r="AJ1046" s="166">
        <v>0</v>
      </c>
      <c r="AK1046" s="166">
        <v>0</v>
      </c>
      <c r="AL1046" s="166">
        <v>0</v>
      </c>
      <c r="AM1046" s="166">
        <v>0</v>
      </c>
      <c r="AN1046" s="166">
        <v>0</v>
      </c>
      <c r="AO1046" s="166">
        <v>0</v>
      </c>
      <c r="AP1046" s="166">
        <v>0</v>
      </c>
      <c r="AQ1046" s="166">
        <v>0</v>
      </c>
      <c r="AR1046" s="166">
        <v>0</v>
      </c>
      <c r="AS1046" s="166">
        <v>0</v>
      </c>
      <c r="AT1046" s="166">
        <v>0</v>
      </c>
      <c r="AU1046" s="166">
        <v>0</v>
      </c>
      <c r="AV1046" s="166">
        <v>0</v>
      </c>
      <c r="AW1046" s="166">
        <v>0</v>
      </c>
      <c r="AX1046" s="166">
        <v>0</v>
      </c>
      <c r="AY1046" s="166">
        <v>0</v>
      </c>
      <c r="AZ1046" s="166">
        <v>0</v>
      </c>
      <c r="BA1046" s="166">
        <v>0</v>
      </c>
      <c r="BB1046" s="166">
        <v>0</v>
      </c>
      <c r="BC1046" s="166">
        <v>0</v>
      </c>
      <c r="BD1046" s="166">
        <v>0</v>
      </c>
      <c r="BE1046" s="166">
        <v>0</v>
      </c>
      <c r="BF1046" s="166">
        <v>0</v>
      </c>
      <c r="BG1046" s="166">
        <v>0</v>
      </c>
      <c r="BH1046" s="166">
        <v>0</v>
      </c>
      <c r="BI1046" s="166">
        <v>0</v>
      </c>
      <c r="BJ1046" s="166">
        <v>0</v>
      </c>
      <c r="BK1046" s="166">
        <v>0</v>
      </c>
      <c r="BL1046" s="166">
        <v>0</v>
      </c>
      <c r="BM1046" s="166">
        <v>0</v>
      </c>
      <c r="BN1046" s="166">
        <v>0</v>
      </c>
      <c r="BO1046" s="166">
        <v>0</v>
      </c>
      <c r="BP1046" s="166">
        <v>0</v>
      </c>
      <c r="BQ1046" s="166">
        <v>0</v>
      </c>
      <c r="BR1046" s="166">
        <v>3151114.2300462099</v>
      </c>
      <c r="BS1046" s="166">
        <v>3151114.2300462099</v>
      </c>
      <c r="BT1046" s="168">
        <v>0</v>
      </c>
      <c r="BU1046" s="166">
        <v>0</v>
      </c>
      <c r="BV1046" s="166">
        <v>0</v>
      </c>
      <c r="BW1046" s="166">
        <v>0</v>
      </c>
      <c r="BX1046" s="166">
        <v>0</v>
      </c>
      <c r="BY1046" s="166">
        <v>0</v>
      </c>
      <c r="BZ1046" s="166">
        <v>0</v>
      </c>
      <c r="CA1046" s="166">
        <v>0</v>
      </c>
      <c r="CB1046" s="166">
        <v>0</v>
      </c>
      <c r="CC1046" s="166">
        <v>0</v>
      </c>
      <c r="CD1046" s="166">
        <v>0</v>
      </c>
      <c r="CE1046" s="166">
        <v>0</v>
      </c>
      <c r="CF1046" s="166">
        <v>0</v>
      </c>
      <c r="CG1046" s="166">
        <v>0</v>
      </c>
      <c r="CH1046" s="166">
        <v>0</v>
      </c>
      <c r="CI1046" s="166">
        <v>0</v>
      </c>
      <c r="CJ1046" s="166">
        <v>0</v>
      </c>
      <c r="CK1046" s="166">
        <v>0</v>
      </c>
      <c r="CL1046" s="166">
        <v>0</v>
      </c>
      <c r="CM1046" s="166">
        <v>0</v>
      </c>
      <c r="CN1046" s="166">
        <v>0</v>
      </c>
      <c r="CO1046" s="166">
        <v>0</v>
      </c>
      <c r="CP1046" s="166">
        <v>0</v>
      </c>
      <c r="CQ1046" s="166">
        <v>0</v>
      </c>
      <c r="CR1046" s="166">
        <v>0</v>
      </c>
      <c r="CS1046" s="166">
        <v>0</v>
      </c>
      <c r="CT1046" s="166">
        <v>0</v>
      </c>
      <c r="CU1046" s="166">
        <v>0</v>
      </c>
      <c r="CV1046" s="166">
        <v>0</v>
      </c>
      <c r="CW1046" s="166">
        <v>0</v>
      </c>
      <c r="CX1046" s="166">
        <v>0</v>
      </c>
      <c r="CY1046" s="166">
        <v>0</v>
      </c>
      <c r="CZ1046" s="166">
        <v>0</v>
      </c>
    </row>
    <row r="1047" spans="1:104" x14ac:dyDescent="0.2">
      <c r="A1047" s="167" t="s">
        <v>575</v>
      </c>
      <c r="B1047" s="166">
        <v>16311486.929810699</v>
      </c>
      <c r="C1047" s="166">
        <v>16311486.929810699</v>
      </c>
      <c r="D1047" s="166">
        <v>0</v>
      </c>
      <c r="E1047" s="166">
        <v>0</v>
      </c>
      <c r="F1047" s="166">
        <v>0</v>
      </c>
      <c r="G1047" s="166">
        <v>0</v>
      </c>
      <c r="H1047" s="166">
        <v>0</v>
      </c>
      <c r="I1047" s="166">
        <v>0</v>
      </c>
      <c r="J1047" s="166">
        <v>0</v>
      </c>
      <c r="K1047" s="166">
        <v>0</v>
      </c>
      <c r="L1047" s="166">
        <v>0</v>
      </c>
      <c r="M1047" s="166">
        <v>0</v>
      </c>
      <c r="N1047" s="166">
        <v>0</v>
      </c>
      <c r="O1047" s="166">
        <v>0</v>
      </c>
      <c r="P1047" s="166">
        <v>0</v>
      </c>
      <c r="Q1047" s="166">
        <v>0</v>
      </c>
      <c r="R1047" s="166">
        <v>0</v>
      </c>
      <c r="S1047" s="166">
        <v>0</v>
      </c>
      <c r="T1047" s="166">
        <v>0</v>
      </c>
      <c r="U1047" s="166">
        <v>0</v>
      </c>
      <c r="V1047" s="166">
        <v>0</v>
      </c>
      <c r="W1047" s="166">
        <v>0</v>
      </c>
      <c r="X1047" s="166">
        <v>0</v>
      </c>
      <c r="Y1047" s="166">
        <v>0</v>
      </c>
      <c r="Z1047" s="166">
        <v>0</v>
      </c>
      <c r="AA1047" s="166">
        <v>0</v>
      </c>
      <c r="AB1047" s="166">
        <v>0</v>
      </c>
      <c r="AC1047" s="166">
        <v>0</v>
      </c>
      <c r="AD1047" s="166">
        <v>0</v>
      </c>
      <c r="AE1047" s="166">
        <v>0</v>
      </c>
      <c r="AF1047" s="166">
        <v>0</v>
      </c>
      <c r="AG1047" s="166">
        <v>0</v>
      </c>
      <c r="AH1047" s="166">
        <v>0</v>
      </c>
      <c r="AI1047" s="166">
        <v>0</v>
      </c>
      <c r="AJ1047" s="166">
        <v>0</v>
      </c>
      <c r="AK1047" s="166">
        <v>0</v>
      </c>
      <c r="AL1047" s="166">
        <v>0</v>
      </c>
      <c r="AM1047" s="166">
        <v>0</v>
      </c>
      <c r="AN1047" s="166">
        <v>0</v>
      </c>
      <c r="AO1047" s="166">
        <v>0</v>
      </c>
      <c r="AP1047" s="166">
        <v>0</v>
      </c>
      <c r="AQ1047" s="166">
        <v>0</v>
      </c>
      <c r="AR1047" s="166">
        <v>0</v>
      </c>
      <c r="AS1047" s="166">
        <v>0</v>
      </c>
      <c r="AT1047" s="166">
        <v>0</v>
      </c>
      <c r="AU1047" s="166">
        <v>0</v>
      </c>
      <c r="AV1047" s="166">
        <v>0</v>
      </c>
      <c r="AW1047" s="166">
        <v>0</v>
      </c>
      <c r="AX1047" s="166">
        <v>0</v>
      </c>
      <c r="AY1047" s="166">
        <v>0</v>
      </c>
      <c r="AZ1047" s="166">
        <v>0</v>
      </c>
      <c r="BA1047" s="166">
        <v>0</v>
      </c>
      <c r="BB1047" s="166">
        <v>0</v>
      </c>
      <c r="BC1047" s="166">
        <v>0</v>
      </c>
      <c r="BD1047" s="166">
        <v>0</v>
      </c>
      <c r="BE1047" s="166">
        <v>0</v>
      </c>
      <c r="BF1047" s="166">
        <v>0</v>
      </c>
      <c r="BG1047" s="166">
        <v>0</v>
      </c>
      <c r="BH1047" s="166">
        <v>0</v>
      </c>
      <c r="BI1047" s="166">
        <v>0</v>
      </c>
      <c r="BJ1047" s="166">
        <v>0</v>
      </c>
      <c r="BK1047" s="166">
        <v>0</v>
      </c>
      <c r="BL1047" s="166">
        <v>0</v>
      </c>
      <c r="BM1047" s="166">
        <v>0</v>
      </c>
      <c r="BN1047" s="166">
        <v>0</v>
      </c>
      <c r="BO1047" s="166">
        <v>0</v>
      </c>
      <c r="BP1047" s="166">
        <v>0</v>
      </c>
      <c r="BQ1047" s="166">
        <v>0</v>
      </c>
      <c r="BR1047" s="166">
        <v>16311486.929810699</v>
      </c>
      <c r="BS1047" s="166">
        <v>16311486.929810699</v>
      </c>
      <c r="BT1047" s="168">
        <v>0</v>
      </c>
      <c r="BU1047" s="166">
        <v>0</v>
      </c>
      <c r="BV1047" s="166">
        <v>0</v>
      </c>
      <c r="BW1047" s="166">
        <v>0</v>
      </c>
      <c r="BX1047" s="166">
        <v>0</v>
      </c>
      <c r="BY1047" s="166">
        <v>0</v>
      </c>
      <c r="BZ1047" s="166">
        <v>0</v>
      </c>
      <c r="CA1047" s="166">
        <v>0</v>
      </c>
      <c r="CB1047" s="166">
        <v>0</v>
      </c>
      <c r="CC1047" s="166">
        <v>0</v>
      </c>
      <c r="CD1047" s="166">
        <v>0</v>
      </c>
      <c r="CE1047" s="166">
        <v>0</v>
      </c>
      <c r="CF1047" s="166">
        <v>0</v>
      </c>
      <c r="CG1047" s="166">
        <v>0</v>
      </c>
      <c r="CH1047" s="166">
        <v>0</v>
      </c>
      <c r="CI1047" s="166">
        <v>0</v>
      </c>
      <c r="CJ1047" s="166">
        <v>0</v>
      </c>
      <c r="CK1047" s="166">
        <v>0</v>
      </c>
      <c r="CL1047" s="166">
        <v>0</v>
      </c>
      <c r="CM1047" s="166">
        <v>0</v>
      </c>
      <c r="CN1047" s="166">
        <v>0</v>
      </c>
      <c r="CO1047" s="166">
        <v>0</v>
      </c>
      <c r="CP1047" s="166">
        <v>0</v>
      </c>
      <c r="CQ1047" s="166">
        <v>0</v>
      </c>
      <c r="CR1047" s="166">
        <v>0</v>
      </c>
      <c r="CS1047" s="166">
        <v>0</v>
      </c>
      <c r="CT1047" s="166">
        <v>0</v>
      </c>
      <c r="CU1047" s="166">
        <v>0</v>
      </c>
      <c r="CV1047" s="166">
        <v>0</v>
      </c>
      <c r="CW1047" s="166">
        <v>0</v>
      </c>
      <c r="CX1047" s="166">
        <v>0</v>
      </c>
      <c r="CY1047" s="166">
        <v>0</v>
      </c>
      <c r="CZ1047" s="166">
        <v>0</v>
      </c>
    </row>
    <row r="1048" spans="1:104" x14ac:dyDescent="0.2">
      <c r="A1048" s="167" t="s">
        <v>576</v>
      </c>
      <c r="B1048" s="166">
        <v>0</v>
      </c>
      <c r="C1048" s="166">
        <v>0</v>
      </c>
      <c r="D1048" s="166">
        <v>0</v>
      </c>
      <c r="E1048" s="166">
        <v>0</v>
      </c>
      <c r="F1048" s="166">
        <v>0</v>
      </c>
      <c r="G1048" s="166">
        <v>0</v>
      </c>
      <c r="H1048" s="166">
        <v>0</v>
      </c>
      <c r="I1048" s="166">
        <v>0</v>
      </c>
      <c r="J1048" s="166">
        <v>0</v>
      </c>
      <c r="K1048" s="166">
        <v>0</v>
      </c>
      <c r="L1048" s="166">
        <v>0</v>
      </c>
      <c r="M1048" s="166">
        <v>0</v>
      </c>
      <c r="N1048" s="166">
        <v>0</v>
      </c>
      <c r="O1048" s="166">
        <v>0</v>
      </c>
      <c r="P1048" s="166">
        <v>0</v>
      </c>
      <c r="Q1048" s="166">
        <v>0</v>
      </c>
      <c r="R1048" s="166">
        <v>0</v>
      </c>
      <c r="S1048" s="166">
        <v>0</v>
      </c>
      <c r="T1048" s="166">
        <v>0</v>
      </c>
      <c r="U1048" s="166">
        <v>0</v>
      </c>
      <c r="V1048" s="166">
        <v>0</v>
      </c>
      <c r="W1048" s="166">
        <v>0</v>
      </c>
      <c r="X1048" s="166">
        <v>0</v>
      </c>
      <c r="Y1048" s="166">
        <v>0</v>
      </c>
      <c r="Z1048" s="166">
        <v>0</v>
      </c>
      <c r="AA1048" s="166">
        <v>0</v>
      </c>
      <c r="AB1048" s="166">
        <v>0</v>
      </c>
      <c r="AC1048" s="166">
        <v>0</v>
      </c>
      <c r="AD1048" s="166">
        <v>0</v>
      </c>
      <c r="AE1048" s="166">
        <v>0</v>
      </c>
      <c r="AF1048" s="166">
        <v>0</v>
      </c>
      <c r="AG1048" s="166">
        <v>0</v>
      </c>
      <c r="AH1048" s="166">
        <v>0</v>
      </c>
      <c r="AI1048" s="166">
        <v>0</v>
      </c>
      <c r="AJ1048" s="166">
        <v>0</v>
      </c>
      <c r="AK1048" s="166">
        <v>0</v>
      </c>
      <c r="AL1048" s="166">
        <v>0</v>
      </c>
      <c r="AM1048" s="166">
        <v>0</v>
      </c>
      <c r="AN1048" s="166">
        <v>0</v>
      </c>
      <c r="AO1048" s="166">
        <v>0</v>
      </c>
      <c r="AP1048" s="166">
        <v>0</v>
      </c>
      <c r="AQ1048" s="166">
        <v>0</v>
      </c>
      <c r="AR1048" s="166">
        <v>0</v>
      </c>
      <c r="AS1048" s="166">
        <v>0</v>
      </c>
      <c r="AT1048" s="166">
        <v>0</v>
      </c>
      <c r="AU1048" s="166">
        <v>0</v>
      </c>
      <c r="AV1048" s="166">
        <v>0</v>
      </c>
      <c r="AW1048" s="166">
        <v>0</v>
      </c>
      <c r="AX1048" s="166">
        <v>0</v>
      </c>
      <c r="AY1048" s="166">
        <v>0</v>
      </c>
      <c r="AZ1048" s="166">
        <v>0</v>
      </c>
      <c r="BA1048" s="166">
        <v>0</v>
      </c>
      <c r="BB1048" s="166">
        <v>0</v>
      </c>
      <c r="BC1048" s="166">
        <v>0</v>
      </c>
      <c r="BD1048" s="166">
        <v>0</v>
      </c>
      <c r="BE1048" s="166">
        <v>0</v>
      </c>
      <c r="BF1048" s="166">
        <v>0</v>
      </c>
      <c r="BG1048" s="166">
        <v>0</v>
      </c>
      <c r="BH1048" s="166">
        <v>0</v>
      </c>
      <c r="BI1048" s="166">
        <v>0</v>
      </c>
      <c r="BJ1048" s="166">
        <v>0</v>
      </c>
      <c r="BK1048" s="166">
        <v>0</v>
      </c>
      <c r="BL1048" s="166">
        <v>0</v>
      </c>
      <c r="BM1048" s="166">
        <v>0</v>
      </c>
      <c r="BN1048" s="166">
        <v>0</v>
      </c>
      <c r="BO1048" s="166">
        <v>0</v>
      </c>
      <c r="BP1048" s="166">
        <v>0</v>
      </c>
      <c r="BQ1048" s="166">
        <v>0</v>
      </c>
      <c r="BR1048" s="166">
        <v>0</v>
      </c>
      <c r="BS1048" s="166">
        <v>0</v>
      </c>
      <c r="BT1048" s="168">
        <v>0</v>
      </c>
      <c r="BU1048" s="166">
        <v>0</v>
      </c>
      <c r="BV1048" s="166">
        <v>0</v>
      </c>
      <c r="BW1048" s="166">
        <v>0</v>
      </c>
      <c r="BX1048" s="166">
        <v>0</v>
      </c>
      <c r="BY1048" s="166">
        <v>0</v>
      </c>
      <c r="BZ1048" s="166">
        <v>0</v>
      </c>
      <c r="CA1048" s="166">
        <v>0</v>
      </c>
      <c r="CB1048" s="166">
        <v>0</v>
      </c>
      <c r="CC1048" s="166">
        <v>0</v>
      </c>
      <c r="CD1048" s="166">
        <v>0</v>
      </c>
      <c r="CE1048" s="166">
        <v>0</v>
      </c>
      <c r="CF1048" s="166">
        <v>0</v>
      </c>
      <c r="CG1048" s="166">
        <v>0</v>
      </c>
      <c r="CH1048" s="166">
        <v>0</v>
      </c>
      <c r="CI1048" s="166">
        <v>0</v>
      </c>
      <c r="CJ1048" s="166">
        <v>0</v>
      </c>
      <c r="CK1048" s="166">
        <v>0</v>
      </c>
      <c r="CL1048" s="166">
        <v>0</v>
      </c>
      <c r="CM1048" s="166">
        <v>0</v>
      </c>
      <c r="CN1048" s="166">
        <v>0</v>
      </c>
      <c r="CO1048" s="166">
        <v>0</v>
      </c>
      <c r="CP1048" s="166">
        <v>0</v>
      </c>
      <c r="CQ1048" s="166">
        <v>0</v>
      </c>
      <c r="CR1048" s="166">
        <v>0</v>
      </c>
      <c r="CS1048" s="166">
        <v>0</v>
      </c>
      <c r="CT1048" s="166">
        <v>0</v>
      </c>
      <c r="CU1048" s="166">
        <v>0</v>
      </c>
      <c r="CV1048" s="166">
        <v>0</v>
      </c>
      <c r="CW1048" s="166">
        <v>0</v>
      </c>
      <c r="CX1048" s="166">
        <v>0</v>
      </c>
      <c r="CY1048" s="166">
        <v>0</v>
      </c>
      <c r="CZ1048" s="166">
        <v>0</v>
      </c>
    </row>
    <row r="1049" spans="1:104" x14ac:dyDescent="0.2">
      <c r="A1049" s="177" t="s">
        <v>577</v>
      </c>
      <c r="B1049" s="166">
        <v>109125304.824304</v>
      </c>
      <c r="C1049" s="166">
        <v>109125304.824304</v>
      </c>
      <c r="D1049" s="166">
        <v>0</v>
      </c>
      <c r="E1049" s="166">
        <v>0</v>
      </c>
      <c r="F1049" s="166">
        <v>0</v>
      </c>
      <c r="G1049" s="166">
        <v>0</v>
      </c>
      <c r="H1049" s="166">
        <v>0</v>
      </c>
      <c r="I1049" s="166">
        <v>0</v>
      </c>
      <c r="J1049" s="166">
        <v>0</v>
      </c>
      <c r="K1049" s="166">
        <v>0</v>
      </c>
      <c r="L1049" s="166">
        <v>0</v>
      </c>
      <c r="M1049" s="166">
        <v>0</v>
      </c>
      <c r="N1049" s="166">
        <v>0</v>
      </c>
      <c r="O1049" s="166">
        <v>0</v>
      </c>
      <c r="P1049" s="166">
        <v>0</v>
      </c>
      <c r="Q1049" s="166">
        <v>0</v>
      </c>
      <c r="R1049" s="166">
        <v>0</v>
      </c>
      <c r="S1049" s="166">
        <v>0</v>
      </c>
      <c r="T1049" s="166">
        <v>0</v>
      </c>
      <c r="U1049" s="166">
        <v>0</v>
      </c>
      <c r="V1049" s="166">
        <v>0</v>
      </c>
      <c r="W1049" s="166">
        <v>0</v>
      </c>
      <c r="X1049" s="166">
        <v>0</v>
      </c>
      <c r="Y1049" s="166">
        <v>0</v>
      </c>
      <c r="Z1049" s="166">
        <v>0</v>
      </c>
      <c r="AA1049" s="166">
        <v>0</v>
      </c>
      <c r="AB1049" s="166">
        <v>0</v>
      </c>
      <c r="AC1049" s="166">
        <v>0</v>
      </c>
      <c r="AD1049" s="166">
        <v>0</v>
      </c>
      <c r="AE1049" s="166">
        <v>0</v>
      </c>
      <c r="AF1049" s="166">
        <v>0</v>
      </c>
      <c r="AG1049" s="166">
        <v>0</v>
      </c>
      <c r="AH1049" s="166">
        <v>0</v>
      </c>
      <c r="AI1049" s="166">
        <v>0</v>
      </c>
      <c r="AJ1049" s="166">
        <v>0</v>
      </c>
      <c r="AK1049" s="166">
        <v>0</v>
      </c>
      <c r="AL1049" s="166">
        <v>0</v>
      </c>
      <c r="AM1049" s="166">
        <v>0</v>
      </c>
      <c r="AN1049" s="166">
        <v>0</v>
      </c>
      <c r="AO1049" s="166">
        <v>0</v>
      </c>
      <c r="AP1049" s="166">
        <v>0</v>
      </c>
      <c r="AQ1049" s="166">
        <v>0</v>
      </c>
      <c r="AR1049" s="166">
        <v>0</v>
      </c>
      <c r="AS1049" s="166">
        <v>0</v>
      </c>
      <c r="AT1049" s="166">
        <v>0</v>
      </c>
      <c r="AU1049" s="166">
        <v>0</v>
      </c>
      <c r="AV1049" s="166">
        <v>0</v>
      </c>
      <c r="AW1049" s="166">
        <v>0</v>
      </c>
      <c r="AX1049" s="166">
        <v>0</v>
      </c>
      <c r="AY1049" s="166">
        <v>0</v>
      </c>
      <c r="AZ1049" s="166">
        <v>0</v>
      </c>
      <c r="BA1049" s="166">
        <v>0</v>
      </c>
      <c r="BB1049" s="166">
        <v>0</v>
      </c>
      <c r="BC1049" s="166">
        <v>0</v>
      </c>
      <c r="BD1049" s="166">
        <v>0</v>
      </c>
      <c r="BE1049" s="166">
        <v>0</v>
      </c>
      <c r="BF1049" s="166">
        <v>0</v>
      </c>
      <c r="BG1049" s="166">
        <v>0</v>
      </c>
      <c r="BH1049" s="166">
        <v>0</v>
      </c>
      <c r="BI1049" s="166">
        <v>0</v>
      </c>
      <c r="BJ1049" s="166">
        <v>0</v>
      </c>
      <c r="BK1049" s="166">
        <v>0</v>
      </c>
      <c r="BL1049" s="166">
        <v>0</v>
      </c>
      <c r="BM1049" s="166">
        <v>0</v>
      </c>
      <c r="BN1049" s="166">
        <v>0</v>
      </c>
      <c r="BO1049" s="166">
        <v>0</v>
      </c>
      <c r="BP1049" s="166">
        <v>0</v>
      </c>
      <c r="BQ1049" s="166">
        <v>0</v>
      </c>
      <c r="BR1049" s="166">
        <v>109125304.824304</v>
      </c>
      <c r="BS1049" s="166">
        <v>109125304.824304</v>
      </c>
      <c r="BT1049" s="168">
        <v>0</v>
      </c>
      <c r="BU1049" s="166">
        <v>0</v>
      </c>
      <c r="BV1049" s="166">
        <v>0</v>
      </c>
      <c r="BW1049" s="166">
        <v>0</v>
      </c>
      <c r="BX1049" s="166">
        <v>0</v>
      </c>
      <c r="BY1049" s="166">
        <v>0</v>
      </c>
      <c r="BZ1049" s="166">
        <v>0</v>
      </c>
      <c r="CA1049" s="166">
        <v>0</v>
      </c>
      <c r="CB1049" s="166">
        <v>0</v>
      </c>
      <c r="CC1049" s="166">
        <v>0</v>
      </c>
      <c r="CD1049" s="166">
        <v>0</v>
      </c>
      <c r="CE1049" s="166">
        <v>0</v>
      </c>
      <c r="CF1049" s="166">
        <v>0</v>
      </c>
      <c r="CG1049" s="166">
        <v>0</v>
      </c>
      <c r="CH1049" s="166">
        <v>0</v>
      </c>
      <c r="CI1049" s="166">
        <v>0</v>
      </c>
      <c r="CJ1049" s="166">
        <v>0</v>
      </c>
      <c r="CK1049" s="166">
        <v>0</v>
      </c>
      <c r="CL1049" s="166">
        <v>0</v>
      </c>
      <c r="CM1049" s="166">
        <v>0</v>
      </c>
      <c r="CN1049" s="166">
        <v>0</v>
      </c>
      <c r="CO1049" s="166">
        <v>0</v>
      </c>
      <c r="CP1049" s="166">
        <v>0</v>
      </c>
      <c r="CQ1049" s="166">
        <v>0</v>
      </c>
      <c r="CR1049" s="166">
        <v>0</v>
      </c>
      <c r="CS1049" s="166">
        <v>0</v>
      </c>
      <c r="CT1049" s="166">
        <v>0</v>
      </c>
      <c r="CU1049" s="166">
        <v>0</v>
      </c>
      <c r="CV1049" s="166">
        <v>0</v>
      </c>
      <c r="CW1049" s="166">
        <v>0</v>
      </c>
      <c r="CX1049" s="166">
        <v>0</v>
      </c>
      <c r="CY1049" s="166">
        <v>0</v>
      </c>
      <c r="CZ1049" s="166">
        <v>0</v>
      </c>
    </row>
    <row r="1050" spans="1:104" x14ac:dyDescent="0.2">
      <c r="A1050" s="167" t="s">
        <v>578</v>
      </c>
      <c r="B1050" s="166">
        <v>0</v>
      </c>
      <c r="C1050" s="166">
        <v>0</v>
      </c>
      <c r="D1050" s="166">
        <v>0</v>
      </c>
      <c r="E1050" s="166">
        <v>0</v>
      </c>
      <c r="F1050" s="166">
        <v>0</v>
      </c>
      <c r="G1050" s="166">
        <v>0</v>
      </c>
      <c r="H1050" s="166">
        <v>0</v>
      </c>
      <c r="I1050" s="166">
        <v>0</v>
      </c>
      <c r="J1050" s="166">
        <v>0</v>
      </c>
      <c r="K1050" s="166">
        <v>0</v>
      </c>
      <c r="L1050" s="166">
        <v>0</v>
      </c>
      <c r="M1050" s="166">
        <v>0</v>
      </c>
      <c r="N1050" s="166">
        <v>0</v>
      </c>
      <c r="O1050" s="166">
        <v>0</v>
      </c>
      <c r="P1050" s="166">
        <v>0</v>
      </c>
      <c r="Q1050" s="166">
        <v>0</v>
      </c>
      <c r="R1050" s="166">
        <v>0</v>
      </c>
      <c r="S1050" s="166">
        <v>0</v>
      </c>
      <c r="T1050" s="166">
        <v>0</v>
      </c>
      <c r="U1050" s="166">
        <v>0</v>
      </c>
      <c r="V1050" s="166">
        <v>0</v>
      </c>
      <c r="W1050" s="166">
        <v>0</v>
      </c>
      <c r="X1050" s="166">
        <v>0</v>
      </c>
      <c r="Y1050" s="166">
        <v>0</v>
      </c>
      <c r="Z1050" s="166">
        <v>0</v>
      </c>
      <c r="AA1050" s="166">
        <v>0</v>
      </c>
      <c r="AB1050" s="166">
        <v>0</v>
      </c>
      <c r="AC1050" s="166">
        <v>0</v>
      </c>
      <c r="AD1050" s="166">
        <v>0</v>
      </c>
      <c r="AE1050" s="166">
        <v>0</v>
      </c>
      <c r="AF1050" s="166">
        <v>0</v>
      </c>
      <c r="AG1050" s="166">
        <v>0</v>
      </c>
      <c r="AH1050" s="166">
        <v>0</v>
      </c>
      <c r="AI1050" s="166">
        <v>0</v>
      </c>
      <c r="AJ1050" s="166">
        <v>0</v>
      </c>
      <c r="AK1050" s="166">
        <v>0</v>
      </c>
      <c r="AL1050" s="166">
        <v>0</v>
      </c>
      <c r="AM1050" s="166">
        <v>0</v>
      </c>
      <c r="AN1050" s="166">
        <v>0</v>
      </c>
      <c r="AO1050" s="166">
        <v>0</v>
      </c>
      <c r="AP1050" s="166">
        <v>0</v>
      </c>
      <c r="AQ1050" s="166">
        <v>0</v>
      </c>
      <c r="AR1050" s="166">
        <v>0</v>
      </c>
      <c r="AS1050" s="166">
        <v>0</v>
      </c>
      <c r="AT1050" s="166">
        <v>0</v>
      </c>
      <c r="AU1050" s="166">
        <v>0</v>
      </c>
      <c r="AV1050" s="166">
        <v>0</v>
      </c>
      <c r="AW1050" s="166">
        <v>0</v>
      </c>
      <c r="AX1050" s="166">
        <v>0</v>
      </c>
      <c r="AY1050" s="166">
        <v>0</v>
      </c>
      <c r="AZ1050" s="166">
        <v>0</v>
      </c>
      <c r="BA1050" s="166">
        <v>0</v>
      </c>
      <c r="BB1050" s="166">
        <v>0</v>
      </c>
      <c r="BC1050" s="166">
        <v>0</v>
      </c>
      <c r="BD1050" s="166">
        <v>0</v>
      </c>
      <c r="BE1050" s="166">
        <v>0</v>
      </c>
      <c r="BF1050" s="166">
        <v>0</v>
      </c>
      <c r="BG1050" s="166">
        <v>0</v>
      </c>
      <c r="BH1050" s="166">
        <v>0</v>
      </c>
      <c r="BI1050" s="166">
        <v>0</v>
      </c>
      <c r="BJ1050" s="166">
        <v>0</v>
      </c>
      <c r="BK1050" s="166">
        <v>0</v>
      </c>
      <c r="BL1050" s="166">
        <v>0</v>
      </c>
      <c r="BM1050" s="166">
        <v>0</v>
      </c>
      <c r="BN1050" s="166">
        <v>0</v>
      </c>
      <c r="BO1050" s="166">
        <v>0</v>
      </c>
      <c r="BP1050" s="166">
        <v>0</v>
      </c>
      <c r="BQ1050" s="166">
        <v>0</v>
      </c>
      <c r="BR1050" s="166">
        <v>0</v>
      </c>
      <c r="BS1050" s="166">
        <v>0</v>
      </c>
      <c r="BT1050" s="168">
        <v>0</v>
      </c>
      <c r="BU1050" s="166">
        <v>0</v>
      </c>
      <c r="BV1050" s="166">
        <v>0</v>
      </c>
      <c r="BW1050" s="166">
        <v>0</v>
      </c>
      <c r="BX1050" s="166">
        <v>0</v>
      </c>
      <c r="BY1050" s="166">
        <v>0</v>
      </c>
      <c r="BZ1050" s="166">
        <v>0</v>
      </c>
      <c r="CA1050" s="166">
        <v>0</v>
      </c>
      <c r="CB1050" s="166">
        <v>0</v>
      </c>
      <c r="CC1050" s="166">
        <v>0</v>
      </c>
      <c r="CD1050" s="166">
        <v>0</v>
      </c>
      <c r="CE1050" s="166">
        <v>0</v>
      </c>
      <c r="CF1050" s="166">
        <v>0</v>
      </c>
      <c r="CG1050" s="166">
        <v>0</v>
      </c>
      <c r="CH1050" s="166">
        <v>0</v>
      </c>
      <c r="CI1050" s="166">
        <v>0</v>
      </c>
      <c r="CJ1050" s="166">
        <v>0</v>
      </c>
      <c r="CK1050" s="166">
        <v>0</v>
      </c>
      <c r="CL1050" s="166">
        <v>0</v>
      </c>
      <c r="CM1050" s="166">
        <v>0</v>
      </c>
      <c r="CN1050" s="166">
        <v>0</v>
      </c>
      <c r="CO1050" s="166">
        <v>0</v>
      </c>
      <c r="CP1050" s="166">
        <v>0</v>
      </c>
      <c r="CQ1050" s="166">
        <v>0</v>
      </c>
      <c r="CR1050" s="166">
        <v>0</v>
      </c>
      <c r="CS1050" s="166">
        <v>0</v>
      </c>
      <c r="CT1050" s="166">
        <v>0</v>
      </c>
      <c r="CU1050" s="166">
        <v>0</v>
      </c>
      <c r="CV1050" s="166">
        <v>0</v>
      </c>
      <c r="CW1050" s="166">
        <v>0</v>
      </c>
      <c r="CX1050" s="166">
        <v>0</v>
      </c>
      <c r="CY1050" s="166">
        <v>0</v>
      </c>
      <c r="CZ1050" s="166">
        <v>0</v>
      </c>
    </row>
    <row r="1051" spans="1:104" x14ac:dyDescent="0.2">
      <c r="A1051" s="167" t="s">
        <v>579</v>
      </c>
      <c r="B1051" s="166">
        <v>88002.159999999902</v>
      </c>
      <c r="C1051" s="166">
        <v>88002.159999999902</v>
      </c>
      <c r="D1051" s="166">
        <v>0</v>
      </c>
      <c r="E1051" s="166">
        <v>0</v>
      </c>
      <c r="F1051" s="166">
        <v>0</v>
      </c>
      <c r="G1051" s="166">
        <v>0</v>
      </c>
      <c r="H1051" s="166">
        <v>0</v>
      </c>
      <c r="I1051" s="166">
        <v>0</v>
      </c>
      <c r="J1051" s="166">
        <v>0</v>
      </c>
      <c r="K1051" s="166">
        <v>0</v>
      </c>
      <c r="L1051" s="166">
        <v>0</v>
      </c>
      <c r="M1051" s="166">
        <v>0</v>
      </c>
      <c r="N1051" s="166">
        <v>0</v>
      </c>
      <c r="O1051" s="166">
        <v>0</v>
      </c>
      <c r="P1051" s="166">
        <v>0</v>
      </c>
      <c r="Q1051" s="166">
        <v>0</v>
      </c>
      <c r="R1051" s="166">
        <v>0</v>
      </c>
      <c r="S1051" s="166">
        <v>0</v>
      </c>
      <c r="T1051" s="166">
        <v>0</v>
      </c>
      <c r="U1051" s="166">
        <v>0</v>
      </c>
      <c r="V1051" s="166">
        <v>0</v>
      </c>
      <c r="W1051" s="166">
        <v>0</v>
      </c>
      <c r="X1051" s="166">
        <v>0</v>
      </c>
      <c r="Y1051" s="166">
        <v>0</v>
      </c>
      <c r="Z1051" s="166">
        <v>0</v>
      </c>
      <c r="AA1051" s="166">
        <v>0</v>
      </c>
      <c r="AB1051" s="166">
        <v>0</v>
      </c>
      <c r="AC1051" s="166">
        <v>0</v>
      </c>
      <c r="AD1051" s="166">
        <v>0</v>
      </c>
      <c r="AE1051" s="166">
        <v>0</v>
      </c>
      <c r="AF1051" s="166">
        <v>0</v>
      </c>
      <c r="AG1051" s="166">
        <v>0</v>
      </c>
      <c r="AH1051" s="166">
        <v>0</v>
      </c>
      <c r="AI1051" s="166">
        <v>0</v>
      </c>
      <c r="AJ1051" s="166">
        <v>0</v>
      </c>
      <c r="AK1051" s="166">
        <v>0</v>
      </c>
      <c r="AL1051" s="166">
        <v>0</v>
      </c>
      <c r="AM1051" s="166">
        <v>0</v>
      </c>
      <c r="AN1051" s="166">
        <v>0</v>
      </c>
      <c r="AO1051" s="166">
        <v>0</v>
      </c>
      <c r="AP1051" s="166">
        <v>0</v>
      </c>
      <c r="AQ1051" s="166">
        <v>0</v>
      </c>
      <c r="AR1051" s="166">
        <v>0</v>
      </c>
      <c r="AS1051" s="166">
        <v>0</v>
      </c>
      <c r="AT1051" s="166">
        <v>0</v>
      </c>
      <c r="AU1051" s="166">
        <v>0</v>
      </c>
      <c r="AV1051" s="166">
        <v>0</v>
      </c>
      <c r="AW1051" s="166">
        <v>0</v>
      </c>
      <c r="AX1051" s="166">
        <v>0</v>
      </c>
      <c r="AY1051" s="166">
        <v>0</v>
      </c>
      <c r="AZ1051" s="166">
        <v>0</v>
      </c>
      <c r="BA1051" s="166">
        <v>0</v>
      </c>
      <c r="BB1051" s="166">
        <v>0</v>
      </c>
      <c r="BC1051" s="166">
        <v>0</v>
      </c>
      <c r="BD1051" s="166">
        <v>0</v>
      </c>
      <c r="BE1051" s="166">
        <v>0</v>
      </c>
      <c r="BF1051" s="166">
        <v>0</v>
      </c>
      <c r="BG1051" s="166">
        <v>0</v>
      </c>
      <c r="BH1051" s="166">
        <v>0</v>
      </c>
      <c r="BI1051" s="166">
        <v>0</v>
      </c>
      <c r="BJ1051" s="166">
        <v>0</v>
      </c>
      <c r="BK1051" s="166">
        <v>0</v>
      </c>
      <c r="BL1051" s="166">
        <v>0</v>
      </c>
      <c r="BM1051" s="166">
        <v>0</v>
      </c>
      <c r="BN1051" s="166">
        <v>0</v>
      </c>
      <c r="BO1051" s="166">
        <v>0</v>
      </c>
      <c r="BP1051" s="166">
        <v>0</v>
      </c>
      <c r="BQ1051" s="166">
        <v>0</v>
      </c>
      <c r="BR1051" s="166">
        <v>88002.159999999902</v>
      </c>
      <c r="BS1051" s="166">
        <v>88002.159999999902</v>
      </c>
      <c r="BT1051" s="168">
        <v>0</v>
      </c>
      <c r="BU1051" s="166">
        <v>0</v>
      </c>
      <c r="BV1051" s="166">
        <v>0</v>
      </c>
      <c r="BW1051" s="166">
        <v>0</v>
      </c>
      <c r="BX1051" s="166">
        <v>0</v>
      </c>
      <c r="BY1051" s="166">
        <v>0</v>
      </c>
      <c r="BZ1051" s="166">
        <v>0</v>
      </c>
      <c r="CA1051" s="166">
        <v>0</v>
      </c>
      <c r="CB1051" s="166">
        <v>0</v>
      </c>
      <c r="CC1051" s="166">
        <v>0</v>
      </c>
      <c r="CD1051" s="166">
        <v>0</v>
      </c>
      <c r="CE1051" s="166">
        <v>0</v>
      </c>
      <c r="CF1051" s="166">
        <v>0</v>
      </c>
      <c r="CG1051" s="166">
        <v>0</v>
      </c>
      <c r="CH1051" s="166">
        <v>0</v>
      </c>
      <c r="CI1051" s="166">
        <v>0</v>
      </c>
      <c r="CJ1051" s="166">
        <v>0</v>
      </c>
      <c r="CK1051" s="166">
        <v>0</v>
      </c>
      <c r="CL1051" s="166">
        <v>0</v>
      </c>
      <c r="CM1051" s="166">
        <v>0</v>
      </c>
      <c r="CN1051" s="166">
        <v>0</v>
      </c>
      <c r="CO1051" s="166">
        <v>0</v>
      </c>
      <c r="CP1051" s="166">
        <v>0</v>
      </c>
      <c r="CQ1051" s="166">
        <v>0</v>
      </c>
      <c r="CR1051" s="166">
        <v>0</v>
      </c>
      <c r="CS1051" s="166">
        <v>0</v>
      </c>
      <c r="CT1051" s="166">
        <v>0</v>
      </c>
      <c r="CU1051" s="166">
        <v>0</v>
      </c>
      <c r="CV1051" s="166">
        <v>0</v>
      </c>
      <c r="CW1051" s="166">
        <v>0</v>
      </c>
      <c r="CX1051" s="166">
        <v>0</v>
      </c>
      <c r="CY1051" s="166">
        <v>0</v>
      </c>
      <c r="CZ1051" s="166">
        <v>0</v>
      </c>
    </row>
    <row r="1052" spans="1:104" x14ac:dyDescent="0.2">
      <c r="A1052" s="167" t="s">
        <v>580</v>
      </c>
      <c r="B1052" s="166">
        <v>815195.22</v>
      </c>
      <c r="C1052" s="166">
        <v>815195.22</v>
      </c>
      <c r="D1052" s="166">
        <v>0</v>
      </c>
      <c r="E1052" s="166">
        <v>0</v>
      </c>
      <c r="F1052" s="166">
        <v>0</v>
      </c>
      <c r="G1052" s="166">
        <v>0</v>
      </c>
      <c r="H1052" s="166">
        <v>0</v>
      </c>
      <c r="I1052" s="166">
        <v>0</v>
      </c>
      <c r="J1052" s="166">
        <v>0</v>
      </c>
      <c r="K1052" s="166">
        <v>0</v>
      </c>
      <c r="L1052" s="166">
        <v>0</v>
      </c>
      <c r="M1052" s="166">
        <v>0</v>
      </c>
      <c r="N1052" s="166">
        <v>0</v>
      </c>
      <c r="O1052" s="166">
        <v>0</v>
      </c>
      <c r="P1052" s="166">
        <v>0</v>
      </c>
      <c r="Q1052" s="166">
        <v>0</v>
      </c>
      <c r="R1052" s="166">
        <v>0</v>
      </c>
      <c r="S1052" s="166">
        <v>0</v>
      </c>
      <c r="T1052" s="166">
        <v>0</v>
      </c>
      <c r="U1052" s="166">
        <v>0</v>
      </c>
      <c r="V1052" s="166">
        <v>0</v>
      </c>
      <c r="W1052" s="166">
        <v>0</v>
      </c>
      <c r="X1052" s="166">
        <v>0</v>
      </c>
      <c r="Y1052" s="166">
        <v>0</v>
      </c>
      <c r="Z1052" s="166">
        <v>0</v>
      </c>
      <c r="AA1052" s="166">
        <v>0</v>
      </c>
      <c r="AB1052" s="166">
        <v>0</v>
      </c>
      <c r="AC1052" s="166">
        <v>0</v>
      </c>
      <c r="AD1052" s="166">
        <v>0</v>
      </c>
      <c r="AE1052" s="166">
        <v>0</v>
      </c>
      <c r="AF1052" s="166">
        <v>0</v>
      </c>
      <c r="AG1052" s="166">
        <v>0</v>
      </c>
      <c r="AH1052" s="166">
        <v>0</v>
      </c>
      <c r="AI1052" s="166">
        <v>0</v>
      </c>
      <c r="AJ1052" s="166">
        <v>0</v>
      </c>
      <c r="AK1052" s="166">
        <v>0</v>
      </c>
      <c r="AL1052" s="166">
        <v>0</v>
      </c>
      <c r="AM1052" s="166">
        <v>0</v>
      </c>
      <c r="AN1052" s="166">
        <v>0</v>
      </c>
      <c r="AO1052" s="166">
        <v>0</v>
      </c>
      <c r="AP1052" s="166">
        <v>0</v>
      </c>
      <c r="AQ1052" s="166">
        <v>0</v>
      </c>
      <c r="AR1052" s="166">
        <v>0</v>
      </c>
      <c r="AS1052" s="166">
        <v>0</v>
      </c>
      <c r="AT1052" s="166">
        <v>0</v>
      </c>
      <c r="AU1052" s="166">
        <v>0</v>
      </c>
      <c r="AV1052" s="166">
        <v>0</v>
      </c>
      <c r="AW1052" s="166">
        <v>0</v>
      </c>
      <c r="AX1052" s="166">
        <v>0</v>
      </c>
      <c r="AY1052" s="166">
        <v>0</v>
      </c>
      <c r="AZ1052" s="166">
        <v>0</v>
      </c>
      <c r="BA1052" s="166">
        <v>0</v>
      </c>
      <c r="BB1052" s="166">
        <v>0</v>
      </c>
      <c r="BC1052" s="166">
        <v>0</v>
      </c>
      <c r="BD1052" s="166">
        <v>0</v>
      </c>
      <c r="BE1052" s="166">
        <v>0</v>
      </c>
      <c r="BF1052" s="166">
        <v>0</v>
      </c>
      <c r="BG1052" s="166">
        <v>0</v>
      </c>
      <c r="BH1052" s="166">
        <v>0</v>
      </c>
      <c r="BI1052" s="166">
        <v>0</v>
      </c>
      <c r="BJ1052" s="166">
        <v>0</v>
      </c>
      <c r="BK1052" s="166">
        <v>0</v>
      </c>
      <c r="BL1052" s="166">
        <v>0</v>
      </c>
      <c r="BM1052" s="166">
        <v>0</v>
      </c>
      <c r="BN1052" s="166">
        <v>0</v>
      </c>
      <c r="BO1052" s="166">
        <v>0</v>
      </c>
      <c r="BP1052" s="166">
        <v>0</v>
      </c>
      <c r="BQ1052" s="166">
        <v>0</v>
      </c>
      <c r="BR1052" s="166">
        <v>815195.22</v>
      </c>
      <c r="BS1052" s="166">
        <v>815195.22</v>
      </c>
      <c r="BT1052" s="168">
        <v>0</v>
      </c>
      <c r="BU1052" s="166">
        <v>0</v>
      </c>
      <c r="BV1052" s="166">
        <v>0</v>
      </c>
      <c r="BW1052" s="166">
        <v>0</v>
      </c>
      <c r="BX1052" s="166">
        <v>0</v>
      </c>
      <c r="BY1052" s="166">
        <v>0</v>
      </c>
      <c r="BZ1052" s="166">
        <v>0</v>
      </c>
      <c r="CA1052" s="166">
        <v>0</v>
      </c>
      <c r="CB1052" s="166">
        <v>0</v>
      </c>
      <c r="CC1052" s="166">
        <v>0</v>
      </c>
      <c r="CD1052" s="166">
        <v>0</v>
      </c>
      <c r="CE1052" s="166">
        <v>0</v>
      </c>
      <c r="CF1052" s="166">
        <v>0</v>
      </c>
      <c r="CG1052" s="166">
        <v>0</v>
      </c>
      <c r="CH1052" s="166">
        <v>0</v>
      </c>
      <c r="CI1052" s="166">
        <v>0</v>
      </c>
      <c r="CJ1052" s="166">
        <v>0</v>
      </c>
      <c r="CK1052" s="166">
        <v>0</v>
      </c>
      <c r="CL1052" s="166">
        <v>0</v>
      </c>
      <c r="CM1052" s="166">
        <v>0</v>
      </c>
      <c r="CN1052" s="166">
        <v>0</v>
      </c>
      <c r="CO1052" s="166">
        <v>0</v>
      </c>
      <c r="CP1052" s="166">
        <v>0</v>
      </c>
      <c r="CQ1052" s="166">
        <v>0</v>
      </c>
      <c r="CR1052" s="166">
        <v>0</v>
      </c>
      <c r="CS1052" s="166">
        <v>0</v>
      </c>
      <c r="CT1052" s="166">
        <v>0</v>
      </c>
      <c r="CU1052" s="166">
        <v>0</v>
      </c>
      <c r="CV1052" s="166">
        <v>0</v>
      </c>
      <c r="CW1052" s="166">
        <v>0</v>
      </c>
      <c r="CX1052" s="166">
        <v>0</v>
      </c>
      <c r="CY1052" s="166">
        <v>0</v>
      </c>
      <c r="CZ1052" s="166">
        <v>0</v>
      </c>
    </row>
    <row r="1053" spans="1:104" x14ac:dyDescent="0.2">
      <c r="A1053" s="167" t="s">
        <v>581</v>
      </c>
      <c r="B1053" s="166">
        <v>52332208.119999997</v>
      </c>
      <c r="C1053" s="166">
        <v>52332208.119999997</v>
      </c>
      <c r="D1053" s="166">
        <v>0</v>
      </c>
      <c r="E1053" s="166">
        <v>0</v>
      </c>
      <c r="F1053" s="166">
        <v>0</v>
      </c>
      <c r="G1053" s="166">
        <v>0</v>
      </c>
      <c r="H1053" s="166">
        <v>0</v>
      </c>
      <c r="I1053" s="166">
        <v>0</v>
      </c>
      <c r="J1053" s="166">
        <v>0</v>
      </c>
      <c r="K1053" s="166">
        <v>0</v>
      </c>
      <c r="L1053" s="166">
        <v>0</v>
      </c>
      <c r="M1053" s="166">
        <v>0</v>
      </c>
      <c r="N1053" s="166">
        <v>0</v>
      </c>
      <c r="O1053" s="166">
        <v>0</v>
      </c>
      <c r="P1053" s="166">
        <v>0</v>
      </c>
      <c r="Q1053" s="166">
        <v>0</v>
      </c>
      <c r="R1053" s="166">
        <v>0</v>
      </c>
      <c r="S1053" s="166">
        <v>0</v>
      </c>
      <c r="T1053" s="166">
        <v>0</v>
      </c>
      <c r="U1053" s="166">
        <v>0</v>
      </c>
      <c r="V1053" s="166">
        <v>0</v>
      </c>
      <c r="W1053" s="166">
        <v>0</v>
      </c>
      <c r="X1053" s="166">
        <v>0</v>
      </c>
      <c r="Y1053" s="166">
        <v>0</v>
      </c>
      <c r="Z1053" s="166">
        <v>0</v>
      </c>
      <c r="AA1053" s="166">
        <v>0</v>
      </c>
      <c r="AB1053" s="166">
        <v>0</v>
      </c>
      <c r="AC1053" s="166">
        <v>0</v>
      </c>
      <c r="AD1053" s="166">
        <v>0</v>
      </c>
      <c r="AE1053" s="166">
        <v>0</v>
      </c>
      <c r="AF1053" s="166">
        <v>0</v>
      </c>
      <c r="AG1053" s="166">
        <v>0</v>
      </c>
      <c r="AH1053" s="166">
        <v>0</v>
      </c>
      <c r="AI1053" s="166">
        <v>0</v>
      </c>
      <c r="AJ1053" s="166">
        <v>0</v>
      </c>
      <c r="AK1053" s="166">
        <v>0</v>
      </c>
      <c r="AL1053" s="166">
        <v>0</v>
      </c>
      <c r="AM1053" s="166">
        <v>0</v>
      </c>
      <c r="AN1053" s="166">
        <v>0</v>
      </c>
      <c r="AO1053" s="166">
        <v>0</v>
      </c>
      <c r="AP1053" s="166">
        <v>0</v>
      </c>
      <c r="AQ1053" s="166">
        <v>0</v>
      </c>
      <c r="AR1053" s="166">
        <v>0</v>
      </c>
      <c r="AS1053" s="166">
        <v>0</v>
      </c>
      <c r="AT1053" s="166">
        <v>0</v>
      </c>
      <c r="AU1053" s="166">
        <v>0</v>
      </c>
      <c r="AV1053" s="166">
        <v>0</v>
      </c>
      <c r="AW1053" s="166">
        <v>0</v>
      </c>
      <c r="AX1053" s="166">
        <v>0</v>
      </c>
      <c r="AY1053" s="166">
        <v>0</v>
      </c>
      <c r="AZ1053" s="166">
        <v>0</v>
      </c>
      <c r="BA1053" s="166">
        <v>0</v>
      </c>
      <c r="BB1053" s="166">
        <v>0</v>
      </c>
      <c r="BC1053" s="166">
        <v>0</v>
      </c>
      <c r="BD1053" s="166">
        <v>0</v>
      </c>
      <c r="BE1053" s="166">
        <v>0</v>
      </c>
      <c r="BF1053" s="166">
        <v>0</v>
      </c>
      <c r="BG1053" s="166">
        <v>0</v>
      </c>
      <c r="BH1053" s="166">
        <v>0</v>
      </c>
      <c r="BI1053" s="166">
        <v>0</v>
      </c>
      <c r="BJ1053" s="166">
        <v>0</v>
      </c>
      <c r="BK1053" s="166">
        <v>0</v>
      </c>
      <c r="BL1053" s="166">
        <v>0</v>
      </c>
      <c r="BM1053" s="166">
        <v>0</v>
      </c>
      <c r="BN1053" s="166">
        <v>0</v>
      </c>
      <c r="BO1053" s="166">
        <v>0</v>
      </c>
      <c r="BP1053" s="166">
        <v>0</v>
      </c>
      <c r="BQ1053" s="166">
        <v>0</v>
      </c>
      <c r="BR1053" s="166">
        <v>52332208.119999997</v>
      </c>
      <c r="BS1053" s="166">
        <v>52332208.119999997</v>
      </c>
      <c r="BT1053" s="168">
        <v>0</v>
      </c>
      <c r="BU1053" s="166">
        <v>0</v>
      </c>
      <c r="BV1053" s="166">
        <v>0</v>
      </c>
      <c r="BW1053" s="166">
        <v>0</v>
      </c>
      <c r="BX1053" s="166">
        <v>0</v>
      </c>
      <c r="BY1053" s="166">
        <v>0</v>
      </c>
      <c r="BZ1053" s="166">
        <v>0</v>
      </c>
      <c r="CA1053" s="166">
        <v>0</v>
      </c>
      <c r="CB1053" s="166">
        <v>0</v>
      </c>
      <c r="CC1053" s="166">
        <v>0</v>
      </c>
      <c r="CD1053" s="166">
        <v>0</v>
      </c>
      <c r="CE1053" s="166">
        <v>0</v>
      </c>
      <c r="CF1053" s="166">
        <v>0</v>
      </c>
      <c r="CG1053" s="166">
        <v>0</v>
      </c>
      <c r="CH1053" s="166">
        <v>0</v>
      </c>
      <c r="CI1053" s="166">
        <v>0</v>
      </c>
      <c r="CJ1053" s="166">
        <v>0</v>
      </c>
      <c r="CK1053" s="166">
        <v>0</v>
      </c>
      <c r="CL1053" s="166">
        <v>0</v>
      </c>
      <c r="CM1053" s="166">
        <v>0</v>
      </c>
      <c r="CN1053" s="166">
        <v>0</v>
      </c>
      <c r="CO1053" s="166">
        <v>0</v>
      </c>
      <c r="CP1053" s="166">
        <v>0</v>
      </c>
      <c r="CQ1053" s="166">
        <v>0</v>
      </c>
      <c r="CR1053" s="166">
        <v>0</v>
      </c>
      <c r="CS1053" s="166">
        <v>0</v>
      </c>
      <c r="CT1053" s="166">
        <v>0</v>
      </c>
      <c r="CU1053" s="166">
        <v>0</v>
      </c>
      <c r="CV1053" s="166">
        <v>0</v>
      </c>
      <c r="CW1053" s="166">
        <v>0</v>
      </c>
      <c r="CX1053" s="166">
        <v>0</v>
      </c>
      <c r="CY1053" s="166">
        <v>0</v>
      </c>
      <c r="CZ1053" s="166">
        <v>0</v>
      </c>
    </row>
    <row r="1054" spans="1:104" x14ac:dyDescent="0.2">
      <c r="A1054" s="167" t="s">
        <v>582</v>
      </c>
      <c r="B1054" s="166">
        <v>31846718.969999999</v>
      </c>
      <c r="C1054" s="166">
        <v>31846718.969999999</v>
      </c>
      <c r="D1054" s="166">
        <v>0</v>
      </c>
      <c r="E1054" s="166">
        <v>0</v>
      </c>
      <c r="F1054" s="166">
        <v>0</v>
      </c>
      <c r="G1054" s="166">
        <v>0</v>
      </c>
      <c r="H1054" s="166">
        <v>0</v>
      </c>
      <c r="I1054" s="166">
        <v>0</v>
      </c>
      <c r="J1054" s="166">
        <v>0</v>
      </c>
      <c r="K1054" s="166">
        <v>0</v>
      </c>
      <c r="L1054" s="166">
        <v>0</v>
      </c>
      <c r="M1054" s="166">
        <v>0</v>
      </c>
      <c r="N1054" s="166">
        <v>0</v>
      </c>
      <c r="O1054" s="166">
        <v>0</v>
      </c>
      <c r="P1054" s="166">
        <v>0</v>
      </c>
      <c r="Q1054" s="166">
        <v>0</v>
      </c>
      <c r="R1054" s="166">
        <v>0</v>
      </c>
      <c r="S1054" s="166">
        <v>0</v>
      </c>
      <c r="T1054" s="166">
        <v>0</v>
      </c>
      <c r="U1054" s="166">
        <v>0</v>
      </c>
      <c r="V1054" s="166">
        <v>0</v>
      </c>
      <c r="W1054" s="166">
        <v>0</v>
      </c>
      <c r="X1054" s="166">
        <v>0</v>
      </c>
      <c r="Y1054" s="166">
        <v>0</v>
      </c>
      <c r="Z1054" s="166">
        <v>0</v>
      </c>
      <c r="AA1054" s="166">
        <v>0</v>
      </c>
      <c r="AB1054" s="166">
        <v>0</v>
      </c>
      <c r="AC1054" s="166">
        <v>0</v>
      </c>
      <c r="AD1054" s="166">
        <v>0</v>
      </c>
      <c r="AE1054" s="166">
        <v>0</v>
      </c>
      <c r="AF1054" s="166">
        <v>0</v>
      </c>
      <c r="AG1054" s="166">
        <v>0</v>
      </c>
      <c r="AH1054" s="166">
        <v>0</v>
      </c>
      <c r="AI1054" s="166">
        <v>0</v>
      </c>
      <c r="AJ1054" s="166">
        <v>0</v>
      </c>
      <c r="AK1054" s="166">
        <v>0</v>
      </c>
      <c r="AL1054" s="166">
        <v>0</v>
      </c>
      <c r="AM1054" s="166">
        <v>0</v>
      </c>
      <c r="AN1054" s="166">
        <v>0</v>
      </c>
      <c r="AO1054" s="166">
        <v>0</v>
      </c>
      <c r="AP1054" s="166">
        <v>0</v>
      </c>
      <c r="AQ1054" s="166">
        <v>0</v>
      </c>
      <c r="AR1054" s="166">
        <v>0</v>
      </c>
      <c r="AS1054" s="166">
        <v>0</v>
      </c>
      <c r="AT1054" s="166">
        <v>0</v>
      </c>
      <c r="AU1054" s="166">
        <v>0</v>
      </c>
      <c r="AV1054" s="166">
        <v>0</v>
      </c>
      <c r="AW1054" s="166">
        <v>0</v>
      </c>
      <c r="AX1054" s="166">
        <v>0</v>
      </c>
      <c r="AY1054" s="166">
        <v>0</v>
      </c>
      <c r="AZ1054" s="166">
        <v>0</v>
      </c>
      <c r="BA1054" s="166">
        <v>0</v>
      </c>
      <c r="BB1054" s="166">
        <v>0</v>
      </c>
      <c r="BC1054" s="166">
        <v>0</v>
      </c>
      <c r="BD1054" s="166">
        <v>0</v>
      </c>
      <c r="BE1054" s="166">
        <v>0</v>
      </c>
      <c r="BF1054" s="166">
        <v>0</v>
      </c>
      <c r="BG1054" s="166">
        <v>0</v>
      </c>
      <c r="BH1054" s="166">
        <v>0</v>
      </c>
      <c r="BI1054" s="166">
        <v>0</v>
      </c>
      <c r="BJ1054" s="166">
        <v>0</v>
      </c>
      <c r="BK1054" s="166">
        <v>0</v>
      </c>
      <c r="BL1054" s="166">
        <v>0</v>
      </c>
      <c r="BM1054" s="166">
        <v>0</v>
      </c>
      <c r="BN1054" s="166">
        <v>0</v>
      </c>
      <c r="BO1054" s="166">
        <v>0</v>
      </c>
      <c r="BP1054" s="166">
        <v>0</v>
      </c>
      <c r="BQ1054" s="166">
        <v>0</v>
      </c>
      <c r="BR1054" s="166">
        <v>31846718.969999999</v>
      </c>
      <c r="BS1054" s="166">
        <v>31846718.969999999</v>
      </c>
      <c r="BT1054" s="168">
        <v>0</v>
      </c>
      <c r="BU1054" s="166">
        <v>0</v>
      </c>
      <c r="BV1054" s="166">
        <v>0</v>
      </c>
      <c r="BW1054" s="166">
        <v>0</v>
      </c>
      <c r="BX1054" s="166">
        <v>0</v>
      </c>
      <c r="BY1054" s="166">
        <v>0</v>
      </c>
      <c r="BZ1054" s="166">
        <v>0</v>
      </c>
      <c r="CA1054" s="166">
        <v>0</v>
      </c>
      <c r="CB1054" s="166">
        <v>0</v>
      </c>
      <c r="CC1054" s="166">
        <v>0</v>
      </c>
      <c r="CD1054" s="166">
        <v>0</v>
      </c>
      <c r="CE1054" s="166">
        <v>0</v>
      </c>
      <c r="CF1054" s="166">
        <v>0</v>
      </c>
      <c r="CG1054" s="166">
        <v>0</v>
      </c>
      <c r="CH1054" s="166">
        <v>0</v>
      </c>
      <c r="CI1054" s="166">
        <v>0</v>
      </c>
      <c r="CJ1054" s="166">
        <v>0</v>
      </c>
      <c r="CK1054" s="166">
        <v>0</v>
      </c>
      <c r="CL1054" s="166">
        <v>0</v>
      </c>
      <c r="CM1054" s="166">
        <v>0</v>
      </c>
      <c r="CN1054" s="166">
        <v>0</v>
      </c>
      <c r="CO1054" s="166">
        <v>0</v>
      </c>
      <c r="CP1054" s="166">
        <v>0</v>
      </c>
      <c r="CQ1054" s="166">
        <v>0</v>
      </c>
      <c r="CR1054" s="166">
        <v>0</v>
      </c>
      <c r="CS1054" s="166">
        <v>0</v>
      </c>
      <c r="CT1054" s="166">
        <v>0</v>
      </c>
      <c r="CU1054" s="166">
        <v>0</v>
      </c>
      <c r="CV1054" s="166">
        <v>0</v>
      </c>
      <c r="CW1054" s="166">
        <v>0</v>
      </c>
      <c r="CX1054" s="166">
        <v>0</v>
      </c>
      <c r="CY1054" s="166">
        <v>0</v>
      </c>
      <c r="CZ1054" s="166">
        <v>0</v>
      </c>
    </row>
    <row r="1055" spans="1:104" x14ac:dyDescent="0.2">
      <c r="A1055" s="167" t="s">
        <v>583</v>
      </c>
      <c r="B1055" s="166">
        <v>0</v>
      </c>
      <c r="C1055" s="166">
        <v>0</v>
      </c>
      <c r="D1055" s="166">
        <v>0</v>
      </c>
      <c r="E1055" s="166">
        <v>0</v>
      </c>
      <c r="F1055" s="166">
        <v>0</v>
      </c>
      <c r="G1055" s="166">
        <v>0</v>
      </c>
      <c r="H1055" s="166">
        <v>0</v>
      </c>
      <c r="I1055" s="166">
        <v>0</v>
      </c>
      <c r="J1055" s="166">
        <v>0</v>
      </c>
      <c r="K1055" s="166">
        <v>0</v>
      </c>
      <c r="L1055" s="166">
        <v>0</v>
      </c>
      <c r="M1055" s="166">
        <v>0</v>
      </c>
      <c r="N1055" s="166">
        <v>0</v>
      </c>
      <c r="O1055" s="166">
        <v>0</v>
      </c>
      <c r="P1055" s="166">
        <v>0</v>
      </c>
      <c r="Q1055" s="166">
        <v>0</v>
      </c>
      <c r="R1055" s="166">
        <v>0</v>
      </c>
      <c r="S1055" s="166">
        <v>0</v>
      </c>
      <c r="T1055" s="166">
        <v>0</v>
      </c>
      <c r="U1055" s="166">
        <v>0</v>
      </c>
      <c r="V1055" s="166">
        <v>0</v>
      </c>
      <c r="W1055" s="166">
        <v>0</v>
      </c>
      <c r="X1055" s="166">
        <v>0</v>
      </c>
      <c r="Y1055" s="166">
        <v>0</v>
      </c>
      <c r="Z1055" s="166">
        <v>0</v>
      </c>
      <c r="AA1055" s="166">
        <v>0</v>
      </c>
      <c r="AB1055" s="166">
        <v>0</v>
      </c>
      <c r="AC1055" s="166">
        <v>0</v>
      </c>
      <c r="AD1055" s="166">
        <v>0</v>
      </c>
      <c r="AE1055" s="166">
        <v>0</v>
      </c>
      <c r="AF1055" s="166">
        <v>0</v>
      </c>
      <c r="AG1055" s="166">
        <v>0</v>
      </c>
      <c r="AH1055" s="166">
        <v>0</v>
      </c>
      <c r="AI1055" s="166">
        <v>0</v>
      </c>
      <c r="AJ1055" s="166">
        <v>0</v>
      </c>
      <c r="AK1055" s="166">
        <v>0</v>
      </c>
      <c r="AL1055" s="166">
        <v>0</v>
      </c>
      <c r="AM1055" s="166">
        <v>0</v>
      </c>
      <c r="AN1055" s="166">
        <v>0</v>
      </c>
      <c r="AO1055" s="166">
        <v>0</v>
      </c>
      <c r="AP1055" s="166">
        <v>0</v>
      </c>
      <c r="AQ1055" s="166">
        <v>0</v>
      </c>
      <c r="AR1055" s="166">
        <v>0</v>
      </c>
      <c r="AS1055" s="166">
        <v>0</v>
      </c>
      <c r="AT1055" s="166">
        <v>0</v>
      </c>
      <c r="AU1055" s="166">
        <v>0</v>
      </c>
      <c r="AV1055" s="166">
        <v>0</v>
      </c>
      <c r="AW1055" s="166">
        <v>0</v>
      </c>
      <c r="AX1055" s="166">
        <v>0</v>
      </c>
      <c r="AY1055" s="166">
        <v>0</v>
      </c>
      <c r="AZ1055" s="166">
        <v>0</v>
      </c>
      <c r="BA1055" s="166">
        <v>0</v>
      </c>
      <c r="BB1055" s="166">
        <v>0</v>
      </c>
      <c r="BC1055" s="166">
        <v>0</v>
      </c>
      <c r="BD1055" s="166">
        <v>0</v>
      </c>
      <c r="BE1055" s="166">
        <v>0</v>
      </c>
      <c r="BF1055" s="166">
        <v>0</v>
      </c>
      <c r="BG1055" s="166">
        <v>0</v>
      </c>
      <c r="BH1055" s="166">
        <v>0</v>
      </c>
      <c r="BI1055" s="166">
        <v>0</v>
      </c>
      <c r="BJ1055" s="166">
        <v>0</v>
      </c>
      <c r="BK1055" s="166">
        <v>0</v>
      </c>
      <c r="BL1055" s="166">
        <v>0</v>
      </c>
      <c r="BM1055" s="166">
        <v>0</v>
      </c>
      <c r="BN1055" s="166">
        <v>0</v>
      </c>
      <c r="BO1055" s="166">
        <v>0</v>
      </c>
      <c r="BP1055" s="166">
        <v>0</v>
      </c>
      <c r="BQ1055" s="166">
        <v>0</v>
      </c>
      <c r="BR1055" s="166">
        <v>0</v>
      </c>
      <c r="BS1055" s="166">
        <v>0</v>
      </c>
      <c r="BT1055" s="168">
        <v>0</v>
      </c>
      <c r="BU1055" s="166">
        <v>0</v>
      </c>
      <c r="BV1055" s="166">
        <v>0</v>
      </c>
      <c r="BW1055" s="166">
        <v>0</v>
      </c>
      <c r="BX1055" s="166">
        <v>0</v>
      </c>
      <c r="BY1055" s="166">
        <v>0</v>
      </c>
      <c r="BZ1055" s="166">
        <v>0</v>
      </c>
      <c r="CA1055" s="166">
        <v>0</v>
      </c>
      <c r="CB1055" s="166">
        <v>0</v>
      </c>
      <c r="CC1055" s="166">
        <v>0</v>
      </c>
      <c r="CD1055" s="166">
        <v>0</v>
      </c>
      <c r="CE1055" s="166">
        <v>0</v>
      </c>
      <c r="CF1055" s="166">
        <v>0</v>
      </c>
      <c r="CG1055" s="166">
        <v>0</v>
      </c>
      <c r="CH1055" s="166">
        <v>0</v>
      </c>
      <c r="CI1055" s="166">
        <v>0</v>
      </c>
      <c r="CJ1055" s="166">
        <v>0</v>
      </c>
      <c r="CK1055" s="166">
        <v>0</v>
      </c>
      <c r="CL1055" s="166">
        <v>0</v>
      </c>
      <c r="CM1055" s="166">
        <v>0</v>
      </c>
      <c r="CN1055" s="166">
        <v>0</v>
      </c>
      <c r="CO1055" s="166">
        <v>0</v>
      </c>
      <c r="CP1055" s="166">
        <v>0</v>
      </c>
      <c r="CQ1055" s="166">
        <v>0</v>
      </c>
      <c r="CR1055" s="166">
        <v>0</v>
      </c>
      <c r="CS1055" s="166">
        <v>0</v>
      </c>
      <c r="CT1055" s="166">
        <v>0</v>
      </c>
      <c r="CU1055" s="166">
        <v>0</v>
      </c>
      <c r="CV1055" s="166">
        <v>0</v>
      </c>
      <c r="CW1055" s="166">
        <v>0</v>
      </c>
      <c r="CX1055" s="166">
        <v>0</v>
      </c>
      <c r="CY1055" s="166">
        <v>0</v>
      </c>
      <c r="CZ1055" s="166">
        <v>0</v>
      </c>
    </row>
    <row r="1056" spans="1:104" x14ac:dyDescent="0.2">
      <c r="A1056" s="177" t="s">
        <v>584</v>
      </c>
      <c r="B1056" s="166">
        <v>85082124.469999999</v>
      </c>
      <c r="C1056" s="166">
        <v>85082124.469999999</v>
      </c>
      <c r="D1056" s="166">
        <v>0</v>
      </c>
      <c r="E1056" s="166">
        <v>0</v>
      </c>
      <c r="F1056" s="166">
        <v>0</v>
      </c>
      <c r="G1056" s="166">
        <v>0</v>
      </c>
      <c r="H1056" s="166">
        <v>0</v>
      </c>
      <c r="I1056" s="166">
        <v>0</v>
      </c>
      <c r="J1056" s="166">
        <v>0</v>
      </c>
      <c r="K1056" s="166">
        <v>0</v>
      </c>
      <c r="L1056" s="166">
        <v>0</v>
      </c>
      <c r="M1056" s="166">
        <v>0</v>
      </c>
      <c r="N1056" s="166">
        <v>0</v>
      </c>
      <c r="O1056" s="166">
        <v>0</v>
      </c>
      <c r="P1056" s="166">
        <v>0</v>
      </c>
      <c r="Q1056" s="166">
        <v>0</v>
      </c>
      <c r="R1056" s="166">
        <v>0</v>
      </c>
      <c r="S1056" s="166">
        <v>0</v>
      </c>
      <c r="T1056" s="166">
        <v>0</v>
      </c>
      <c r="U1056" s="166">
        <v>0</v>
      </c>
      <c r="V1056" s="166">
        <v>0</v>
      </c>
      <c r="W1056" s="166">
        <v>0</v>
      </c>
      <c r="X1056" s="166">
        <v>0</v>
      </c>
      <c r="Y1056" s="166">
        <v>0</v>
      </c>
      <c r="Z1056" s="166">
        <v>0</v>
      </c>
      <c r="AA1056" s="166">
        <v>0</v>
      </c>
      <c r="AB1056" s="166">
        <v>0</v>
      </c>
      <c r="AC1056" s="166">
        <v>0</v>
      </c>
      <c r="AD1056" s="166">
        <v>0</v>
      </c>
      <c r="AE1056" s="166">
        <v>0</v>
      </c>
      <c r="AF1056" s="166">
        <v>0</v>
      </c>
      <c r="AG1056" s="166">
        <v>0</v>
      </c>
      <c r="AH1056" s="166">
        <v>0</v>
      </c>
      <c r="AI1056" s="166">
        <v>0</v>
      </c>
      <c r="AJ1056" s="166">
        <v>0</v>
      </c>
      <c r="AK1056" s="166">
        <v>0</v>
      </c>
      <c r="AL1056" s="166">
        <v>0</v>
      </c>
      <c r="AM1056" s="166">
        <v>0</v>
      </c>
      <c r="AN1056" s="166">
        <v>0</v>
      </c>
      <c r="AO1056" s="166">
        <v>0</v>
      </c>
      <c r="AP1056" s="166">
        <v>0</v>
      </c>
      <c r="AQ1056" s="166">
        <v>0</v>
      </c>
      <c r="AR1056" s="166">
        <v>0</v>
      </c>
      <c r="AS1056" s="166">
        <v>0</v>
      </c>
      <c r="AT1056" s="166">
        <v>0</v>
      </c>
      <c r="AU1056" s="166">
        <v>0</v>
      </c>
      <c r="AV1056" s="166">
        <v>0</v>
      </c>
      <c r="AW1056" s="166">
        <v>0</v>
      </c>
      <c r="AX1056" s="166">
        <v>0</v>
      </c>
      <c r="AY1056" s="166">
        <v>0</v>
      </c>
      <c r="AZ1056" s="166">
        <v>0</v>
      </c>
      <c r="BA1056" s="166">
        <v>0</v>
      </c>
      <c r="BB1056" s="166">
        <v>0</v>
      </c>
      <c r="BC1056" s="166">
        <v>0</v>
      </c>
      <c r="BD1056" s="166">
        <v>0</v>
      </c>
      <c r="BE1056" s="166">
        <v>0</v>
      </c>
      <c r="BF1056" s="166">
        <v>0</v>
      </c>
      <c r="BG1056" s="166">
        <v>0</v>
      </c>
      <c r="BH1056" s="166">
        <v>0</v>
      </c>
      <c r="BI1056" s="166">
        <v>0</v>
      </c>
      <c r="BJ1056" s="166">
        <v>0</v>
      </c>
      <c r="BK1056" s="166">
        <v>0</v>
      </c>
      <c r="BL1056" s="166">
        <v>0</v>
      </c>
      <c r="BM1056" s="166">
        <v>0</v>
      </c>
      <c r="BN1056" s="166">
        <v>0</v>
      </c>
      <c r="BO1056" s="166">
        <v>0</v>
      </c>
      <c r="BP1056" s="166">
        <v>0</v>
      </c>
      <c r="BQ1056" s="166">
        <v>0</v>
      </c>
      <c r="BR1056" s="166">
        <v>85082124.469999999</v>
      </c>
      <c r="BS1056" s="166">
        <v>85082124.469999999</v>
      </c>
      <c r="BT1056" s="168">
        <v>0</v>
      </c>
      <c r="BU1056" s="166">
        <v>0</v>
      </c>
      <c r="BV1056" s="166">
        <v>0</v>
      </c>
      <c r="BW1056" s="166">
        <v>0</v>
      </c>
      <c r="BX1056" s="166">
        <v>0</v>
      </c>
      <c r="BY1056" s="166">
        <v>0</v>
      </c>
      <c r="BZ1056" s="166">
        <v>0</v>
      </c>
      <c r="CA1056" s="166">
        <v>0</v>
      </c>
      <c r="CB1056" s="166">
        <v>0</v>
      </c>
      <c r="CC1056" s="166">
        <v>0</v>
      </c>
      <c r="CD1056" s="166">
        <v>0</v>
      </c>
      <c r="CE1056" s="166">
        <v>0</v>
      </c>
      <c r="CF1056" s="166">
        <v>0</v>
      </c>
      <c r="CG1056" s="166">
        <v>0</v>
      </c>
      <c r="CH1056" s="166">
        <v>0</v>
      </c>
      <c r="CI1056" s="166">
        <v>0</v>
      </c>
      <c r="CJ1056" s="166">
        <v>0</v>
      </c>
      <c r="CK1056" s="166">
        <v>0</v>
      </c>
      <c r="CL1056" s="166">
        <v>0</v>
      </c>
      <c r="CM1056" s="166">
        <v>0</v>
      </c>
      <c r="CN1056" s="166">
        <v>0</v>
      </c>
      <c r="CO1056" s="166">
        <v>0</v>
      </c>
      <c r="CP1056" s="166">
        <v>0</v>
      </c>
      <c r="CQ1056" s="166">
        <v>0</v>
      </c>
      <c r="CR1056" s="166">
        <v>0</v>
      </c>
      <c r="CS1056" s="166">
        <v>0</v>
      </c>
      <c r="CT1056" s="166">
        <v>0</v>
      </c>
      <c r="CU1056" s="166">
        <v>0</v>
      </c>
      <c r="CV1056" s="166">
        <v>0</v>
      </c>
      <c r="CW1056" s="166">
        <v>0</v>
      </c>
      <c r="CX1056" s="166">
        <v>0</v>
      </c>
      <c r="CY1056" s="166">
        <v>0</v>
      </c>
      <c r="CZ1056" s="166">
        <v>0</v>
      </c>
    </row>
    <row r="1057" spans="1:104" x14ac:dyDescent="0.2">
      <c r="A1057" s="167" t="s">
        <v>585</v>
      </c>
      <c r="B1057" s="166">
        <v>0</v>
      </c>
      <c r="C1057" s="166">
        <v>0</v>
      </c>
      <c r="D1057" s="166">
        <v>0</v>
      </c>
      <c r="E1057" s="166">
        <v>0</v>
      </c>
      <c r="F1057" s="166">
        <v>0</v>
      </c>
      <c r="G1057" s="166">
        <v>0</v>
      </c>
      <c r="H1057" s="166">
        <v>0</v>
      </c>
      <c r="I1057" s="166">
        <v>0</v>
      </c>
      <c r="J1057" s="166">
        <v>0</v>
      </c>
      <c r="K1057" s="166">
        <v>0</v>
      </c>
      <c r="L1057" s="166">
        <v>0</v>
      </c>
      <c r="M1057" s="166">
        <v>0</v>
      </c>
      <c r="N1057" s="166">
        <v>0</v>
      </c>
      <c r="O1057" s="166">
        <v>0</v>
      </c>
      <c r="P1057" s="166">
        <v>0</v>
      </c>
      <c r="Q1057" s="166">
        <v>0</v>
      </c>
      <c r="R1057" s="166">
        <v>0</v>
      </c>
      <c r="S1057" s="166">
        <v>0</v>
      </c>
      <c r="T1057" s="166">
        <v>0</v>
      </c>
      <c r="U1057" s="166">
        <v>0</v>
      </c>
      <c r="V1057" s="166">
        <v>0</v>
      </c>
      <c r="W1057" s="166">
        <v>0</v>
      </c>
      <c r="X1057" s="166">
        <v>0</v>
      </c>
      <c r="Y1057" s="166">
        <v>0</v>
      </c>
      <c r="Z1057" s="166">
        <v>0</v>
      </c>
      <c r="AA1057" s="166">
        <v>0</v>
      </c>
      <c r="AB1057" s="166">
        <v>0</v>
      </c>
      <c r="AC1057" s="166">
        <v>0</v>
      </c>
      <c r="AD1057" s="166">
        <v>0</v>
      </c>
      <c r="AE1057" s="166">
        <v>0</v>
      </c>
      <c r="AF1057" s="166">
        <v>0</v>
      </c>
      <c r="AG1057" s="166">
        <v>0</v>
      </c>
      <c r="AH1057" s="166">
        <v>0</v>
      </c>
      <c r="AI1057" s="166">
        <v>0</v>
      </c>
      <c r="AJ1057" s="166">
        <v>0</v>
      </c>
      <c r="AK1057" s="166">
        <v>0</v>
      </c>
      <c r="AL1057" s="166">
        <v>0</v>
      </c>
      <c r="AM1057" s="166">
        <v>0</v>
      </c>
      <c r="AN1057" s="166">
        <v>0</v>
      </c>
      <c r="AO1057" s="166">
        <v>0</v>
      </c>
      <c r="AP1057" s="166">
        <v>0</v>
      </c>
      <c r="AQ1057" s="166">
        <v>0</v>
      </c>
      <c r="AR1057" s="166">
        <v>0</v>
      </c>
      <c r="AS1057" s="166">
        <v>0</v>
      </c>
      <c r="AT1057" s="166">
        <v>0</v>
      </c>
      <c r="AU1057" s="166">
        <v>0</v>
      </c>
      <c r="AV1057" s="166">
        <v>0</v>
      </c>
      <c r="AW1057" s="166">
        <v>0</v>
      </c>
      <c r="AX1057" s="166">
        <v>0</v>
      </c>
      <c r="AY1057" s="166">
        <v>0</v>
      </c>
      <c r="AZ1057" s="166">
        <v>0</v>
      </c>
      <c r="BA1057" s="166">
        <v>0</v>
      </c>
      <c r="BB1057" s="166">
        <v>0</v>
      </c>
      <c r="BC1057" s="166">
        <v>0</v>
      </c>
      <c r="BD1057" s="166">
        <v>0</v>
      </c>
      <c r="BE1057" s="166">
        <v>0</v>
      </c>
      <c r="BF1057" s="166">
        <v>0</v>
      </c>
      <c r="BG1057" s="166">
        <v>0</v>
      </c>
      <c r="BH1057" s="166">
        <v>0</v>
      </c>
      <c r="BI1057" s="166">
        <v>0</v>
      </c>
      <c r="BJ1057" s="166">
        <v>0</v>
      </c>
      <c r="BK1057" s="166">
        <v>0</v>
      </c>
      <c r="BL1057" s="166">
        <v>0</v>
      </c>
      <c r="BM1057" s="166">
        <v>0</v>
      </c>
      <c r="BN1057" s="166">
        <v>0</v>
      </c>
      <c r="BO1057" s="166">
        <v>0</v>
      </c>
      <c r="BP1057" s="166">
        <v>0</v>
      </c>
      <c r="BQ1057" s="166">
        <v>0</v>
      </c>
      <c r="BR1057" s="166">
        <v>0</v>
      </c>
      <c r="BS1057" s="166">
        <v>0</v>
      </c>
      <c r="BT1057" s="168">
        <v>0</v>
      </c>
      <c r="BU1057" s="166">
        <v>0</v>
      </c>
      <c r="BV1057" s="166">
        <v>0</v>
      </c>
      <c r="BW1057" s="166">
        <v>0</v>
      </c>
      <c r="BX1057" s="166">
        <v>0</v>
      </c>
      <c r="BY1057" s="166">
        <v>0</v>
      </c>
      <c r="BZ1057" s="166">
        <v>0</v>
      </c>
      <c r="CA1057" s="166">
        <v>0</v>
      </c>
      <c r="CB1057" s="166">
        <v>0</v>
      </c>
      <c r="CC1057" s="166">
        <v>0</v>
      </c>
      <c r="CD1057" s="166">
        <v>0</v>
      </c>
      <c r="CE1057" s="166">
        <v>0</v>
      </c>
      <c r="CF1057" s="166">
        <v>0</v>
      </c>
      <c r="CG1057" s="166">
        <v>0</v>
      </c>
      <c r="CH1057" s="166">
        <v>0</v>
      </c>
      <c r="CI1057" s="166">
        <v>0</v>
      </c>
      <c r="CJ1057" s="166">
        <v>0</v>
      </c>
      <c r="CK1057" s="166">
        <v>0</v>
      </c>
      <c r="CL1057" s="166">
        <v>0</v>
      </c>
      <c r="CM1057" s="166">
        <v>0</v>
      </c>
      <c r="CN1057" s="166">
        <v>0</v>
      </c>
      <c r="CO1057" s="166">
        <v>0</v>
      </c>
      <c r="CP1057" s="166">
        <v>0</v>
      </c>
      <c r="CQ1057" s="166">
        <v>0</v>
      </c>
      <c r="CR1057" s="166">
        <v>0</v>
      </c>
      <c r="CS1057" s="166">
        <v>0</v>
      </c>
      <c r="CT1057" s="166">
        <v>0</v>
      </c>
      <c r="CU1057" s="166">
        <v>0</v>
      </c>
      <c r="CV1057" s="166">
        <v>0</v>
      </c>
      <c r="CW1057" s="166">
        <v>0</v>
      </c>
      <c r="CX1057" s="166">
        <v>0</v>
      </c>
      <c r="CY1057" s="166">
        <v>0</v>
      </c>
      <c r="CZ1057" s="166">
        <v>0</v>
      </c>
    </row>
    <row r="1058" spans="1:104" x14ac:dyDescent="0.2">
      <c r="A1058" s="177" t="s">
        <v>586</v>
      </c>
      <c r="B1058" s="166">
        <v>10493572.1299999</v>
      </c>
      <c r="C1058" s="166">
        <v>10493572.1299999</v>
      </c>
      <c r="D1058" s="166">
        <v>0</v>
      </c>
      <c r="E1058" s="166">
        <v>0</v>
      </c>
      <c r="F1058" s="166">
        <v>0</v>
      </c>
      <c r="G1058" s="166">
        <v>0</v>
      </c>
      <c r="H1058" s="166">
        <v>0</v>
      </c>
      <c r="I1058" s="166">
        <v>0</v>
      </c>
      <c r="J1058" s="166">
        <v>0</v>
      </c>
      <c r="K1058" s="166">
        <v>0</v>
      </c>
      <c r="L1058" s="166">
        <v>0</v>
      </c>
      <c r="M1058" s="166">
        <v>0</v>
      </c>
      <c r="N1058" s="166">
        <v>0</v>
      </c>
      <c r="O1058" s="166">
        <v>0</v>
      </c>
      <c r="P1058" s="166">
        <v>0</v>
      </c>
      <c r="Q1058" s="166">
        <v>0</v>
      </c>
      <c r="R1058" s="166">
        <v>0</v>
      </c>
      <c r="S1058" s="166">
        <v>0</v>
      </c>
      <c r="T1058" s="166">
        <v>0</v>
      </c>
      <c r="U1058" s="166">
        <v>0</v>
      </c>
      <c r="V1058" s="166">
        <v>0</v>
      </c>
      <c r="W1058" s="166">
        <v>0</v>
      </c>
      <c r="X1058" s="166">
        <v>0</v>
      </c>
      <c r="Y1058" s="166">
        <v>0</v>
      </c>
      <c r="Z1058" s="166">
        <v>0</v>
      </c>
      <c r="AA1058" s="166">
        <v>0</v>
      </c>
      <c r="AB1058" s="166">
        <v>0</v>
      </c>
      <c r="AC1058" s="166">
        <v>0</v>
      </c>
      <c r="AD1058" s="166">
        <v>0</v>
      </c>
      <c r="AE1058" s="166">
        <v>0</v>
      </c>
      <c r="AF1058" s="166">
        <v>0</v>
      </c>
      <c r="AG1058" s="166">
        <v>0</v>
      </c>
      <c r="AH1058" s="166">
        <v>0</v>
      </c>
      <c r="AI1058" s="166">
        <v>0</v>
      </c>
      <c r="AJ1058" s="166">
        <v>0</v>
      </c>
      <c r="AK1058" s="166">
        <v>0</v>
      </c>
      <c r="AL1058" s="166">
        <v>0</v>
      </c>
      <c r="AM1058" s="166">
        <v>0</v>
      </c>
      <c r="AN1058" s="166">
        <v>0</v>
      </c>
      <c r="AO1058" s="166">
        <v>0</v>
      </c>
      <c r="AP1058" s="166">
        <v>0</v>
      </c>
      <c r="AQ1058" s="166">
        <v>0</v>
      </c>
      <c r="AR1058" s="166">
        <v>0</v>
      </c>
      <c r="AS1058" s="166">
        <v>0</v>
      </c>
      <c r="AT1058" s="166">
        <v>0</v>
      </c>
      <c r="AU1058" s="166">
        <v>0</v>
      </c>
      <c r="AV1058" s="166">
        <v>0</v>
      </c>
      <c r="AW1058" s="166">
        <v>0</v>
      </c>
      <c r="AX1058" s="166">
        <v>0</v>
      </c>
      <c r="AY1058" s="166">
        <v>0</v>
      </c>
      <c r="AZ1058" s="166">
        <v>0</v>
      </c>
      <c r="BA1058" s="166">
        <v>0</v>
      </c>
      <c r="BB1058" s="166">
        <v>0</v>
      </c>
      <c r="BC1058" s="166">
        <v>0</v>
      </c>
      <c r="BD1058" s="166">
        <v>0</v>
      </c>
      <c r="BE1058" s="166">
        <v>0</v>
      </c>
      <c r="BF1058" s="166">
        <v>0</v>
      </c>
      <c r="BG1058" s="166">
        <v>0</v>
      </c>
      <c r="BH1058" s="166">
        <v>0</v>
      </c>
      <c r="BI1058" s="166">
        <v>0</v>
      </c>
      <c r="BJ1058" s="166">
        <v>0</v>
      </c>
      <c r="BK1058" s="166">
        <v>0</v>
      </c>
      <c r="BL1058" s="166">
        <v>0</v>
      </c>
      <c r="BM1058" s="166">
        <v>0</v>
      </c>
      <c r="BN1058" s="166">
        <v>0</v>
      </c>
      <c r="BO1058" s="166">
        <v>0</v>
      </c>
      <c r="BP1058" s="166">
        <v>0</v>
      </c>
      <c r="BQ1058" s="166">
        <v>0</v>
      </c>
      <c r="BR1058" s="166">
        <v>10493572.1299999</v>
      </c>
      <c r="BS1058" s="166">
        <v>10493572.1299999</v>
      </c>
      <c r="BT1058" s="168">
        <v>0</v>
      </c>
      <c r="BU1058" s="166">
        <v>0</v>
      </c>
      <c r="BV1058" s="166">
        <v>0</v>
      </c>
      <c r="BW1058" s="166">
        <v>0</v>
      </c>
      <c r="BX1058" s="166">
        <v>0</v>
      </c>
      <c r="BY1058" s="166">
        <v>0</v>
      </c>
      <c r="BZ1058" s="166">
        <v>0</v>
      </c>
      <c r="CA1058" s="166">
        <v>0</v>
      </c>
      <c r="CB1058" s="166">
        <v>0</v>
      </c>
      <c r="CC1058" s="166">
        <v>0</v>
      </c>
      <c r="CD1058" s="166">
        <v>0</v>
      </c>
      <c r="CE1058" s="166">
        <v>0</v>
      </c>
      <c r="CF1058" s="166">
        <v>0</v>
      </c>
      <c r="CG1058" s="166">
        <v>0</v>
      </c>
      <c r="CH1058" s="166">
        <v>0</v>
      </c>
      <c r="CI1058" s="166">
        <v>0</v>
      </c>
      <c r="CJ1058" s="166">
        <v>0</v>
      </c>
      <c r="CK1058" s="166">
        <v>0</v>
      </c>
      <c r="CL1058" s="166">
        <v>0</v>
      </c>
      <c r="CM1058" s="166">
        <v>0</v>
      </c>
      <c r="CN1058" s="166">
        <v>0</v>
      </c>
      <c r="CO1058" s="166">
        <v>0</v>
      </c>
      <c r="CP1058" s="166">
        <v>0</v>
      </c>
      <c r="CQ1058" s="166">
        <v>0</v>
      </c>
      <c r="CR1058" s="166">
        <v>0</v>
      </c>
      <c r="CS1058" s="166">
        <v>0</v>
      </c>
      <c r="CT1058" s="166">
        <v>0</v>
      </c>
      <c r="CU1058" s="166">
        <v>0</v>
      </c>
      <c r="CV1058" s="166">
        <v>0</v>
      </c>
      <c r="CW1058" s="166">
        <v>0</v>
      </c>
      <c r="CX1058" s="166">
        <v>0</v>
      </c>
      <c r="CY1058" s="166">
        <v>0</v>
      </c>
      <c r="CZ1058" s="166">
        <v>0</v>
      </c>
    </row>
    <row r="1059" spans="1:104" x14ac:dyDescent="0.2">
      <c r="A1059" s="167" t="s">
        <v>587</v>
      </c>
      <c r="B1059" s="166">
        <v>0</v>
      </c>
      <c r="C1059" s="166">
        <v>0</v>
      </c>
      <c r="D1059" s="166">
        <v>0</v>
      </c>
      <c r="E1059" s="166">
        <v>0</v>
      </c>
      <c r="F1059" s="166">
        <v>0</v>
      </c>
      <c r="G1059" s="166">
        <v>0</v>
      </c>
      <c r="H1059" s="166">
        <v>0</v>
      </c>
      <c r="I1059" s="166">
        <v>0</v>
      </c>
      <c r="J1059" s="166">
        <v>0</v>
      </c>
      <c r="K1059" s="166">
        <v>0</v>
      </c>
      <c r="L1059" s="166">
        <v>0</v>
      </c>
      <c r="M1059" s="166">
        <v>0</v>
      </c>
      <c r="N1059" s="166">
        <v>0</v>
      </c>
      <c r="O1059" s="166">
        <v>0</v>
      </c>
      <c r="P1059" s="166">
        <v>0</v>
      </c>
      <c r="Q1059" s="166">
        <v>0</v>
      </c>
      <c r="R1059" s="166">
        <v>0</v>
      </c>
      <c r="S1059" s="166">
        <v>0</v>
      </c>
      <c r="T1059" s="166">
        <v>0</v>
      </c>
      <c r="U1059" s="166">
        <v>0</v>
      </c>
      <c r="V1059" s="166">
        <v>0</v>
      </c>
      <c r="W1059" s="166">
        <v>0</v>
      </c>
      <c r="X1059" s="166">
        <v>0</v>
      </c>
      <c r="Y1059" s="166">
        <v>0</v>
      </c>
      <c r="Z1059" s="166">
        <v>0</v>
      </c>
      <c r="AA1059" s="166">
        <v>0</v>
      </c>
      <c r="AB1059" s="166">
        <v>0</v>
      </c>
      <c r="AC1059" s="166">
        <v>0</v>
      </c>
      <c r="AD1059" s="166">
        <v>0</v>
      </c>
      <c r="AE1059" s="166">
        <v>0</v>
      </c>
      <c r="AF1059" s="166">
        <v>0</v>
      </c>
      <c r="AG1059" s="166">
        <v>0</v>
      </c>
      <c r="AH1059" s="166">
        <v>0</v>
      </c>
      <c r="AI1059" s="166">
        <v>0</v>
      </c>
      <c r="AJ1059" s="166">
        <v>0</v>
      </c>
      <c r="AK1059" s="166">
        <v>0</v>
      </c>
      <c r="AL1059" s="166">
        <v>0</v>
      </c>
      <c r="AM1059" s="166">
        <v>0</v>
      </c>
      <c r="AN1059" s="166">
        <v>0</v>
      </c>
      <c r="AO1059" s="166">
        <v>0</v>
      </c>
      <c r="AP1059" s="166">
        <v>0</v>
      </c>
      <c r="AQ1059" s="166">
        <v>0</v>
      </c>
      <c r="AR1059" s="166">
        <v>0</v>
      </c>
      <c r="AS1059" s="166">
        <v>0</v>
      </c>
      <c r="AT1059" s="166">
        <v>0</v>
      </c>
      <c r="AU1059" s="166">
        <v>0</v>
      </c>
      <c r="AV1059" s="166">
        <v>0</v>
      </c>
      <c r="AW1059" s="166">
        <v>0</v>
      </c>
      <c r="AX1059" s="166">
        <v>0</v>
      </c>
      <c r="AY1059" s="166">
        <v>0</v>
      </c>
      <c r="AZ1059" s="166">
        <v>0</v>
      </c>
      <c r="BA1059" s="166">
        <v>0</v>
      </c>
      <c r="BB1059" s="166">
        <v>0</v>
      </c>
      <c r="BC1059" s="166">
        <v>0</v>
      </c>
      <c r="BD1059" s="166">
        <v>0</v>
      </c>
      <c r="BE1059" s="166">
        <v>0</v>
      </c>
      <c r="BF1059" s="166">
        <v>0</v>
      </c>
      <c r="BG1059" s="166">
        <v>0</v>
      </c>
      <c r="BH1059" s="166">
        <v>0</v>
      </c>
      <c r="BI1059" s="166">
        <v>0</v>
      </c>
      <c r="BJ1059" s="166">
        <v>0</v>
      </c>
      <c r="BK1059" s="166">
        <v>0</v>
      </c>
      <c r="BL1059" s="166">
        <v>0</v>
      </c>
      <c r="BM1059" s="166">
        <v>0</v>
      </c>
      <c r="BN1059" s="166">
        <v>0</v>
      </c>
      <c r="BO1059" s="166">
        <v>0</v>
      </c>
      <c r="BP1059" s="166">
        <v>0</v>
      </c>
      <c r="BQ1059" s="166">
        <v>0</v>
      </c>
      <c r="BR1059" s="166">
        <v>0</v>
      </c>
      <c r="BS1059" s="166">
        <v>0</v>
      </c>
      <c r="BT1059" s="168">
        <v>0</v>
      </c>
      <c r="BU1059" s="166">
        <v>0</v>
      </c>
      <c r="BV1059" s="166">
        <v>0</v>
      </c>
      <c r="BW1059" s="166">
        <v>0</v>
      </c>
      <c r="BX1059" s="166">
        <v>0</v>
      </c>
      <c r="BY1059" s="166">
        <v>0</v>
      </c>
      <c r="BZ1059" s="166">
        <v>0</v>
      </c>
      <c r="CA1059" s="166">
        <v>0</v>
      </c>
      <c r="CB1059" s="166">
        <v>0</v>
      </c>
      <c r="CC1059" s="166">
        <v>0</v>
      </c>
      <c r="CD1059" s="166">
        <v>0</v>
      </c>
      <c r="CE1059" s="166">
        <v>0</v>
      </c>
      <c r="CF1059" s="166">
        <v>0</v>
      </c>
      <c r="CG1059" s="166">
        <v>0</v>
      </c>
      <c r="CH1059" s="166">
        <v>0</v>
      </c>
      <c r="CI1059" s="166">
        <v>0</v>
      </c>
      <c r="CJ1059" s="166">
        <v>0</v>
      </c>
      <c r="CK1059" s="166">
        <v>0</v>
      </c>
      <c r="CL1059" s="166">
        <v>0</v>
      </c>
      <c r="CM1059" s="166">
        <v>0</v>
      </c>
      <c r="CN1059" s="166">
        <v>0</v>
      </c>
      <c r="CO1059" s="166">
        <v>0</v>
      </c>
      <c r="CP1059" s="166">
        <v>0</v>
      </c>
      <c r="CQ1059" s="166">
        <v>0</v>
      </c>
      <c r="CR1059" s="166">
        <v>0</v>
      </c>
      <c r="CS1059" s="166">
        <v>0</v>
      </c>
      <c r="CT1059" s="166">
        <v>0</v>
      </c>
      <c r="CU1059" s="166">
        <v>0</v>
      </c>
      <c r="CV1059" s="166">
        <v>0</v>
      </c>
      <c r="CW1059" s="166">
        <v>0</v>
      </c>
      <c r="CX1059" s="166">
        <v>0</v>
      </c>
      <c r="CY1059" s="166">
        <v>0</v>
      </c>
      <c r="CZ1059" s="166">
        <v>0</v>
      </c>
    </row>
    <row r="1060" spans="1:104" x14ac:dyDescent="0.2">
      <c r="A1060" s="167" t="s">
        <v>588</v>
      </c>
      <c r="B1060" s="166">
        <v>6042460.5499999998</v>
      </c>
      <c r="C1060" s="166">
        <v>6042460.5499999998</v>
      </c>
      <c r="D1060" s="166">
        <v>0</v>
      </c>
      <c r="E1060" s="166">
        <v>0</v>
      </c>
      <c r="F1060" s="166">
        <v>0</v>
      </c>
      <c r="G1060" s="166">
        <v>0</v>
      </c>
      <c r="H1060" s="166">
        <v>0</v>
      </c>
      <c r="I1060" s="166">
        <v>0</v>
      </c>
      <c r="J1060" s="166">
        <v>0</v>
      </c>
      <c r="K1060" s="166">
        <v>0</v>
      </c>
      <c r="L1060" s="166">
        <v>0</v>
      </c>
      <c r="M1060" s="166">
        <v>0</v>
      </c>
      <c r="N1060" s="166">
        <v>0</v>
      </c>
      <c r="O1060" s="166">
        <v>0</v>
      </c>
      <c r="P1060" s="166">
        <v>0</v>
      </c>
      <c r="Q1060" s="166">
        <v>0</v>
      </c>
      <c r="R1060" s="166">
        <v>0</v>
      </c>
      <c r="S1060" s="166">
        <v>0</v>
      </c>
      <c r="T1060" s="166">
        <v>0</v>
      </c>
      <c r="U1060" s="166">
        <v>0</v>
      </c>
      <c r="V1060" s="166">
        <v>0</v>
      </c>
      <c r="W1060" s="166">
        <v>0</v>
      </c>
      <c r="X1060" s="166">
        <v>0</v>
      </c>
      <c r="Y1060" s="166">
        <v>0</v>
      </c>
      <c r="Z1060" s="166">
        <v>0</v>
      </c>
      <c r="AA1060" s="166">
        <v>0</v>
      </c>
      <c r="AB1060" s="166">
        <v>0</v>
      </c>
      <c r="AC1060" s="166">
        <v>0</v>
      </c>
      <c r="AD1060" s="166">
        <v>0</v>
      </c>
      <c r="AE1060" s="166">
        <v>0</v>
      </c>
      <c r="AF1060" s="166">
        <v>0</v>
      </c>
      <c r="AG1060" s="166">
        <v>0</v>
      </c>
      <c r="AH1060" s="166">
        <v>0</v>
      </c>
      <c r="AI1060" s="166">
        <v>0</v>
      </c>
      <c r="AJ1060" s="166">
        <v>0</v>
      </c>
      <c r="AK1060" s="166">
        <v>0</v>
      </c>
      <c r="AL1060" s="166">
        <v>0</v>
      </c>
      <c r="AM1060" s="166">
        <v>0</v>
      </c>
      <c r="AN1060" s="166">
        <v>0</v>
      </c>
      <c r="AO1060" s="166">
        <v>0</v>
      </c>
      <c r="AP1060" s="166">
        <v>0</v>
      </c>
      <c r="AQ1060" s="166">
        <v>0</v>
      </c>
      <c r="AR1060" s="166">
        <v>0</v>
      </c>
      <c r="AS1060" s="166">
        <v>0</v>
      </c>
      <c r="AT1060" s="166">
        <v>0</v>
      </c>
      <c r="AU1060" s="166">
        <v>0</v>
      </c>
      <c r="AV1060" s="166">
        <v>0</v>
      </c>
      <c r="AW1060" s="166">
        <v>0</v>
      </c>
      <c r="AX1060" s="166">
        <v>0</v>
      </c>
      <c r="AY1060" s="166">
        <v>0</v>
      </c>
      <c r="AZ1060" s="166">
        <v>0</v>
      </c>
      <c r="BA1060" s="166">
        <v>0</v>
      </c>
      <c r="BB1060" s="166">
        <v>0</v>
      </c>
      <c r="BC1060" s="166">
        <v>0</v>
      </c>
      <c r="BD1060" s="166">
        <v>0</v>
      </c>
      <c r="BE1060" s="166">
        <v>0</v>
      </c>
      <c r="BF1060" s="166">
        <v>0</v>
      </c>
      <c r="BG1060" s="166">
        <v>0</v>
      </c>
      <c r="BH1060" s="166">
        <v>0</v>
      </c>
      <c r="BI1060" s="166">
        <v>0</v>
      </c>
      <c r="BJ1060" s="166">
        <v>0</v>
      </c>
      <c r="BK1060" s="166">
        <v>0</v>
      </c>
      <c r="BL1060" s="166">
        <v>0</v>
      </c>
      <c r="BM1060" s="166">
        <v>0</v>
      </c>
      <c r="BN1060" s="166">
        <v>0</v>
      </c>
      <c r="BO1060" s="166">
        <v>0</v>
      </c>
      <c r="BP1060" s="166">
        <v>0</v>
      </c>
      <c r="BQ1060" s="166">
        <v>0</v>
      </c>
      <c r="BR1060" s="166">
        <v>6042460.5499999998</v>
      </c>
      <c r="BS1060" s="166">
        <v>6042460.5499999998</v>
      </c>
      <c r="BT1060" s="168">
        <v>0</v>
      </c>
      <c r="BU1060" s="166">
        <v>0</v>
      </c>
      <c r="BV1060" s="166">
        <v>0</v>
      </c>
      <c r="BW1060" s="166">
        <v>0</v>
      </c>
      <c r="BX1060" s="166">
        <v>0</v>
      </c>
      <c r="BY1060" s="166">
        <v>0</v>
      </c>
      <c r="BZ1060" s="166">
        <v>0</v>
      </c>
      <c r="CA1060" s="166">
        <v>0</v>
      </c>
      <c r="CB1060" s="166">
        <v>0</v>
      </c>
      <c r="CC1060" s="166">
        <v>0</v>
      </c>
      <c r="CD1060" s="166">
        <v>0</v>
      </c>
      <c r="CE1060" s="166">
        <v>0</v>
      </c>
      <c r="CF1060" s="166">
        <v>0</v>
      </c>
      <c r="CG1060" s="166">
        <v>0</v>
      </c>
      <c r="CH1060" s="166">
        <v>0</v>
      </c>
      <c r="CI1060" s="166">
        <v>0</v>
      </c>
      <c r="CJ1060" s="166">
        <v>0</v>
      </c>
      <c r="CK1060" s="166">
        <v>0</v>
      </c>
      <c r="CL1060" s="166">
        <v>0</v>
      </c>
      <c r="CM1060" s="166">
        <v>0</v>
      </c>
      <c r="CN1060" s="166">
        <v>0</v>
      </c>
      <c r="CO1060" s="166">
        <v>0</v>
      </c>
      <c r="CP1060" s="166">
        <v>0</v>
      </c>
      <c r="CQ1060" s="166">
        <v>0</v>
      </c>
      <c r="CR1060" s="166">
        <v>0</v>
      </c>
      <c r="CS1060" s="166">
        <v>0</v>
      </c>
      <c r="CT1060" s="166">
        <v>0</v>
      </c>
      <c r="CU1060" s="166">
        <v>0</v>
      </c>
      <c r="CV1060" s="166">
        <v>0</v>
      </c>
      <c r="CW1060" s="166">
        <v>0</v>
      </c>
      <c r="CX1060" s="166">
        <v>0</v>
      </c>
      <c r="CY1060" s="166">
        <v>0</v>
      </c>
      <c r="CZ1060" s="166">
        <v>0</v>
      </c>
    </row>
    <row r="1061" spans="1:104" x14ac:dyDescent="0.2">
      <c r="A1061" s="167" t="s">
        <v>589</v>
      </c>
      <c r="B1061" s="166">
        <v>0</v>
      </c>
      <c r="C1061" s="166">
        <v>0</v>
      </c>
      <c r="D1061" s="166">
        <v>0</v>
      </c>
      <c r="E1061" s="166">
        <v>0</v>
      </c>
      <c r="F1061" s="166">
        <v>0</v>
      </c>
      <c r="G1061" s="166">
        <v>0</v>
      </c>
      <c r="H1061" s="166">
        <v>0</v>
      </c>
      <c r="I1061" s="166">
        <v>0</v>
      </c>
      <c r="J1061" s="166">
        <v>0</v>
      </c>
      <c r="K1061" s="166">
        <v>0</v>
      </c>
      <c r="L1061" s="166">
        <v>0</v>
      </c>
      <c r="M1061" s="166">
        <v>0</v>
      </c>
      <c r="N1061" s="166">
        <v>0</v>
      </c>
      <c r="O1061" s="166">
        <v>0</v>
      </c>
      <c r="P1061" s="166">
        <v>0</v>
      </c>
      <c r="Q1061" s="166">
        <v>0</v>
      </c>
      <c r="R1061" s="166">
        <v>0</v>
      </c>
      <c r="S1061" s="166">
        <v>0</v>
      </c>
      <c r="T1061" s="166">
        <v>0</v>
      </c>
      <c r="U1061" s="166">
        <v>0</v>
      </c>
      <c r="V1061" s="166">
        <v>0</v>
      </c>
      <c r="W1061" s="166">
        <v>0</v>
      </c>
      <c r="X1061" s="166">
        <v>0</v>
      </c>
      <c r="Y1061" s="166">
        <v>0</v>
      </c>
      <c r="Z1061" s="166">
        <v>0</v>
      </c>
      <c r="AA1061" s="166">
        <v>0</v>
      </c>
      <c r="AB1061" s="166">
        <v>0</v>
      </c>
      <c r="AC1061" s="166">
        <v>0</v>
      </c>
      <c r="AD1061" s="166">
        <v>0</v>
      </c>
      <c r="AE1061" s="166">
        <v>0</v>
      </c>
      <c r="AF1061" s="166">
        <v>0</v>
      </c>
      <c r="AG1061" s="166">
        <v>0</v>
      </c>
      <c r="AH1061" s="166">
        <v>0</v>
      </c>
      <c r="AI1061" s="166">
        <v>0</v>
      </c>
      <c r="AJ1061" s="166">
        <v>0</v>
      </c>
      <c r="AK1061" s="166">
        <v>0</v>
      </c>
      <c r="AL1061" s="166">
        <v>0</v>
      </c>
      <c r="AM1061" s="166">
        <v>0</v>
      </c>
      <c r="AN1061" s="166">
        <v>0</v>
      </c>
      <c r="AO1061" s="166">
        <v>0</v>
      </c>
      <c r="AP1061" s="166">
        <v>0</v>
      </c>
      <c r="AQ1061" s="166">
        <v>0</v>
      </c>
      <c r="AR1061" s="166">
        <v>0</v>
      </c>
      <c r="AS1061" s="166">
        <v>0</v>
      </c>
      <c r="AT1061" s="166">
        <v>0</v>
      </c>
      <c r="AU1061" s="166">
        <v>0</v>
      </c>
      <c r="AV1061" s="166">
        <v>0</v>
      </c>
      <c r="AW1061" s="166">
        <v>0</v>
      </c>
      <c r="AX1061" s="166">
        <v>0</v>
      </c>
      <c r="AY1061" s="166">
        <v>0</v>
      </c>
      <c r="AZ1061" s="166">
        <v>0</v>
      </c>
      <c r="BA1061" s="166">
        <v>0</v>
      </c>
      <c r="BB1061" s="166">
        <v>0</v>
      </c>
      <c r="BC1061" s="166">
        <v>0</v>
      </c>
      <c r="BD1061" s="166">
        <v>0</v>
      </c>
      <c r="BE1061" s="166">
        <v>0</v>
      </c>
      <c r="BF1061" s="166">
        <v>0</v>
      </c>
      <c r="BG1061" s="166">
        <v>0</v>
      </c>
      <c r="BH1061" s="166">
        <v>0</v>
      </c>
      <c r="BI1061" s="166">
        <v>0</v>
      </c>
      <c r="BJ1061" s="166">
        <v>0</v>
      </c>
      <c r="BK1061" s="166">
        <v>0</v>
      </c>
      <c r="BL1061" s="166">
        <v>0</v>
      </c>
      <c r="BM1061" s="166">
        <v>0</v>
      </c>
      <c r="BN1061" s="166">
        <v>0</v>
      </c>
      <c r="BO1061" s="166">
        <v>0</v>
      </c>
      <c r="BP1061" s="166">
        <v>0</v>
      </c>
      <c r="BQ1061" s="166">
        <v>0</v>
      </c>
      <c r="BR1061" s="166">
        <v>0</v>
      </c>
      <c r="BS1061" s="166">
        <v>0</v>
      </c>
      <c r="BT1061" s="168">
        <v>0</v>
      </c>
      <c r="BU1061" s="166">
        <v>0</v>
      </c>
      <c r="BV1061" s="166">
        <v>0</v>
      </c>
      <c r="BW1061" s="166">
        <v>0</v>
      </c>
      <c r="BX1061" s="166">
        <v>0</v>
      </c>
      <c r="BY1061" s="166">
        <v>0</v>
      </c>
      <c r="BZ1061" s="166">
        <v>0</v>
      </c>
      <c r="CA1061" s="166">
        <v>0</v>
      </c>
      <c r="CB1061" s="166">
        <v>0</v>
      </c>
      <c r="CC1061" s="166">
        <v>0</v>
      </c>
      <c r="CD1061" s="166">
        <v>0</v>
      </c>
      <c r="CE1061" s="166">
        <v>0</v>
      </c>
      <c r="CF1061" s="166">
        <v>0</v>
      </c>
      <c r="CG1061" s="166">
        <v>0</v>
      </c>
      <c r="CH1061" s="166">
        <v>0</v>
      </c>
      <c r="CI1061" s="166">
        <v>0</v>
      </c>
      <c r="CJ1061" s="166">
        <v>0</v>
      </c>
      <c r="CK1061" s="166">
        <v>0</v>
      </c>
      <c r="CL1061" s="166">
        <v>0</v>
      </c>
      <c r="CM1061" s="166">
        <v>0</v>
      </c>
      <c r="CN1061" s="166">
        <v>0</v>
      </c>
      <c r="CO1061" s="166">
        <v>0</v>
      </c>
      <c r="CP1061" s="166">
        <v>0</v>
      </c>
      <c r="CQ1061" s="166">
        <v>0</v>
      </c>
      <c r="CR1061" s="166">
        <v>0</v>
      </c>
      <c r="CS1061" s="166">
        <v>0</v>
      </c>
      <c r="CT1061" s="166">
        <v>0</v>
      </c>
      <c r="CU1061" s="166">
        <v>0</v>
      </c>
      <c r="CV1061" s="166">
        <v>0</v>
      </c>
      <c r="CW1061" s="166">
        <v>0</v>
      </c>
      <c r="CX1061" s="166">
        <v>0</v>
      </c>
      <c r="CY1061" s="166">
        <v>0</v>
      </c>
      <c r="CZ1061" s="166">
        <v>0</v>
      </c>
    </row>
    <row r="1062" spans="1:104" x14ac:dyDescent="0.2">
      <c r="A1062" s="177" t="s">
        <v>590</v>
      </c>
      <c r="B1062" s="166">
        <v>6042460.5499999998</v>
      </c>
      <c r="C1062" s="166">
        <v>6042460.5499999998</v>
      </c>
      <c r="D1062" s="166">
        <v>0</v>
      </c>
      <c r="E1062" s="166">
        <v>0</v>
      </c>
      <c r="F1062" s="166">
        <v>0</v>
      </c>
      <c r="G1062" s="166">
        <v>0</v>
      </c>
      <c r="H1062" s="166">
        <v>0</v>
      </c>
      <c r="I1062" s="166">
        <v>0</v>
      </c>
      <c r="J1062" s="166">
        <v>0</v>
      </c>
      <c r="K1062" s="166">
        <v>0</v>
      </c>
      <c r="L1062" s="166">
        <v>0</v>
      </c>
      <c r="M1062" s="166">
        <v>0</v>
      </c>
      <c r="N1062" s="166">
        <v>0</v>
      </c>
      <c r="O1062" s="166">
        <v>0</v>
      </c>
      <c r="P1062" s="166">
        <v>0</v>
      </c>
      <c r="Q1062" s="166">
        <v>0</v>
      </c>
      <c r="R1062" s="166">
        <v>0</v>
      </c>
      <c r="S1062" s="166">
        <v>0</v>
      </c>
      <c r="T1062" s="166">
        <v>0</v>
      </c>
      <c r="U1062" s="166">
        <v>0</v>
      </c>
      <c r="V1062" s="166">
        <v>0</v>
      </c>
      <c r="W1062" s="166">
        <v>0</v>
      </c>
      <c r="X1062" s="166">
        <v>0</v>
      </c>
      <c r="Y1062" s="166">
        <v>0</v>
      </c>
      <c r="Z1062" s="166">
        <v>0</v>
      </c>
      <c r="AA1062" s="166">
        <v>0</v>
      </c>
      <c r="AB1062" s="166">
        <v>0</v>
      </c>
      <c r="AC1062" s="166">
        <v>0</v>
      </c>
      <c r="AD1062" s="166">
        <v>0</v>
      </c>
      <c r="AE1062" s="166">
        <v>0</v>
      </c>
      <c r="AF1062" s="166">
        <v>0</v>
      </c>
      <c r="AG1062" s="166">
        <v>0</v>
      </c>
      <c r="AH1062" s="166">
        <v>0</v>
      </c>
      <c r="AI1062" s="166">
        <v>0</v>
      </c>
      <c r="AJ1062" s="166">
        <v>0</v>
      </c>
      <c r="AK1062" s="166">
        <v>0</v>
      </c>
      <c r="AL1062" s="166">
        <v>0</v>
      </c>
      <c r="AM1062" s="166">
        <v>0</v>
      </c>
      <c r="AN1062" s="166">
        <v>0</v>
      </c>
      <c r="AO1062" s="166">
        <v>0</v>
      </c>
      <c r="AP1062" s="166">
        <v>0</v>
      </c>
      <c r="AQ1062" s="166">
        <v>0</v>
      </c>
      <c r="AR1062" s="166">
        <v>0</v>
      </c>
      <c r="AS1062" s="166">
        <v>0</v>
      </c>
      <c r="AT1062" s="166">
        <v>0</v>
      </c>
      <c r="AU1062" s="166">
        <v>0</v>
      </c>
      <c r="AV1062" s="166">
        <v>0</v>
      </c>
      <c r="AW1062" s="166">
        <v>0</v>
      </c>
      <c r="AX1062" s="166">
        <v>0</v>
      </c>
      <c r="AY1062" s="166">
        <v>0</v>
      </c>
      <c r="AZ1062" s="166">
        <v>0</v>
      </c>
      <c r="BA1062" s="166">
        <v>0</v>
      </c>
      <c r="BB1062" s="166">
        <v>0</v>
      </c>
      <c r="BC1062" s="166">
        <v>0</v>
      </c>
      <c r="BD1062" s="166">
        <v>0</v>
      </c>
      <c r="BE1062" s="166">
        <v>0</v>
      </c>
      <c r="BF1062" s="166">
        <v>0</v>
      </c>
      <c r="BG1062" s="166">
        <v>0</v>
      </c>
      <c r="BH1062" s="166">
        <v>0</v>
      </c>
      <c r="BI1062" s="166">
        <v>0</v>
      </c>
      <c r="BJ1062" s="166">
        <v>0</v>
      </c>
      <c r="BK1062" s="166">
        <v>0</v>
      </c>
      <c r="BL1062" s="166">
        <v>0</v>
      </c>
      <c r="BM1062" s="166">
        <v>0</v>
      </c>
      <c r="BN1062" s="166">
        <v>0</v>
      </c>
      <c r="BO1062" s="166">
        <v>0</v>
      </c>
      <c r="BP1062" s="166">
        <v>0</v>
      </c>
      <c r="BQ1062" s="166">
        <v>0</v>
      </c>
      <c r="BR1062" s="166">
        <v>6042460.5499999998</v>
      </c>
      <c r="BS1062" s="166">
        <v>6042460.5499999998</v>
      </c>
      <c r="BT1062" s="168">
        <v>0</v>
      </c>
      <c r="BU1062" s="166">
        <v>0</v>
      </c>
      <c r="BV1062" s="166">
        <v>0</v>
      </c>
      <c r="BW1062" s="166">
        <v>0</v>
      </c>
      <c r="BX1062" s="166">
        <v>0</v>
      </c>
      <c r="BY1062" s="166">
        <v>0</v>
      </c>
      <c r="BZ1062" s="166">
        <v>0</v>
      </c>
      <c r="CA1062" s="166">
        <v>0</v>
      </c>
      <c r="CB1062" s="166">
        <v>0</v>
      </c>
      <c r="CC1062" s="166">
        <v>0</v>
      </c>
      <c r="CD1062" s="166">
        <v>0</v>
      </c>
      <c r="CE1062" s="166">
        <v>0</v>
      </c>
      <c r="CF1062" s="166">
        <v>0</v>
      </c>
      <c r="CG1062" s="166">
        <v>0</v>
      </c>
      <c r="CH1062" s="166">
        <v>0</v>
      </c>
      <c r="CI1062" s="166">
        <v>0</v>
      </c>
      <c r="CJ1062" s="166">
        <v>0</v>
      </c>
      <c r="CK1062" s="166">
        <v>0</v>
      </c>
      <c r="CL1062" s="166">
        <v>0</v>
      </c>
      <c r="CM1062" s="166">
        <v>0</v>
      </c>
      <c r="CN1062" s="166">
        <v>0</v>
      </c>
      <c r="CO1062" s="166">
        <v>0</v>
      </c>
      <c r="CP1062" s="166">
        <v>0</v>
      </c>
      <c r="CQ1062" s="166">
        <v>0</v>
      </c>
      <c r="CR1062" s="166">
        <v>0</v>
      </c>
      <c r="CS1062" s="166">
        <v>0</v>
      </c>
      <c r="CT1062" s="166">
        <v>0</v>
      </c>
      <c r="CU1062" s="166">
        <v>0</v>
      </c>
      <c r="CV1062" s="166">
        <v>0</v>
      </c>
      <c r="CW1062" s="166">
        <v>0</v>
      </c>
      <c r="CX1062" s="166">
        <v>0</v>
      </c>
      <c r="CY1062" s="166">
        <v>0</v>
      </c>
      <c r="CZ1062" s="166">
        <v>0</v>
      </c>
    </row>
    <row r="1063" spans="1:104" x14ac:dyDescent="0.2">
      <c r="A1063" s="167" t="s">
        <v>591</v>
      </c>
      <c r="B1063" s="166">
        <v>0</v>
      </c>
      <c r="C1063" s="166">
        <v>0</v>
      </c>
      <c r="D1063" s="166">
        <v>0</v>
      </c>
      <c r="E1063" s="166">
        <v>0</v>
      </c>
      <c r="F1063" s="166">
        <v>0</v>
      </c>
      <c r="G1063" s="166">
        <v>0</v>
      </c>
      <c r="H1063" s="166">
        <v>0</v>
      </c>
      <c r="I1063" s="166">
        <v>0</v>
      </c>
      <c r="J1063" s="166">
        <v>0</v>
      </c>
      <c r="K1063" s="166">
        <v>0</v>
      </c>
      <c r="L1063" s="166">
        <v>0</v>
      </c>
      <c r="M1063" s="166">
        <v>0</v>
      </c>
      <c r="N1063" s="166">
        <v>0</v>
      </c>
      <c r="O1063" s="166">
        <v>0</v>
      </c>
      <c r="P1063" s="166">
        <v>0</v>
      </c>
      <c r="Q1063" s="166">
        <v>0</v>
      </c>
      <c r="R1063" s="166">
        <v>0</v>
      </c>
      <c r="S1063" s="166">
        <v>0</v>
      </c>
      <c r="T1063" s="166">
        <v>0</v>
      </c>
      <c r="U1063" s="166">
        <v>0</v>
      </c>
      <c r="V1063" s="166">
        <v>0</v>
      </c>
      <c r="W1063" s="166">
        <v>0</v>
      </c>
      <c r="X1063" s="166">
        <v>0</v>
      </c>
      <c r="Y1063" s="166">
        <v>0</v>
      </c>
      <c r="Z1063" s="166">
        <v>0</v>
      </c>
      <c r="AA1063" s="166">
        <v>0</v>
      </c>
      <c r="AB1063" s="166">
        <v>0</v>
      </c>
      <c r="AC1063" s="166">
        <v>0</v>
      </c>
      <c r="AD1063" s="166">
        <v>0</v>
      </c>
      <c r="AE1063" s="166">
        <v>0</v>
      </c>
      <c r="AF1063" s="166">
        <v>0</v>
      </c>
      <c r="AG1063" s="166">
        <v>0</v>
      </c>
      <c r="AH1063" s="166">
        <v>0</v>
      </c>
      <c r="AI1063" s="166">
        <v>0</v>
      </c>
      <c r="AJ1063" s="166">
        <v>0</v>
      </c>
      <c r="AK1063" s="166">
        <v>0</v>
      </c>
      <c r="AL1063" s="166">
        <v>0</v>
      </c>
      <c r="AM1063" s="166">
        <v>0</v>
      </c>
      <c r="AN1063" s="166">
        <v>0</v>
      </c>
      <c r="AO1063" s="166">
        <v>0</v>
      </c>
      <c r="AP1063" s="166">
        <v>0</v>
      </c>
      <c r="AQ1063" s="166">
        <v>0</v>
      </c>
      <c r="AR1063" s="166">
        <v>0</v>
      </c>
      <c r="AS1063" s="166">
        <v>0</v>
      </c>
      <c r="AT1063" s="166">
        <v>0</v>
      </c>
      <c r="AU1063" s="166">
        <v>0</v>
      </c>
      <c r="AV1063" s="166">
        <v>0</v>
      </c>
      <c r="AW1063" s="166">
        <v>0</v>
      </c>
      <c r="AX1063" s="166">
        <v>0</v>
      </c>
      <c r="AY1063" s="166">
        <v>0</v>
      </c>
      <c r="AZ1063" s="166">
        <v>0</v>
      </c>
      <c r="BA1063" s="166">
        <v>0</v>
      </c>
      <c r="BB1063" s="166">
        <v>0</v>
      </c>
      <c r="BC1063" s="166">
        <v>0</v>
      </c>
      <c r="BD1063" s="166">
        <v>0</v>
      </c>
      <c r="BE1063" s="166">
        <v>0</v>
      </c>
      <c r="BF1063" s="166">
        <v>0</v>
      </c>
      <c r="BG1063" s="166">
        <v>0</v>
      </c>
      <c r="BH1063" s="166">
        <v>0</v>
      </c>
      <c r="BI1063" s="166">
        <v>0</v>
      </c>
      <c r="BJ1063" s="166">
        <v>0</v>
      </c>
      <c r="BK1063" s="166">
        <v>0</v>
      </c>
      <c r="BL1063" s="166">
        <v>0</v>
      </c>
      <c r="BM1063" s="166">
        <v>0</v>
      </c>
      <c r="BN1063" s="166">
        <v>0</v>
      </c>
      <c r="BO1063" s="166">
        <v>0</v>
      </c>
      <c r="BP1063" s="166">
        <v>0</v>
      </c>
      <c r="BQ1063" s="166">
        <v>0</v>
      </c>
      <c r="BR1063" s="166">
        <v>0</v>
      </c>
      <c r="BS1063" s="166">
        <v>0</v>
      </c>
      <c r="BT1063" s="168">
        <v>0</v>
      </c>
      <c r="BU1063" s="166">
        <v>0</v>
      </c>
      <c r="BV1063" s="166">
        <v>0</v>
      </c>
      <c r="BW1063" s="166">
        <v>0</v>
      </c>
      <c r="BX1063" s="166">
        <v>0</v>
      </c>
      <c r="BY1063" s="166">
        <v>0</v>
      </c>
      <c r="BZ1063" s="166">
        <v>0</v>
      </c>
      <c r="CA1063" s="166">
        <v>0</v>
      </c>
      <c r="CB1063" s="166">
        <v>0</v>
      </c>
      <c r="CC1063" s="166">
        <v>0</v>
      </c>
      <c r="CD1063" s="166">
        <v>0</v>
      </c>
      <c r="CE1063" s="166">
        <v>0</v>
      </c>
      <c r="CF1063" s="166">
        <v>0</v>
      </c>
      <c r="CG1063" s="166">
        <v>0</v>
      </c>
      <c r="CH1063" s="166">
        <v>0</v>
      </c>
      <c r="CI1063" s="166">
        <v>0</v>
      </c>
      <c r="CJ1063" s="166">
        <v>0</v>
      </c>
      <c r="CK1063" s="166">
        <v>0</v>
      </c>
      <c r="CL1063" s="166">
        <v>0</v>
      </c>
      <c r="CM1063" s="166">
        <v>0</v>
      </c>
      <c r="CN1063" s="166">
        <v>0</v>
      </c>
      <c r="CO1063" s="166">
        <v>0</v>
      </c>
      <c r="CP1063" s="166">
        <v>0</v>
      </c>
      <c r="CQ1063" s="166">
        <v>0</v>
      </c>
      <c r="CR1063" s="166">
        <v>0</v>
      </c>
      <c r="CS1063" s="166">
        <v>0</v>
      </c>
      <c r="CT1063" s="166">
        <v>0</v>
      </c>
      <c r="CU1063" s="166">
        <v>0</v>
      </c>
      <c r="CV1063" s="166">
        <v>0</v>
      </c>
      <c r="CW1063" s="166">
        <v>0</v>
      </c>
      <c r="CX1063" s="166">
        <v>0</v>
      </c>
      <c r="CY1063" s="166">
        <v>0</v>
      </c>
      <c r="CZ1063" s="166">
        <v>0</v>
      </c>
    </row>
    <row r="1064" spans="1:104" x14ac:dyDescent="0.2">
      <c r="A1064" s="167" t="s">
        <v>592</v>
      </c>
      <c r="B1064" s="166">
        <v>0</v>
      </c>
      <c r="C1064" s="166">
        <v>0</v>
      </c>
      <c r="D1064" s="166">
        <v>0</v>
      </c>
      <c r="E1064" s="166">
        <v>0</v>
      </c>
      <c r="F1064" s="166">
        <v>0</v>
      </c>
      <c r="G1064" s="166">
        <v>0</v>
      </c>
      <c r="H1064" s="166">
        <v>0</v>
      </c>
      <c r="I1064" s="166">
        <v>0</v>
      </c>
      <c r="J1064" s="166">
        <v>0</v>
      </c>
      <c r="K1064" s="166">
        <v>0</v>
      </c>
      <c r="L1064" s="166">
        <v>0</v>
      </c>
      <c r="M1064" s="166">
        <v>0</v>
      </c>
      <c r="N1064" s="166">
        <v>0</v>
      </c>
      <c r="O1064" s="166">
        <v>0</v>
      </c>
      <c r="P1064" s="166">
        <v>0</v>
      </c>
      <c r="Q1064" s="166">
        <v>0</v>
      </c>
      <c r="R1064" s="166">
        <v>0</v>
      </c>
      <c r="S1064" s="166">
        <v>0</v>
      </c>
      <c r="T1064" s="166">
        <v>0</v>
      </c>
      <c r="U1064" s="166">
        <v>0</v>
      </c>
      <c r="V1064" s="166">
        <v>0</v>
      </c>
      <c r="W1064" s="166">
        <v>0</v>
      </c>
      <c r="X1064" s="166">
        <v>0</v>
      </c>
      <c r="Y1064" s="166">
        <v>0</v>
      </c>
      <c r="Z1064" s="166">
        <v>0</v>
      </c>
      <c r="AA1064" s="166">
        <v>0</v>
      </c>
      <c r="AB1064" s="166">
        <v>0</v>
      </c>
      <c r="AC1064" s="166">
        <v>0</v>
      </c>
      <c r="AD1064" s="166">
        <v>0</v>
      </c>
      <c r="AE1064" s="166">
        <v>0</v>
      </c>
      <c r="AF1064" s="166">
        <v>0</v>
      </c>
      <c r="AG1064" s="166">
        <v>0</v>
      </c>
      <c r="AH1064" s="166">
        <v>0</v>
      </c>
      <c r="AI1064" s="166">
        <v>0</v>
      </c>
      <c r="AJ1064" s="166">
        <v>0</v>
      </c>
      <c r="AK1064" s="166">
        <v>0</v>
      </c>
      <c r="AL1064" s="166">
        <v>0</v>
      </c>
      <c r="AM1064" s="166">
        <v>0</v>
      </c>
      <c r="AN1064" s="166">
        <v>0</v>
      </c>
      <c r="AO1064" s="166">
        <v>0</v>
      </c>
      <c r="AP1064" s="166">
        <v>0</v>
      </c>
      <c r="AQ1064" s="166">
        <v>0</v>
      </c>
      <c r="AR1064" s="166">
        <v>0</v>
      </c>
      <c r="AS1064" s="166">
        <v>0</v>
      </c>
      <c r="AT1064" s="166">
        <v>0</v>
      </c>
      <c r="AU1064" s="166">
        <v>0</v>
      </c>
      <c r="AV1064" s="166">
        <v>0</v>
      </c>
      <c r="AW1064" s="166">
        <v>0</v>
      </c>
      <c r="AX1064" s="166">
        <v>0</v>
      </c>
      <c r="AY1064" s="166">
        <v>0</v>
      </c>
      <c r="AZ1064" s="166">
        <v>0</v>
      </c>
      <c r="BA1064" s="166">
        <v>0</v>
      </c>
      <c r="BB1064" s="166">
        <v>0</v>
      </c>
      <c r="BC1064" s="166">
        <v>0</v>
      </c>
      <c r="BD1064" s="166">
        <v>0</v>
      </c>
      <c r="BE1064" s="166">
        <v>0</v>
      </c>
      <c r="BF1064" s="166">
        <v>0</v>
      </c>
      <c r="BG1064" s="166">
        <v>0</v>
      </c>
      <c r="BH1064" s="166">
        <v>0</v>
      </c>
      <c r="BI1064" s="166">
        <v>0</v>
      </c>
      <c r="BJ1064" s="166">
        <v>0</v>
      </c>
      <c r="BK1064" s="166">
        <v>0</v>
      </c>
      <c r="BL1064" s="166">
        <v>0</v>
      </c>
      <c r="BM1064" s="166">
        <v>0</v>
      </c>
      <c r="BN1064" s="166">
        <v>0</v>
      </c>
      <c r="BO1064" s="166">
        <v>0</v>
      </c>
      <c r="BP1064" s="166">
        <v>0</v>
      </c>
      <c r="BQ1064" s="166">
        <v>0</v>
      </c>
      <c r="BR1064" s="166">
        <v>0</v>
      </c>
      <c r="BS1064" s="166">
        <v>0</v>
      </c>
      <c r="BT1064" s="168">
        <v>0</v>
      </c>
      <c r="BU1064" s="166">
        <v>0</v>
      </c>
      <c r="BV1064" s="166">
        <v>0</v>
      </c>
      <c r="BW1064" s="166">
        <v>0</v>
      </c>
      <c r="BX1064" s="166">
        <v>0</v>
      </c>
      <c r="BY1064" s="166">
        <v>0</v>
      </c>
      <c r="BZ1064" s="166">
        <v>0</v>
      </c>
      <c r="CA1064" s="166">
        <v>0</v>
      </c>
      <c r="CB1064" s="166">
        <v>0</v>
      </c>
      <c r="CC1064" s="166">
        <v>0</v>
      </c>
      <c r="CD1064" s="166">
        <v>0</v>
      </c>
      <c r="CE1064" s="166">
        <v>0</v>
      </c>
      <c r="CF1064" s="166">
        <v>0</v>
      </c>
      <c r="CG1064" s="166">
        <v>0</v>
      </c>
      <c r="CH1064" s="166">
        <v>0</v>
      </c>
      <c r="CI1064" s="166">
        <v>0</v>
      </c>
      <c r="CJ1064" s="166">
        <v>0</v>
      </c>
      <c r="CK1064" s="166">
        <v>0</v>
      </c>
      <c r="CL1064" s="166">
        <v>0</v>
      </c>
      <c r="CM1064" s="166">
        <v>0</v>
      </c>
      <c r="CN1064" s="166">
        <v>0</v>
      </c>
      <c r="CO1064" s="166">
        <v>0</v>
      </c>
      <c r="CP1064" s="166">
        <v>0</v>
      </c>
      <c r="CQ1064" s="166">
        <v>0</v>
      </c>
      <c r="CR1064" s="166">
        <v>0</v>
      </c>
      <c r="CS1064" s="166">
        <v>0</v>
      </c>
      <c r="CT1064" s="166">
        <v>0</v>
      </c>
      <c r="CU1064" s="166">
        <v>0</v>
      </c>
      <c r="CV1064" s="166">
        <v>0</v>
      </c>
      <c r="CW1064" s="166">
        <v>0</v>
      </c>
      <c r="CX1064" s="166">
        <v>0</v>
      </c>
      <c r="CY1064" s="166">
        <v>0</v>
      </c>
      <c r="CZ1064" s="166">
        <v>0</v>
      </c>
    </row>
    <row r="1065" spans="1:104" x14ac:dyDescent="0.2">
      <c r="A1065" s="167" t="s">
        <v>593</v>
      </c>
      <c r="B1065" s="166">
        <v>0</v>
      </c>
      <c r="C1065" s="166">
        <v>0</v>
      </c>
      <c r="D1065" s="166">
        <v>0</v>
      </c>
      <c r="E1065" s="166">
        <v>0</v>
      </c>
      <c r="F1065" s="166">
        <v>0</v>
      </c>
      <c r="G1065" s="166">
        <v>0</v>
      </c>
      <c r="H1065" s="166">
        <v>0</v>
      </c>
      <c r="I1065" s="166">
        <v>0</v>
      </c>
      <c r="J1065" s="166">
        <v>0</v>
      </c>
      <c r="K1065" s="166">
        <v>0</v>
      </c>
      <c r="L1065" s="166">
        <v>0</v>
      </c>
      <c r="M1065" s="166">
        <v>0</v>
      </c>
      <c r="N1065" s="166">
        <v>0</v>
      </c>
      <c r="O1065" s="166">
        <v>0</v>
      </c>
      <c r="P1065" s="166">
        <v>0</v>
      </c>
      <c r="Q1065" s="166">
        <v>0</v>
      </c>
      <c r="R1065" s="166">
        <v>0</v>
      </c>
      <c r="S1065" s="166">
        <v>0</v>
      </c>
      <c r="T1065" s="166">
        <v>0</v>
      </c>
      <c r="U1065" s="166">
        <v>0</v>
      </c>
      <c r="V1065" s="166">
        <v>0</v>
      </c>
      <c r="W1065" s="166">
        <v>0</v>
      </c>
      <c r="X1065" s="166">
        <v>0</v>
      </c>
      <c r="Y1065" s="166">
        <v>0</v>
      </c>
      <c r="Z1065" s="166">
        <v>0</v>
      </c>
      <c r="AA1065" s="166">
        <v>0</v>
      </c>
      <c r="AB1065" s="166">
        <v>0</v>
      </c>
      <c r="AC1065" s="166">
        <v>0</v>
      </c>
      <c r="AD1065" s="166">
        <v>0</v>
      </c>
      <c r="AE1065" s="166">
        <v>0</v>
      </c>
      <c r="AF1065" s="166">
        <v>0</v>
      </c>
      <c r="AG1065" s="166">
        <v>0</v>
      </c>
      <c r="AH1065" s="166">
        <v>0</v>
      </c>
      <c r="AI1065" s="166">
        <v>0</v>
      </c>
      <c r="AJ1065" s="166">
        <v>0</v>
      </c>
      <c r="AK1065" s="166">
        <v>0</v>
      </c>
      <c r="AL1065" s="166">
        <v>0</v>
      </c>
      <c r="AM1065" s="166">
        <v>0</v>
      </c>
      <c r="AN1065" s="166">
        <v>0</v>
      </c>
      <c r="AO1065" s="166">
        <v>0</v>
      </c>
      <c r="AP1065" s="166">
        <v>0</v>
      </c>
      <c r="AQ1065" s="166">
        <v>0</v>
      </c>
      <c r="AR1065" s="166">
        <v>0</v>
      </c>
      <c r="AS1065" s="166">
        <v>0</v>
      </c>
      <c r="AT1065" s="166">
        <v>0</v>
      </c>
      <c r="AU1065" s="166">
        <v>0</v>
      </c>
      <c r="AV1065" s="166">
        <v>0</v>
      </c>
      <c r="AW1065" s="166">
        <v>0</v>
      </c>
      <c r="AX1065" s="166">
        <v>0</v>
      </c>
      <c r="AY1065" s="166">
        <v>0</v>
      </c>
      <c r="AZ1065" s="166">
        <v>0</v>
      </c>
      <c r="BA1065" s="166">
        <v>0</v>
      </c>
      <c r="BB1065" s="166">
        <v>0</v>
      </c>
      <c r="BC1065" s="166">
        <v>0</v>
      </c>
      <c r="BD1065" s="166">
        <v>0</v>
      </c>
      <c r="BE1065" s="166">
        <v>0</v>
      </c>
      <c r="BF1065" s="166">
        <v>0</v>
      </c>
      <c r="BG1065" s="166">
        <v>0</v>
      </c>
      <c r="BH1065" s="166">
        <v>0</v>
      </c>
      <c r="BI1065" s="166">
        <v>0</v>
      </c>
      <c r="BJ1065" s="166">
        <v>0</v>
      </c>
      <c r="BK1065" s="166">
        <v>0</v>
      </c>
      <c r="BL1065" s="166">
        <v>0</v>
      </c>
      <c r="BM1065" s="166">
        <v>0</v>
      </c>
      <c r="BN1065" s="166">
        <v>0</v>
      </c>
      <c r="BO1065" s="166">
        <v>0</v>
      </c>
      <c r="BP1065" s="166">
        <v>0</v>
      </c>
      <c r="BQ1065" s="166">
        <v>0</v>
      </c>
      <c r="BR1065" s="166">
        <v>0</v>
      </c>
      <c r="BS1065" s="166">
        <v>0</v>
      </c>
      <c r="BT1065" s="168">
        <v>0</v>
      </c>
      <c r="BU1065" s="166">
        <v>0</v>
      </c>
      <c r="BV1065" s="166">
        <v>0</v>
      </c>
      <c r="BW1065" s="166">
        <v>0</v>
      </c>
      <c r="BX1065" s="166">
        <v>0</v>
      </c>
      <c r="BY1065" s="166">
        <v>0</v>
      </c>
      <c r="BZ1065" s="166">
        <v>0</v>
      </c>
      <c r="CA1065" s="166">
        <v>0</v>
      </c>
      <c r="CB1065" s="166">
        <v>0</v>
      </c>
      <c r="CC1065" s="166">
        <v>0</v>
      </c>
      <c r="CD1065" s="166">
        <v>0</v>
      </c>
      <c r="CE1065" s="166">
        <v>0</v>
      </c>
      <c r="CF1065" s="166">
        <v>0</v>
      </c>
      <c r="CG1065" s="166">
        <v>0</v>
      </c>
      <c r="CH1065" s="166">
        <v>0</v>
      </c>
      <c r="CI1065" s="166">
        <v>0</v>
      </c>
      <c r="CJ1065" s="166">
        <v>0</v>
      </c>
      <c r="CK1065" s="166">
        <v>0</v>
      </c>
      <c r="CL1065" s="166">
        <v>0</v>
      </c>
      <c r="CM1065" s="166">
        <v>0</v>
      </c>
      <c r="CN1065" s="166">
        <v>0</v>
      </c>
      <c r="CO1065" s="166">
        <v>0</v>
      </c>
      <c r="CP1065" s="166">
        <v>0</v>
      </c>
      <c r="CQ1065" s="166">
        <v>0</v>
      </c>
      <c r="CR1065" s="166">
        <v>0</v>
      </c>
      <c r="CS1065" s="166">
        <v>0</v>
      </c>
      <c r="CT1065" s="166">
        <v>0</v>
      </c>
      <c r="CU1065" s="166">
        <v>0</v>
      </c>
      <c r="CV1065" s="166">
        <v>0</v>
      </c>
      <c r="CW1065" s="166">
        <v>0</v>
      </c>
      <c r="CX1065" s="166">
        <v>0</v>
      </c>
      <c r="CY1065" s="166">
        <v>0</v>
      </c>
      <c r="CZ1065" s="166">
        <v>0</v>
      </c>
    </row>
    <row r="1066" spans="1:104" x14ac:dyDescent="0.2">
      <c r="A1066" s="167" t="s">
        <v>594</v>
      </c>
      <c r="B1066" s="166">
        <v>0</v>
      </c>
      <c r="C1066" s="166">
        <v>0</v>
      </c>
      <c r="D1066" s="166">
        <v>0</v>
      </c>
      <c r="E1066" s="166">
        <v>0</v>
      </c>
      <c r="F1066" s="166">
        <v>0</v>
      </c>
      <c r="G1066" s="166">
        <v>0</v>
      </c>
      <c r="H1066" s="166">
        <v>0</v>
      </c>
      <c r="I1066" s="166">
        <v>0</v>
      </c>
      <c r="J1066" s="166">
        <v>0</v>
      </c>
      <c r="K1066" s="166">
        <v>0</v>
      </c>
      <c r="L1066" s="166">
        <v>0</v>
      </c>
      <c r="M1066" s="166">
        <v>0</v>
      </c>
      <c r="N1066" s="166">
        <v>0</v>
      </c>
      <c r="O1066" s="166">
        <v>0</v>
      </c>
      <c r="P1066" s="166">
        <v>0</v>
      </c>
      <c r="Q1066" s="166">
        <v>0</v>
      </c>
      <c r="R1066" s="166">
        <v>0</v>
      </c>
      <c r="S1066" s="166">
        <v>0</v>
      </c>
      <c r="T1066" s="166">
        <v>0</v>
      </c>
      <c r="U1066" s="166">
        <v>0</v>
      </c>
      <c r="V1066" s="166">
        <v>0</v>
      </c>
      <c r="W1066" s="166">
        <v>0</v>
      </c>
      <c r="X1066" s="166">
        <v>0</v>
      </c>
      <c r="Y1066" s="166">
        <v>0</v>
      </c>
      <c r="Z1066" s="166">
        <v>0</v>
      </c>
      <c r="AA1066" s="166">
        <v>0</v>
      </c>
      <c r="AB1066" s="166">
        <v>0</v>
      </c>
      <c r="AC1066" s="166">
        <v>0</v>
      </c>
      <c r="AD1066" s="166">
        <v>0</v>
      </c>
      <c r="AE1066" s="166">
        <v>0</v>
      </c>
      <c r="AF1066" s="166">
        <v>0</v>
      </c>
      <c r="AG1066" s="166">
        <v>0</v>
      </c>
      <c r="AH1066" s="166">
        <v>0</v>
      </c>
      <c r="AI1066" s="166">
        <v>0</v>
      </c>
      <c r="AJ1066" s="166">
        <v>0</v>
      </c>
      <c r="AK1066" s="166">
        <v>0</v>
      </c>
      <c r="AL1066" s="166">
        <v>0</v>
      </c>
      <c r="AM1066" s="166">
        <v>0</v>
      </c>
      <c r="AN1066" s="166">
        <v>0</v>
      </c>
      <c r="AO1066" s="166">
        <v>0</v>
      </c>
      <c r="AP1066" s="166">
        <v>0</v>
      </c>
      <c r="AQ1066" s="166">
        <v>0</v>
      </c>
      <c r="AR1066" s="166">
        <v>0</v>
      </c>
      <c r="AS1066" s="166">
        <v>0</v>
      </c>
      <c r="AT1066" s="166">
        <v>0</v>
      </c>
      <c r="AU1066" s="166">
        <v>0</v>
      </c>
      <c r="AV1066" s="166">
        <v>0</v>
      </c>
      <c r="AW1066" s="166">
        <v>0</v>
      </c>
      <c r="AX1066" s="166">
        <v>0</v>
      </c>
      <c r="AY1066" s="166">
        <v>0</v>
      </c>
      <c r="AZ1066" s="166">
        <v>0</v>
      </c>
      <c r="BA1066" s="166">
        <v>0</v>
      </c>
      <c r="BB1066" s="166">
        <v>0</v>
      </c>
      <c r="BC1066" s="166">
        <v>0</v>
      </c>
      <c r="BD1066" s="166">
        <v>0</v>
      </c>
      <c r="BE1066" s="166">
        <v>0</v>
      </c>
      <c r="BF1066" s="166">
        <v>0</v>
      </c>
      <c r="BG1066" s="166">
        <v>0</v>
      </c>
      <c r="BH1066" s="166">
        <v>0</v>
      </c>
      <c r="BI1066" s="166">
        <v>0</v>
      </c>
      <c r="BJ1066" s="166">
        <v>0</v>
      </c>
      <c r="BK1066" s="166">
        <v>0</v>
      </c>
      <c r="BL1066" s="166">
        <v>0</v>
      </c>
      <c r="BM1066" s="166">
        <v>0</v>
      </c>
      <c r="BN1066" s="166">
        <v>0</v>
      </c>
      <c r="BO1066" s="166">
        <v>0</v>
      </c>
      <c r="BP1066" s="166">
        <v>0</v>
      </c>
      <c r="BQ1066" s="166">
        <v>0</v>
      </c>
      <c r="BR1066" s="166">
        <v>0</v>
      </c>
      <c r="BS1066" s="166">
        <v>0</v>
      </c>
      <c r="BT1066" s="168">
        <v>0</v>
      </c>
      <c r="BU1066" s="166">
        <v>0</v>
      </c>
      <c r="BV1066" s="166">
        <v>0</v>
      </c>
      <c r="BW1066" s="166">
        <v>0</v>
      </c>
      <c r="BX1066" s="166">
        <v>0</v>
      </c>
      <c r="BY1066" s="166">
        <v>0</v>
      </c>
      <c r="BZ1066" s="166">
        <v>0</v>
      </c>
      <c r="CA1066" s="166">
        <v>0</v>
      </c>
      <c r="CB1066" s="166">
        <v>0</v>
      </c>
      <c r="CC1066" s="166">
        <v>0</v>
      </c>
      <c r="CD1066" s="166">
        <v>0</v>
      </c>
      <c r="CE1066" s="166">
        <v>0</v>
      </c>
      <c r="CF1066" s="166">
        <v>0</v>
      </c>
      <c r="CG1066" s="166">
        <v>0</v>
      </c>
      <c r="CH1066" s="166">
        <v>0</v>
      </c>
      <c r="CI1066" s="166">
        <v>0</v>
      </c>
      <c r="CJ1066" s="166">
        <v>0</v>
      </c>
      <c r="CK1066" s="166">
        <v>0</v>
      </c>
      <c r="CL1066" s="166">
        <v>0</v>
      </c>
      <c r="CM1066" s="166">
        <v>0</v>
      </c>
      <c r="CN1066" s="166">
        <v>0</v>
      </c>
      <c r="CO1066" s="166">
        <v>0</v>
      </c>
      <c r="CP1066" s="166">
        <v>0</v>
      </c>
      <c r="CQ1066" s="166">
        <v>0</v>
      </c>
      <c r="CR1066" s="166">
        <v>0</v>
      </c>
      <c r="CS1066" s="166">
        <v>0</v>
      </c>
      <c r="CT1066" s="166">
        <v>0</v>
      </c>
      <c r="CU1066" s="166">
        <v>0</v>
      </c>
      <c r="CV1066" s="166">
        <v>0</v>
      </c>
      <c r="CW1066" s="166">
        <v>0</v>
      </c>
      <c r="CX1066" s="166">
        <v>0</v>
      </c>
      <c r="CY1066" s="166">
        <v>0</v>
      </c>
      <c r="CZ1066" s="166">
        <v>0</v>
      </c>
    </row>
    <row r="1067" spans="1:104" x14ac:dyDescent="0.2">
      <c r="A1067" s="167" t="s">
        <v>595</v>
      </c>
      <c r="B1067" s="166">
        <v>28180249.009999901</v>
      </c>
      <c r="C1067" s="166">
        <v>28180249.009999901</v>
      </c>
      <c r="D1067" s="166">
        <v>0</v>
      </c>
      <c r="E1067" s="166">
        <v>0</v>
      </c>
      <c r="F1067" s="166">
        <v>0</v>
      </c>
      <c r="G1067" s="166">
        <v>0</v>
      </c>
      <c r="H1067" s="166">
        <v>0</v>
      </c>
      <c r="I1067" s="166">
        <v>0</v>
      </c>
      <c r="J1067" s="166">
        <v>0</v>
      </c>
      <c r="K1067" s="166">
        <v>0</v>
      </c>
      <c r="L1067" s="166">
        <v>0</v>
      </c>
      <c r="M1067" s="166">
        <v>0</v>
      </c>
      <c r="N1067" s="166">
        <v>0</v>
      </c>
      <c r="O1067" s="166">
        <v>0</v>
      </c>
      <c r="P1067" s="166">
        <v>0</v>
      </c>
      <c r="Q1067" s="166">
        <v>0</v>
      </c>
      <c r="R1067" s="166">
        <v>0</v>
      </c>
      <c r="S1067" s="166">
        <v>0</v>
      </c>
      <c r="T1067" s="166">
        <v>0</v>
      </c>
      <c r="U1067" s="166">
        <v>0</v>
      </c>
      <c r="V1067" s="166">
        <v>0</v>
      </c>
      <c r="W1067" s="166">
        <v>0</v>
      </c>
      <c r="X1067" s="166">
        <v>0</v>
      </c>
      <c r="Y1067" s="166">
        <v>0</v>
      </c>
      <c r="Z1067" s="166">
        <v>0</v>
      </c>
      <c r="AA1067" s="166">
        <v>0</v>
      </c>
      <c r="AB1067" s="166">
        <v>0</v>
      </c>
      <c r="AC1067" s="166">
        <v>0</v>
      </c>
      <c r="AD1067" s="166">
        <v>0</v>
      </c>
      <c r="AE1067" s="166">
        <v>0</v>
      </c>
      <c r="AF1067" s="166">
        <v>0</v>
      </c>
      <c r="AG1067" s="166">
        <v>0</v>
      </c>
      <c r="AH1067" s="166">
        <v>0</v>
      </c>
      <c r="AI1067" s="166">
        <v>0</v>
      </c>
      <c r="AJ1067" s="166">
        <v>0</v>
      </c>
      <c r="AK1067" s="166">
        <v>0</v>
      </c>
      <c r="AL1067" s="166">
        <v>0</v>
      </c>
      <c r="AM1067" s="166">
        <v>0</v>
      </c>
      <c r="AN1067" s="166">
        <v>0</v>
      </c>
      <c r="AO1067" s="166">
        <v>0</v>
      </c>
      <c r="AP1067" s="166">
        <v>0</v>
      </c>
      <c r="AQ1067" s="166">
        <v>0</v>
      </c>
      <c r="AR1067" s="166">
        <v>0</v>
      </c>
      <c r="AS1067" s="166">
        <v>0</v>
      </c>
      <c r="AT1067" s="166">
        <v>0</v>
      </c>
      <c r="AU1067" s="166">
        <v>0</v>
      </c>
      <c r="AV1067" s="166">
        <v>0</v>
      </c>
      <c r="AW1067" s="166">
        <v>0</v>
      </c>
      <c r="AX1067" s="166">
        <v>0</v>
      </c>
      <c r="AY1067" s="166">
        <v>0</v>
      </c>
      <c r="AZ1067" s="166">
        <v>0</v>
      </c>
      <c r="BA1067" s="166">
        <v>0</v>
      </c>
      <c r="BB1067" s="166">
        <v>0</v>
      </c>
      <c r="BC1067" s="166">
        <v>0</v>
      </c>
      <c r="BD1067" s="166">
        <v>0</v>
      </c>
      <c r="BE1067" s="166">
        <v>0</v>
      </c>
      <c r="BF1067" s="166">
        <v>0</v>
      </c>
      <c r="BG1067" s="166">
        <v>0</v>
      </c>
      <c r="BH1067" s="166">
        <v>0</v>
      </c>
      <c r="BI1067" s="166">
        <v>0</v>
      </c>
      <c r="BJ1067" s="166">
        <v>0</v>
      </c>
      <c r="BK1067" s="166">
        <v>0</v>
      </c>
      <c r="BL1067" s="166">
        <v>0</v>
      </c>
      <c r="BM1067" s="166">
        <v>0</v>
      </c>
      <c r="BN1067" s="166">
        <v>0</v>
      </c>
      <c r="BO1067" s="166">
        <v>0</v>
      </c>
      <c r="BP1067" s="166">
        <v>0</v>
      </c>
      <c r="BQ1067" s="166">
        <v>0</v>
      </c>
      <c r="BR1067" s="166">
        <v>28180249.009999901</v>
      </c>
      <c r="BS1067" s="166">
        <v>28180249.009999901</v>
      </c>
      <c r="BT1067" s="168">
        <v>0</v>
      </c>
      <c r="BU1067" s="166">
        <v>0</v>
      </c>
      <c r="BV1067" s="166">
        <v>0</v>
      </c>
      <c r="BW1067" s="166">
        <v>0</v>
      </c>
      <c r="BX1067" s="166">
        <v>0</v>
      </c>
      <c r="BY1067" s="166">
        <v>0</v>
      </c>
      <c r="BZ1067" s="166">
        <v>0</v>
      </c>
      <c r="CA1067" s="166">
        <v>0</v>
      </c>
      <c r="CB1067" s="166">
        <v>0</v>
      </c>
      <c r="CC1067" s="166">
        <v>0</v>
      </c>
      <c r="CD1067" s="166">
        <v>0</v>
      </c>
      <c r="CE1067" s="166">
        <v>0</v>
      </c>
      <c r="CF1067" s="166">
        <v>0</v>
      </c>
      <c r="CG1067" s="166">
        <v>0</v>
      </c>
      <c r="CH1067" s="166">
        <v>0</v>
      </c>
      <c r="CI1067" s="166">
        <v>0</v>
      </c>
      <c r="CJ1067" s="166">
        <v>0</v>
      </c>
      <c r="CK1067" s="166">
        <v>0</v>
      </c>
      <c r="CL1067" s="166">
        <v>0</v>
      </c>
      <c r="CM1067" s="166">
        <v>0</v>
      </c>
      <c r="CN1067" s="166">
        <v>0</v>
      </c>
      <c r="CO1067" s="166">
        <v>0</v>
      </c>
      <c r="CP1067" s="166">
        <v>0</v>
      </c>
      <c r="CQ1067" s="166">
        <v>0</v>
      </c>
      <c r="CR1067" s="166">
        <v>0</v>
      </c>
      <c r="CS1067" s="166">
        <v>0</v>
      </c>
      <c r="CT1067" s="166">
        <v>0</v>
      </c>
      <c r="CU1067" s="166">
        <v>0</v>
      </c>
      <c r="CV1067" s="166">
        <v>0</v>
      </c>
      <c r="CW1067" s="166">
        <v>0</v>
      </c>
      <c r="CX1067" s="166">
        <v>0</v>
      </c>
      <c r="CY1067" s="166">
        <v>0</v>
      </c>
      <c r="CZ1067" s="166">
        <v>0</v>
      </c>
    </row>
    <row r="1068" spans="1:104" x14ac:dyDescent="0.2">
      <c r="A1068" s="167" t="s">
        <v>596</v>
      </c>
      <c r="B1068" s="166">
        <v>170167933.294</v>
      </c>
      <c r="C1068" s="166">
        <v>170167933.294</v>
      </c>
      <c r="D1068" s="166">
        <v>0</v>
      </c>
      <c r="E1068" s="166">
        <v>0</v>
      </c>
      <c r="F1068" s="166">
        <v>0</v>
      </c>
      <c r="G1068" s="166">
        <v>0</v>
      </c>
      <c r="H1068" s="166">
        <v>0</v>
      </c>
      <c r="I1068" s="166">
        <v>0</v>
      </c>
      <c r="J1068" s="166">
        <v>0</v>
      </c>
      <c r="K1068" s="166">
        <v>0</v>
      </c>
      <c r="L1068" s="166">
        <v>0</v>
      </c>
      <c r="M1068" s="166">
        <v>0</v>
      </c>
      <c r="N1068" s="166">
        <v>0</v>
      </c>
      <c r="O1068" s="166">
        <v>0</v>
      </c>
      <c r="P1068" s="166">
        <v>0</v>
      </c>
      <c r="Q1068" s="166">
        <v>0</v>
      </c>
      <c r="R1068" s="166">
        <v>0</v>
      </c>
      <c r="S1068" s="166">
        <v>0</v>
      </c>
      <c r="T1068" s="166">
        <v>0</v>
      </c>
      <c r="U1068" s="166">
        <v>0</v>
      </c>
      <c r="V1068" s="166">
        <v>0</v>
      </c>
      <c r="W1068" s="166">
        <v>0</v>
      </c>
      <c r="X1068" s="166">
        <v>0</v>
      </c>
      <c r="Y1068" s="166">
        <v>0</v>
      </c>
      <c r="Z1068" s="166">
        <v>0</v>
      </c>
      <c r="AA1068" s="166">
        <v>0</v>
      </c>
      <c r="AB1068" s="166">
        <v>0</v>
      </c>
      <c r="AC1068" s="166">
        <v>0</v>
      </c>
      <c r="AD1068" s="166">
        <v>0</v>
      </c>
      <c r="AE1068" s="166">
        <v>0</v>
      </c>
      <c r="AF1068" s="166">
        <v>0</v>
      </c>
      <c r="AG1068" s="166">
        <v>0</v>
      </c>
      <c r="AH1068" s="166">
        <v>0</v>
      </c>
      <c r="AI1068" s="166">
        <v>0</v>
      </c>
      <c r="AJ1068" s="166">
        <v>0</v>
      </c>
      <c r="AK1068" s="166">
        <v>0</v>
      </c>
      <c r="AL1068" s="166">
        <v>0</v>
      </c>
      <c r="AM1068" s="166">
        <v>0</v>
      </c>
      <c r="AN1068" s="166">
        <v>0</v>
      </c>
      <c r="AO1068" s="166">
        <v>0</v>
      </c>
      <c r="AP1068" s="166">
        <v>0</v>
      </c>
      <c r="AQ1068" s="166">
        <v>0</v>
      </c>
      <c r="AR1068" s="166">
        <v>0</v>
      </c>
      <c r="AS1068" s="166">
        <v>0</v>
      </c>
      <c r="AT1068" s="166">
        <v>0</v>
      </c>
      <c r="AU1068" s="166">
        <v>0</v>
      </c>
      <c r="AV1068" s="166">
        <v>0</v>
      </c>
      <c r="AW1068" s="166">
        <v>0</v>
      </c>
      <c r="AX1068" s="166">
        <v>0</v>
      </c>
      <c r="AY1068" s="166">
        <v>0</v>
      </c>
      <c r="AZ1068" s="166">
        <v>0</v>
      </c>
      <c r="BA1068" s="166">
        <v>0</v>
      </c>
      <c r="BB1068" s="166">
        <v>0</v>
      </c>
      <c r="BC1068" s="166">
        <v>0</v>
      </c>
      <c r="BD1068" s="166">
        <v>0</v>
      </c>
      <c r="BE1068" s="166">
        <v>0</v>
      </c>
      <c r="BF1068" s="166">
        <v>0</v>
      </c>
      <c r="BG1068" s="166">
        <v>0</v>
      </c>
      <c r="BH1068" s="166">
        <v>0</v>
      </c>
      <c r="BI1068" s="166">
        <v>0</v>
      </c>
      <c r="BJ1068" s="166">
        <v>0</v>
      </c>
      <c r="BK1068" s="166">
        <v>0</v>
      </c>
      <c r="BL1068" s="166">
        <v>0</v>
      </c>
      <c r="BM1068" s="166">
        <v>0</v>
      </c>
      <c r="BN1068" s="166">
        <v>0</v>
      </c>
      <c r="BO1068" s="166">
        <v>0</v>
      </c>
      <c r="BP1068" s="166">
        <v>0</v>
      </c>
      <c r="BQ1068" s="166">
        <v>0</v>
      </c>
      <c r="BR1068" s="166">
        <v>170167933.294</v>
      </c>
      <c r="BS1068" s="166">
        <v>170167933.294</v>
      </c>
      <c r="BT1068" s="168">
        <v>0</v>
      </c>
      <c r="BU1068" s="166">
        <v>0</v>
      </c>
      <c r="BV1068" s="166">
        <v>0</v>
      </c>
      <c r="BW1068" s="166">
        <v>0</v>
      </c>
      <c r="BX1068" s="166">
        <v>0</v>
      </c>
      <c r="BY1068" s="166">
        <v>0</v>
      </c>
      <c r="BZ1068" s="166">
        <v>0</v>
      </c>
      <c r="CA1068" s="166">
        <v>0</v>
      </c>
      <c r="CB1068" s="166">
        <v>0</v>
      </c>
      <c r="CC1068" s="166">
        <v>0</v>
      </c>
      <c r="CD1068" s="166">
        <v>0</v>
      </c>
      <c r="CE1068" s="166">
        <v>0</v>
      </c>
      <c r="CF1068" s="166">
        <v>0</v>
      </c>
      <c r="CG1068" s="166">
        <v>0</v>
      </c>
      <c r="CH1068" s="166">
        <v>0</v>
      </c>
      <c r="CI1068" s="166">
        <v>0</v>
      </c>
      <c r="CJ1068" s="166">
        <v>0</v>
      </c>
      <c r="CK1068" s="166">
        <v>0</v>
      </c>
      <c r="CL1068" s="166">
        <v>0</v>
      </c>
      <c r="CM1068" s="166">
        <v>0</v>
      </c>
      <c r="CN1068" s="166">
        <v>0</v>
      </c>
      <c r="CO1068" s="166">
        <v>0</v>
      </c>
      <c r="CP1068" s="166">
        <v>0</v>
      </c>
      <c r="CQ1068" s="166">
        <v>0</v>
      </c>
      <c r="CR1068" s="166">
        <v>0</v>
      </c>
      <c r="CS1068" s="166">
        <v>0</v>
      </c>
      <c r="CT1068" s="166">
        <v>0</v>
      </c>
      <c r="CU1068" s="166">
        <v>0</v>
      </c>
      <c r="CV1068" s="166">
        <v>0</v>
      </c>
      <c r="CW1068" s="166">
        <v>0</v>
      </c>
      <c r="CX1068" s="166">
        <v>0</v>
      </c>
      <c r="CY1068" s="166">
        <v>0</v>
      </c>
      <c r="CZ1068" s="166">
        <v>0</v>
      </c>
    </row>
    <row r="1069" spans="1:104" x14ac:dyDescent="0.2">
      <c r="A1069" s="167" t="s">
        <v>597</v>
      </c>
      <c r="B1069" s="166">
        <v>0</v>
      </c>
      <c r="C1069" s="166">
        <v>0</v>
      </c>
      <c r="D1069" s="166">
        <v>0</v>
      </c>
      <c r="E1069" s="166">
        <v>0</v>
      </c>
      <c r="F1069" s="166">
        <v>0</v>
      </c>
      <c r="G1069" s="166">
        <v>0</v>
      </c>
      <c r="H1069" s="166">
        <v>0</v>
      </c>
      <c r="I1069" s="166">
        <v>0</v>
      </c>
      <c r="J1069" s="166">
        <v>0</v>
      </c>
      <c r="K1069" s="166">
        <v>0</v>
      </c>
      <c r="L1069" s="166">
        <v>0</v>
      </c>
      <c r="M1069" s="166">
        <v>0</v>
      </c>
      <c r="N1069" s="166">
        <v>0</v>
      </c>
      <c r="O1069" s="166">
        <v>0</v>
      </c>
      <c r="P1069" s="166">
        <v>0</v>
      </c>
      <c r="Q1069" s="166">
        <v>0</v>
      </c>
      <c r="R1069" s="166">
        <v>0</v>
      </c>
      <c r="S1069" s="166">
        <v>0</v>
      </c>
      <c r="T1069" s="166">
        <v>0</v>
      </c>
      <c r="U1069" s="166">
        <v>0</v>
      </c>
      <c r="V1069" s="166">
        <v>0</v>
      </c>
      <c r="W1069" s="166">
        <v>0</v>
      </c>
      <c r="X1069" s="166">
        <v>0</v>
      </c>
      <c r="Y1069" s="166">
        <v>0</v>
      </c>
      <c r="Z1069" s="166">
        <v>0</v>
      </c>
      <c r="AA1069" s="166">
        <v>0</v>
      </c>
      <c r="AB1069" s="166">
        <v>0</v>
      </c>
      <c r="AC1069" s="166">
        <v>0</v>
      </c>
      <c r="AD1069" s="166">
        <v>0</v>
      </c>
      <c r="AE1069" s="166">
        <v>0</v>
      </c>
      <c r="AF1069" s="166">
        <v>0</v>
      </c>
      <c r="AG1069" s="166">
        <v>0</v>
      </c>
      <c r="AH1069" s="166">
        <v>0</v>
      </c>
      <c r="AI1069" s="166">
        <v>0</v>
      </c>
      <c r="AJ1069" s="166">
        <v>0</v>
      </c>
      <c r="AK1069" s="166">
        <v>0</v>
      </c>
      <c r="AL1069" s="166">
        <v>0</v>
      </c>
      <c r="AM1069" s="166">
        <v>0</v>
      </c>
      <c r="AN1069" s="166">
        <v>0</v>
      </c>
      <c r="AO1069" s="166">
        <v>0</v>
      </c>
      <c r="AP1069" s="166">
        <v>0</v>
      </c>
      <c r="AQ1069" s="166">
        <v>0</v>
      </c>
      <c r="AR1069" s="166">
        <v>0</v>
      </c>
      <c r="AS1069" s="166">
        <v>0</v>
      </c>
      <c r="AT1069" s="166">
        <v>0</v>
      </c>
      <c r="AU1069" s="166">
        <v>0</v>
      </c>
      <c r="AV1069" s="166">
        <v>0</v>
      </c>
      <c r="AW1069" s="166">
        <v>0</v>
      </c>
      <c r="AX1069" s="166">
        <v>0</v>
      </c>
      <c r="AY1069" s="166">
        <v>0</v>
      </c>
      <c r="AZ1069" s="166">
        <v>0</v>
      </c>
      <c r="BA1069" s="166">
        <v>0</v>
      </c>
      <c r="BB1069" s="166">
        <v>0</v>
      </c>
      <c r="BC1069" s="166">
        <v>0</v>
      </c>
      <c r="BD1069" s="166">
        <v>0</v>
      </c>
      <c r="BE1069" s="166">
        <v>0</v>
      </c>
      <c r="BF1069" s="166">
        <v>0</v>
      </c>
      <c r="BG1069" s="166">
        <v>0</v>
      </c>
      <c r="BH1069" s="166">
        <v>0</v>
      </c>
      <c r="BI1069" s="166">
        <v>0</v>
      </c>
      <c r="BJ1069" s="166">
        <v>0</v>
      </c>
      <c r="BK1069" s="166">
        <v>0</v>
      </c>
      <c r="BL1069" s="166">
        <v>0</v>
      </c>
      <c r="BM1069" s="166">
        <v>0</v>
      </c>
      <c r="BN1069" s="166">
        <v>0</v>
      </c>
      <c r="BO1069" s="166">
        <v>0</v>
      </c>
      <c r="BP1069" s="166">
        <v>0</v>
      </c>
      <c r="BQ1069" s="166">
        <v>0</v>
      </c>
      <c r="BR1069" s="166">
        <v>0</v>
      </c>
      <c r="BS1069" s="166">
        <v>0</v>
      </c>
      <c r="BT1069" s="168">
        <v>0</v>
      </c>
      <c r="BU1069" s="166">
        <v>0</v>
      </c>
      <c r="BV1069" s="166">
        <v>0</v>
      </c>
      <c r="BW1069" s="166">
        <v>0</v>
      </c>
      <c r="BX1069" s="166">
        <v>0</v>
      </c>
      <c r="BY1069" s="166">
        <v>0</v>
      </c>
      <c r="BZ1069" s="166">
        <v>0</v>
      </c>
      <c r="CA1069" s="166">
        <v>0</v>
      </c>
      <c r="CB1069" s="166">
        <v>0</v>
      </c>
      <c r="CC1069" s="166">
        <v>0</v>
      </c>
      <c r="CD1069" s="166">
        <v>0</v>
      </c>
      <c r="CE1069" s="166">
        <v>0</v>
      </c>
      <c r="CF1069" s="166">
        <v>0</v>
      </c>
      <c r="CG1069" s="166">
        <v>0</v>
      </c>
      <c r="CH1069" s="166">
        <v>0</v>
      </c>
      <c r="CI1069" s="166">
        <v>0</v>
      </c>
      <c r="CJ1069" s="166">
        <v>0</v>
      </c>
      <c r="CK1069" s="166">
        <v>0</v>
      </c>
      <c r="CL1069" s="166">
        <v>0</v>
      </c>
      <c r="CM1069" s="166">
        <v>0</v>
      </c>
      <c r="CN1069" s="166">
        <v>0</v>
      </c>
      <c r="CO1069" s="166">
        <v>0</v>
      </c>
      <c r="CP1069" s="166">
        <v>0</v>
      </c>
      <c r="CQ1069" s="166">
        <v>0</v>
      </c>
      <c r="CR1069" s="166">
        <v>0</v>
      </c>
      <c r="CS1069" s="166">
        <v>0</v>
      </c>
      <c r="CT1069" s="166">
        <v>0</v>
      </c>
      <c r="CU1069" s="166">
        <v>0</v>
      </c>
      <c r="CV1069" s="166">
        <v>0</v>
      </c>
      <c r="CW1069" s="166">
        <v>0</v>
      </c>
      <c r="CX1069" s="166">
        <v>0</v>
      </c>
      <c r="CY1069" s="166">
        <v>0</v>
      </c>
      <c r="CZ1069" s="166">
        <v>0</v>
      </c>
    </row>
    <row r="1070" spans="1:104" x14ac:dyDescent="0.2">
      <c r="A1070" s="167" t="s">
        <v>598</v>
      </c>
      <c r="B1070" s="166">
        <v>0</v>
      </c>
      <c r="C1070" s="166">
        <v>0</v>
      </c>
      <c r="D1070" s="166">
        <v>0</v>
      </c>
      <c r="E1070" s="166">
        <v>0</v>
      </c>
      <c r="F1070" s="166">
        <v>0</v>
      </c>
      <c r="G1070" s="166">
        <v>0</v>
      </c>
      <c r="H1070" s="166">
        <v>0</v>
      </c>
      <c r="I1070" s="166">
        <v>0</v>
      </c>
      <c r="J1070" s="166">
        <v>0</v>
      </c>
      <c r="K1070" s="166">
        <v>0</v>
      </c>
      <c r="L1070" s="166">
        <v>0</v>
      </c>
      <c r="M1070" s="166">
        <v>0</v>
      </c>
      <c r="N1070" s="166">
        <v>0</v>
      </c>
      <c r="O1070" s="166">
        <v>0</v>
      </c>
      <c r="P1070" s="166">
        <v>0</v>
      </c>
      <c r="Q1070" s="166">
        <v>0</v>
      </c>
      <c r="R1070" s="166">
        <v>0</v>
      </c>
      <c r="S1070" s="166">
        <v>0</v>
      </c>
      <c r="T1070" s="166">
        <v>0</v>
      </c>
      <c r="U1070" s="166">
        <v>0</v>
      </c>
      <c r="V1070" s="166">
        <v>0</v>
      </c>
      <c r="W1070" s="166">
        <v>0</v>
      </c>
      <c r="X1070" s="166">
        <v>0</v>
      </c>
      <c r="Y1070" s="166">
        <v>0</v>
      </c>
      <c r="Z1070" s="166">
        <v>0</v>
      </c>
      <c r="AA1070" s="166">
        <v>0</v>
      </c>
      <c r="AB1070" s="166">
        <v>0</v>
      </c>
      <c r="AC1070" s="166">
        <v>0</v>
      </c>
      <c r="AD1070" s="166">
        <v>0</v>
      </c>
      <c r="AE1070" s="166">
        <v>0</v>
      </c>
      <c r="AF1070" s="166">
        <v>0</v>
      </c>
      <c r="AG1070" s="166">
        <v>0</v>
      </c>
      <c r="AH1070" s="166">
        <v>0</v>
      </c>
      <c r="AI1070" s="166">
        <v>0</v>
      </c>
      <c r="AJ1070" s="166">
        <v>0</v>
      </c>
      <c r="AK1070" s="166">
        <v>0</v>
      </c>
      <c r="AL1070" s="166">
        <v>0</v>
      </c>
      <c r="AM1070" s="166">
        <v>0</v>
      </c>
      <c r="AN1070" s="166">
        <v>0</v>
      </c>
      <c r="AO1070" s="166">
        <v>0</v>
      </c>
      <c r="AP1070" s="166">
        <v>0</v>
      </c>
      <c r="AQ1070" s="166">
        <v>0</v>
      </c>
      <c r="AR1070" s="166">
        <v>0</v>
      </c>
      <c r="AS1070" s="166">
        <v>0</v>
      </c>
      <c r="AT1070" s="166">
        <v>0</v>
      </c>
      <c r="AU1070" s="166">
        <v>0</v>
      </c>
      <c r="AV1070" s="166">
        <v>0</v>
      </c>
      <c r="AW1070" s="166">
        <v>0</v>
      </c>
      <c r="AX1070" s="166">
        <v>0</v>
      </c>
      <c r="AY1070" s="166">
        <v>0</v>
      </c>
      <c r="AZ1070" s="166">
        <v>0</v>
      </c>
      <c r="BA1070" s="166">
        <v>0</v>
      </c>
      <c r="BB1070" s="166">
        <v>0</v>
      </c>
      <c r="BC1070" s="166">
        <v>0</v>
      </c>
      <c r="BD1070" s="166">
        <v>0</v>
      </c>
      <c r="BE1070" s="166">
        <v>0</v>
      </c>
      <c r="BF1070" s="166">
        <v>0</v>
      </c>
      <c r="BG1070" s="166">
        <v>0</v>
      </c>
      <c r="BH1070" s="166">
        <v>0</v>
      </c>
      <c r="BI1070" s="166">
        <v>0</v>
      </c>
      <c r="BJ1070" s="166">
        <v>0</v>
      </c>
      <c r="BK1070" s="166">
        <v>0</v>
      </c>
      <c r="BL1070" s="166">
        <v>0</v>
      </c>
      <c r="BM1070" s="166">
        <v>0</v>
      </c>
      <c r="BN1070" s="166">
        <v>0</v>
      </c>
      <c r="BO1070" s="166">
        <v>0</v>
      </c>
      <c r="BP1070" s="166">
        <v>0</v>
      </c>
      <c r="BQ1070" s="166">
        <v>0</v>
      </c>
      <c r="BR1070" s="166">
        <v>0</v>
      </c>
      <c r="BS1070" s="166">
        <v>0</v>
      </c>
      <c r="BT1070" s="168">
        <v>0</v>
      </c>
      <c r="BU1070" s="166">
        <v>0</v>
      </c>
      <c r="BV1070" s="166">
        <v>0</v>
      </c>
      <c r="BW1070" s="166">
        <v>0</v>
      </c>
      <c r="BX1070" s="166">
        <v>0</v>
      </c>
      <c r="BY1070" s="166">
        <v>0</v>
      </c>
      <c r="BZ1070" s="166">
        <v>0</v>
      </c>
      <c r="CA1070" s="166">
        <v>0</v>
      </c>
      <c r="CB1070" s="166">
        <v>0</v>
      </c>
      <c r="CC1070" s="166">
        <v>0</v>
      </c>
      <c r="CD1070" s="166">
        <v>0</v>
      </c>
      <c r="CE1070" s="166">
        <v>0</v>
      </c>
      <c r="CF1070" s="166">
        <v>0</v>
      </c>
      <c r="CG1070" s="166">
        <v>0</v>
      </c>
      <c r="CH1070" s="166">
        <v>0</v>
      </c>
      <c r="CI1070" s="166">
        <v>0</v>
      </c>
      <c r="CJ1070" s="166">
        <v>0</v>
      </c>
      <c r="CK1070" s="166">
        <v>0</v>
      </c>
      <c r="CL1070" s="166">
        <v>0</v>
      </c>
      <c r="CM1070" s="166">
        <v>0</v>
      </c>
      <c r="CN1070" s="166">
        <v>0</v>
      </c>
      <c r="CO1070" s="166">
        <v>0</v>
      </c>
      <c r="CP1070" s="166">
        <v>0</v>
      </c>
      <c r="CQ1070" s="166">
        <v>0</v>
      </c>
      <c r="CR1070" s="166">
        <v>0</v>
      </c>
      <c r="CS1070" s="166">
        <v>0</v>
      </c>
      <c r="CT1070" s="166">
        <v>0</v>
      </c>
      <c r="CU1070" s="166">
        <v>0</v>
      </c>
      <c r="CV1070" s="166">
        <v>0</v>
      </c>
      <c r="CW1070" s="166">
        <v>0</v>
      </c>
      <c r="CX1070" s="166">
        <v>0</v>
      </c>
      <c r="CY1070" s="166">
        <v>0</v>
      </c>
      <c r="CZ1070" s="166">
        <v>0</v>
      </c>
    </row>
    <row r="1071" spans="1:104" x14ac:dyDescent="0.2">
      <c r="A1071" s="167" t="s">
        <v>599</v>
      </c>
      <c r="B1071" s="166">
        <v>0</v>
      </c>
      <c r="C1071" s="166">
        <v>0</v>
      </c>
      <c r="D1071" s="166">
        <v>0</v>
      </c>
      <c r="E1071" s="166">
        <v>0</v>
      </c>
      <c r="F1071" s="166">
        <v>0</v>
      </c>
      <c r="G1071" s="166">
        <v>0</v>
      </c>
      <c r="H1071" s="166">
        <v>0</v>
      </c>
      <c r="I1071" s="166">
        <v>0</v>
      </c>
      <c r="J1071" s="166">
        <v>0</v>
      </c>
      <c r="K1071" s="166">
        <v>0</v>
      </c>
      <c r="L1071" s="166">
        <v>0</v>
      </c>
      <c r="M1071" s="166">
        <v>0</v>
      </c>
      <c r="N1071" s="166">
        <v>0</v>
      </c>
      <c r="O1071" s="166">
        <v>0</v>
      </c>
      <c r="P1071" s="166">
        <v>0</v>
      </c>
      <c r="Q1071" s="166">
        <v>0</v>
      </c>
      <c r="R1071" s="166">
        <v>0</v>
      </c>
      <c r="S1071" s="166">
        <v>0</v>
      </c>
      <c r="T1071" s="166">
        <v>0</v>
      </c>
      <c r="U1071" s="166">
        <v>0</v>
      </c>
      <c r="V1071" s="166">
        <v>0</v>
      </c>
      <c r="W1071" s="166">
        <v>0</v>
      </c>
      <c r="X1071" s="166">
        <v>0</v>
      </c>
      <c r="Y1071" s="166">
        <v>0</v>
      </c>
      <c r="Z1071" s="166">
        <v>0</v>
      </c>
      <c r="AA1071" s="166">
        <v>0</v>
      </c>
      <c r="AB1071" s="166">
        <v>0</v>
      </c>
      <c r="AC1071" s="166">
        <v>0</v>
      </c>
      <c r="AD1071" s="166">
        <v>0</v>
      </c>
      <c r="AE1071" s="166">
        <v>0</v>
      </c>
      <c r="AF1071" s="166">
        <v>0</v>
      </c>
      <c r="AG1071" s="166">
        <v>0</v>
      </c>
      <c r="AH1071" s="166">
        <v>0</v>
      </c>
      <c r="AI1071" s="166">
        <v>0</v>
      </c>
      <c r="AJ1071" s="166">
        <v>0</v>
      </c>
      <c r="AK1071" s="166">
        <v>0</v>
      </c>
      <c r="AL1071" s="166">
        <v>0</v>
      </c>
      <c r="AM1071" s="166">
        <v>0</v>
      </c>
      <c r="AN1071" s="166">
        <v>0</v>
      </c>
      <c r="AO1071" s="166">
        <v>0</v>
      </c>
      <c r="AP1071" s="166">
        <v>0</v>
      </c>
      <c r="AQ1071" s="166">
        <v>0</v>
      </c>
      <c r="AR1071" s="166">
        <v>0</v>
      </c>
      <c r="AS1071" s="166">
        <v>0</v>
      </c>
      <c r="AT1071" s="166">
        <v>0</v>
      </c>
      <c r="AU1071" s="166">
        <v>0</v>
      </c>
      <c r="AV1071" s="166">
        <v>0</v>
      </c>
      <c r="AW1071" s="166">
        <v>0</v>
      </c>
      <c r="AX1071" s="166">
        <v>0</v>
      </c>
      <c r="AY1071" s="166">
        <v>0</v>
      </c>
      <c r="AZ1071" s="166">
        <v>0</v>
      </c>
      <c r="BA1071" s="166">
        <v>0</v>
      </c>
      <c r="BB1071" s="166">
        <v>0</v>
      </c>
      <c r="BC1071" s="166">
        <v>0</v>
      </c>
      <c r="BD1071" s="166">
        <v>0</v>
      </c>
      <c r="BE1071" s="166">
        <v>0</v>
      </c>
      <c r="BF1071" s="166">
        <v>0</v>
      </c>
      <c r="BG1071" s="166">
        <v>0</v>
      </c>
      <c r="BH1071" s="166">
        <v>0</v>
      </c>
      <c r="BI1071" s="166">
        <v>0</v>
      </c>
      <c r="BJ1071" s="166">
        <v>0</v>
      </c>
      <c r="BK1071" s="166">
        <v>0</v>
      </c>
      <c r="BL1071" s="166">
        <v>0</v>
      </c>
      <c r="BM1071" s="166">
        <v>0</v>
      </c>
      <c r="BN1071" s="166">
        <v>0</v>
      </c>
      <c r="BO1071" s="166">
        <v>0</v>
      </c>
      <c r="BP1071" s="166">
        <v>0</v>
      </c>
      <c r="BQ1071" s="166">
        <v>0</v>
      </c>
      <c r="BR1071" s="166">
        <v>0</v>
      </c>
      <c r="BS1071" s="166">
        <v>0</v>
      </c>
      <c r="BT1071" s="168">
        <v>0</v>
      </c>
      <c r="BU1071" s="166">
        <v>0</v>
      </c>
      <c r="BV1071" s="166">
        <v>0</v>
      </c>
      <c r="BW1071" s="166">
        <v>0</v>
      </c>
      <c r="BX1071" s="166">
        <v>0</v>
      </c>
      <c r="BY1071" s="166">
        <v>0</v>
      </c>
      <c r="BZ1071" s="166">
        <v>0</v>
      </c>
      <c r="CA1071" s="166">
        <v>0</v>
      </c>
      <c r="CB1071" s="166">
        <v>0</v>
      </c>
      <c r="CC1071" s="166">
        <v>0</v>
      </c>
      <c r="CD1071" s="166">
        <v>0</v>
      </c>
      <c r="CE1071" s="166">
        <v>0</v>
      </c>
      <c r="CF1071" s="166">
        <v>0</v>
      </c>
      <c r="CG1071" s="166">
        <v>0</v>
      </c>
      <c r="CH1071" s="166">
        <v>0</v>
      </c>
      <c r="CI1071" s="166">
        <v>0</v>
      </c>
      <c r="CJ1071" s="166">
        <v>0</v>
      </c>
      <c r="CK1071" s="166">
        <v>0</v>
      </c>
      <c r="CL1071" s="166">
        <v>0</v>
      </c>
      <c r="CM1071" s="166">
        <v>0</v>
      </c>
      <c r="CN1071" s="166">
        <v>0</v>
      </c>
      <c r="CO1071" s="166">
        <v>0</v>
      </c>
      <c r="CP1071" s="166">
        <v>0</v>
      </c>
      <c r="CQ1071" s="166">
        <v>0</v>
      </c>
      <c r="CR1071" s="166">
        <v>0</v>
      </c>
      <c r="CS1071" s="166">
        <v>0</v>
      </c>
      <c r="CT1071" s="166">
        <v>0</v>
      </c>
      <c r="CU1071" s="166">
        <v>0</v>
      </c>
      <c r="CV1071" s="166">
        <v>0</v>
      </c>
      <c r="CW1071" s="166">
        <v>0</v>
      </c>
      <c r="CX1071" s="166">
        <v>0</v>
      </c>
      <c r="CY1071" s="166">
        <v>0</v>
      </c>
      <c r="CZ1071" s="166">
        <v>0</v>
      </c>
    </row>
    <row r="1072" spans="1:104" x14ac:dyDescent="0.2">
      <c r="A1072" s="167" t="s">
        <v>600</v>
      </c>
      <c r="B1072" s="166">
        <v>0</v>
      </c>
      <c r="C1072" s="166">
        <v>0</v>
      </c>
      <c r="D1072" s="166">
        <v>0</v>
      </c>
      <c r="E1072" s="166">
        <v>0</v>
      </c>
      <c r="F1072" s="166">
        <v>0</v>
      </c>
      <c r="G1072" s="166">
        <v>0</v>
      </c>
      <c r="H1072" s="166">
        <v>0</v>
      </c>
      <c r="I1072" s="166">
        <v>0</v>
      </c>
      <c r="J1072" s="166">
        <v>0</v>
      </c>
      <c r="K1072" s="166">
        <v>0</v>
      </c>
      <c r="L1072" s="166">
        <v>0</v>
      </c>
      <c r="M1072" s="166">
        <v>0</v>
      </c>
      <c r="N1072" s="166">
        <v>0</v>
      </c>
      <c r="O1072" s="166">
        <v>0</v>
      </c>
      <c r="P1072" s="166">
        <v>0</v>
      </c>
      <c r="Q1072" s="166">
        <v>0</v>
      </c>
      <c r="R1072" s="166">
        <v>0</v>
      </c>
      <c r="S1072" s="166">
        <v>0</v>
      </c>
      <c r="T1072" s="166">
        <v>0</v>
      </c>
      <c r="U1072" s="166">
        <v>0</v>
      </c>
      <c r="V1072" s="166">
        <v>0</v>
      </c>
      <c r="W1072" s="166">
        <v>0</v>
      </c>
      <c r="X1072" s="166">
        <v>0</v>
      </c>
      <c r="Y1072" s="166">
        <v>0</v>
      </c>
      <c r="Z1072" s="166">
        <v>0</v>
      </c>
      <c r="AA1072" s="166">
        <v>0</v>
      </c>
      <c r="AB1072" s="166">
        <v>0</v>
      </c>
      <c r="AC1072" s="166">
        <v>0</v>
      </c>
      <c r="AD1072" s="166">
        <v>0</v>
      </c>
      <c r="AE1072" s="166">
        <v>0</v>
      </c>
      <c r="AF1072" s="166">
        <v>0</v>
      </c>
      <c r="AG1072" s="166">
        <v>0</v>
      </c>
      <c r="AH1072" s="166">
        <v>0</v>
      </c>
      <c r="AI1072" s="166">
        <v>0</v>
      </c>
      <c r="AJ1072" s="166">
        <v>0</v>
      </c>
      <c r="AK1072" s="166">
        <v>0</v>
      </c>
      <c r="AL1072" s="166">
        <v>0</v>
      </c>
      <c r="AM1072" s="166">
        <v>0</v>
      </c>
      <c r="AN1072" s="166">
        <v>0</v>
      </c>
      <c r="AO1072" s="166">
        <v>0</v>
      </c>
      <c r="AP1072" s="166">
        <v>0</v>
      </c>
      <c r="AQ1072" s="166">
        <v>0</v>
      </c>
      <c r="AR1072" s="166">
        <v>0</v>
      </c>
      <c r="AS1072" s="166">
        <v>0</v>
      </c>
      <c r="AT1072" s="166">
        <v>0</v>
      </c>
      <c r="AU1072" s="166">
        <v>0</v>
      </c>
      <c r="AV1072" s="166">
        <v>0</v>
      </c>
      <c r="AW1072" s="166">
        <v>0</v>
      </c>
      <c r="AX1072" s="166">
        <v>0</v>
      </c>
      <c r="AY1072" s="166">
        <v>0</v>
      </c>
      <c r="AZ1072" s="166">
        <v>0</v>
      </c>
      <c r="BA1072" s="166">
        <v>0</v>
      </c>
      <c r="BB1072" s="166">
        <v>0</v>
      </c>
      <c r="BC1072" s="166">
        <v>0</v>
      </c>
      <c r="BD1072" s="166">
        <v>0</v>
      </c>
      <c r="BE1072" s="166">
        <v>0</v>
      </c>
      <c r="BF1072" s="166">
        <v>0</v>
      </c>
      <c r="BG1072" s="166">
        <v>0</v>
      </c>
      <c r="BH1072" s="166">
        <v>0</v>
      </c>
      <c r="BI1072" s="166">
        <v>0</v>
      </c>
      <c r="BJ1072" s="166">
        <v>0</v>
      </c>
      <c r="BK1072" s="166">
        <v>0</v>
      </c>
      <c r="BL1072" s="166">
        <v>0</v>
      </c>
      <c r="BM1072" s="166">
        <v>0</v>
      </c>
      <c r="BN1072" s="166">
        <v>0</v>
      </c>
      <c r="BO1072" s="166">
        <v>0</v>
      </c>
      <c r="BP1072" s="166">
        <v>0</v>
      </c>
      <c r="BQ1072" s="166">
        <v>0</v>
      </c>
      <c r="BR1072" s="166">
        <v>0</v>
      </c>
      <c r="BS1072" s="166">
        <v>0</v>
      </c>
      <c r="BT1072" s="168">
        <v>0</v>
      </c>
      <c r="BU1072" s="166">
        <v>0</v>
      </c>
      <c r="BV1072" s="166">
        <v>0</v>
      </c>
      <c r="BW1072" s="166">
        <v>0</v>
      </c>
      <c r="BX1072" s="166">
        <v>0</v>
      </c>
      <c r="BY1072" s="166">
        <v>0</v>
      </c>
      <c r="BZ1072" s="166">
        <v>0</v>
      </c>
      <c r="CA1072" s="166">
        <v>0</v>
      </c>
      <c r="CB1072" s="166">
        <v>0</v>
      </c>
      <c r="CC1072" s="166">
        <v>0</v>
      </c>
      <c r="CD1072" s="166">
        <v>0</v>
      </c>
      <c r="CE1072" s="166">
        <v>0</v>
      </c>
      <c r="CF1072" s="166">
        <v>0</v>
      </c>
      <c r="CG1072" s="166">
        <v>0</v>
      </c>
      <c r="CH1072" s="166">
        <v>0</v>
      </c>
      <c r="CI1072" s="166">
        <v>0</v>
      </c>
      <c r="CJ1072" s="166">
        <v>0</v>
      </c>
      <c r="CK1072" s="166">
        <v>0</v>
      </c>
      <c r="CL1072" s="166">
        <v>0</v>
      </c>
      <c r="CM1072" s="166">
        <v>0</v>
      </c>
      <c r="CN1072" s="166">
        <v>0</v>
      </c>
      <c r="CO1072" s="166">
        <v>0</v>
      </c>
      <c r="CP1072" s="166">
        <v>0</v>
      </c>
      <c r="CQ1072" s="166">
        <v>0</v>
      </c>
      <c r="CR1072" s="166">
        <v>0</v>
      </c>
      <c r="CS1072" s="166">
        <v>0</v>
      </c>
      <c r="CT1072" s="166">
        <v>0</v>
      </c>
      <c r="CU1072" s="166">
        <v>0</v>
      </c>
      <c r="CV1072" s="166">
        <v>0</v>
      </c>
      <c r="CW1072" s="166">
        <v>0</v>
      </c>
      <c r="CX1072" s="166">
        <v>0</v>
      </c>
      <c r="CY1072" s="166">
        <v>0</v>
      </c>
      <c r="CZ1072" s="166">
        <v>0</v>
      </c>
    </row>
    <row r="1073" spans="1:104" x14ac:dyDescent="0.2">
      <c r="A1073" s="167" t="s">
        <v>601</v>
      </c>
      <c r="B1073" s="166">
        <v>0</v>
      </c>
      <c r="C1073" s="166">
        <v>0</v>
      </c>
      <c r="D1073" s="166">
        <v>0</v>
      </c>
      <c r="E1073" s="166">
        <v>0</v>
      </c>
      <c r="F1073" s="166">
        <v>0</v>
      </c>
      <c r="G1073" s="166">
        <v>0</v>
      </c>
      <c r="H1073" s="166">
        <v>0</v>
      </c>
      <c r="I1073" s="166">
        <v>0</v>
      </c>
      <c r="J1073" s="166">
        <v>0</v>
      </c>
      <c r="K1073" s="166">
        <v>0</v>
      </c>
      <c r="L1073" s="166">
        <v>0</v>
      </c>
      <c r="M1073" s="166">
        <v>0</v>
      </c>
      <c r="N1073" s="166">
        <v>0</v>
      </c>
      <c r="O1073" s="166">
        <v>0</v>
      </c>
      <c r="P1073" s="166">
        <v>0</v>
      </c>
      <c r="Q1073" s="166">
        <v>0</v>
      </c>
      <c r="R1073" s="166">
        <v>0</v>
      </c>
      <c r="S1073" s="166">
        <v>0</v>
      </c>
      <c r="T1073" s="166">
        <v>0</v>
      </c>
      <c r="U1073" s="166">
        <v>0</v>
      </c>
      <c r="V1073" s="166">
        <v>0</v>
      </c>
      <c r="W1073" s="166">
        <v>0</v>
      </c>
      <c r="X1073" s="166">
        <v>0</v>
      </c>
      <c r="Y1073" s="166">
        <v>0</v>
      </c>
      <c r="Z1073" s="166">
        <v>0</v>
      </c>
      <c r="AA1073" s="166">
        <v>0</v>
      </c>
      <c r="AB1073" s="166">
        <v>0</v>
      </c>
      <c r="AC1073" s="166">
        <v>0</v>
      </c>
      <c r="AD1073" s="166">
        <v>0</v>
      </c>
      <c r="AE1073" s="166">
        <v>0</v>
      </c>
      <c r="AF1073" s="166">
        <v>0</v>
      </c>
      <c r="AG1073" s="166">
        <v>0</v>
      </c>
      <c r="AH1073" s="166">
        <v>0</v>
      </c>
      <c r="AI1073" s="166">
        <v>0</v>
      </c>
      <c r="AJ1073" s="166">
        <v>0</v>
      </c>
      <c r="AK1073" s="166">
        <v>0</v>
      </c>
      <c r="AL1073" s="166">
        <v>0</v>
      </c>
      <c r="AM1073" s="166">
        <v>0</v>
      </c>
      <c r="AN1073" s="166">
        <v>0</v>
      </c>
      <c r="AO1073" s="166">
        <v>0</v>
      </c>
      <c r="AP1073" s="166">
        <v>0</v>
      </c>
      <c r="AQ1073" s="166">
        <v>0</v>
      </c>
      <c r="AR1073" s="166">
        <v>0</v>
      </c>
      <c r="AS1073" s="166">
        <v>0</v>
      </c>
      <c r="AT1073" s="166">
        <v>0</v>
      </c>
      <c r="AU1073" s="166">
        <v>0</v>
      </c>
      <c r="AV1073" s="166">
        <v>0</v>
      </c>
      <c r="AW1073" s="166">
        <v>0</v>
      </c>
      <c r="AX1073" s="166">
        <v>0</v>
      </c>
      <c r="AY1073" s="166">
        <v>0</v>
      </c>
      <c r="AZ1073" s="166">
        <v>0</v>
      </c>
      <c r="BA1073" s="166">
        <v>0</v>
      </c>
      <c r="BB1073" s="166">
        <v>0</v>
      </c>
      <c r="BC1073" s="166">
        <v>0</v>
      </c>
      <c r="BD1073" s="166">
        <v>0</v>
      </c>
      <c r="BE1073" s="166">
        <v>0</v>
      </c>
      <c r="BF1073" s="166">
        <v>0</v>
      </c>
      <c r="BG1073" s="166">
        <v>0</v>
      </c>
      <c r="BH1073" s="166">
        <v>0</v>
      </c>
      <c r="BI1073" s="166">
        <v>0</v>
      </c>
      <c r="BJ1073" s="166">
        <v>0</v>
      </c>
      <c r="BK1073" s="166">
        <v>0</v>
      </c>
      <c r="BL1073" s="166">
        <v>0</v>
      </c>
      <c r="BM1073" s="166">
        <v>0</v>
      </c>
      <c r="BN1073" s="166">
        <v>0</v>
      </c>
      <c r="BO1073" s="166">
        <v>0</v>
      </c>
      <c r="BP1073" s="166">
        <v>0</v>
      </c>
      <c r="BQ1073" s="166">
        <v>0</v>
      </c>
      <c r="BR1073" s="166">
        <v>0</v>
      </c>
      <c r="BS1073" s="166">
        <v>0</v>
      </c>
      <c r="BT1073" s="168">
        <v>0</v>
      </c>
      <c r="BU1073" s="166">
        <v>0</v>
      </c>
      <c r="BV1073" s="166">
        <v>0</v>
      </c>
      <c r="BW1073" s="166">
        <v>0</v>
      </c>
      <c r="BX1073" s="166">
        <v>0</v>
      </c>
      <c r="BY1073" s="166">
        <v>0</v>
      </c>
      <c r="BZ1073" s="166">
        <v>0</v>
      </c>
      <c r="CA1073" s="166">
        <v>0</v>
      </c>
      <c r="CB1073" s="166">
        <v>0</v>
      </c>
      <c r="CC1073" s="166">
        <v>0</v>
      </c>
      <c r="CD1073" s="166">
        <v>0</v>
      </c>
      <c r="CE1073" s="166">
        <v>0</v>
      </c>
      <c r="CF1073" s="166">
        <v>0</v>
      </c>
      <c r="CG1073" s="166">
        <v>0</v>
      </c>
      <c r="CH1073" s="166">
        <v>0</v>
      </c>
      <c r="CI1073" s="166">
        <v>0</v>
      </c>
      <c r="CJ1073" s="166">
        <v>0</v>
      </c>
      <c r="CK1073" s="166">
        <v>0</v>
      </c>
      <c r="CL1073" s="166">
        <v>0</v>
      </c>
      <c r="CM1073" s="166">
        <v>0</v>
      </c>
      <c r="CN1073" s="166">
        <v>0</v>
      </c>
      <c r="CO1073" s="166">
        <v>0</v>
      </c>
      <c r="CP1073" s="166">
        <v>0</v>
      </c>
      <c r="CQ1073" s="166">
        <v>0</v>
      </c>
      <c r="CR1073" s="166">
        <v>0</v>
      </c>
      <c r="CS1073" s="166">
        <v>0</v>
      </c>
      <c r="CT1073" s="166">
        <v>0</v>
      </c>
      <c r="CU1073" s="166">
        <v>0</v>
      </c>
      <c r="CV1073" s="166">
        <v>0</v>
      </c>
      <c r="CW1073" s="166">
        <v>0</v>
      </c>
      <c r="CX1073" s="166">
        <v>0</v>
      </c>
      <c r="CY1073" s="166">
        <v>0</v>
      </c>
      <c r="CZ1073" s="166">
        <v>0</v>
      </c>
    </row>
    <row r="1074" spans="1:104" x14ac:dyDescent="0.2">
      <c r="A1074" s="177" t="s">
        <v>602</v>
      </c>
      <c r="B1074" s="166">
        <v>198348182.30399999</v>
      </c>
      <c r="C1074" s="166">
        <v>198348182.30399999</v>
      </c>
      <c r="D1074" s="166">
        <v>0</v>
      </c>
      <c r="E1074" s="166">
        <v>0</v>
      </c>
      <c r="F1074" s="166">
        <v>0</v>
      </c>
      <c r="G1074" s="166">
        <v>0</v>
      </c>
      <c r="H1074" s="166">
        <v>0</v>
      </c>
      <c r="I1074" s="166">
        <v>0</v>
      </c>
      <c r="J1074" s="166">
        <v>0</v>
      </c>
      <c r="K1074" s="166">
        <v>0</v>
      </c>
      <c r="L1074" s="166">
        <v>0</v>
      </c>
      <c r="M1074" s="166">
        <v>0</v>
      </c>
      <c r="N1074" s="166">
        <v>0</v>
      </c>
      <c r="O1074" s="166">
        <v>0</v>
      </c>
      <c r="P1074" s="166">
        <v>0</v>
      </c>
      <c r="Q1074" s="166">
        <v>0</v>
      </c>
      <c r="R1074" s="166">
        <v>0</v>
      </c>
      <c r="S1074" s="166">
        <v>0</v>
      </c>
      <c r="T1074" s="166">
        <v>0</v>
      </c>
      <c r="U1074" s="166">
        <v>0</v>
      </c>
      <c r="V1074" s="166">
        <v>0</v>
      </c>
      <c r="W1074" s="166">
        <v>0</v>
      </c>
      <c r="X1074" s="166">
        <v>0</v>
      </c>
      <c r="Y1074" s="166">
        <v>0</v>
      </c>
      <c r="Z1074" s="166">
        <v>0</v>
      </c>
      <c r="AA1074" s="166">
        <v>0</v>
      </c>
      <c r="AB1074" s="166">
        <v>0</v>
      </c>
      <c r="AC1074" s="166">
        <v>0</v>
      </c>
      <c r="AD1074" s="166">
        <v>0</v>
      </c>
      <c r="AE1074" s="166">
        <v>0</v>
      </c>
      <c r="AF1074" s="166">
        <v>0</v>
      </c>
      <c r="AG1074" s="166">
        <v>0</v>
      </c>
      <c r="AH1074" s="166">
        <v>0</v>
      </c>
      <c r="AI1074" s="166">
        <v>0</v>
      </c>
      <c r="AJ1074" s="166">
        <v>0</v>
      </c>
      <c r="AK1074" s="166">
        <v>0</v>
      </c>
      <c r="AL1074" s="166">
        <v>0</v>
      </c>
      <c r="AM1074" s="166">
        <v>0</v>
      </c>
      <c r="AN1074" s="166">
        <v>0</v>
      </c>
      <c r="AO1074" s="166">
        <v>0</v>
      </c>
      <c r="AP1074" s="166">
        <v>0</v>
      </c>
      <c r="AQ1074" s="166">
        <v>0</v>
      </c>
      <c r="AR1074" s="166">
        <v>0</v>
      </c>
      <c r="AS1074" s="166">
        <v>0</v>
      </c>
      <c r="AT1074" s="166">
        <v>0</v>
      </c>
      <c r="AU1074" s="166">
        <v>0</v>
      </c>
      <c r="AV1074" s="166">
        <v>0</v>
      </c>
      <c r="AW1074" s="166">
        <v>0</v>
      </c>
      <c r="AX1074" s="166">
        <v>0</v>
      </c>
      <c r="AY1074" s="166">
        <v>0</v>
      </c>
      <c r="AZ1074" s="166">
        <v>0</v>
      </c>
      <c r="BA1074" s="166">
        <v>0</v>
      </c>
      <c r="BB1074" s="166">
        <v>0</v>
      </c>
      <c r="BC1074" s="166">
        <v>0</v>
      </c>
      <c r="BD1074" s="166">
        <v>0</v>
      </c>
      <c r="BE1074" s="166">
        <v>0</v>
      </c>
      <c r="BF1074" s="166">
        <v>0</v>
      </c>
      <c r="BG1074" s="166">
        <v>0</v>
      </c>
      <c r="BH1074" s="166">
        <v>0</v>
      </c>
      <c r="BI1074" s="166">
        <v>0</v>
      </c>
      <c r="BJ1074" s="166">
        <v>0</v>
      </c>
      <c r="BK1074" s="166">
        <v>0</v>
      </c>
      <c r="BL1074" s="166">
        <v>0</v>
      </c>
      <c r="BM1074" s="166">
        <v>0</v>
      </c>
      <c r="BN1074" s="166">
        <v>0</v>
      </c>
      <c r="BO1074" s="166">
        <v>0</v>
      </c>
      <c r="BP1074" s="166">
        <v>0</v>
      </c>
      <c r="BQ1074" s="166">
        <v>0</v>
      </c>
      <c r="BR1074" s="166">
        <v>198348182.30399999</v>
      </c>
      <c r="BS1074" s="166">
        <v>198348182.30399999</v>
      </c>
      <c r="BT1074" s="168">
        <v>0</v>
      </c>
      <c r="BU1074" s="166">
        <v>0</v>
      </c>
      <c r="BV1074" s="166">
        <v>0</v>
      </c>
      <c r="BW1074" s="166">
        <v>0</v>
      </c>
      <c r="BX1074" s="166">
        <v>0</v>
      </c>
      <c r="BY1074" s="166">
        <v>0</v>
      </c>
      <c r="BZ1074" s="166">
        <v>0</v>
      </c>
      <c r="CA1074" s="166">
        <v>0</v>
      </c>
      <c r="CB1074" s="166">
        <v>0</v>
      </c>
      <c r="CC1074" s="166">
        <v>0</v>
      </c>
      <c r="CD1074" s="166">
        <v>0</v>
      </c>
      <c r="CE1074" s="166">
        <v>0</v>
      </c>
      <c r="CF1074" s="166">
        <v>0</v>
      </c>
      <c r="CG1074" s="166">
        <v>0</v>
      </c>
      <c r="CH1074" s="166">
        <v>0</v>
      </c>
      <c r="CI1074" s="166">
        <v>0</v>
      </c>
      <c r="CJ1074" s="166">
        <v>0</v>
      </c>
      <c r="CK1074" s="166">
        <v>0</v>
      </c>
      <c r="CL1074" s="166">
        <v>0</v>
      </c>
      <c r="CM1074" s="166">
        <v>0</v>
      </c>
      <c r="CN1074" s="166">
        <v>0</v>
      </c>
      <c r="CO1074" s="166">
        <v>0</v>
      </c>
      <c r="CP1074" s="166">
        <v>0</v>
      </c>
      <c r="CQ1074" s="166">
        <v>0</v>
      </c>
      <c r="CR1074" s="166">
        <v>0</v>
      </c>
      <c r="CS1074" s="166">
        <v>0</v>
      </c>
      <c r="CT1074" s="166">
        <v>0</v>
      </c>
      <c r="CU1074" s="166">
        <v>0</v>
      </c>
      <c r="CV1074" s="166">
        <v>0</v>
      </c>
      <c r="CW1074" s="166">
        <v>0</v>
      </c>
      <c r="CX1074" s="166">
        <v>0</v>
      </c>
      <c r="CY1074" s="166">
        <v>0</v>
      </c>
      <c r="CZ1074" s="166">
        <v>0</v>
      </c>
    </row>
    <row r="1075" spans="1:104" x14ac:dyDescent="0.2">
      <c r="A1075" s="167" t="s">
        <v>603</v>
      </c>
      <c r="B1075" s="166">
        <v>0</v>
      </c>
      <c r="C1075" s="166">
        <v>0</v>
      </c>
      <c r="D1075" s="166">
        <v>0</v>
      </c>
      <c r="E1075" s="166">
        <v>0</v>
      </c>
      <c r="F1075" s="166">
        <v>0</v>
      </c>
      <c r="G1075" s="166">
        <v>0</v>
      </c>
      <c r="H1075" s="166">
        <v>0</v>
      </c>
      <c r="I1075" s="166">
        <v>0</v>
      </c>
      <c r="J1075" s="166">
        <v>0</v>
      </c>
      <c r="K1075" s="166">
        <v>0</v>
      </c>
      <c r="L1075" s="166">
        <v>0</v>
      </c>
      <c r="M1075" s="166">
        <v>0</v>
      </c>
      <c r="N1075" s="166">
        <v>0</v>
      </c>
      <c r="O1075" s="166">
        <v>0</v>
      </c>
      <c r="P1075" s="166">
        <v>0</v>
      </c>
      <c r="Q1075" s="166">
        <v>0</v>
      </c>
      <c r="R1075" s="166">
        <v>0</v>
      </c>
      <c r="S1075" s="166">
        <v>0</v>
      </c>
      <c r="T1075" s="166">
        <v>0</v>
      </c>
      <c r="U1075" s="166">
        <v>0</v>
      </c>
      <c r="V1075" s="166">
        <v>0</v>
      </c>
      <c r="W1075" s="166">
        <v>0</v>
      </c>
      <c r="X1075" s="166">
        <v>0</v>
      </c>
      <c r="Y1075" s="166">
        <v>0</v>
      </c>
      <c r="Z1075" s="166">
        <v>0</v>
      </c>
      <c r="AA1075" s="166">
        <v>0</v>
      </c>
      <c r="AB1075" s="166">
        <v>0</v>
      </c>
      <c r="AC1075" s="166">
        <v>0</v>
      </c>
      <c r="AD1075" s="166">
        <v>0</v>
      </c>
      <c r="AE1075" s="166">
        <v>0</v>
      </c>
      <c r="AF1075" s="166">
        <v>0</v>
      </c>
      <c r="AG1075" s="166">
        <v>0</v>
      </c>
      <c r="AH1075" s="166">
        <v>0</v>
      </c>
      <c r="AI1075" s="166">
        <v>0</v>
      </c>
      <c r="AJ1075" s="166">
        <v>0</v>
      </c>
      <c r="AK1075" s="166">
        <v>0</v>
      </c>
      <c r="AL1075" s="166">
        <v>0</v>
      </c>
      <c r="AM1075" s="166">
        <v>0</v>
      </c>
      <c r="AN1075" s="166">
        <v>0</v>
      </c>
      <c r="AO1075" s="166">
        <v>0</v>
      </c>
      <c r="AP1075" s="166">
        <v>0</v>
      </c>
      <c r="AQ1075" s="166">
        <v>0</v>
      </c>
      <c r="AR1075" s="166">
        <v>0</v>
      </c>
      <c r="AS1075" s="166">
        <v>0</v>
      </c>
      <c r="AT1075" s="166">
        <v>0</v>
      </c>
      <c r="AU1075" s="166">
        <v>0</v>
      </c>
      <c r="AV1075" s="166">
        <v>0</v>
      </c>
      <c r="AW1075" s="166">
        <v>0</v>
      </c>
      <c r="AX1075" s="166">
        <v>0</v>
      </c>
      <c r="AY1075" s="166">
        <v>0</v>
      </c>
      <c r="AZ1075" s="166">
        <v>0</v>
      </c>
      <c r="BA1075" s="166">
        <v>0</v>
      </c>
      <c r="BB1075" s="166">
        <v>0</v>
      </c>
      <c r="BC1075" s="166">
        <v>0</v>
      </c>
      <c r="BD1075" s="166">
        <v>0</v>
      </c>
      <c r="BE1075" s="166">
        <v>0</v>
      </c>
      <c r="BF1075" s="166">
        <v>0</v>
      </c>
      <c r="BG1075" s="166">
        <v>0</v>
      </c>
      <c r="BH1075" s="166">
        <v>0</v>
      </c>
      <c r="BI1075" s="166">
        <v>0</v>
      </c>
      <c r="BJ1075" s="166">
        <v>0</v>
      </c>
      <c r="BK1075" s="166">
        <v>0</v>
      </c>
      <c r="BL1075" s="166">
        <v>0</v>
      </c>
      <c r="BM1075" s="166">
        <v>0</v>
      </c>
      <c r="BN1075" s="166">
        <v>0</v>
      </c>
      <c r="BO1075" s="166">
        <v>0</v>
      </c>
      <c r="BP1075" s="166">
        <v>0</v>
      </c>
      <c r="BQ1075" s="166">
        <v>0</v>
      </c>
      <c r="BR1075" s="166">
        <v>0</v>
      </c>
      <c r="BS1075" s="166">
        <v>0</v>
      </c>
      <c r="BT1075" s="168">
        <v>0</v>
      </c>
      <c r="BU1075" s="166">
        <v>0</v>
      </c>
      <c r="BV1075" s="166">
        <v>0</v>
      </c>
      <c r="BW1075" s="166">
        <v>0</v>
      </c>
      <c r="BX1075" s="166">
        <v>0</v>
      </c>
      <c r="BY1075" s="166">
        <v>0</v>
      </c>
      <c r="BZ1075" s="166">
        <v>0</v>
      </c>
      <c r="CA1075" s="166">
        <v>0</v>
      </c>
      <c r="CB1075" s="166">
        <v>0</v>
      </c>
      <c r="CC1075" s="166">
        <v>0</v>
      </c>
      <c r="CD1075" s="166">
        <v>0</v>
      </c>
      <c r="CE1075" s="166">
        <v>0</v>
      </c>
      <c r="CF1075" s="166">
        <v>0</v>
      </c>
      <c r="CG1075" s="166">
        <v>0</v>
      </c>
      <c r="CH1075" s="166">
        <v>0</v>
      </c>
      <c r="CI1075" s="166">
        <v>0</v>
      </c>
      <c r="CJ1075" s="166">
        <v>0</v>
      </c>
      <c r="CK1075" s="166">
        <v>0</v>
      </c>
      <c r="CL1075" s="166">
        <v>0</v>
      </c>
      <c r="CM1075" s="166">
        <v>0</v>
      </c>
      <c r="CN1075" s="166">
        <v>0</v>
      </c>
      <c r="CO1075" s="166">
        <v>0</v>
      </c>
      <c r="CP1075" s="166">
        <v>0</v>
      </c>
      <c r="CQ1075" s="166">
        <v>0</v>
      </c>
      <c r="CR1075" s="166">
        <v>0</v>
      </c>
      <c r="CS1075" s="166">
        <v>0</v>
      </c>
      <c r="CT1075" s="166">
        <v>0</v>
      </c>
      <c r="CU1075" s="166">
        <v>0</v>
      </c>
      <c r="CV1075" s="166">
        <v>0</v>
      </c>
      <c r="CW1075" s="166">
        <v>0</v>
      </c>
      <c r="CX1075" s="166">
        <v>0</v>
      </c>
      <c r="CY1075" s="166">
        <v>0</v>
      </c>
      <c r="CZ1075" s="166">
        <v>0</v>
      </c>
    </row>
    <row r="1076" spans="1:104" x14ac:dyDescent="0.2">
      <c r="A1076" s="177" t="s">
        <v>604</v>
      </c>
      <c r="B1076" s="166">
        <v>593018343.71543801</v>
      </c>
      <c r="C1076" s="166">
        <v>593018343.71543801</v>
      </c>
      <c r="D1076" s="166">
        <v>0</v>
      </c>
      <c r="E1076" s="166">
        <v>0</v>
      </c>
      <c r="F1076" s="166">
        <v>0</v>
      </c>
      <c r="G1076" s="166">
        <v>0</v>
      </c>
      <c r="H1076" s="166">
        <v>0</v>
      </c>
      <c r="I1076" s="166">
        <v>0</v>
      </c>
      <c r="J1076" s="166">
        <v>0</v>
      </c>
      <c r="K1076" s="166">
        <v>0</v>
      </c>
      <c r="L1076" s="166">
        <v>0</v>
      </c>
      <c r="M1076" s="166">
        <v>0</v>
      </c>
      <c r="N1076" s="166">
        <v>0</v>
      </c>
      <c r="O1076" s="166">
        <v>0</v>
      </c>
      <c r="P1076" s="166">
        <v>0</v>
      </c>
      <c r="Q1076" s="166">
        <v>0</v>
      </c>
      <c r="R1076" s="166">
        <v>0</v>
      </c>
      <c r="S1076" s="166">
        <v>0</v>
      </c>
      <c r="T1076" s="166">
        <v>0</v>
      </c>
      <c r="U1076" s="166">
        <v>0</v>
      </c>
      <c r="V1076" s="166">
        <v>0</v>
      </c>
      <c r="W1076" s="166">
        <v>0</v>
      </c>
      <c r="X1076" s="166">
        <v>0</v>
      </c>
      <c r="Y1076" s="166">
        <v>0</v>
      </c>
      <c r="Z1076" s="166">
        <v>0</v>
      </c>
      <c r="AA1076" s="166">
        <v>0</v>
      </c>
      <c r="AB1076" s="166">
        <v>0</v>
      </c>
      <c r="AC1076" s="166">
        <v>0</v>
      </c>
      <c r="AD1076" s="166">
        <v>0</v>
      </c>
      <c r="AE1076" s="166">
        <v>0</v>
      </c>
      <c r="AF1076" s="166">
        <v>0</v>
      </c>
      <c r="AG1076" s="166">
        <v>0</v>
      </c>
      <c r="AH1076" s="166">
        <v>0</v>
      </c>
      <c r="AI1076" s="166">
        <v>0</v>
      </c>
      <c r="AJ1076" s="166">
        <v>0</v>
      </c>
      <c r="AK1076" s="166">
        <v>0</v>
      </c>
      <c r="AL1076" s="166">
        <v>0</v>
      </c>
      <c r="AM1076" s="166">
        <v>0</v>
      </c>
      <c r="AN1076" s="166">
        <v>0</v>
      </c>
      <c r="AO1076" s="166">
        <v>0</v>
      </c>
      <c r="AP1076" s="166">
        <v>0</v>
      </c>
      <c r="AQ1076" s="166">
        <v>0</v>
      </c>
      <c r="AR1076" s="166">
        <v>0</v>
      </c>
      <c r="AS1076" s="166">
        <v>0</v>
      </c>
      <c r="AT1076" s="166">
        <v>0</v>
      </c>
      <c r="AU1076" s="166">
        <v>0</v>
      </c>
      <c r="AV1076" s="166">
        <v>0</v>
      </c>
      <c r="AW1076" s="166">
        <v>0</v>
      </c>
      <c r="AX1076" s="166">
        <v>0</v>
      </c>
      <c r="AY1076" s="166">
        <v>0</v>
      </c>
      <c r="AZ1076" s="166">
        <v>0</v>
      </c>
      <c r="BA1076" s="166">
        <v>0</v>
      </c>
      <c r="BB1076" s="166">
        <v>0</v>
      </c>
      <c r="BC1076" s="166">
        <v>0</v>
      </c>
      <c r="BD1076" s="166">
        <v>0</v>
      </c>
      <c r="BE1076" s="166">
        <v>0</v>
      </c>
      <c r="BF1076" s="166">
        <v>0</v>
      </c>
      <c r="BG1076" s="166">
        <v>0</v>
      </c>
      <c r="BH1076" s="166">
        <v>0</v>
      </c>
      <c r="BI1076" s="166">
        <v>0</v>
      </c>
      <c r="BJ1076" s="166">
        <v>0</v>
      </c>
      <c r="BK1076" s="166">
        <v>0</v>
      </c>
      <c r="BL1076" s="166">
        <v>0</v>
      </c>
      <c r="BM1076" s="166">
        <v>0</v>
      </c>
      <c r="BN1076" s="166">
        <v>0</v>
      </c>
      <c r="BO1076" s="166">
        <v>0</v>
      </c>
      <c r="BP1076" s="166">
        <v>0</v>
      </c>
      <c r="BQ1076" s="166">
        <v>0</v>
      </c>
      <c r="BR1076" s="166">
        <v>593018343.71543801</v>
      </c>
      <c r="BS1076" s="166">
        <v>593018343.71543801</v>
      </c>
      <c r="BT1076" s="168">
        <v>0</v>
      </c>
      <c r="BU1076" s="166">
        <v>0</v>
      </c>
      <c r="BV1076" s="166">
        <v>0</v>
      </c>
      <c r="BW1076" s="166">
        <v>0</v>
      </c>
      <c r="BX1076" s="166">
        <v>0</v>
      </c>
      <c r="BY1076" s="166">
        <v>0</v>
      </c>
      <c r="BZ1076" s="166">
        <v>0</v>
      </c>
      <c r="CA1076" s="166">
        <v>0</v>
      </c>
      <c r="CB1076" s="166">
        <v>0</v>
      </c>
      <c r="CC1076" s="166">
        <v>0</v>
      </c>
      <c r="CD1076" s="166">
        <v>0</v>
      </c>
      <c r="CE1076" s="166">
        <v>0</v>
      </c>
      <c r="CF1076" s="166">
        <v>0</v>
      </c>
      <c r="CG1076" s="166">
        <v>0</v>
      </c>
      <c r="CH1076" s="166">
        <v>0</v>
      </c>
      <c r="CI1076" s="166">
        <v>0</v>
      </c>
      <c r="CJ1076" s="166">
        <v>0</v>
      </c>
      <c r="CK1076" s="166">
        <v>0</v>
      </c>
      <c r="CL1076" s="166">
        <v>0</v>
      </c>
      <c r="CM1076" s="166">
        <v>0</v>
      </c>
      <c r="CN1076" s="166">
        <v>0</v>
      </c>
      <c r="CO1076" s="166">
        <v>0</v>
      </c>
      <c r="CP1076" s="166">
        <v>0</v>
      </c>
      <c r="CQ1076" s="166">
        <v>0</v>
      </c>
      <c r="CR1076" s="166">
        <v>0</v>
      </c>
      <c r="CS1076" s="166">
        <v>0</v>
      </c>
      <c r="CT1076" s="166">
        <v>0</v>
      </c>
      <c r="CU1076" s="166">
        <v>0</v>
      </c>
      <c r="CV1076" s="166">
        <v>0</v>
      </c>
      <c r="CW1076" s="166">
        <v>0</v>
      </c>
      <c r="CX1076" s="166">
        <v>0</v>
      </c>
      <c r="CY1076" s="166">
        <v>0</v>
      </c>
      <c r="CZ1076" s="166">
        <v>0</v>
      </c>
    </row>
    <row r="1077" spans="1:104" x14ac:dyDescent="0.2">
      <c r="A1077" s="167" t="s">
        <v>605</v>
      </c>
      <c r="B1077" s="166">
        <v>0</v>
      </c>
      <c r="C1077" s="166">
        <v>0</v>
      </c>
      <c r="D1077" s="166">
        <v>0</v>
      </c>
      <c r="E1077" s="166">
        <v>0</v>
      </c>
      <c r="F1077" s="166">
        <v>0</v>
      </c>
      <c r="G1077" s="166">
        <v>0</v>
      </c>
      <c r="H1077" s="166">
        <v>0</v>
      </c>
      <c r="I1077" s="166">
        <v>0</v>
      </c>
      <c r="J1077" s="166">
        <v>0</v>
      </c>
      <c r="K1077" s="166">
        <v>0</v>
      </c>
      <c r="L1077" s="166">
        <v>0</v>
      </c>
      <c r="M1077" s="166">
        <v>0</v>
      </c>
      <c r="N1077" s="166">
        <v>0</v>
      </c>
      <c r="O1077" s="166">
        <v>0</v>
      </c>
      <c r="P1077" s="166">
        <v>0</v>
      </c>
      <c r="Q1077" s="166">
        <v>0</v>
      </c>
      <c r="R1077" s="166">
        <v>0</v>
      </c>
      <c r="S1077" s="166">
        <v>0</v>
      </c>
      <c r="T1077" s="166">
        <v>0</v>
      </c>
      <c r="U1077" s="166">
        <v>0</v>
      </c>
      <c r="V1077" s="166">
        <v>0</v>
      </c>
      <c r="W1077" s="166">
        <v>0</v>
      </c>
      <c r="X1077" s="166">
        <v>0</v>
      </c>
      <c r="Y1077" s="166">
        <v>0</v>
      </c>
      <c r="Z1077" s="166">
        <v>0</v>
      </c>
      <c r="AA1077" s="166">
        <v>0</v>
      </c>
      <c r="AB1077" s="166">
        <v>0</v>
      </c>
      <c r="AC1077" s="166">
        <v>0</v>
      </c>
      <c r="AD1077" s="166">
        <v>0</v>
      </c>
      <c r="AE1077" s="166">
        <v>0</v>
      </c>
      <c r="AF1077" s="166">
        <v>0</v>
      </c>
      <c r="AG1077" s="166">
        <v>0</v>
      </c>
      <c r="AH1077" s="166">
        <v>0</v>
      </c>
      <c r="AI1077" s="166">
        <v>0</v>
      </c>
      <c r="AJ1077" s="166">
        <v>0</v>
      </c>
      <c r="AK1077" s="166">
        <v>0</v>
      </c>
      <c r="AL1077" s="166">
        <v>0</v>
      </c>
      <c r="AM1077" s="166">
        <v>0</v>
      </c>
      <c r="AN1077" s="166">
        <v>0</v>
      </c>
      <c r="AO1077" s="166">
        <v>0</v>
      </c>
      <c r="AP1077" s="166">
        <v>0</v>
      </c>
      <c r="AQ1077" s="166">
        <v>0</v>
      </c>
      <c r="AR1077" s="166">
        <v>0</v>
      </c>
      <c r="AS1077" s="166">
        <v>0</v>
      </c>
      <c r="AT1077" s="166">
        <v>0</v>
      </c>
      <c r="AU1077" s="166">
        <v>0</v>
      </c>
      <c r="AV1077" s="166">
        <v>0</v>
      </c>
      <c r="AW1077" s="166">
        <v>0</v>
      </c>
      <c r="AX1077" s="166">
        <v>0</v>
      </c>
      <c r="AY1077" s="166">
        <v>0</v>
      </c>
      <c r="AZ1077" s="166">
        <v>0</v>
      </c>
      <c r="BA1077" s="166">
        <v>0</v>
      </c>
      <c r="BB1077" s="166">
        <v>0</v>
      </c>
      <c r="BC1077" s="166">
        <v>0</v>
      </c>
      <c r="BD1077" s="166">
        <v>0</v>
      </c>
      <c r="BE1077" s="166">
        <v>0</v>
      </c>
      <c r="BF1077" s="166">
        <v>0</v>
      </c>
      <c r="BG1077" s="166">
        <v>0</v>
      </c>
      <c r="BH1077" s="166">
        <v>0</v>
      </c>
      <c r="BI1077" s="166">
        <v>0</v>
      </c>
      <c r="BJ1077" s="166">
        <v>0</v>
      </c>
      <c r="BK1077" s="166">
        <v>0</v>
      </c>
      <c r="BL1077" s="166">
        <v>0</v>
      </c>
      <c r="BM1077" s="166">
        <v>0</v>
      </c>
      <c r="BN1077" s="166">
        <v>0</v>
      </c>
      <c r="BO1077" s="166">
        <v>0</v>
      </c>
      <c r="BP1077" s="166">
        <v>0</v>
      </c>
      <c r="BQ1077" s="166">
        <v>0</v>
      </c>
      <c r="BR1077" s="166">
        <v>0</v>
      </c>
      <c r="BS1077" s="166">
        <v>0</v>
      </c>
      <c r="BT1077" s="168">
        <v>0</v>
      </c>
      <c r="BU1077" s="166">
        <v>0</v>
      </c>
      <c r="BV1077" s="166">
        <v>0</v>
      </c>
      <c r="BW1077" s="166">
        <v>0</v>
      </c>
      <c r="BX1077" s="166">
        <v>0</v>
      </c>
      <c r="BY1077" s="166">
        <v>0</v>
      </c>
      <c r="BZ1077" s="166">
        <v>0</v>
      </c>
      <c r="CA1077" s="166">
        <v>0</v>
      </c>
      <c r="CB1077" s="166">
        <v>0</v>
      </c>
      <c r="CC1077" s="166">
        <v>0</v>
      </c>
      <c r="CD1077" s="166">
        <v>0</v>
      </c>
      <c r="CE1077" s="166">
        <v>0</v>
      </c>
      <c r="CF1077" s="166">
        <v>0</v>
      </c>
      <c r="CG1077" s="166">
        <v>0</v>
      </c>
      <c r="CH1077" s="166">
        <v>0</v>
      </c>
      <c r="CI1077" s="166">
        <v>0</v>
      </c>
      <c r="CJ1077" s="166">
        <v>0</v>
      </c>
      <c r="CK1077" s="166">
        <v>0</v>
      </c>
      <c r="CL1077" s="166">
        <v>0</v>
      </c>
      <c r="CM1077" s="166">
        <v>0</v>
      </c>
      <c r="CN1077" s="166">
        <v>0</v>
      </c>
      <c r="CO1077" s="166">
        <v>0</v>
      </c>
      <c r="CP1077" s="166">
        <v>0</v>
      </c>
      <c r="CQ1077" s="166">
        <v>0</v>
      </c>
      <c r="CR1077" s="166">
        <v>0</v>
      </c>
      <c r="CS1077" s="166">
        <v>0</v>
      </c>
      <c r="CT1077" s="166">
        <v>0</v>
      </c>
      <c r="CU1077" s="166">
        <v>0</v>
      </c>
      <c r="CV1077" s="166">
        <v>0</v>
      </c>
      <c r="CW1077" s="166">
        <v>0</v>
      </c>
      <c r="CX1077" s="166">
        <v>0</v>
      </c>
      <c r="CY1077" s="166">
        <v>0</v>
      </c>
      <c r="CZ1077" s="166">
        <v>0</v>
      </c>
    </row>
    <row r="1078" spans="1:104" x14ac:dyDescent="0.2">
      <c r="A1078" s="167" t="s">
        <v>606</v>
      </c>
    </row>
    <row r="1079" spans="1:104" x14ac:dyDescent="0.2">
      <c r="A1079" s="167" t="s">
        <v>607</v>
      </c>
      <c r="B1079" s="166">
        <v>26125118.316952001</v>
      </c>
      <c r="C1079" s="166">
        <v>26125118.316952001</v>
      </c>
      <c r="D1079" s="166">
        <v>0</v>
      </c>
      <c r="E1079" s="166">
        <v>0</v>
      </c>
      <c r="F1079" s="166">
        <v>0</v>
      </c>
      <c r="G1079" s="166">
        <v>0</v>
      </c>
      <c r="H1079" s="166">
        <v>0</v>
      </c>
      <c r="I1079" s="166">
        <v>0</v>
      </c>
      <c r="J1079" s="166">
        <v>0</v>
      </c>
      <c r="K1079" s="166">
        <v>0</v>
      </c>
      <c r="L1079" s="166">
        <v>0</v>
      </c>
      <c r="M1079" s="166">
        <v>0</v>
      </c>
      <c r="N1079" s="166">
        <v>0</v>
      </c>
      <c r="O1079" s="166">
        <v>0</v>
      </c>
      <c r="P1079" s="166">
        <v>0</v>
      </c>
      <c r="Q1079" s="166">
        <v>0</v>
      </c>
      <c r="R1079" s="166">
        <v>0</v>
      </c>
      <c r="S1079" s="166">
        <v>0</v>
      </c>
      <c r="T1079" s="166">
        <v>0</v>
      </c>
      <c r="U1079" s="166">
        <v>0</v>
      </c>
      <c r="V1079" s="166">
        <v>0</v>
      </c>
      <c r="W1079" s="166">
        <v>0</v>
      </c>
      <c r="X1079" s="166">
        <v>0</v>
      </c>
      <c r="Y1079" s="166">
        <v>0</v>
      </c>
      <c r="Z1079" s="166">
        <v>0</v>
      </c>
      <c r="AA1079" s="166">
        <v>0</v>
      </c>
      <c r="AB1079" s="166">
        <v>0</v>
      </c>
      <c r="AC1079" s="166">
        <v>0</v>
      </c>
      <c r="AD1079" s="166">
        <v>0</v>
      </c>
      <c r="AE1079" s="166">
        <v>0</v>
      </c>
      <c r="AF1079" s="166">
        <v>0</v>
      </c>
      <c r="AG1079" s="166">
        <v>0</v>
      </c>
      <c r="AH1079" s="166">
        <v>0</v>
      </c>
      <c r="AI1079" s="166">
        <v>0</v>
      </c>
      <c r="AJ1079" s="166">
        <v>0</v>
      </c>
      <c r="AK1079" s="166">
        <v>0</v>
      </c>
      <c r="AL1079" s="166">
        <v>0</v>
      </c>
      <c r="AM1079" s="166">
        <v>0</v>
      </c>
      <c r="AN1079" s="166">
        <v>0</v>
      </c>
      <c r="AO1079" s="166">
        <v>0</v>
      </c>
      <c r="AP1079" s="166">
        <v>0</v>
      </c>
      <c r="AQ1079" s="166">
        <v>0</v>
      </c>
      <c r="AR1079" s="166">
        <v>0</v>
      </c>
      <c r="AS1079" s="166">
        <v>0</v>
      </c>
      <c r="AT1079" s="166">
        <v>0</v>
      </c>
      <c r="AU1079" s="166">
        <v>0</v>
      </c>
      <c r="AV1079" s="166">
        <v>0</v>
      </c>
      <c r="AW1079" s="166">
        <v>0</v>
      </c>
      <c r="AX1079" s="166">
        <v>0</v>
      </c>
      <c r="AY1079" s="166">
        <v>0</v>
      </c>
      <c r="AZ1079" s="166">
        <v>0</v>
      </c>
      <c r="BA1079" s="166">
        <v>0</v>
      </c>
      <c r="BB1079" s="166">
        <v>0</v>
      </c>
      <c r="BC1079" s="166">
        <v>0</v>
      </c>
      <c r="BD1079" s="166">
        <v>0</v>
      </c>
      <c r="BE1079" s="166">
        <v>0</v>
      </c>
      <c r="BF1079" s="166">
        <v>0</v>
      </c>
      <c r="BG1079" s="166">
        <v>0</v>
      </c>
      <c r="BH1079" s="166">
        <v>0</v>
      </c>
      <c r="BI1079" s="166">
        <v>0</v>
      </c>
      <c r="BJ1079" s="166">
        <v>0</v>
      </c>
      <c r="BK1079" s="166">
        <v>0</v>
      </c>
      <c r="BL1079" s="166">
        <v>0</v>
      </c>
      <c r="BM1079" s="166">
        <v>0</v>
      </c>
      <c r="BN1079" s="166">
        <v>0</v>
      </c>
      <c r="BO1079" s="166">
        <v>0</v>
      </c>
      <c r="BP1079" s="166">
        <v>0</v>
      </c>
      <c r="BQ1079" s="166">
        <v>0</v>
      </c>
      <c r="BR1079" s="166">
        <v>26125118.316952001</v>
      </c>
      <c r="BS1079" s="166">
        <v>26125118.316952001</v>
      </c>
      <c r="BT1079" s="168">
        <v>0</v>
      </c>
      <c r="BU1079" s="166">
        <v>459140.33022822399</v>
      </c>
      <c r="BV1079" s="166">
        <v>25446648.994260699</v>
      </c>
      <c r="BW1079" s="166">
        <v>0</v>
      </c>
      <c r="BX1079" s="166">
        <v>0</v>
      </c>
      <c r="BY1079" s="166">
        <v>0</v>
      </c>
      <c r="BZ1079" s="166">
        <v>0</v>
      </c>
      <c r="CA1079" s="166">
        <v>0</v>
      </c>
      <c r="CB1079" s="166">
        <v>0</v>
      </c>
      <c r="CC1079" s="166">
        <v>0</v>
      </c>
      <c r="CD1079" s="166">
        <v>0</v>
      </c>
      <c r="CE1079" s="166">
        <v>0</v>
      </c>
      <c r="CF1079" s="166">
        <v>0</v>
      </c>
      <c r="CG1079" s="166">
        <v>0</v>
      </c>
      <c r="CH1079" s="166">
        <v>0</v>
      </c>
      <c r="CI1079" s="166">
        <v>0</v>
      </c>
      <c r="CJ1079" s="166">
        <v>0</v>
      </c>
      <c r="CK1079" s="166">
        <v>0</v>
      </c>
      <c r="CL1079" s="166">
        <v>0</v>
      </c>
      <c r="CM1079" s="166">
        <v>0</v>
      </c>
      <c r="CN1079" s="166">
        <v>0</v>
      </c>
      <c r="CO1079" s="166">
        <v>0</v>
      </c>
      <c r="CP1079" s="166">
        <v>0</v>
      </c>
      <c r="CQ1079" s="166">
        <v>0</v>
      </c>
      <c r="CR1079" s="166">
        <v>0</v>
      </c>
      <c r="CS1079" s="166">
        <v>0</v>
      </c>
      <c r="CT1079" s="166">
        <v>0</v>
      </c>
      <c r="CU1079" s="166">
        <v>0</v>
      </c>
      <c r="CV1079" s="166">
        <v>0</v>
      </c>
      <c r="CW1079" s="166">
        <v>0</v>
      </c>
      <c r="CX1079" s="166">
        <v>0</v>
      </c>
      <c r="CY1079" s="166">
        <v>25446648.994260699</v>
      </c>
      <c r="CZ1079" s="166">
        <v>25446648.994260699</v>
      </c>
    </row>
    <row r="1080" spans="1:104" x14ac:dyDescent="0.2">
      <c r="A1080" s="167" t="s">
        <v>608</v>
      </c>
      <c r="B1080" s="166">
        <v>7793616.6470910097</v>
      </c>
      <c r="C1080" s="166">
        <v>7793616.6470910097</v>
      </c>
      <c r="D1080" s="166">
        <v>0</v>
      </c>
      <c r="E1080" s="166">
        <v>0</v>
      </c>
      <c r="F1080" s="166">
        <v>0</v>
      </c>
      <c r="G1080" s="166">
        <v>0</v>
      </c>
      <c r="H1080" s="166">
        <v>0</v>
      </c>
      <c r="I1080" s="166">
        <v>0</v>
      </c>
      <c r="J1080" s="166">
        <v>0</v>
      </c>
      <c r="K1080" s="166">
        <v>0</v>
      </c>
      <c r="L1080" s="166">
        <v>0</v>
      </c>
      <c r="M1080" s="166">
        <v>0</v>
      </c>
      <c r="N1080" s="166">
        <v>0</v>
      </c>
      <c r="O1080" s="166">
        <v>0</v>
      </c>
      <c r="P1080" s="166">
        <v>0</v>
      </c>
      <c r="Q1080" s="166">
        <v>0</v>
      </c>
      <c r="R1080" s="166">
        <v>0</v>
      </c>
      <c r="S1080" s="166">
        <v>0</v>
      </c>
      <c r="T1080" s="166">
        <v>0</v>
      </c>
      <c r="U1080" s="166">
        <v>0</v>
      </c>
      <c r="V1080" s="166">
        <v>0</v>
      </c>
      <c r="W1080" s="166">
        <v>0</v>
      </c>
      <c r="X1080" s="166">
        <v>0</v>
      </c>
      <c r="Y1080" s="166">
        <v>0</v>
      </c>
      <c r="Z1080" s="166">
        <v>0</v>
      </c>
      <c r="AA1080" s="166">
        <v>0</v>
      </c>
      <c r="AB1080" s="166">
        <v>0</v>
      </c>
      <c r="AC1080" s="166">
        <v>0</v>
      </c>
      <c r="AD1080" s="166">
        <v>0</v>
      </c>
      <c r="AE1080" s="166">
        <v>0</v>
      </c>
      <c r="AF1080" s="166">
        <v>0</v>
      </c>
      <c r="AG1080" s="166">
        <v>0</v>
      </c>
      <c r="AH1080" s="166">
        <v>0</v>
      </c>
      <c r="AI1080" s="166">
        <v>0</v>
      </c>
      <c r="AJ1080" s="166">
        <v>0</v>
      </c>
      <c r="AK1080" s="166">
        <v>0</v>
      </c>
      <c r="AL1080" s="166">
        <v>0</v>
      </c>
      <c r="AM1080" s="166">
        <v>0</v>
      </c>
      <c r="AN1080" s="166">
        <v>0</v>
      </c>
      <c r="AO1080" s="166">
        <v>0</v>
      </c>
      <c r="AP1080" s="166">
        <v>0</v>
      </c>
      <c r="AQ1080" s="166">
        <v>0</v>
      </c>
      <c r="AR1080" s="166">
        <v>0</v>
      </c>
      <c r="AS1080" s="166">
        <v>0</v>
      </c>
      <c r="AT1080" s="166">
        <v>0</v>
      </c>
      <c r="AU1080" s="166">
        <v>0</v>
      </c>
      <c r="AV1080" s="166">
        <v>0</v>
      </c>
      <c r="AW1080" s="166">
        <v>0</v>
      </c>
      <c r="AX1080" s="166">
        <v>0</v>
      </c>
      <c r="AY1080" s="166">
        <v>0</v>
      </c>
      <c r="AZ1080" s="166">
        <v>0</v>
      </c>
      <c r="BA1080" s="166">
        <v>0</v>
      </c>
      <c r="BB1080" s="166">
        <v>0</v>
      </c>
      <c r="BC1080" s="166">
        <v>0</v>
      </c>
      <c r="BD1080" s="166">
        <v>0</v>
      </c>
      <c r="BE1080" s="166">
        <v>0</v>
      </c>
      <c r="BF1080" s="166">
        <v>0</v>
      </c>
      <c r="BG1080" s="166">
        <v>0</v>
      </c>
      <c r="BH1080" s="166">
        <v>0</v>
      </c>
      <c r="BI1080" s="166">
        <v>0</v>
      </c>
      <c r="BJ1080" s="166">
        <v>0</v>
      </c>
      <c r="BK1080" s="166">
        <v>0</v>
      </c>
      <c r="BL1080" s="166">
        <v>0</v>
      </c>
      <c r="BM1080" s="166">
        <v>0</v>
      </c>
      <c r="BN1080" s="166">
        <v>0</v>
      </c>
      <c r="BO1080" s="166">
        <v>0</v>
      </c>
      <c r="BP1080" s="166">
        <v>0</v>
      </c>
      <c r="BQ1080" s="166">
        <v>0</v>
      </c>
      <c r="BR1080" s="166">
        <v>7793616.6470910097</v>
      </c>
      <c r="BS1080" s="166">
        <v>7793616.6470910199</v>
      </c>
      <c r="BT1080" s="168">
        <v>0</v>
      </c>
      <c r="BU1080" s="166">
        <v>615463.55992127804</v>
      </c>
      <c r="BV1080" s="166">
        <v>7219790.64424749</v>
      </c>
      <c r="BW1080" s="166">
        <v>0</v>
      </c>
      <c r="BX1080" s="166">
        <v>0</v>
      </c>
      <c r="BY1080" s="166">
        <v>0</v>
      </c>
      <c r="BZ1080" s="166">
        <v>0</v>
      </c>
      <c r="CA1080" s="166">
        <v>0</v>
      </c>
      <c r="CB1080" s="166">
        <v>0</v>
      </c>
      <c r="CC1080" s="166">
        <v>0</v>
      </c>
      <c r="CD1080" s="166">
        <v>0</v>
      </c>
      <c r="CE1080" s="166">
        <v>0</v>
      </c>
      <c r="CF1080" s="166">
        <v>0</v>
      </c>
      <c r="CG1080" s="166">
        <v>0</v>
      </c>
      <c r="CH1080" s="166">
        <v>0</v>
      </c>
      <c r="CI1080" s="166">
        <v>0</v>
      </c>
      <c r="CJ1080" s="166">
        <v>0</v>
      </c>
      <c r="CK1080" s="166">
        <v>0</v>
      </c>
      <c r="CL1080" s="166">
        <v>0</v>
      </c>
      <c r="CM1080" s="166">
        <v>0</v>
      </c>
      <c r="CN1080" s="166">
        <v>0</v>
      </c>
      <c r="CO1080" s="166">
        <v>0</v>
      </c>
      <c r="CP1080" s="166">
        <v>0</v>
      </c>
      <c r="CQ1080" s="166">
        <v>0</v>
      </c>
      <c r="CR1080" s="166">
        <v>0</v>
      </c>
      <c r="CS1080" s="166">
        <v>0</v>
      </c>
      <c r="CT1080" s="166">
        <v>0</v>
      </c>
      <c r="CU1080" s="166">
        <v>0</v>
      </c>
      <c r="CV1080" s="166">
        <v>0</v>
      </c>
      <c r="CW1080" s="166">
        <v>0</v>
      </c>
      <c r="CX1080" s="166">
        <v>0</v>
      </c>
      <c r="CY1080" s="166">
        <v>7219790.64424749</v>
      </c>
      <c r="CZ1080" s="166">
        <v>7219790.64424749</v>
      </c>
    </row>
    <row r="1081" spans="1:104" x14ac:dyDescent="0.2">
      <c r="A1081" s="167" t="s">
        <v>609</v>
      </c>
      <c r="B1081" s="166">
        <v>6660568.2997173704</v>
      </c>
      <c r="C1081" s="166">
        <v>6660568.2997173704</v>
      </c>
      <c r="D1081" s="166">
        <v>0</v>
      </c>
      <c r="E1081" s="166">
        <v>0</v>
      </c>
      <c r="F1081" s="166">
        <v>0</v>
      </c>
      <c r="G1081" s="166">
        <v>0</v>
      </c>
      <c r="H1081" s="166">
        <v>0</v>
      </c>
      <c r="I1081" s="166">
        <v>0</v>
      </c>
      <c r="J1081" s="166">
        <v>0</v>
      </c>
      <c r="K1081" s="166">
        <v>0</v>
      </c>
      <c r="L1081" s="166">
        <v>0</v>
      </c>
      <c r="M1081" s="166">
        <v>0</v>
      </c>
      <c r="N1081" s="166">
        <v>0</v>
      </c>
      <c r="O1081" s="166">
        <v>0</v>
      </c>
      <c r="P1081" s="166">
        <v>0</v>
      </c>
      <c r="Q1081" s="166">
        <v>0</v>
      </c>
      <c r="R1081" s="166">
        <v>0</v>
      </c>
      <c r="S1081" s="166">
        <v>0</v>
      </c>
      <c r="T1081" s="166">
        <v>0</v>
      </c>
      <c r="U1081" s="166">
        <v>0</v>
      </c>
      <c r="V1081" s="166">
        <v>0</v>
      </c>
      <c r="W1081" s="166">
        <v>0</v>
      </c>
      <c r="X1081" s="166">
        <v>0</v>
      </c>
      <c r="Y1081" s="166">
        <v>0</v>
      </c>
      <c r="Z1081" s="166">
        <v>0</v>
      </c>
      <c r="AA1081" s="166">
        <v>0</v>
      </c>
      <c r="AB1081" s="166">
        <v>0</v>
      </c>
      <c r="AC1081" s="166">
        <v>0</v>
      </c>
      <c r="AD1081" s="166">
        <v>0</v>
      </c>
      <c r="AE1081" s="166">
        <v>0</v>
      </c>
      <c r="AF1081" s="166">
        <v>0</v>
      </c>
      <c r="AG1081" s="166">
        <v>0</v>
      </c>
      <c r="AH1081" s="166">
        <v>0</v>
      </c>
      <c r="AI1081" s="166">
        <v>0</v>
      </c>
      <c r="AJ1081" s="166">
        <v>0</v>
      </c>
      <c r="AK1081" s="166">
        <v>0</v>
      </c>
      <c r="AL1081" s="166">
        <v>0</v>
      </c>
      <c r="AM1081" s="166">
        <v>0</v>
      </c>
      <c r="AN1081" s="166">
        <v>0</v>
      </c>
      <c r="AO1081" s="166">
        <v>0</v>
      </c>
      <c r="AP1081" s="166">
        <v>0</v>
      </c>
      <c r="AQ1081" s="166">
        <v>0</v>
      </c>
      <c r="AR1081" s="166">
        <v>0</v>
      </c>
      <c r="AS1081" s="166">
        <v>0</v>
      </c>
      <c r="AT1081" s="166">
        <v>0</v>
      </c>
      <c r="AU1081" s="166">
        <v>0</v>
      </c>
      <c r="AV1081" s="166">
        <v>0</v>
      </c>
      <c r="AW1081" s="166">
        <v>0</v>
      </c>
      <c r="AX1081" s="166">
        <v>0</v>
      </c>
      <c r="AY1081" s="166">
        <v>0</v>
      </c>
      <c r="AZ1081" s="166">
        <v>0</v>
      </c>
      <c r="BA1081" s="166">
        <v>0</v>
      </c>
      <c r="BB1081" s="166">
        <v>0</v>
      </c>
      <c r="BC1081" s="166">
        <v>0</v>
      </c>
      <c r="BD1081" s="166">
        <v>0</v>
      </c>
      <c r="BE1081" s="166">
        <v>0</v>
      </c>
      <c r="BF1081" s="166">
        <v>0</v>
      </c>
      <c r="BG1081" s="166">
        <v>0</v>
      </c>
      <c r="BH1081" s="166">
        <v>0</v>
      </c>
      <c r="BI1081" s="166">
        <v>0</v>
      </c>
      <c r="BJ1081" s="166">
        <v>0</v>
      </c>
      <c r="BK1081" s="166">
        <v>0</v>
      </c>
      <c r="BL1081" s="166">
        <v>0</v>
      </c>
      <c r="BM1081" s="166">
        <v>0</v>
      </c>
      <c r="BN1081" s="166">
        <v>0</v>
      </c>
      <c r="BO1081" s="166">
        <v>0</v>
      </c>
      <c r="BP1081" s="166">
        <v>0</v>
      </c>
      <c r="BQ1081" s="166">
        <v>0</v>
      </c>
      <c r="BR1081" s="166">
        <v>6660568.2997173704</v>
      </c>
      <c r="BS1081" s="166">
        <v>6660568.2997173704</v>
      </c>
      <c r="BT1081" s="168">
        <v>0</v>
      </c>
      <c r="BU1081" s="166">
        <v>606597.81216415297</v>
      </c>
      <c r="BV1081" s="166">
        <v>6334862.1511930302</v>
      </c>
      <c r="BW1081" s="166">
        <v>0</v>
      </c>
      <c r="BX1081" s="166">
        <v>0</v>
      </c>
      <c r="BY1081" s="166">
        <v>0</v>
      </c>
      <c r="BZ1081" s="166">
        <v>0</v>
      </c>
      <c r="CA1081" s="166">
        <v>0</v>
      </c>
      <c r="CB1081" s="166">
        <v>0</v>
      </c>
      <c r="CC1081" s="166">
        <v>0</v>
      </c>
      <c r="CD1081" s="166">
        <v>0</v>
      </c>
      <c r="CE1081" s="166">
        <v>0</v>
      </c>
      <c r="CF1081" s="166">
        <v>0</v>
      </c>
      <c r="CG1081" s="166">
        <v>0</v>
      </c>
      <c r="CH1081" s="166">
        <v>0</v>
      </c>
      <c r="CI1081" s="166">
        <v>0</v>
      </c>
      <c r="CJ1081" s="166">
        <v>0</v>
      </c>
      <c r="CK1081" s="166">
        <v>0</v>
      </c>
      <c r="CL1081" s="166">
        <v>0</v>
      </c>
      <c r="CM1081" s="166">
        <v>0</v>
      </c>
      <c r="CN1081" s="166">
        <v>0</v>
      </c>
      <c r="CO1081" s="166">
        <v>0</v>
      </c>
      <c r="CP1081" s="166">
        <v>0</v>
      </c>
      <c r="CQ1081" s="166">
        <v>0</v>
      </c>
      <c r="CR1081" s="166">
        <v>0</v>
      </c>
      <c r="CS1081" s="166">
        <v>0</v>
      </c>
      <c r="CT1081" s="166">
        <v>0</v>
      </c>
      <c r="CU1081" s="166">
        <v>0</v>
      </c>
      <c r="CV1081" s="166">
        <v>0</v>
      </c>
      <c r="CW1081" s="166">
        <v>0</v>
      </c>
      <c r="CX1081" s="166">
        <v>0</v>
      </c>
      <c r="CY1081" s="166">
        <v>6334862.1511930302</v>
      </c>
      <c r="CZ1081" s="166">
        <v>6334862.1511930302</v>
      </c>
    </row>
    <row r="1082" spans="1:104" x14ac:dyDescent="0.2">
      <c r="A1082" s="167" t="s">
        <v>610</v>
      </c>
      <c r="B1082" s="166">
        <v>91815310.860526398</v>
      </c>
      <c r="C1082" s="166">
        <v>91815310.860526398</v>
      </c>
      <c r="D1082" s="166">
        <v>0</v>
      </c>
      <c r="E1082" s="166">
        <v>0</v>
      </c>
      <c r="F1082" s="166">
        <v>0</v>
      </c>
      <c r="G1082" s="166">
        <v>0</v>
      </c>
      <c r="H1082" s="166">
        <v>0</v>
      </c>
      <c r="I1082" s="166">
        <v>0</v>
      </c>
      <c r="J1082" s="166">
        <v>0</v>
      </c>
      <c r="K1082" s="166">
        <v>0</v>
      </c>
      <c r="L1082" s="166">
        <v>0</v>
      </c>
      <c r="M1082" s="166">
        <v>0</v>
      </c>
      <c r="N1082" s="166">
        <v>0</v>
      </c>
      <c r="O1082" s="166">
        <v>0</v>
      </c>
      <c r="P1082" s="166">
        <v>0</v>
      </c>
      <c r="Q1082" s="166">
        <v>0</v>
      </c>
      <c r="R1082" s="166">
        <v>0</v>
      </c>
      <c r="S1082" s="166">
        <v>0</v>
      </c>
      <c r="T1082" s="166">
        <v>0</v>
      </c>
      <c r="U1082" s="166">
        <v>0</v>
      </c>
      <c r="V1082" s="166">
        <v>0</v>
      </c>
      <c r="W1082" s="166">
        <v>0</v>
      </c>
      <c r="X1082" s="166">
        <v>0</v>
      </c>
      <c r="Y1082" s="166">
        <v>0</v>
      </c>
      <c r="Z1082" s="166">
        <v>0</v>
      </c>
      <c r="AA1082" s="166">
        <v>0</v>
      </c>
      <c r="AB1082" s="166">
        <v>0</v>
      </c>
      <c r="AC1082" s="166">
        <v>0</v>
      </c>
      <c r="AD1082" s="166">
        <v>0</v>
      </c>
      <c r="AE1082" s="166">
        <v>0</v>
      </c>
      <c r="AF1082" s="166">
        <v>0</v>
      </c>
      <c r="AG1082" s="166">
        <v>0</v>
      </c>
      <c r="AH1082" s="166">
        <v>0</v>
      </c>
      <c r="AI1082" s="166">
        <v>0</v>
      </c>
      <c r="AJ1082" s="166">
        <v>0</v>
      </c>
      <c r="AK1082" s="166">
        <v>0</v>
      </c>
      <c r="AL1082" s="166">
        <v>0</v>
      </c>
      <c r="AM1082" s="166">
        <v>0</v>
      </c>
      <c r="AN1082" s="166">
        <v>0</v>
      </c>
      <c r="AO1082" s="166">
        <v>0</v>
      </c>
      <c r="AP1082" s="166">
        <v>0</v>
      </c>
      <c r="AQ1082" s="166">
        <v>0</v>
      </c>
      <c r="AR1082" s="166">
        <v>0</v>
      </c>
      <c r="AS1082" s="166">
        <v>0</v>
      </c>
      <c r="AT1082" s="166">
        <v>0</v>
      </c>
      <c r="AU1082" s="166">
        <v>0</v>
      </c>
      <c r="AV1082" s="166">
        <v>0</v>
      </c>
      <c r="AW1082" s="166">
        <v>0</v>
      </c>
      <c r="AX1082" s="166">
        <v>0</v>
      </c>
      <c r="AY1082" s="166">
        <v>0</v>
      </c>
      <c r="AZ1082" s="166">
        <v>0</v>
      </c>
      <c r="BA1082" s="166">
        <v>0</v>
      </c>
      <c r="BB1082" s="166">
        <v>0</v>
      </c>
      <c r="BC1082" s="166">
        <v>0</v>
      </c>
      <c r="BD1082" s="166">
        <v>0</v>
      </c>
      <c r="BE1082" s="166">
        <v>0</v>
      </c>
      <c r="BF1082" s="166">
        <v>0</v>
      </c>
      <c r="BG1082" s="166">
        <v>0</v>
      </c>
      <c r="BH1082" s="166">
        <v>0</v>
      </c>
      <c r="BI1082" s="166">
        <v>0</v>
      </c>
      <c r="BJ1082" s="166">
        <v>0</v>
      </c>
      <c r="BK1082" s="166">
        <v>0</v>
      </c>
      <c r="BL1082" s="166">
        <v>0</v>
      </c>
      <c r="BM1082" s="166">
        <v>0</v>
      </c>
      <c r="BN1082" s="166">
        <v>0</v>
      </c>
      <c r="BO1082" s="166">
        <v>0</v>
      </c>
      <c r="BP1082" s="166">
        <v>0</v>
      </c>
      <c r="BQ1082" s="166">
        <v>0</v>
      </c>
      <c r="BR1082" s="166">
        <v>91815310.860526398</v>
      </c>
      <c r="BS1082" s="166">
        <v>91815310.860526398</v>
      </c>
      <c r="BT1082" s="168">
        <v>0</v>
      </c>
      <c r="BU1082" s="166">
        <v>5210293.8152431101</v>
      </c>
      <c r="BV1082" s="166">
        <v>90764225.423247203</v>
      </c>
      <c r="BW1082" s="166">
        <v>0</v>
      </c>
      <c r="BX1082" s="166">
        <v>0</v>
      </c>
      <c r="BY1082" s="166">
        <v>0</v>
      </c>
      <c r="BZ1082" s="166">
        <v>0</v>
      </c>
      <c r="CA1082" s="166">
        <v>0</v>
      </c>
      <c r="CB1082" s="166">
        <v>0</v>
      </c>
      <c r="CC1082" s="166">
        <v>0</v>
      </c>
      <c r="CD1082" s="166">
        <v>0</v>
      </c>
      <c r="CE1082" s="166">
        <v>0</v>
      </c>
      <c r="CF1082" s="166">
        <v>0</v>
      </c>
      <c r="CG1082" s="166">
        <v>0</v>
      </c>
      <c r="CH1082" s="166">
        <v>0</v>
      </c>
      <c r="CI1082" s="166">
        <v>0</v>
      </c>
      <c r="CJ1082" s="166">
        <v>0</v>
      </c>
      <c r="CK1082" s="166">
        <v>0</v>
      </c>
      <c r="CL1082" s="166">
        <v>0</v>
      </c>
      <c r="CM1082" s="166">
        <v>0</v>
      </c>
      <c r="CN1082" s="166">
        <v>0</v>
      </c>
      <c r="CO1082" s="166">
        <v>0</v>
      </c>
      <c r="CP1082" s="166">
        <v>0</v>
      </c>
      <c r="CQ1082" s="166">
        <v>0</v>
      </c>
      <c r="CR1082" s="166">
        <v>0</v>
      </c>
      <c r="CS1082" s="166">
        <v>0</v>
      </c>
      <c r="CT1082" s="166">
        <v>0</v>
      </c>
      <c r="CU1082" s="166">
        <v>0</v>
      </c>
      <c r="CV1082" s="166">
        <v>0</v>
      </c>
      <c r="CW1082" s="166">
        <v>0</v>
      </c>
      <c r="CX1082" s="166">
        <v>0</v>
      </c>
      <c r="CY1082" s="166">
        <v>90764225.423247203</v>
      </c>
      <c r="CZ1082" s="166">
        <v>90764225.423247203</v>
      </c>
    </row>
    <row r="1083" spans="1:104" x14ac:dyDescent="0.2">
      <c r="A1083" s="167" t="s">
        <v>611</v>
      </c>
      <c r="B1083" s="166">
        <v>6574276.5206364496</v>
      </c>
      <c r="C1083" s="166">
        <v>6574276.5206364496</v>
      </c>
      <c r="D1083" s="166">
        <v>0</v>
      </c>
      <c r="E1083" s="166">
        <v>0</v>
      </c>
      <c r="F1083" s="166">
        <v>0</v>
      </c>
      <c r="G1083" s="166">
        <v>0</v>
      </c>
      <c r="H1083" s="166">
        <v>0</v>
      </c>
      <c r="I1083" s="166">
        <v>0</v>
      </c>
      <c r="J1083" s="166">
        <v>0</v>
      </c>
      <c r="K1083" s="166">
        <v>0</v>
      </c>
      <c r="L1083" s="166">
        <v>0</v>
      </c>
      <c r="M1083" s="166">
        <v>0</v>
      </c>
      <c r="N1083" s="166">
        <v>0</v>
      </c>
      <c r="O1083" s="166">
        <v>0</v>
      </c>
      <c r="P1083" s="166">
        <v>0</v>
      </c>
      <c r="Q1083" s="166">
        <v>0</v>
      </c>
      <c r="R1083" s="166">
        <v>0</v>
      </c>
      <c r="S1083" s="166">
        <v>0</v>
      </c>
      <c r="T1083" s="166">
        <v>0</v>
      </c>
      <c r="U1083" s="166">
        <v>0</v>
      </c>
      <c r="V1083" s="166">
        <v>0</v>
      </c>
      <c r="W1083" s="166">
        <v>0</v>
      </c>
      <c r="X1083" s="166">
        <v>0</v>
      </c>
      <c r="Y1083" s="166">
        <v>0</v>
      </c>
      <c r="Z1083" s="166">
        <v>0</v>
      </c>
      <c r="AA1083" s="166">
        <v>0</v>
      </c>
      <c r="AB1083" s="166">
        <v>0</v>
      </c>
      <c r="AC1083" s="166">
        <v>0</v>
      </c>
      <c r="AD1083" s="166">
        <v>0</v>
      </c>
      <c r="AE1083" s="166">
        <v>0</v>
      </c>
      <c r="AF1083" s="166">
        <v>0</v>
      </c>
      <c r="AG1083" s="166">
        <v>0</v>
      </c>
      <c r="AH1083" s="166">
        <v>0</v>
      </c>
      <c r="AI1083" s="166">
        <v>0</v>
      </c>
      <c r="AJ1083" s="166">
        <v>0</v>
      </c>
      <c r="AK1083" s="166">
        <v>0</v>
      </c>
      <c r="AL1083" s="166">
        <v>0</v>
      </c>
      <c r="AM1083" s="166">
        <v>0</v>
      </c>
      <c r="AN1083" s="166">
        <v>0</v>
      </c>
      <c r="AO1083" s="166">
        <v>0</v>
      </c>
      <c r="AP1083" s="166">
        <v>0</v>
      </c>
      <c r="AQ1083" s="166">
        <v>0</v>
      </c>
      <c r="AR1083" s="166">
        <v>0</v>
      </c>
      <c r="AS1083" s="166">
        <v>0</v>
      </c>
      <c r="AT1083" s="166">
        <v>0</v>
      </c>
      <c r="AU1083" s="166">
        <v>0</v>
      </c>
      <c r="AV1083" s="166">
        <v>0</v>
      </c>
      <c r="AW1083" s="166">
        <v>0</v>
      </c>
      <c r="AX1083" s="166">
        <v>0</v>
      </c>
      <c r="AY1083" s="166">
        <v>0</v>
      </c>
      <c r="AZ1083" s="166">
        <v>0</v>
      </c>
      <c r="BA1083" s="166">
        <v>0</v>
      </c>
      <c r="BB1083" s="166">
        <v>0</v>
      </c>
      <c r="BC1083" s="166">
        <v>0</v>
      </c>
      <c r="BD1083" s="166">
        <v>0</v>
      </c>
      <c r="BE1083" s="166">
        <v>0</v>
      </c>
      <c r="BF1083" s="166">
        <v>0</v>
      </c>
      <c r="BG1083" s="166">
        <v>0</v>
      </c>
      <c r="BH1083" s="166">
        <v>0</v>
      </c>
      <c r="BI1083" s="166">
        <v>0</v>
      </c>
      <c r="BJ1083" s="166">
        <v>0</v>
      </c>
      <c r="BK1083" s="166">
        <v>0</v>
      </c>
      <c r="BL1083" s="166">
        <v>0</v>
      </c>
      <c r="BM1083" s="166">
        <v>0</v>
      </c>
      <c r="BN1083" s="166">
        <v>0</v>
      </c>
      <c r="BO1083" s="166">
        <v>0</v>
      </c>
      <c r="BP1083" s="166">
        <v>0</v>
      </c>
      <c r="BQ1083" s="166">
        <v>0</v>
      </c>
      <c r="BR1083" s="166">
        <v>6574276.5206364496</v>
      </c>
      <c r="BS1083" s="166">
        <v>6574276.5206364496</v>
      </c>
      <c r="BT1083" s="168">
        <v>0</v>
      </c>
      <c r="BU1083" s="166">
        <v>302079.30629859603</v>
      </c>
      <c r="BV1083" s="166">
        <v>6187792.3801712999</v>
      </c>
      <c r="BW1083" s="166">
        <v>0</v>
      </c>
      <c r="BX1083" s="166">
        <v>0</v>
      </c>
      <c r="BY1083" s="166">
        <v>0</v>
      </c>
      <c r="BZ1083" s="166">
        <v>0</v>
      </c>
      <c r="CA1083" s="166">
        <v>0</v>
      </c>
      <c r="CB1083" s="166">
        <v>0</v>
      </c>
      <c r="CC1083" s="166">
        <v>0</v>
      </c>
      <c r="CD1083" s="166">
        <v>0</v>
      </c>
      <c r="CE1083" s="166">
        <v>0</v>
      </c>
      <c r="CF1083" s="166">
        <v>0</v>
      </c>
      <c r="CG1083" s="166">
        <v>0</v>
      </c>
      <c r="CH1083" s="166">
        <v>0</v>
      </c>
      <c r="CI1083" s="166">
        <v>0</v>
      </c>
      <c r="CJ1083" s="166">
        <v>0</v>
      </c>
      <c r="CK1083" s="166">
        <v>0</v>
      </c>
      <c r="CL1083" s="166">
        <v>0</v>
      </c>
      <c r="CM1083" s="166">
        <v>0</v>
      </c>
      <c r="CN1083" s="166">
        <v>0</v>
      </c>
      <c r="CO1083" s="166">
        <v>0</v>
      </c>
      <c r="CP1083" s="166">
        <v>0</v>
      </c>
      <c r="CQ1083" s="166">
        <v>0</v>
      </c>
      <c r="CR1083" s="166">
        <v>0</v>
      </c>
      <c r="CS1083" s="166">
        <v>0</v>
      </c>
      <c r="CT1083" s="166">
        <v>0</v>
      </c>
      <c r="CU1083" s="166">
        <v>0</v>
      </c>
      <c r="CV1083" s="166">
        <v>0</v>
      </c>
      <c r="CW1083" s="166">
        <v>0</v>
      </c>
      <c r="CX1083" s="166">
        <v>0</v>
      </c>
      <c r="CY1083" s="166">
        <v>6187792.3801712999</v>
      </c>
      <c r="CZ1083" s="166">
        <v>6187792.3801712999</v>
      </c>
    </row>
    <row r="1084" spans="1:104" x14ac:dyDescent="0.2">
      <c r="A1084" s="167" t="s">
        <v>612</v>
      </c>
      <c r="B1084" s="166">
        <v>3835669.10781524</v>
      </c>
      <c r="C1084" s="166">
        <v>3835669.10781524</v>
      </c>
      <c r="D1084" s="166">
        <v>0</v>
      </c>
      <c r="E1084" s="166">
        <v>0</v>
      </c>
      <c r="F1084" s="166">
        <v>0</v>
      </c>
      <c r="G1084" s="166">
        <v>0</v>
      </c>
      <c r="H1084" s="166">
        <v>0</v>
      </c>
      <c r="I1084" s="166">
        <v>0</v>
      </c>
      <c r="J1084" s="166">
        <v>0</v>
      </c>
      <c r="K1084" s="166">
        <v>0</v>
      </c>
      <c r="L1084" s="166">
        <v>0</v>
      </c>
      <c r="M1084" s="166">
        <v>0</v>
      </c>
      <c r="N1084" s="166">
        <v>0</v>
      </c>
      <c r="O1084" s="166">
        <v>0</v>
      </c>
      <c r="P1084" s="166">
        <v>0</v>
      </c>
      <c r="Q1084" s="166">
        <v>0</v>
      </c>
      <c r="R1084" s="166">
        <v>0</v>
      </c>
      <c r="S1084" s="166">
        <v>0</v>
      </c>
      <c r="T1084" s="166">
        <v>0</v>
      </c>
      <c r="U1084" s="166">
        <v>0</v>
      </c>
      <c r="V1084" s="166">
        <v>0</v>
      </c>
      <c r="W1084" s="166">
        <v>0</v>
      </c>
      <c r="X1084" s="166">
        <v>0</v>
      </c>
      <c r="Y1084" s="166">
        <v>0</v>
      </c>
      <c r="Z1084" s="166">
        <v>0</v>
      </c>
      <c r="AA1084" s="166">
        <v>0</v>
      </c>
      <c r="AB1084" s="166">
        <v>0</v>
      </c>
      <c r="AC1084" s="166">
        <v>0</v>
      </c>
      <c r="AD1084" s="166">
        <v>0</v>
      </c>
      <c r="AE1084" s="166">
        <v>0</v>
      </c>
      <c r="AF1084" s="166">
        <v>0</v>
      </c>
      <c r="AG1084" s="166">
        <v>0</v>
      </c>
      <c r="AH1084" s="166">
        <v>0</v>
      </c>
      <c r="AI1084" s="166">
        <v>0</v>
      </c>
      <c r="AJ1084" s="166">
        <v>0</v>
      </c>
      <c r="AK1084" s="166">
        <v>0</v>
      </c>
      <c r="AL1084" s="166">
        <v>0</v>
      </c>
      <c r="AM1084" s="166">
        <v>0</v>
      </c>
      <c r="AN1084" s="166">
        <v>0</v>
      </c>
      <c r="AO1084" s="166">
        <v>0</v>
      </c>
      <c r="AP1084" s="166">
        <v>0</v>
      </c>
      <c r="AQ1084" s="166">
        <v>0</v>
      </c>
      <c r="AR1084" s="166">
        <v>0</v>
      </c>
      <c r="AS1084" s="166">
        <v>0</v>
      </c>
      <c r="AT1084" s="166">
        <v>0</v>
      </c>
      <c r="AU1084" s="166">
        <v>0</v>
      </c>
      <c r="AV1084" s="166">
        <v>0</v>
      </c>
      <c r="AW1084" s="166">
        <v>0</v>
      </c>
      <c r="AX1084" s="166">
        <v>0</v>
      </c>
      <c r="AY1084" s="166">
        <v>0</v>
      </c>
      <c r="AZ1084" s="166">
        <v>0</v>
      </c>
      <c r="BA1084" s="166">
        <v>0</v>
      </c>
      <c r="BB1084" s="166">
        <v>0</v>
      </c>
      <c r="BC1084" s="166">
        <v>0</v>
      </c>
      <c r="BD1084" s="166">
        <v>0</v>
      </c>
      <c r="BE1084" s="166">
        <v>0</v>
      </c>
      <c r="BF1084" s="166">
        <v>0</v>
      </c>
      <c r="BG1084" s="166">
        <v>0</v>
      </c>
      <c r="BH1084" s="166">
        <v>0</v>
      </c>
      <c r="BI1084" s="166">
        <v>0</v>
      </c>
      <c r="BJ1084" s="166">
        <v>0</v>
      </c>
      <c r="BK1084" s="166">
        <v>0</v>
      </c>
      <c r="BL1084" s="166">
        <v>0</v>
      </c>
      <c r="BM1084" s="166">
        <v>0</v>
      </c>
      <c r="BN1084" s="166">
        <v>0</v>
      </c>
      <c r="BO1084" s="166">
        <v>0</v>
      </c>
      <c r="BP1084" s="166">
        <v>0</v>
      </c>
      <c r="BQ1084" s="166">
        <v>0</v>
      </c>
      <c r="BR1084" s="166">
        <v>3835669.10781524</v>
      </c>
      <c r="BS1084" s="166">
        <v>3835669.10781524</v>
      </c>
      <c r="BT1084" s="168">
        <v>0</v>
      </c>
      <c r="BU1084" s="166">
        <v>278887.346020495</v>
      </c>
      <c r="BV1084" s="166">
        <v>3754204.44384804</v>
      </c>
      <c r="BW1084" s="166">
        <v>0</v>
      </c>
      <c r="BX1084" s="166">
        <v>0</v>
      </c>
      <c r="BY1084" s="166">
        <v>0</v>
      </c>
      <c r="BZ1084" s="166">
        <v>0</v>
      </c>
      <c r="CA1084" s="166">
        <v>0</v>
      </c>
      <c r="CB1084" s="166">
        <v>0</v>
      </c>
      <c r="CC1084" s="166">
        <v>0</v>
      </c>
      <c r="CD1084" s="166">
        <v>0</v>
      </c>
      <c r="CE1084" s="166">
        <v>0</v>
      </c>
      <c r="CF1084" s="166">
        <v>0</v>
      </c>
      <c r="CG1084" s="166">
        <v>0</v>
      </c>
      <c r="CH1084" s="166">
        <v>0</v>
      </c>
      <c r="CI1084" s="166">
        <v>0</v>
      </c>
      <c r="CJ1084" s="166">
        <v>0</v>
      </c>
      <c r="CK1084" s="166">
        <v>0</v>
      </c>
      <c r="CL1084" s="166">
        <v>0</v>
      </c>
      <c r="CM1084" s="166">
        <v>0</v>
      </c>
      <c r="CN1084" s="166">
        <v>0</v>
      </c>
      <c r="CO1084" s="166">
        <v>0</v>
      </c>
      <c r="CP1084" s="166">
        <v>0</v>
      </c>
      <c r="CQ1084" s="166">
        <v>0</v>
      </c>
      <c r="CR1084" s="166">
        <v>0</v>
      </c>
      <c r="CS1084" s="166">
        <v>0</v>
      </c>
      <c r="CT1084" s="166">
        <v>0</v>
      </c>
      <c r="CU1084" s="166">
        <v>0</v>
      </c>
      <c r="CV1084" s="166">
        <v>0</v>
      </c>
      <c r="CW1084" s="166">
        <v>0</v>
      </c>
      <c r="CX1084" s="166">
        <v>0</v>
      </c>
      <c r="CY1084" s="166">
        <v>3754204.44384804</v>
      </c>
      <c r="CZ1084" s="166">
        <v>3754204.44384804</v>
      </c>
    </row>
    <row r="1085" spans="1:104" x14ac:dyDescent="0.2">
      <c r="A1085" s="167" t="s">
        <v>613</v>
      </c>
      <c r="B1085" s="166">
        <v>142804559.752738</v>
      </c>
      <c r="C1085" s="166">
        <v>142804559.752738</v>
      </c>
      <c r="D1085" s="166">
        <v>0</v>
      </c>
      <c r="E1085" s="166">
        <v>0</v>
      </c>
      <c r="F1085" s="166">
        <v>0</v>
      </c>
      <c r="G1085" s="166">
        <v>0</v>
      </c>
      <c r="H1085" s="166">
        <v>0</v>
      </c>
      <c r="I1085" s="166">
        <v>0</v>
      </c>
      <c r="J1085" s="166">
        <v>0</v>
      </c>
      <c r="K1085" s="166">
        <v>0</v>
      </c>
      <c r="L1085" s="166">
        <v>0</v>
      </c>
      <c r="M1085" s="166">
        <v>0</v>
      </c>
      <c r="N1085" s="166">
        <v>0</v>
      </c>
      <c r="O1085" s="166">
        <v>0</v>
      </c>
      <c r="P1085" s="166">
        <v>0</v>
      </c>
      <c r="Q1085" s="166">
        <v>0</v>
      </c>
      <c r="R1085" s="166">
        <v>0</v>
      </c>
      <c r="S1085" s="166">
        <v>0</v>
      </c>
      <c r="T1085" s="166">
        <v>0</v>
      </c>
      <c r="U1085" s="166">
        <v>0</v>
      </c>
      <c r="V1085" s="166">
        <v>0</v>
      </c>
      <c r="W1085" s="166">
        <v>0</v>
      </c>
      <c r="X1085" s="166">
        <v>0</v>
      </c>
      <c r="Y1085" s="166">
        <v>0</v>
      </c>
      <c r="Z1085" s="166">
        <v>0</v>
      </c>
      <c r="AA1085" s="166">
        <v>0</v>
      </c>
      <c r="AB1085" s="166">
        <v>0</v>
      </c>
      <c r="AC1085" s="166">
        <v>0</v>
      </c>
      <c r="AD1085" s="166">
        <v>0</v>
      </c>
      <c r="AE1085" s="166">
        <v>0</v>
      </c>
      <c r="AF1085" s="166">
        <v>0</v>
      </c>
      <c r="AG1085" s="166">
        <v>0</v>
      </c>
      <c r="AH1085" s="166">
        <v>0</v>
      </c>
      <c r="AI1085" s="166">
        <v>0</v>
      </c>
      <c r="AJ1085" s="166">
        <v>0</v>
      </c>
      <c r="AK1085" s="166">
        <v>0</v>
      </c>
      <c r="AL1085" s="166">
        <v>0</v>
      </c>
      <c r="AM1085" s="166">
        <v>0</v>
      </c>
      <c r="AN1085" s="166">
        <v>0</v>
      </c>
      <c r="AO1085" s="166">
        <v>0</v>
      </c>
      <c r="AP1085" s="166">
        <v>0</v>
      </c>
      <c r="AQ1085" s="166">
        <v>0</v>
      </c>
      <c r="AR1085" s="166">
        <v>0</v>
      </c>
      <c r="AS1085" s="166">
        <v>0</v>
      </c>
      <c r="AT1085" s="166">
        <v>0</v>
      </c>
      <c r="AU1085" s="166">
        <v>0</v>
      </c>
      <c r="AV1085" s="166">
        <v>0</v>
      </c>
      <c r="AW1085" s="166">
        <v>0</v>
      </c>
      <c r="AX1085" s="166">
        <v>0</v>
      </c>
      <c r="AY1085" s="166">
        <v>0</v>
      </c>
      <c r="AZ1085" s="166">
        <v>0</v>
      </c>
      <c r="BA1085" s="166">
        <v>0</v>
      </c>
      <c r="BB1085" s="166">
        <v>0</v>
      </c>
      <c r="BC1085" s="166">
        <v>0</v>
      </c>
      <c r="BD1085" s="166">
        <v>0</v>
      </c>
      <c r="BE1085" s="166">
        <v>0</v>
      </c>
      <c r="BF1085" s="166">
        <v>0</v>
      </c>
      <c r="BG1085" s="166">
        <v>0</v>
      </c>
      <c r="BH1085" s="166">
        <v>0</v>
      </c>
      <c r="BI1085" s="166">
        <v>0</v>
      </c>
      <c r="BJ1085" s="166">
        <v>0</v>
      </c>
      <c r="BK1085" s="166">
        <v>0</v>
      </c>
      <c r="BL1085" s="166">
        <v>0</v>
      </c>
      <c r="BM1085" s="166">
        <v>0</v>
      </c>
      <c r="BN1085" s="166">
        <v>0</v>
      </c>
      <c r="BO1085" s="166">
        <v>0</v>
      </c>
      <c r="BP1085" s="166">
        <v>0</v>
      </c>
      <c r="BQ1085" s="166">
        <v>0</v>
      </c>
      <c r="BR1085" s="166">
        <v>142804559.752738</v>
      </c>
      <c r="BS1085" s="166">
        <v>142804559.752738</v>
      </c>
      <c r="BT1085" s="168">
        <v>0</v>
      </c>
      <c r="BU1085" s="166">
        <v>7472462.1698758602</v>
      </c>
      <c r="BV1085" s="166">
        <v>139707524.03696701</v>
      </c>
      <c r="BW1085" s="166">
        <v>0</v>
      </c>
      <c r="BX1085" s="166">
        <v>0</v>
      </c>
      <c r="BY1085" s="166">
        <v>0</v>
      </c>
      <c r="BZ1085" s="166">
        <v>0</v>
      </c>
      <c r="CA1085" s="166">
        <v>0</v>
      </c>
      <c r="CB1085" s="166">
        <v>0</v>
      </c>
      <c r="CC1085" s="166">
        <v>0</v>
      </c>
      <c r="CD1085" s="166">
        <v>0</v>
      </c>
      <c r="CE1085" s="166">
        <v>0</v>
      </c>
      <c r="CF1085" s="166">
        <v>0</v>
      </c>
      <c r="CG1085" s="166">
        <v>0</v>
      </c>
      <c r="CH1085" s="166">
        <v>0</v>
      </c>
      <c r="CI1085" s="166">
        <v>0</v>
      </c>
      <c r="CJ1085" s="166">
        <v>0</v>
      </c>
      <c r="CK1085" s="166">
        <v>0</v>
      </c>
      <c r="CL1085" s="166">
        <v>0</v>
      </c>
      <c r="CM1085" s="166">
        <v>0</v>
      </c>
      <c r="CN1085" s="166">
        <v>0</v>
      </c>
      <c r="CO1085" s="166">
        <v>0</v>
      </c>
      <c r="CP1085" s="166">
        <v>0</v>
      </c>
      <c r="CQ1085" s="166">
        <v>0</v>
      </c>
      <c r="CR1085" s="166">
        <v>0</v>
      </c>
      <c r="CS1085" s="166">
        <v>0</v>
      </c>
      <c r="CT1085" s="166">
        <v>0</v>
      </c>
      <c r="CU1085" s="166">
        <v>0</v>
      </c>
      <c r="CV1085" s="166">
        <v>0</v>
      </c>
      <c r="CW1085" s="166">
        <v>0</v>
      </c>
      <c r="CX1085" s="166">
        <v>0</v>
      </c>
      <c r="CY1085" s="166">
        <v>139707524.03696701</v>
      </c>
      <c r="CZ1085" s="166">
        <v>139707524.03696701</v>
      </c>
    </row>
    <row r="1086" spans="1:104" x14ac:dyDescent="0.2">
      <c r="A1086" s="167" t="s">
        <v>614</v>
      </c>
      <c r="B1086" s="166">
        <v>0</v>
      </c>
      <c r="C1086" s="166">
        <v>0</v>
      </c>
      <c r="D1086" s="166">
        <v>0</v>
      </c>
      <c r="E1086" s="166">
        <v>0</v>
      </c>
      <c r="F1086" s="166">
        <v>0</v>
      </c>
      <c r="G1086" s="166">
        <v>0</v>
      </c>
      <c r="H1086" s="166">
        <v>0</v>
      </c>
      <c r="I1086" s="166">
        <v>0</v>
      </c>
      <c r="J1086" s="166">
        <v>0</v>
      </c>
      <c r="K1086" s="166">
        <v>0</v>
      </c>
      <c r="L1086" s="166">
        <v>0</v>
      </c>
      <c r="M1086" s="166">
        <v>0</v>
      </c>
      <c r="N1086" s="166">
        <v>0</v>
      </c>
      <c r="O1086" s="166">
        <v>0</v>
      </c>
      <c r="P1086" s="166">
        <v>0</v>
      </c>
      <c r="Q1086" s="166">
        <v>0</v>
      </c>
      <c r="R1086" s="166">
        <v>0</v>
      </c>
      <c r="S1086" s="166">
        <v>0</v>
      </c>
      <c r="T1086" s="166">
        <v>0</v>
      </c>
      <c r="U1086" s="166">
        <v>0</v>
      </c>
      <c r="V1086" s="166">
        <v>0</v>
      </c>
      <c r="W1086" s="166">
        <v>0</v>
      </c>
      <c r="X1086" s="166">
        <v>0</v>
      </c>
      <c r="Y1086" s="166">
        <v>0</v>
      </c>
      <c r="Z1086" s="166">
        <v>0</v>
      </c>
      <c r="AA1086" s="166">
        <v>0</v>
      </c>
      <c r="AB1086" s="166">
        <v>0</v>
      </c>
      <c r="AC1086" s="166">
        <v>0</v>
      </c>
      <c r="AD1086" s="166">
        <v>0</v>
      </c>
      <c r="AE1086" s="166">
        <v>0</v>
      </c>
      <c r="AF1086" s="166">
        <v>0</v>
      </c>
      <c r="AG1086" s="166">
        <v>0</v>
      </c>
      <c r="AH1086" s="166">
        <v>0</v>
      </c>
      <c r="AI1086" s="166">
        <v>0</v>
      </c>
      <c r="AJ1086" s="166">
        <v>0</v>
      </c>
      <c r="AK1086" s="166">
        <v>0</v>
      </c>
      <c r="AL1086" s="166">
        <v>0</v>
      </c>
      <c r="AM1086" s="166">
        <v>0</v>
      </c>
      <c r="AN1086" s="166">
        <v>0</v>
      </c>
      <c r="AO1086" s="166">
        <v>0</v>
      </c>
      <c r="AP1086" s="166">
        <v>0</v>
      </c>
      <c r="AQ1086" s="166">
        <v>0</v>
      </c>
      <c r="AR1086" s="166">
        <v>0</v>
      </c>
      <c r="AS1086" s="166">
        <v>0</v>
      </c>
      <c r="AT1086" s="166">
        <v>0</v>
      </c>
      <c r="AU1086" s="166">
        <v>0</v>
      </c>
      <c r="AV1086" s="166">
        <v>0</v>
      </c>
      <c r="AW1086" s="166">
        <v>0</v>
      </c>
      <c r="AX1086" s="166">
        <v>0</v>
      </c>
      <c r="AY1086" s="166">
        <v>0</v>
      </c>
      <c r="AZ1086" s="166">
        <v>0</v>
      </c>
      <c r="BA1086" s="166">
        <v>0</v>
      </c>
      <c r="BB1086" s="166">
        <v>0</v>
      </c>
      <c r="BC1086" s="166">
        <v>0</v>
      </c>
      <c r="BD1086" s="166">
        <v>0</v>
      </c>
      <c r="BE1086" s="166">
        <v>0</v>
      </c>
      <c r="BF1086" s="166">
        <v>0</v>
      </c>
      <c r="BG1086" s="166">
        <v>0</v>
      </c>
      <c r="BH1086" s="166">
        <v>0</v>
      </c>
      <c r="BI1086" s="166">
        <v>0</v>
      </c>
      <c r="BJ1086" s="166">
        <v>0</v>
      </c>
      <c r="BK1086" s="166">
        <v>0</v>
      </c>
      <c r="BL1086" s="166">
        <v>0</v>
      </c>
      <c r="BM1086" s="166">
        <v>0</v>
      </c>
      <c r="BN1086" s="166">
        <v>0</v>
      </c>
      <c r="BO1086" s="166">
        <v>0</v>
      </c>
      <c r="BP1086" s="166">
        <v>0</v>
      </c>
      <c r="BQ1086" s="166">
        <v>0</v>
      </c>
      <c r="BR1086" s="166">
        <v>0</v>
      </c>
      <c r="BS1086" s="166">
        <v>0</v>
      </c>
      <c r="BT1086" s="168">
        <v>0</v>
      </c>
      <c r="BU1086" s="166">
        <v>0</v>
      </c>
      <c r="BV1086" s="166">
        <v>0</v>
      </c>
      <c r="BW1086" s="166">
        <v>0</v>
      </c>
      <c r="BX1086" s="166">
        <v>0</v>
      </c>
      <c r="BY1086" s="166">
        <v>0</v>
      </c>
      <c r="BZ1086" s="166">
        <v>0</v>
      </c>
      <c r="CA1086" s="166">
        <v>0</v>
      </c>
      <c r="CB1086" s="166">
        <v>0</v>
      </c>
      <c r="CC1086" s="166">
        <v>0</v>
      </c>
      <c r="CD1086" s="166">
        <v>0</v>
      </c>
      <c r="CE1086" s="166">
        <v>0</v>
      </c>
      <c r="CF1086" s="166">
        <v>0</v>
      </c>
      <c r="CG1086" s="166">
        <v>0</v>
      </c>
      <c r="CH1086" s="166">
        <v>0</v>
      </c>
      <c r="CI1086" s="166">
        <v>0</v>
      </c>
      <c r="CJ1086" s="166">
        <v>0</v>
      </c>
      <c r="CK1086" s="166">
        <v>0</v>
      </c>
      <c r="CL1086" s="166">
        <v>0</v>
      </c>
      <c r="CM1086" s="166">
        <v>0</v>
      </c>
      <c r="CN1086" s="166">
        <v>0</v>
      </c>
      <c r="CO1086" s="166">
        <v>0</v>
      </c>
      <c r="CP1086" s="166">
        <v>0</v>
      </c>
      <c r="CQ1086" s="166">
        <v>0</v>
      </c>
      <c r="CR1086" s="166">
        <v>0</v>
      </c>
      <c r="CS1086" s="166">
        <v>0</v>
      </c>
      <c r="CT1086" s="166">
        <v>0</v>
      </c>
      <c r="CU1086" s="166">
        <v>0</v>
      </c>
      <c r="CV1086" s="166">
        <v>0</v>
      </c>
      <c r="CW1086" s="166">
        <v>0</v>
      </c>
      <c r="CX1086" s="166">
        <v>0</v>
      </c>
      <c r="CY1086" s="166">
        <v>0</v>
      </c>
      <c r="CZ1086" s="166">
        <v>0</v>
      </c>
    </row>
    <row r="1087" spans="1:104" x14ac:dyDescent="0.2">
      <c r="A1087" s="167" t="s">
        <v>615</v>
      </c>
      <c r="B1087" s="166">
        <v>265363.28109708597</v>
      </c>
      <c r="C1087" s="166">
        <v>265363.28109708597</v>
      </c>
      <c r="D1087" s="166">
        <v>0</v>
      </c>
      <c r="E1087" s="166">
        <v>0</v>
      </c>
      <c r="F1087" s="166">
        <v>0</v>
      </c>
      <c r="G1087" s="166">
        <v>0</v>
      </c>
      <c r="H1087" s="166">
        <v>0</v>
      </c>
      <c r="I1087" s="166">
        <v>0</v>
      </c>
      <c r="J1087" s="166">
        <v>0</v>
      </c>
      <c r="K1087" s="166">
        <v>0</v>
      </c>
      <c r="L1087" s="166">
        <v>0</v>
      </c>
      <c r="M1087" s="166">
        <v>0</v>
      </c>
      <c r="N1087" s="166">
        <v>0</v>
      </c>
      <c r="O1087" s="166">
        <v>0</v>
      </c>
      <c r="P1087" s="166">
        <v>0</v>
      </c>
      <c r="Q1087" s="166">
        <v>0</v>
      </c>
      <c r="R1087" s="166">
        <v>0</v>
      </c>
      <c r="S1087" s="166">
        <v>0</v>
      </c>
      <c r="T1087" s="166">
        <v>0</v>
      </c>
      <c r="U1087" s="166">
        <v>0</v>
      </c>
      <c r="V1087" s="166">
        <v>0</v>
      </c>
      <c r="W1087" s="166">
        <v>0</v>
      </c>
      <c r="X1087" s="166">
        <v>0</v>
      </c>
      <c r="Y1087" s="166">
        <v>0</v>
      </c>
      <c r="Z1087" s="166">
        <v>0</v>
      </c>
      <c r="AA1087" s="166">
        <v>0</v>
      </c>
      <c r="AB1087" s="166">
        <v>0</v>
      </c>
      <c r="AC1087" s="166">
        <v>0</v>
      </c>
      <c r="AD1087" s="166">
        <v>0</v>
      </c>
      <c r="AE1087" s="166">
        <v>0</v>
      </c>
      <c r="AF1087" s="166">
        <v>0</v>
      </c>
      <c r="AG1087" s="166">
        <v>0</v>
      </c>
      <c r="AH1087" s="166">
        <v>0</v>
      </c>
      <c r="AI1087" s="166">
        <v>0</v>
      </c>
      <c r="AJ1087" s="166">
        <v>0</v>
      </c>
      <c r="AK1087" s="166">
        <v>0</v>
      </c>
      <c r="AL1087" s="166">
        <v>0</v>
      </c>
      <c r="AM1087" s="166">
        <v>0</v>
      </c>
      <c r="AN1087" s="166">
        <v>0</v>
      </c>
      <c r="AO1087" s="166">
        <v>0</v>
      </c>
      <c r="AP1087" s="166">
        <v>0</v>
      </c>
      <c r="AQ1087" s="166">
        <v>0</v>
      </c>
      <c r="AR1087" s="166">
        <v>0</v>
      </c>
      <c r="AS1087" s="166">
        <v>0</v>
      </c>
      <c r="AT1087" s="166">
        <v>0</v>
      </c>
      <c r="AU1087" s="166">
        <v>0</v>
      </c>
      <c r="AV1087" s="166">
        <v>0</v>
      </c>
      <c r="AW1087" s="166">
        <v>0</v>
      </c>
      <c r="AX1087" s="166">
        <v>0</v>
      </c>
      <c r="AY1087" s="166">
        <v>0</v>
      </c>
      <c r="AZ1087" s="166">
        <v>0</v>
      </c>
      <c r="BA1087" s="166">
        <v>0</v>
      </c>
      <c r="BB1087" s="166">
        <v>0</v>
      </c>
      <c r="BC1087" s="166">
        <v>0</v>
      </c>
      <c r="BD1087" s="166">
        <v>0</v>
      </c>
      <c r="BE1087" s="166">
        <v>0</v>
      </c>
      <c r="BF1087" s="166">
        <v>0</v>
      </c>
      <c r="BG1087" s="166">
        <v>0</v>
      </c>
      <c r="BH1087" s="166">
        <v>0</v>
      </c>
      <c r="BI1087" s="166">
        <v>0</v>
      </c>
      <c r="BJ1087" s="166">
        <v>0</v>
      </c>
      <c r="BK1087" s="166">
        <v>0</v>
      </c>
      <c r="BL1087" s="166">
        <v>0</v>
      </c>
      <c r="BM1087" s="166">
        <v>0</v>
      </c>
      <c r="BN1087" s="166">
        <v>0</v>
      </c>
      <c r="BO1087" s="166">
        <v>0</v>
      </c>
      <c r="BP1087" s="166">
        <v>0</v>
      </c>
      <c r="BQ1087" s="166">
        <v>0</v>
      </c>
      <c r="BR1087" s="166">
        <v>265363.28109708597</v>
      </c>
      <c r="BS1087" s="166">
        <v>265363.28109708597</v>
      </c>
      <c r="BT1087" s="168">
        <v>0</v>
      </c>
      <c r="BU1087" s="166">
        <v>9863.0921560060597</v>
      </c>
      <c r="BV1087" s="166">
        <v>258471.79668699499</v>
      </c>
      <c r="BW1087" s="166">
        <v>0</v>
      </c>
      <c r="BX1087" s="166">
        <v>0</v>
      </c>
      <c r="BY1087" s="166">
        <v>0</v>
      </c>
      <c r="BZ1087" s="166">
        <v>0</v>
      </c>
      <c r="CA1087" s="166">
        <v>0</v>
      </c>
      <c r="CB1087" s="166">
        <v>0</v>
      </c>
      <c r="CC1087" s="166">
        <v>0</v>
      </c>
      <c r="CD1087" s="166">
        <v>0</v>
      </c>
      <c r="CE1087" s="166">
        <v>0</v>
      </c>
      <c r="CF1087" s="166">
        <v>0</v>
      </c>
      <c r="CG1087" s="166">
        <v>0</v>
      </c>
      <c r="CH1087" s="166">
        <v>0</v>
      </c>
      <c r="CI1087" s="166">
        <v>0</v>
      </c>
      <c r="CJ1087" s="166">
        <v>0</v>
      </c>
      <c r="CK1087" s="166">
        <v>0</v>
      </c>
      <c r="CL1087" s="166">
        <v>0</v>
      </c>
      <c r="CM1087" s="166">
        <v>0</v>
      </c>
      <c r="CN1087" s="166">
        <v>0</v>
      </c>
      <c r="CO1087" s="166">
        <v>0</v>
      </c>
      <c r="CP1087" s="166">
        <v>0</v>
      </c>
      <c r="CQ1087" s="166">
        <v>0</v>
      </c>
      <c r="CR1087" s="166">
        <v>0</v>
      </c>
      <c r="CS1087" s="166">
        <v>0</v>
      </c>
      <c r="CT1087" s="166">
        <v>0</v>
      </c>
      <c r="CU1087" s="166">
        <v>0</v>
      </c>
      <c r="CV1087" s="166">
        <v>0</v>
      </c>
      <c r="CW1087" s="166">
        <v>0</v>
      </c>
      <c r="CX1087" s="166">
        <v>0</v>
      </c>
      <c r="CY1087" s="166">
        <v>258471.79668699499</v>
      </c>
      <c r="CZ1087" s="166">
        <v>258471.79668699499</v>
      </c>
    </row>
    <row r="1088" spans="1:104" x14ac:dyDescent="0.2">
      <c r="A1088" s="167" t="s">
        <v>616</v>
      </c>
      <c r="B1088" s="166">
        <v>8389.8695140958207</v>
      </c>
      <c r="C1088" s="166">
        <v>8389.8695140958207</v>
      </c>
      <c r="D1088" s="166">
        <v>0</v>
      </c>
      <c r="E1088" s="166">
        <v>0</v>
      </c>
      <c r="F1088" s="166">
        <v>0</v>
      </c>
      <c r="G1088" s="166">
        <v>0</v>
      </c>
      <c r="H1088" s="166">
        <v>0</v>
      </c>
      <c r="I1088" s="166">
        <v>0</v>
      </c>
      <c r="J1088" s="166">
        <v>0</v>
      </c>
      <c r="K1088" s="166">
        <v>0</v>
      </c>
      <c r="L1088" s="166">
        <v>0</v>
      </c>
      <c r="M1088" s="166">
        <v>0</v>
      </c>
      <c r="N1088" s="166">
        <v>0</v>
      </c>
      <c r="O1088" s="166">
        <v>0</v>
      </c>
      <c r="P1088" s="166">
        <v>0</v>
      </c>
      <c r="Q1088" s="166">
        <v>0</v>
      </c>
      <c r="R1088" s="166">
        <v>0</v>
      </c>
      <c r="S1088" s="166">
        <v>0</v>
      </c>
      <c r="T1088" s="166">
        <v>0</v>
      </c>
      <c r="U1088" s="166">
        <v>0</v>
      </c>
      <c r="V1088" s="166">
        <v>0</v>
      </c>
      <c r="W1088" s="166">
        <v>0</v>
      </c>
      <c r="X1088" s="166">
        <v>0</v>
      </c>
      <c r="Y1088" s="166">
        <v>0</v>
      </c>
      <c r="Z1088" s="166">
        <v>0</v>
      </c>
      <c r="AA1088" s="166">
        <v>0</v>
      </c>
      <c r="AB1088" s="166">
        <v>0</v>
      </c>
      <c r="AC1088" s="166">
        <v>0</v>
      </c>
      <c r="AD1088" s="166">
        <v>0</v>
      </c>
      <c r="AE1088" s="166">
        <v>0</v>
      </c>
      <c r="AF1088" s="166">
        <v>0</v>
      </c>
      <c r="AG1088" s="166">
        <v>0</v>
      </c>
      <c r="AH1088" s="166">
        <v>0</v>
      </c>
      <c r="AI1088" s="166">
        <v>0</v>
      </c>
      <c r="AJ1088" s="166">
        <v>0</v>
      </c>
      <c r="AK1088" s="166">
        <v>0</v>
      </c>
      <c r="AL1088" s="166">
        <v>0</v>
      </c>
      <c r="AM1088" s="166">
        <v>0</v>
      </c>
      <c r="AN1088" s="166">
        <v>0</v>
      </c>
      <c r="AO1088" s="166">
        <v>0</v>
      </c>
      <c r="AP1088" s="166">
        <v>0</v>
      </c>
      <c r="AQ1088" s="166">
        <v>0</v>
      </c>
      <c r="AR1088" s="166">
        <v>0</v>
      </c>
      <c r="AS1088" s="166">
        <v>0</v>
      </c>
      <c r="AT1088" s="166">
        <v>0</v>
      </c>
      <c r="AU1088" s="166">
        <v>0</v>
      </c>
      <c r="AV1088" s="166">
        <v>0</v>
      </c>
      <c r="AW1088" s="166">
        <v>0</v>
      </c>
      <c r="AX1088" s="166">
        <v>0</v>
      </c>
      <c r="AY1088" s="166">
        <v>0</v>
      </c>
      <c r="AZ1088" s="166">
        <v>0</v>
      </c>
      <c r="BA1088" s="166">
        <v>0</v>
      </c>
      <c r="BB1088" s="166">
        <v>0</v>
      </c>
      <c r="BC1088" s="166">
        <v>0</v>
      </c>
      <c r="BD1088" s="166">
        <v>0</v>
      </c>
      <c r="BE1088" s="166">
        <v>0</v>
      </c>
      <c r="BF1088" s="166">
        <v>0</v>
      </c>
      <c r="BG1088" s="166">
        <v>0</v>
      </c>
      <c r="BH1088" s="166">
        <v>0</v>
      </c>
      <c r="BI1088" s="166">
        <v>0</v>
      </c>
      <c r="BJ1088" s="166">
        <v>0</v>
      </c>
      <c r="BK1088" s="166">
        <v>0</v>
      </c>
      <c r="BL1088" s="166">
        <v>0</v>
      </c>
      <c r="BM1088" s="166">
        <v>0</v>
      </c>
      <c r="BN1088" s="166">
        <v>0</v>
      </c>
      <c r="BO1088" s="166">
        <v>0</v>
      </c>
      <c r="BP1088" s="166">
        <v>0</v>
      </c>
      <c r="BQ1088" s="166">
        <v>0</v>
      </c>
      <c r="BR1088" s="166">
        <v>8389.8695140958207</v>
      </c>
      <c r="BS1088" s="166">
        <v>8389.8695140958207</v>
      </c>
      <c r="BT1088" s="168">
        <v>0</v>
      </c>
      <c r="BU1088" s="166">
        <v>296.579207327951</v>
      </c>
      <c r="BV1088" s="166">
        <v>7772.14278905228</v>
      </c>
      <c r="BW1088" s="166">
        <v>0</v>
      </c>
      <c r="BX1088" s="166">
        <v>0</v>
      </c>
      <c r="BY1088" s="166">
        <v>0</v>
      </c>
      <c r="BZ1088" s="166">
        <v>0</v>
      </c>
      <c r="CA1088" s="166">
        <v>0</v>
      </c>
      <c r="CB1088" s="166">
        <v>0</v>
      </c>
      <c r="CC1088" s="166">
        <v>0</v>
      </c>
      <c r="CD1088" s="166">
        <v>0</v>
      </c>
      <c r="CE1088" s="166">
        <v>0</v>
      </c>
      <c r="CF1088" s="166">
        <v>0</v>
      </c>
      <c r="CG1088" s="166">
        <v>0</v>
      </c>
      <c r="CH1088" s="166">
        <v>0</v>
      </c>
      <c r="CI1088" s="166">
        <v>0</v>
      </c>
      <c r="CJ1088" s="166">
        <v>0</v>
      </c>
      <c r="CK1088" s="166">
        <v>0</v>
      </c>
      <c r="CL1088" s="166">
        <v>0</v>
      </c>
      <c r="CM1088" s="166">
        <v>0</v>
      </c>
      <c r="CN1088" s="166">
        <v>0</v>
      </c>
      <c r="CO1088" s="166">
        <v>0</v>
      </c>
      <c r="CP1088" s="166">
        <v>0</v>
      </c>
      <c r="CQ1088" s="166">
        <v>0</v>
      </c>
      <c r="CR1088" s="166">
        <v>0</v>
      </c>
      <c r="CS1088" s="166">
        <v>0</v>
      </c>
      <c r="CT1088" s="166">
        <v>0</v>
      </c>
      <c r="CU1088" s="166">
        <v>0</v>
      </c>
      <c r="CV1088" s="166">
        <v>0</v>
      </c>
      <c r="CW1088" s="166">
        <v>0</v>
      </c>
      <c r="CX1088" s="166">
        <v>0</v>
      </c>
      <c r="CY1088" s="166">
        <v>7772.14278905228</v>
      </c>
      <c r="CZ1088" s="166">
        <v>7772.14278905228</v>
      </c>
    </row>
    <row r="1089" spans="1:104" x14ac:dyDescent="0.2">
      <c r="A1089" s="167" t="s">
        <v>617</v>
      </c>
      <c r="B1089" s="166">
        <v>60523.070894711796</v>
      </c>
      <c r="C1089" s="166">
        <v>60523.070894711796</v>
      </c>
      <c r="D1089" s="166">
        <v>0</v>
      </c>
      <c r="E1089" s="166">
        <v>0</v>
      </c>
      <c r="F1089" s="166">
        <v>0</v>
      </c>
      <c r="G1089" s="166">
        <v>0</v>
      </c>
      <c r="H1089" s="166">
        <v>0</v>
      </c>
      <c r="I1089" s="166">
        <v>0</v>
      </c>
      <c r="J1089" s="166">
        <v>0</v>
      </c>
      <c r="K1089" s="166">
        <v>0</v>
      </c>
      <c r="L1089" s="166">
        <v>0</v>
      </c>
      <c r="M1089" s="166">
        <v>0</v>
      </c>
      <c r="N1089" s="166">
        <v>0</v>
      </c>
      <c r="O1089" s="166">
        <v>0</v>
      </c>
      <c r="P1089" s="166">
        <v>0</v>
      </c>
      <c r="Q1089" s="166">
        <v>0</v>
      </c>
      <c r="R1089" s="166">
        <v>0</v>
      </c>
      <c r="S1089" s="166">
        <v>0</v>
      </c>
      <c r="T1089" s="166">
        <v>0</v>
      </c>
      <c r="U1089" s="166">
        <v>0</v>
      </c>
      <c r="V1089" s="166">
        <v>0</v>
      </c>
      <c r="W1089" s="166">
        <v>0</v>
      </c>
      <c r="X1089" s="166">
        <v>0</v>
      </c>
      <c r="Y1089" s="166">
        <v>0</v>
      </c>
      <c r="Z1089" s="166">
        <v>0</v>
      </c>
      <c r="AA1089" s="166">
        <v>0</v>
      </c>
      <c r="AB1089" s="166">
        <v>0</v>
      </c>
      <c r="AC1089" s="166">
        <v>0</v>
      </c>
      <c r="AD1089" s="166">
        <v>0</v>
      </c>
      <c r="AE1089" s="166">
        <v>0</v>
      </c>
      <c r="AF1089" s="166">
        <v>0</v>
      </c>
      <c r="AG1089" s="166">
        <v>0</v>
      </c>
      <c r="AH1089" s="166">
        <v>0</v>
      </c>
      <c r="AI1089" s="166">
        <v>0</v>
      </c>
      <c r="AJ1089" s="166">
        <v>0</v>
      </c>
      <c r="AK1089" s="166">
        <v>0</v>
      </c>
      <c r="AL1089" s="166">
        <v>0</v>
      </c>
      <c r="AM1089" s="166">
        <v>0</v>
      </c>
      <c r="AN1089" s="166">
        <v>0</v>
      </c>
      <c r="AO1089" s="166">
        <v>0</v>
      </c>
      <c r="AP1089" s="166">
        <v>0</v>
      </c>
      <c r="AQ1089" s="166">
        <v>0</v>
      </c>
      <c r="AR1089" s="166">
        <v>0</v>
      </c>
      <c r="AS1089" s="166">
        <v>0</v>
      </c>
      <c r="AT1089" s="166">
        <v>0</v>
      </c>
      <c r="AU1089" s="166">
        <v>0</v>
      </c>
      <c r="AV1089" s="166">
        <v>0</v>
      </c>
      <c r="AW1089" s="166">
        <v>0</v>
      </c>
      <c r="AX1089" s="166">
        <v>0</v>
      </c>
      <c r="AY1089" s="166">
        <v>0</v>
      </c>
      <c r="AZ1089" s="166">
        <v>0</v>
      </c>
      <c r="BA1089" s="166">
        <v>0</v>
      </c>
      <c r="BB1089" s="166">
        <v>0</v>
      </c>
      <c r="BC1089" s="166">
        <v>0</v>
      </c>
      <c r="BD1089" s="166">
        <v>0</v>
      </c>
      <c r="BE1089" s="166">
        <v>0</v>
      </c>
      <c r="BF1089" s="166">
        <v>0</v>
      </c>
      <c r="BG1089" s="166">
        <v>0</v>
      </c>
      <c r="BH1089" s="166">
        <v>0</v>
      </c>
      <c r="BI1089" s="166">
        <v>0</v>
      </c>
      <c r="BJ1089" s="166">
        <v>0</v>
      </c>
      <c r="BK1089" s="166">
        <v>0</v>
      </c>
      <c r="BL1089" s="166">
        <v>0</v>
      </c>
      <c r="BM1089" s="166">
        <v>0</v>
      </c>
      <c r="BN1089" s="166">
        <v>0</v>
      </c>
      <c r="BO1089" s="166">
        <v>0</v>
      </c>
      <c r="BP1089" s="166">
        <v>0</v>
      </c>
      <c r="BQ1089" s="166">
        <v>0</v>
      </c>
      <c r="BR1089" s="166">
        <v>60523.070894711796</v>
      </c>
      <c r="BS1089" s="166">
        <v>60523.070894711796</v>
      </c>
      <c r="BT1089" s="168">
        <v>0</v>
      </c>
      <c r="BU1089" s="166">
        <v>2196.5786992424801</v>
      </c>
      <c r="BV1089" s="166">
        <v>57563.453121733102</v>
      </c>
      <c r="BW1089" s="166">
        <v>0</v>
      </c>
      <c r="BX1089" s="166">
        <v>0</v>
      </c>
      <c r="BY1089" s="166">
        <v>0</v>
      </c>
      <c r="BZ1089" s="166">
        <v>0</v>
      </c>
      <c r="CA1089" s="166">
        <v>0</v>
      </c>
      <c r="CB1089" s="166">
        <v>0</v>
      </c>
      <c r="CC1089" s="166">
        <v>0</v>
      </c>
      <c r="CD1089" s="166">
        <v>0</v>
      </c>
      <c r="CE1089" s="166">
        <v>0</v>
      </c>
      <c r="CF1089" s="166">
        <v>0</v>
      </c>
      <c r="CG1089" s="166">
        <v>0</v>
      </c>
      <c r="CH1089" s="166">
        <v>0</v>
      </c>
      <c r="CI1089" s="166">
        <v>0</v>
      </c>
      <c r="CJ1089" s="166">
        <v>0</v>
      </c>
      <c r="CK1089" s="166">
        <v>0</v>
      </c>
      <c r="CL1089" s="166">
        <v>0</v>
      </c>
      <c r="CM1089" s="166">
        <v>0</v>
      </c>
      <c r="CN1089" s="166">
        <v>0</v>
      </c>
      <c r="CO1089" s="166">
        <v>0</v>
      </c>
      <c r="CP1089" s="166">
        <v>0</v>
      </c>
      <c r="CQ1089" s="166">
        <v>0</v>
      </c>
      <c r="CR1089" s="166">
        <v>0</v>
      </c>
      <c r="CS1089" s="166">
        <v>0</v>
      </c>
      <c r="CT1089" s="166">
        <v>0</v>
      </c>
      <c r="CU1089" s="166">
        <v>0</v>
      </c>
      <c r="CV1089" s="166">
        <v>0</v>
      </c>
      <c r="CW1089" s="166">
        <v>0</v>
      </c>
      <c r="CX1089" s="166">
        <v>0</v>
      </c>
      <c r="CY1089" s="166">
        <v>57563.453121733102</v>
      </c>
      <c r="CZ1089" s="166">
        <v>57563.453121733102</v>
      </c>
    </row>
    <row r="1090" spans="1:104" x14ac:dyDescent="0.2">
      <c r="A1090" s="167" t="s">
        <v>618</v>
      </c>
      <c r="B1090" s="166">
        <v>40787863.462888502</v>
      </c>
      <c r="C1090" s="166">
        <v>40787863.462888502</v>
      </c>
      <c r="D1090" s="166">
        <v>0</v>
      </c>
      <c r="E1090" s="166">
        <v>0</v>
      </c>
      <c r="F1090" s="166">
        <v>0</v>
      </c>
      <c r="G1090" s="166">
        <v>0</v>
      </c>
      <c r="H1090" s="166">
        <v>0</v>
      </c>
      <c r="I1090" s="166">
        <v>0</v>
      </c>
      <c r="J1090" s="166">
        <v>0</v>
      </c>
      <c r="K1090" s="166">
        <v>0</v>
      </c>
      <c r="L1090" s="166">
        <v>0</v>
      </c>
      <c r="M1090" s="166">
        <v>0</v>
      </c>
      <c r="N1090" s="166">
        <v>0</v>
      </c>
      <c r="O1090" s="166">
        <v>0</v>
      </c>
      <c r="P1090" s="166">
        <v>0</v>
      </c>
      <c r="Q1090" s="166">
        <v>0</v>
      </c>
      <c r="R1090" s="166">
        <v>0</v>
      </c>
      <c r="S1090" s="166">
        <v>0</v>
      </c>
      <c r="T1090" s="166">
        <v>0</v>
      </c>
      <c r="U1090" s="166">
        <v>0</v>
      </c>
      <c r="V1090" s="166">
        <v>0</v>
      </c>
      <c r="W1090" s="166">
        <v>0</v>
      </c>
      <c r="X1090" s="166">
        <v>0</v>
      </c>
      <c r="Y1090" s="166">
        <v>0</v>
      </c>
      <c r="Z1090" s="166">
        <v>0</v>
      </c>
      <c r="AA1090" s="166">
        <v>0</v>
      </c>
      <c r="AB1090" s="166">
        <v>0</v>
      </c>
      <c r="AC1090" s="166">
        <v>0</v>
      </c>
      <c r="AD1090" s="166">
        <v>0</v>
      </c>
      <c r="AE1090" s="166">
        <v>0</v>
      </c>
      <c r="AF1090" s="166">
        <v>0</v>
      </c>
      <c r="AG1090" s="166">
        <v>0</v>
      </c>
      <c r="AH1090" s="166">
        <v>0</v>
      </c>
      <c r="AI1090" s="166">
        <v>0</v>
      </c>
      <c r="AJ1090" s="166">
        <v>0</v>
      </c>
      <c r="AK1090" s="166">
        <v>0</v>
      </c>
      <c r="AL1090" s="166">
        <v>0</v>
      </c>
      <c r="AM1090" s="166">
        <v>0</v>
      </c>
      <c r="AN1090" s="166">
        <v>0</v>
      </c>
      <c r="AO1090" s="166">
        <v>0</v>
      </c>
      <c r="AP1090" s="166">
        <v>0</v>
      </c>
      <c r="AQ1090" s="166">
        <v>0</v>
      </c>
      <c r="AR1090" s="166">
        <v>0</v>
      </c>
      <c r="AS1090" s="166">
        <v>0</v>
      </c>
      <c r="AT1090" s="166">
        <v>0</v>
      </c>
      <c r="AU1090" s="166">
        <v>0</v>
      </c>
      <c r="AV1090" s="166">
        <v>0</v>
      </c>
      <c r="AW1090" s="166">
        <v>0</v>
      </c>
      <c r="AX1090" s="166">
        <v>0</v>
      </c>
      <c r="AY1090" s="166">
        <v>0</v>
      </c>
      <c r="AZ1090" s="166">
        <v>0</v>
      </c>
      <c r="BA1090" s="166">
        <v>0</v>
      </c>
      <c r="BB1090" s="166">
        <v>0</v>
      </c>
      <c r="BC1090" s="166">
        <v>0</v>
      </c>
      <c r="BD1090" s="166">
        <v>0</v>
      </c>
      <c r="BE1090" s="166">
        <v>0</v>
      </c>
      <c r="BF1090" s="166">
        <v>0</v>
      </c>
      <c r="BG1090" s="166">
        <v>0</v>
      </c>
      <c r="BH1090" s="166">
        <v>0</v>
      </c>
      <c r="BI1090" s="166">
        <v>0</v>
      </c>
      <c r="BJ1090" s="166">
        <v>0</v>
      </c>
      <c r="BK1090" s="166">
        <v>0</v>
      </c>
      <c r="BL1090" s="166">
        <v>0</v>
      </c>
      <c r="BM1090" s="166">
        <v>0</v>
      </c>
      <c r="BN1090" s="166">
        <v>0</v>
      </c>
      <c r="BO1090" s="166">
        <v>0</v>
      </c>
      <c r="BP1090" s="166">
        <v>0</v>
      </c>
      <c r="BQ1090" s="166">
        <v>0</v>
      </c>
      <c r="BR1090" s="166">
        <v>40787863.462888502</v>
      </c>
      <c r="BS1090" s="166">
        <v>40787863.462888502</v>
      </c>
      <c r="BT1090" s="168">
        <v>0</v>
      </c>
      <c r="BU1090" s="166">
        <v>2596527.2798816599</v>
      </c>
      <c r="BV1090" s="166">
        <v>31492849.757146802</v>
      </c>
      <c r="BW1090" s="166">
        <v>0</v>
      </c>
      <c r="BX1090" s="166">
        <v>0</v>
      </c>
      <c r="BY1090" s="166">
        <v>0</v>
      </c>
      <c r="BZ1090" s="166">
        <v>0</v>
      </c>
      <c r="CA1090" s="166">
        <v>0</v>
      </c>
      <c r="CB1090" s="166">
        <v>0</v>
      </c>
      <c r="CC1090" s="166">
        <v>0</v>
      </c>
      <c r="CD1090" s="166">
        <v>0</v>
      </c>
      <c r="CE1090" s="166">
        <v>0</v>
      </c>
      <c r="CF1090" s="166">
        <v>0</v>
      </c>
      <c r="CG1090" s="166">
        <v>0</v>
      </c>
      <c r="CH1090" s="166">
        <v>0</v>
      </c>
      <c r="CI1090" s="166">
        <v>0</v>
      </c>
      <c r="CJ1090" s="166">
        <v>0</v>
      </c>
      <c r="CK1090" s="166">
        <v>0</v>
      </c>
      <c r="CL1090" s="166">
        <v>0</v>
      </c>
      <c r="CM1090" s="166">
        <v>0</v>
      </c>
      <c r="CN1090" s="166">
        <v>0</v>
      </c>
      <c r="CO1090" s="166">
        <v>0</v>
      </c>
      <c r="CP1090" s="166">
        <v>0</v>
      </c>
      <c r="CQ1090" s="166">
        <v>0</v>
      </c>
      <c r="CR1090" s="166">
        <v>0</v>
      </c>
      <c r="CS1090" s="166">
        <v>0</v>
      </c>
      <c r="CT1090" s="166">
        <v>0</v>
      </c>
      <c r="CU1090" s="166">
        <v>0</v>
      </c>
      <c r="CV1090" s="166">
        <v>0</v>
      </c>
      <c r="CW1090" s="166">
        <v>0</v>
      </c>
      <c r="CX1090" s="166">
        <v>0</v>
      </c>
      <c r="CY1090" s="166">
        <v>31492849.757146802</v>
      </c>
      <c r="CZ1090" s="166">
        <v>31492849.757146802</v>
      </c>
    </row>
    <row r="1091" spans="1:104" x14ac:dyDescent="0.2">
      <c r="A1091" s="167" t="s">
        <v>619</v>
      </c>
      <c r="B1091" s="166">
        <v>41122139.684394397</v>
      </c>
      <c r="C1091" s="166">
        <v>41122139.684394397</v>
      </c>
      <c r="D1091" s="166">
        <v>0</v>
      </c>
      <c r="E1091" s="166">
        <v>0</v>
      </c>
      <c r="F1091" s="166">
        <v>0</v>
      </c>
      <c r="G1091" s="166">
        <v>0</v>
      </c>
      <c r="H1091" s="166">
        <v>0</v>
      </c>
      <c r="I1091" s="166">
        <v>0</v>
      </c>
      <c r="J1091" s="166">
        <v>0</v>
      </c>
      <c r="K1091" s="166">
        <v>0</v>
      </c>
      <c r="L1091" s="166">
        <v>0</v>
      </c>
      <c r="M1091" s="166">
        <v>0</v>
      </c>
      <c r="N1091" s="166">
        <v>0</v>
      </c>
      <c r="O1091" s="166">
        <v>0</v>
      </c>
      <c r="P1091" s="166">
        <v>0</v>
      </c>
      <c r="Q1091" s="166">
        <v>0</v>
      </c>
      <c r="R1091" s="166">
        <v>0</v>
      </c>
      <c r="S1091" s="166">
        <v>0</v>
      </c>
      <c r="T1091" s="166">
        <v>0</v>
      </c>
      <c r="U1091" s="166">
        <v>0</v>
      </c>
      <c r="V1091" s="166">
        <v>0</v>
      </c>
      <c r="W1091" s="166">
        <v>0</v>
      </c>
      <c r="X1091" s="166">
        <v>0</v>
      </c>
      <c r="Y1091" s="166">
        <v>0</v>
      </c>
      <c r="Z1091" s="166">
        <v>0</v>
      </c>
      <c r="AA1091" s="166">
        <v>0</v>
      </c>
      <c r="AB1091" s="166">
        <v>0</v>
      </c>
      <c r="AC1091" s="166">
        <v>0</v>
      </c>
      <c r="AD1091" s="166">
        <v>0</v>
      </c>
      <c r="AE1091" s="166">
        <v>0</v>
      </c>
      <c r="AF1091" s="166">
        <v>0</v>
      </c>
      <c r="AG1091" s="166">
        <v>0</v>
      </c>
      <c r="AH1091" s="166">
        <v>0</v>
      </c>
      <c r="AI1091" s="166">
        <v>0</v>
      </c>
      <c r="AJ1091" s="166">
        <v>0</v>
      </c>
      <c r="AK1091" s="166">
        <v>0</v>
      </c>
      <c r="AL1091" s="166">
        <v>0</v>
      </c>
      <c r="AM1091" s="166">
        <v>0</v>
      </c>
      <c r="AN1091" s="166">
        <v>0</v>
      </c>
      <c r="AO1091" s="166">
        <v>0</v>
      </c>
      <c r="AP1091" s="166">
        <v>0</v>
      </c>
      <c r="AQ1091" s="166">
        <v>0</v>
      </c>
      <c r="AR1091" s="166">
        <v>0</v>
      </c>
      <c r="AS1091" s="166">
        <v>0</v>
      </c>
      <c r="AT1091" s="166">
        <v>0</v>
      </c>
      <c r="AU1091" s="166">
        <v>0</v>
      </c>
      <c r="AV1091" s="166">
        <v>0</v>
      </c>
      <c r="AW1091" s="166">
        <v>0</v>
      </c>
      <c r="AX1091" s="166">
        <v>0</v>
      </c>
      <c r="AY1091" s="166">
        <v>0</v>
      </c>
      <c r="AZ1091" s="166">
        <v>0</v>
      </c>
      <c r="BA1091" s="166">
        <v>0</v>
      </c>
      <c r="BB1091" s="166">
        <v>0</v>
      </c>
      <c r="BC1091" s="166">
        <v>0</v>
      </c>
      <c r="BD1091" s="166">
        <v>0</v>
      </c>
      <c r="BE1091" s="166">
        <v>0</v>
      </c>
      <c r="BF1091" s="166">
        <v>0</v>
      </c>
      <c r="BG1091" s="166">
        <v>0</v>
      </c>
      <c r="BH1091" s="166">
        <v>0</v>
      </c>
      <c r="BI1091" s="166">
        <v>0</v>
      </c>
      <c r="BJ1091" s="166">
        <v>0</v>
      </c>
      <c r="BK1091" s="166">
        <v>0</v>
      </c>
      <c r="BL1091" s="166">
        <v>0</v>
      </c>
      <c r="BM1091" s="166">
        <v>0</v>
      </c>
      <c r="BN1091" s="166">
        <v>0</v>
      </c>
      <c r="BO1091" s="166">
        <v>0</v>
      </c>
      <c r="BP1091" s="166">
        <v>0</v>
      </c>
      <c r="BQ1091" s="166">
        <v>0</v>
      </c>
      <c r="BR1091" s="166">
        <v>41122139.684394397</v>
      </c>
      <c r="BS1091" s="166">
        <v>41122139.684394397</v>
      </c>
      <c r="BT1091" s="168">
        <v>0</v>
      </c>
      <c r="BU1091" s="166">
        <v>2608883.5299442299</v>
      </c>
      <c r="BV1091" s="166">
        <v>31816657.1497446</v>
      </c>
      <c r="BW1091" s="166">
        <v>0</v>
      </c>
      <c r="BX1091" s="166">
        <v>0</v>
      </c>
      <c r="BY1091" s="166">
        <v>0</v>
      </c>
      <c r="BZ1091" s="166">
        <v>0</v>
      </c>
      <c r="CA1091" s="166">
        <v>0</v>
      </c>
      <c r="CB1091" s="166">
        <v>0</v>
      </c>
      <c r="CC1091" s="166">
        <v>0</v>
      </c>
      <c r="CD1091" s="166">
        <v>0</v>
      </c>
      <c r="CE1091" s="166">
        <v>0</v>
      </c>
      <c r="CF1091" s="166">
        <v>0</v>
      </c>
      <c r="CG1091" s="166">
        <v>0</v>
      </c>
      <c r="CH1091" s="166">
        <v>0</v>
      </c>
      <c r="CI1091" s="166">
        <v>0</v>
      </c>
      <c r="CJ1091" s="166">
        <v>0</v>
      </c>
      <c r="CK1091" s="166">
        <v>0</v>
      </c>
      <c r="CL1091" s="166">
        <v>0</v>
      </c>
      <c r="CM1091" s="166">
        <v>0</v>
      </c>
      <c r="CN1091" s="166">
        <v>0</v>
      </c>
      <c r="CO1091" s="166">
        <v>0</v>
      </c>
      <c r="CP1091" s="166">
        <v>0</v>
      </c>
      <c r="CQ1091" s="166">
        <v>0</v>
      </c>
      <c r="CR1091" s="166">
        <v>0</v>
      </c>
      <c r="CS1091" s="166">
        <v>0</v>
      </c>
      <c r="CT1091" s="166">
        <v>0</v>
      </c>
      <c r="CU1091" s="166">
        <v>0</v>
      </c>
      <c r="CV1091" s="166">
        <v>0</v>
      </c>
      <c r="CW1091" s="166">
        <v>0</v>
      </c>
      <c r="CX1091" s="166">
        <v>0</v>
      </c>
      <c r="CY1091" s="166">
        <v>31816657.1497446</v>
      </c>
      <c r="CZ1091" s="166">
        <v>31816657.1497446</v>
      </c>
    </row>
    <row r="1092" spans="1:104" x14ac:dyDescent="0.2">
      <c r="A1092" s="167" t="s">
        <v>620</v>
      </c>
      <c r="B1092" s="166">
        <v>0</v>
      </c>
      <c r="C1092" s="166">
        <v>0</v>
      </c>
      <c r="D1092" s="166">
        <v>0</v>
      </c>
      <c r="E1092" s="166">
        <v>0</v>
      </c>
      <c r="F1092" s="166">
        <v>0</v>
      </c>
      <c r="G1092" s="166">
        <v>0</v>
      </c>
      <c r="H1092" s="166">
        <v>0</v>
      </c>
      <c r="I1092" s="166">
        <v>0</v>
      </c>
      <c r="J1092" s="166">
        <v>0</v>
      </c>
      <c r="K1092" s="166">
        <v>0</v>
      </c>
      <c r="L1092" s="166">
        <v>0</v>
      </c>
      <c r="M1092" s="166">
        <v>0</v>
      </c>
      <c r="N1092" s="166">
        <v>0</v>
      </c>
      <c r="O1092" s="166">
        <v>0</v>
      </c>
      <c r="P1092" s="166">
        <v>0</v>
      </c>
      <c r="Q1092" s="166">
        <v>0</v>
      </c>
      <c r="R1092" s="166">
        <v>0</v>
      </c>
      <c r="S1092" s="166">
        <v>0</v>
      </c>
      <c r="T1092" s="166">
        <v>0</v>
      </c>
      <c r="U1092" s="166">
        <v>0</v>
      </c>
      <c r="V1092" s="166">
        <v>0</v>
      </c>
      <c r="W1092" s="166">
        <v>0</v>
      </c>
      <c r="X1092" s="166">
        <v>0</v>
      </c>
      <c r="Y1092" s="166">
        <v>0</v>
      </c>
      <c r="Z1092" s="166">
        <v>0</v>
      </c>
      <c r="AA1092" s="166">
        <v>0</v>
      </c>
      <c r="AB1092" s="166">
        <v>0</v>
      </c>
      <c r="AC1092" s="166">
        <v>0</v>
      </c>
      <c r="AD1092" s="166">
        <v>0</v>
      </c>
      <c r="AE1092" s="166">
        <v>0</v>
      </c>
      <c r="AF1092" s="166">
        <v>0</v>
      </c>
      <c r="AG1092" s="166">
        <v>0</v>
      </c>
      <c r="AH1092" s="166">
        <v>0</v>
      </c>
      <c r="AI1092" s="166">
        <v>0</v>
      </c>
      <c r="AJ1092" s="166">
        <v>0</v>
      </c>
      <c r="AK1092" s="166">
        <v>0</v>
      </c>
      <c r="AL1092" s="166">
        <v>0</v>
      </c>
      <c r="AM1092" s="166">
        <v>0</v>
      </c>
      <c r="AN1092" s="166">
        <v>0</v>
      </c>
      <c r="AO1092" s="166">
        <v>0</v>
      </c>
      <c r="AP1092" s="166">
        <v>0</v>
      </c>
      <c r="AQ1092" s="166">
        <v>0</v>
      </c>
      <c r="AR1092" s="166">
        <v>0</v>
      </c>
      <c r="AS1092" s="166">
        <v>0</v>
      </c>
      <c r="AT1092" s="166">
        <v>0</v>
      </c>
      <c r="AU1092" s="166">
        <v>0</v>
      </c>
      <c r="AV1092" s="166">
        <v>0</v>
      </c>
      <c r="AW1092" s="166">
        <v>0</v>
      </c>
      <c r="AX1092" s="166">
        <v>0</v>
      </c>
      <c r="AY1092" s="166">
        <v>0</v>
      </c>
      <c r="AZ1092" s="166">
        <v>0</v>
      </c>
      <c r="BA1092" s="166">
        <v>0</v>
      </c>
      <c r="BB1092" s="166">
        <v>0</v>
      </c>
      <c r="BC1092" s="166">
        <v>0</v>
      </c>
      <c r="BD1092" s="166">
        <v>0</v>
      </c>
      <c r="BE1092" s="166">
        <v>0</v>
      </c>
      <c r="BF1092" s="166">
        <v>0</v>
      </c>
      <c r="BG1092" s="166">
        <v>0</v>
      </c>
      <c r="BH1092" s="166">
        <v>0</v>
      </c>
      <c r="BI1092" s="166">
        <v>0</v>
      </c>
      <c r="BJ1092" s="166">
        <v>0</v>
      </c>
      <c r="BK1092" s="166">
        <v>0</v>
      </c>
      <c r="BL1092" s="166">
        <v>0</v>
      </c>
      <c r="BM1092" s="166">
        <v>0</v>
      </c>
      <c r="BN1092" s="166">
        <v>0</v>
      </c>
      <c r="BO1092" s="166">
        <v>0</v>
      </c>
      <c r="BP1092" s="166">
        <v>0</v>
      </c>
      <c r="BQ1092" s="166">
        <v>0</v>
      </c>
      <c r="BR1092" s="166">
        <v>0</v>
      </c>
      <c r="BS1092" s="166">
        <v>0</v>
      </c>
      <c r="BT1092" s="168">
        <v>0</v>
      </c>
      <c r="BU1092" s="166">
        <v>0</v>
      </c>
      <c r="BV1092" s="166">
        <v>0</v>
      </c>
      <c r="BW1092" s="166">
        <v>0</v>
      </c>
      <c r="BX1092" s="166">
        <v>0</v>
      </c>
      <c r="BY1092" s="166">
        <v>0</v>
      </c>
      <c r="BZ1092" s="166">
        <v>0</v>
      </c>
      <c r="CA1092" s="166">
        <v>0</v>
      </c>
      <c r="CB1092" s="166">
        <v>0</v>
      </c>
      <c r="CC1092" s="166">
        <v>0</v>
      </c>
      <c r="CD1092" s="166">
        <v>0</v>
      </c>
      <c r="CE1092" s="166">
        <v>0</v>
      </c>
      <c r="CF1092" s="166">
        <v>0</v>
      </c>
      <c r="CG1092" s="166">
        <v>0</v>
      </c>
      <c r="CH1092" s="166">
        <v>0</v>
      </c>
      <c r="CI1092" s="166">
        <v>0</v>
      </c>
      <c r="CJ1092" s="166">
        <v>0</v>
      </c>
      <c r="CK1092" s="166">
        <v>0</v>
      </c>
      <c r="CL1092" s="166">
        <v>0</v>
      </c>
      <c r="CM1092" s="166">
        <v>0</v>
      </c>
      <c r="CN1092" s="166">
        <v>0</v>
      </c>
      <c r="CO1092" s="166">
        <v>0</v>
      </c>
      <c r="CP1092" s="166">
        <v>0</v>
      </c>
      <c r="CQ1092" s="166">
        <v>0</v>
      </c>
      <c r="CR1092" s="166">
        <v>0</v>
      </c>
      <c r="CS1092" s="166">
        <v>0</v>
      </c>
      <c r="CT1092" s="166">
        <v>0</v>
      </c>
      <c r="CU1092" s="166">
        <v>0</v>
      </c>
      <c r="CV1092" s="166">
        <v>0</v>
      </c>
      <c r="CW1092" s="166">
        <v>0</v>
      </c>
      <c r="CX1092" s="166">
        <v>0</v>
      </c>
      <c r="CY1092" s="166">
        <v>0</v>
      </c>
      <c r="CZ1092" s="166">
        <v>0</v>
      </c>
    </row>
    <row r="1093" spans="1:104" x14ac:dyDescent="0.2">
      <c r="A1093" s="167" t="s">
        <v>621</v>
      </c>
      <c r="B1093" s="166">
        <v>55237409.857845902</v>
      </c>
      <c r="C1093" s="166">
        <v>55237409.857845902</v>
      </c>
      <c r="D1093" s="166">
        <v>0</v>
      </c>
      <c r="E1093" s="166">
        <v>0</v>
      </c>
      <c r="F1093" s="166">
        <v>0</v>
      </c>
      <c r="G1093" s="166">
        <v>0</v>
      </c>
      <c r="H1093" s="166">
        <v>0</v>
      </c>
      <c r="I1093" s="166">
        <v>0</v>
      </c>
      <c r="J1093" s="166">
        <v>0</v>
      </c>
      <c r="K1093" s="166">
        <v>0</v>
      </c>
      <c r="L1093" s="166">
        <v>0</v>
      </c>
      <c r="M1093" s="166">
        <v>0</v>
      </c>
      <c r="N1093" s="166">
        <v>0</v>
      </c>
      <c r="O1093" s="166">
        <v>0</v>
      </c>
      <c r="P1093" s="166">
        <v>0</v>
      </c>
      <c r="Q1093" s="166">
        <v>0</v>
      </c>
      <c r="R1093" s="166">
        <v>0</v>
      </c>
      <c r="S1093" s="166">
        <v>0</v>
      </c>
      <c r="T1093" s="166">
        <v>0</v>
      </c>
      <c r="U1093" s="166">
        <v>0</v>
      </c>
      <c r="V1093" s="166">
        <v>0</v>
      </c>
      <c r="W1093" s="166">
        <v>0</v>
      </c>
      <c r="X1093" s="166">
        <v>0</v>
      </c>
      <c r="Y1093" s="166">
        <v>0</v>
      </c>
      <c r="Z1093" s="166">
        <v>0</v>
      </c>
      <c r="AA1093" s="166">
        <v>0</v>
      </c>
      <c r="AB1093" s="166">
        <v>0</v>
      </c>
      <c r="AC1093" s="166">
        <v>0</v>
      </c>
      <c r="AD1093" s="166">
        <v>0</v>
      </c>
      <c r="AE1093" s="166">
        <v>0</v>
      </c>
      <c r="AF1093" s="166">
        <v>0</v>
      </c>
      <c r="AG1093" s="166">
        <v>0</v>
      </c>
      <c r="AH1093" s="166">
        <v>0</v>
      </c>
      <c r="AI1093" s="166">
        <v>0</v>
      </c>
      <c r="AJ1093" s="166">
        <v>0</v>
      </c>
      <c r="AK1093" s="166">
        <v>0</v>
      </c>
      <c r="AL1093" s="166">
        <v>0</v>
      </c>
      <c r="AM1093" s="166">
        <v>0</v>
      </c>
      <c r="AN1093" s="166">
        <v>0</v>
      </c>
      <c r="AO1093" s="166">
        <v>0</v>
      </c>
      <c r="AP1093" s="166">
        <v>0</v>
      </c>
      <c r="AQ1093" s="166">
        <v>0</v>
      </c>
      <c r="AR1093" s="166">
        <v>0</v>
      </c>
      <c r="AS1093" s="166">
        <v>0</v>
      </c>
      <c r="AT1093" s="166">
        <v>0</v>
      </c>
      <c r="AU1093" s="166">
        <v>0</v>
      </c>
      <c r="AV1093" s="166">
        <v>0</v>
      </c>
      <c r="AW1093" s="166">
        <v>0</v>
      </c>
      <c r="AX1093" s="166">
        <v>0</v>
      </c>
      <c r="AY1093" s="166">
        <v>0</v>
      </c>
      <c r="AZ1093" s="166">
        <v>0</v>
      </c>
      <c r="BA1093" s="166">
        <v>0</v>
      </c>
      <c r="BB1093" s="166">
        <v>0</v>
      </c>
      <c r="BC1093" s="166">
        <v>0</v>
      </c>
      <c r="BD1093" s="166">
        <v>0</v>
      </c>
      <c r="BE1093" s="166">
        <v>0</v>
      </c>
      <c r="BF1093" s="166">
        <v>0</v>
      </c>
      <c r="BG1093" s="166">
        <v>0</v>
      </c>
      <c r="BH1093" s="166">
        <v>0</v>
      </c>
      <c r="BI1093" s="166">
        <v>0</v>
      </c>
      <c r="BJ1093" s="166">
        <v>0</v>
      </c>
      <c r="BK1093" s="166">
        <v>0</v>
      </c>
      <c r="BL1093" s="166">
        <v>0</v>
      </c>
      <c r="BM1093" s="166">
        <v>0</v>
      </c>
      <c r="BN1093" s="166">
        <v>0</v>
      </c>
      <c r="BO1093" s="166">
        <v>0</v>
      </c>
      <c r="BP1093" s="166">
        <v>0</v>
      </c>
      <c r="BQ1093" s="166">
        <v>0</v>
      </c>
      <c r="BR1093" s="166">
        <v>55237409.857845902</v>
      </c>
      <c r="BS1093" s="166">
        <v>55237409.857845902</v>
      </c>
      <c r="BT1093" s="168">
        <v>0</v>
      </c>
      <c r="BU1093" s="166">
        <v>4806590.0073077399</v>
      </c>
      <c r="BV1093" s="166">
        <v>55237409.857845902</v>
      </c>
      <c r="BW1093" s="166">
        <v>0</v>
      </c>
      <c r="BX1093" s="166">
        <v>0</v>
      </c>
      <c r="BY1093" s="166">
        <v>0</v>
      </c>
      <c r="BZ1093" s="166">
        <v>0</v>
      </c>
      <c r="CA1093" s="166">
        <v>0</v>
      </c>
      <c r="CB1093" s="166">
        <v>0</v>
      </c>
      <c r="CC1093" s="166">
        <v>0</v>
      </c>
      <c r="CD1093" s="166">
        <v>0</v>
      </c>
      <c r="CE1093" s="166">
        <v>0</v>
      </c>
      <c r="CF1093" s="166">
        <v>0</v>
      </c>
      <c r="CG1093" s="166">
        <v>0</v>
      </c>
      <c r="CH1093" s="166">
        <v>0</v>
      </c>
      <c r="CI1093" s="166">
        <v>0</v>
      </c>
      <c r="CJ1093" s="166">
        <v>0</v>
      </c>
      <c r="CK1093" s="166">
        <v>0</v>
      </c>
      <c r="CL1093" s="166">
        <v>0</v>
      </c>
      <c r="CM1093" s="166">
        <v>0</v>
      </c>
      <c r="CN1093" s="166">
        <v>0</v>
      </c>
      <c r="CO1093" s="166">
        <v>0</v>
      </c>
      <c r="CP1093" s="166">
        <v>0</v>
      </c>
      <c r="CQ1093" s="166">
        <v>0</v>
      </c>
      <c r="CR1093" s="166">
        <v>0</v>
      </c>
      <c r="CS1093" s="166">
        <v>0</v>
      </c>
      <c r="CT1093" s="166">
        <v>0</v>
      </c>
      <c r="CU1093" s="166">
        <v>0</v>
      </c>
      <c r="CV1093" s="166">
        <v>0</v>
      </c>
      <c r="CW1093" s="166">
        <v>0</v>
      </c>
      <c r="CX1093" s="166">
        <v>0</v>
      </c>
      <c r="CY1093" s="166">
        <v>55237409.857845902</v>
      </c>
      <c r="CZ1093" s="166">
        <v>55237409.857845902</v>
      </c>
    </row>
    <row r="1094" spans="1:104" x14ac:dyDescent="0.2">
      <c r="A1094" s="167" t="s">
        <v>622</v>
      </c>
      <c r="B1094" s="166">
        <v>24415852.097037099</v>
      </c>
      <c r="C1094" s="166">
        <v>24415852.097037099</v>
      </c>
      <c r="D1094" s="166">
        <v>0</v>
      </c>
      <c r="E1094" s="166">
        <v>0</v>
      </c>
      <c r="F1094" s="166">
        <v>0</v>
      </c>
      <c r="G1094" s="166">
        <v>0</v>
      </c>
      <c r="H1094" s="166">
        <v>0</v>
      </c>
      <c r="I1094" s="166">
        <v>0</v>
      </c>
      <c r="J1094" s="166">
        <v>0</v>
      </c>
      <c r="K1094" s="166">
        <v>0</v>
      </c>
      <c r="L1094" s="166">
        <v>0</v>
      </c>
      <c r="M1094" s="166">
        <v>0</v>
      </c>
      <c r="N1094" s="166">
        <v>0</v>
      </c>
      <c r="O1094" s="166">
        <v>0</v>
      </c>
      <c r="P1094" s="166">
        <v>0</v>
      </c>
      <c r="Q1094" s="166">
        <v>0</v>
      </c>
      <c r="R1094" s="166">
        <v>0</v>
      </c>
      <c r="S1094" s="166">
        <v>0</v>
      </c>
      <c r="T1094" s="166">
        <v>0</v>
      </c>
      <c r="U1094" s="166">
        <v>0</v>
      </c>
      <c r="V1094" s="166">
        <v>0</v>
      </c>
      <c r="W1094" s="166">
        <v>0</v>
      </c>
      <c r="X1094" s="166">
        <v>0</v>
      </c>
      <c r="Y1094" s="166">
        <v>0</v>
      </c>
      <c r="Z1094" s="166">
        <v>0</v>
      </c>
      <c r="AA1094" s="166">
        <v>0</v>
      </c>
      <c r="AB1094" s="166">
        <v>0</v>
      </c>
      <c r="AC1094" s="166">
        <v>0</v>
      </c>
      <c r="AD1094" s="166">
        <v>0</v>
      </c>
      <c r="AE1094" s="166">
        <v>0</v>
      </c>
      <c r="AF1094" s="166">
        <v>0</v>
      </c>
      <c r="AG1094" s="166">
        <v>0</v>
      </c>
      <c r="AH1094" s="166">
        <v>0</v>
      </c>
      <c r="AI1094" s="166">
        <v>0</v>
      </c>
      <c r="AJ1094" s="166">
        <v>0</v>
      </c>
      <c r="AK1094" s="166">
        <v>0</v>
      </c>
      <c r="AL1094" s="166">
        <v>0</v>
      </c>
      <c r="AM1094" s="166">
        <v>0</v>
      </c>
      <c r="AN1094" s="166">
        <v>0</v>
      </c>
      <c r="AO1094" s="166">
        <v>0</v>
      </c>
      <c r="AP1094" s="166">
        <v>0</v>
      </c>
      <c r="AQ1094" s="166">
        <v>0</v>
      </c>
      <c r="AR1094" s="166">
        <v>0</v>
      </c>
      <c r="AS1094" s="166">
        <v>0</v>
      </c>
      <c r="AT1094" s="166">
        <v>0</v>
      </c>
      <c r="AU1094" s="166">
        <v>0</v>
      </c>
      <c r="AV1094" s="166">
        <v>0</v>
      </c>
      <c r="AW1094" s="166">
        <v>0</v>
      </c>
      <c r="AX1094" s="166">
        <v>0</v>
      </c>
      <c r="AY1094" s="166">
        <v>0</v>
      </c>
      <c r="AZ1094" s="166">
        <v>0</v>
      </c>
      <c r="BA1094" s="166">
        <v>0</v>
      </c>
      <c r="BB1094" s="166">
        <v>0</v>
      </c>
      <c r="BC1094" s="166">
        <v>0</v>
      </c>
      <c r="BD1094" s="166">
        <v>0</v>
      </c>
      <c r="BE1094" s="166">
        <v>0</v>
      </c>
      <c r="BF1094" s="166">
        <v>0</v>
      </c>
      <c r="BG1094" s="166">
        <v>0</v>
      </c>
      <c r="BH1094" s="166">
        <v>0</v>
      </c>
      <c r="BI1094" s="166">
        <v>0</v>
      </c>
      <c r="BJ1094" s="166">
        <v>0</v>
      </c>
      <c r="BK1094" s="166">
        <v>0</v>
      </c>
      <c r="BL1094" s="166">
        <v>0</v>
      </c>
      <c r="BM1094" s="166">
        <v>0</v>
      </c>
      <c r="BN1094" s="166">
        <v>0</v>
      </c>
      <c r="BO1094" s="166">
        <v>0</v>
      </c>
      <c r="BP1094" s="166">
        <v>0</v>
      </c>
      <c r="BQ1094" s="166">
        <v>0</v>
      </c>
      <c r="BR1094" s="166">
        <v>24415852.097037099</v>
      </c>
      <c r="BS1094" s="166">
        <v>24415852.097037099</v>
      </c>
      <c r="BT1094" s="168">
        <v>0</v>
      </c>
      <c r="BU1094" s="166">
        <v>2114411.4408249399</v>
      </c>
      <c r="BV1094" s="166">
        <v>24415852.097037099</v>
      </c>
      <c r="BW1094" s="166">
        <v>0</v>
      </c>
      <c r="BX1094" s="166">
        <v>0</v>
      </c>
      <c r="BY1094" s="166">
        <v>0</v>
      </c>
      <c r="BZ1094" s="166">
        <v>0</v>
      </c>
      <c r="CA1094" s="166">
        <v>0</v>
      </c>
      <c r="CB1094" s="166">
        <v>0</v>
      </c>
      <c r="CC1094" s="166">
        <v>0</v>
      </c>
      <c r="CD1094" s="166">
        <v>0</v>
      </c>
      <c r="CE1094" s="166">
        <v>0</v>
      </c>
      <c r="CF1094" s="166">
        <v>0</v>
      </c>
      <c r="CG1094" s="166">
        <v>0</v>
      </c>
      <c r="CH1094" s="166">
        <v>0</v>
      </c>
      <c r="CI1094" s="166">
        <v>0</v>
      </c>
      <c r="CJ1094" s="166">
        <v>0</v>
      </c>
      <c r="CK1094" s="166">
        <v>0</v>
      </c>
      <c r="CL1094" s="166">
        <v>0</v>
      </c>
      <c r="CM1094" s="166">
        <v>0</v>
      </c>
      <c r="CN1094" s="166">
        <v>0</v>
      </c>
      <c r="CO1094" s="166">
        <v>0</v>
      </c>
      <c r="CP1094" s="166">
        <v>0</v>
      </c>
      <c r="CQ1094" s="166">
        <v>0</v>
      </c>
      <c r="CR1094" s="166">
        <v>0</v>
      </c>
      <c r="CS1094" s="166">
        <v>0</v>
      </c>
      <c r="CT1094" s="166">
        <v>0</v>
      </c>
      <c r="CU1094" s="166">
        <v>0</v>
      </c>
      <c r="CV1094" s="166">
        <v>0</v>
      </c>
      <c r="CW1094" s="166">
        <v>0</v>
      </c>
      <c r="CX1094" s="166">
        <v>0</v>
      </c>
      <c r="CY1094" s="166">
        <v>24415852.097037099</v>
      </c>
      <c r="CZ1094" s="166">
        <v>24415852.097037099</v>
      </c>
    </row>
    <row r="1095" spans="1:104" x14ac:dyDescent="0.2">
      <c r="A1095" s="167" t="s">
        <v>623</v>
      </c>
      <c r="B1095" s="166">
        <v>10673641.6881327</v>
      </c>
      <c r="C1095" s="166">
        <v>10673641.6881327</v>
      </c>
      <c r="D1095" s="166">
        <v>0</v>
      </c>
      <c r="E1095" s="166">
        <v>0</v>
      </c>
      <c r="F1095" s="166">
        <v>0</v>
      </c>
      <c r="G1095" s="166">
        <v>0</v>
      </c>
      <c r="H1095" s="166">
        <v>0</v>
      </c>
      <c r="I1095" s="166">
        <v>0</v>
      </c>
      <c r="J1095" s="166">
        <v>0</v>
      </c>
      <c r="K1095" s="166">
        <v>0</v>
      </c>
      <c r="L1095" s="166">
        <v>0</v>
      </c>
      <c r="M1095" s="166">
        <v>0</v>
      </c>
      <c r="N1095" s="166">
        <v>0</v>
      </c>
      <c r="O1095" s="166">
        <v>0</v>
      </c>
      <c r="P1095" s="166">
        <v>0</v>
      </c>
      <c r="Q1095" s="166">
        <v>0</v>
      </c>
      <c r="R1095" s="166">
        <v>0</v>
      </c>
      <c r="S1095" s="166">
        <v>0</v>
      </c>
      <c r="T1095" s="166">
        <v>0</v>
      </c>
      <c r="U1095" s="166">
        <v>0</v>
      </c>
      <c r="V1095" s="166">
        <v>0</v>
      </c>
      <c r="W1095" s="166">
        <v>0</v>
      </c>
      <c r="X1095" s="166">
        <v>0</v>
      </c>
      <c r="Y1095" s="166">
        <v>0</v>
      </c>
      <c r="Z1095" s="166">
        <v>0</v>
      </c>
      <c r="AA1095" s="166">
        <v>0</v>
      </c>
      <c r="AB1095" s="166">
        <v>0</v>
      </c>
      <c r="AC1095" s="166">
        <v>0</v>
      </c>
      <c r="AD1095" s="166">
        <v>0</v>
      </c>
      <c r="AE1095" s="166">
        <v>0</v>
      </c>
      <c r="AF1095" s="166">
        <v>0</v>
      </c>
      <c r="AG1095" s="166">
        <v>0</v>
      </c>
      <c r="AH1095" s="166">
        <v>0</v>
      </c>
      <c r="AI1095" s="166">
        <v>0</v>
      </c>
      <c r="AJ1095" s="166">
        <v>0</v>
      </c>
      <c r="AK1095" s="166">
        <v>0</v>
      </c>
      <c r="AL1095" s="166">
        <v>0</v>
      </c>
      <c r="AM1095" s="166">
        <v>0</v>
      </c>
      <c r="AN1095" s="166">
        <v>0</v>
      </c>
      <c r="AO1095" s="166">
        <v>0</v>
      </c>
      <c r="AP1095" s="166">
        <v>0</v>
      </c>
      <c r="AQ1095" s="166">
        <v>0</v>
      </c>
      <c r="AR1095" s="166">
        <v>0</v>
      </c>
      <c r="AS1095" s="166">
        <v>0</v>
      </c>
      <c r="AT1095" s="166">
        <v>0</v>
      </c>
      <c r="AU1095" s="166">
        <v>0</v>
      </c>
      <c r="AV1095" s="166">
        <v>0</v>
      </c>
      <c r="AW1095" s="166">
        <v>0</v>
      </c>
      <c r="AX1095" s="166">
        <v>0</v>
      </c>
      <c r="AY1095" s="166">
        <v>0</v>
      </c>
      <c r="AZ1095" s="166">
        <v>0</v>
      </c>
      <c r="BA1095" s="166">
        <v>0</v>
      </c>
      <c r="BB1095" s="166">
        <v>0</v>
      </c>
      <c r="BC1095" s="166">
        <v>0</v>
      </c>
      <c r="BD1095" s="166">
        <v>0</v>
      </c>
      <c r="BE1095" s="166">
        <v>0</v>
      </c>
      <c r="BF1095" s="166">
        <v>0</v>
      </c>
      <c r="BG1095" s="166">
        <v>0</v>
      </c>
      <c r="BH1095" s="166">
        <v>0</v>
      </c>
      <c r="BI1095" s="166">
        <v>0</v>
      </c>
      <c r="BJ1095" s="166">
        <v>0</v>
      </c>
      <c r="BK1095" s="166">
        <v>0</v>
      </c>
      <c r="BL1095" s="166">
        <v>0</v>
      </c>
      <c r="BM1095" s="166">
        <v>0</v>
      </c>
      <c r="BN1095" s="166">
        <v>0</v>
      </c>
      <c r="BO1095" s="166">
        <v>0</v>
      </c>
      <c r="BP1095" s="166">
        <v>0</v>
      </c>
      <c r="BQ1095" s="166">
        <v>0</v>
      </c>
      <c r="BR1095" s="166">
        <v>10673641.6881327</v>
      </c>
      <c r="BS1095" s="166">
        <v>10673641.6881327</v>
      </c>
      <c r="BT1095" s="168">
        <v>0</v>
      </c>
      <c r="BU1095" s="166">
        <v>875741.872302123</v>
      </c>
      <c r="BV1095" s="166">
        <v>10640424.697550699</v>
      </c>
      <c r="BW1095" s="166">
        <v>0</v>
      </c>
      <c r="BX1095" s="166">
        <v>0</v>
      </c>
      <c r="BY1095" s="166">
        <v>0</v>
      </c>
      <c r="BZ1095" s="166">
        <v>0</v>
      </c>
      <c r="CA1095" s="166">
        <v>0</v>
      </c>
      <c r="CB1095" s="166">
        <v>0</v>
      </c>
      <c r="CC1095" s="166">
        <v>0</v>
      </c>
      <c r="CD1095" s="166">
        <v>0</v>
      </c>
      <c r="CE1095" s="166">
        <v>0</v>
      </c>
      <c r="CF1095" s="166">
        <v>0</v>
      </c>
      <c r="CG1095" s="166">
        <v>0</v>
      </c>
      <c r="CH1095" s="166">
        <v>0</v>
      </c>
      <c r="CI1095" s="166">
        <v>0</v>
      </c>
      <c r="CJ1095" s="166">
        <v>0</v>
      </c>
      <c r="CK1095" s="166">
        <v>0</v>
      </c>
      <c r="CL1095" s="166">
        <v>0</v>
      </c>
      <c r="CM1095" s="166">
        <v>0</v>
      </c>
      <c r="CN1095" s="166">
        <v>0</v>
      </c>
      <c r="CO1095" s="166">
        <v>0</v>
      </c>
      <c r="CP1095" s="166">
        <v>0</v>
      </c>
      <c r="CQ1095" s="166">
        <v>0</v>
      </c>
      <c r="CR1095" s="166">
        <v>0</v>
      </c>
      <c r="CS1095" s="166">
        <v>0</v>
      </c>
      <c r="CT1095" s="166">
        <v>0</v>
      </c>
      <c r="CU1095" s="166">
        <v>0</v>
      </c>
      <c r="CV1095" s="166">
        <v>0</v>
      </c>
      <c r="CW1095" s="166">
        <v>0</v>
      </c>
      <c r="CX1095" s="166">
        <v>0</v>
      </c>
      <c r="CY1095" s="166">
        <v>10640424.697550699</v>
      </c>
      <c r="CZ1095" s="166">
        <v>10640424.697550699</v>
      </c>
    </row>
    <row r="1096" spans="1:104" x14ac:dyDescent="0.2">
      <c r="A1096" s="167" t="s">
        <v>624</v>
      </c>
      <c r="B1096" s="166">
        <v>3231893.9742792002</v>
      </c>
      <c r="C1096" s="166">
        <v>3231893.9742792002</v>
      </c>
      <c r="D1096" s="166">
        <v>0</v>
      </c>
      <c r="E1096" s="166">
        <v>0</v>
      </c>
      <c r="F1096" s="166">
        <v>0</v>
      </c>
      <c r="G1096" s="166">
        <v>0</v>
      </c>
      <c r="H1096" s="166">
        <v>0</v>
      </c>
      <c r="I1096" s="166">
        <v>0</v>
      </c>
      <c r="J1096" s="166">
        <v>0</v>
      </c>
      <c r="K1096" s="166">
        <v>0</v>
      </c>
      <c r="L1096" s="166">
        <v>0</v>
      </c>
      <c r="M1096" s="166">
        <v>0</v>
      </c>
      <c r="N1096" s="166">
        <v>0</v>
      </c>
      <c r="O1096" s="166">
        <v>0</v>
      </c>
      <c r="P1096" s="166">
        <v>0</v>
      </c>
      <c r="Q1096" s="166">
        <v>0</v>
      </c>
      <c r="R1096" s="166">
        <v>0</v>
      </c>
      <c r="S1096" s="166">
        <v>0</v>
      </c>
      <c r="T1096" s="166">
        <v>0</v>
      </c>
      <c r="U1096" s="166">
        <v>0</v>
      </c>
      <c r="V1096" s="166">
        <v>0</v>
      </c>
      <c r="W1096" s="166">
        <v>0</v>
      </c>
      <c r="X1096" s="166">
        <v>0</v>
      </c>
      <c r="Y1096" s="166">
        <v>0</v>
      </c>
      <c r="Z1096" s="166">
        <v>0</v>
      </c>
      <c r="AA1096" s="166">
        <v>0</v>
      </c>
      <c r="AB1096" s="166">
        <v>0</v>
      </c>
      <c r="AC1096" s="166">
        <v>0</v>
      </c>
      <c r="AD1096" s="166">
        <v>0</v>
      </c>
      <c r="AE1096" s="166">
        <v>0</v>
      </c>
      <c r="AF1096" s="166">
        <v>0</v>
      </c>
      <c r="AG1096" s="166">
        <v>0</v>
      </c>
      <c r="AH1096" s="166">
        <v>0</v>
      </c>
      <c r="AI1096" s="166">
        <v>0</v>
      </c>
      <c r="AJ1096" s="166">
        <v>0</v>
      </c>
      <c r="AK1096" s="166">
        <v>0</v>
      </c>
      <c r="AL1096" s="166">
        <v>0</v>
      </c>
      <c r="AM1096" s="166">
        <v>0</v>
      </c>
      <c r="AN1096" s="166">
        <v>0</v>
      </c>
      <c r="AO1096" s="166">
        <v>0</v>
      </c>
      <c r="AP1096" s="166">
        <v>0</v>
      </c>
      <c r="AQ1096" s="166">
        <v>0</v>
      </c>
      <c r="AR1096" s="166">
        <v>0</v>
      </c>
      <c r="AS1096" s="166">
        <v>0</v>
      </c>
      <c r="AT1096" s="166">
        <v>0</v>
      </c>
      <c r="AU1096" s="166">
        <v>0</v>
      </c>
      <c r="AV1096" s="166">
        <v>0</v>
      </c>
      <c r="AW1096" s="166">
        <v>0</v>
      </c>
      <c r="AX1096" s="166">
        <v>0</v>
      </c>
      <c r="AY1096" s="166">
        <v>0</v>
      </c>
      <c r="AZ1096" s="166">
        <v>0</v>
      </c>
      <c r="BA1096" s="166">
        <v>0</v>
      </c>
      <c r="BB1096" s="166">
        <v>0</v>
      </c>
      <c r="BC1096" s="166">
        <v>0</v>
      </c>
      <c r="BD1096" s="166">
        <v>0</v>
      </c>
      <c r="BE1096" s="166">
        <v>0</v>
      </c>
      <c r="BF1096" s="166">
        <v>0</v>
      </c>
      <c r="BG1096" s="166">
        <v>0</v>
      </c>
      <c r="BH1096" s="166">
        <v>0</v>
      </c>
      <c r="BI1096" s="166">
        <v>0</v>
      </c>
      <c r="BJ1096" s="166">
        <v>0</v>
      </c>
      <c r="BK1096" s="166">
        <v>0</v>
      </c>
      <c r="BL1096" s="166">
        <v>0</v>
      </c>
      <c r="BM1096" s="166">
        <v>0</v>
      </c>
      <c r="BN1096" s="166">
        <v>0</v>
      </c>
      <c r="BO1096" s="166">
        <v>0</v>
      </c>
      <c r="BP1096" s="166">
        <v>0</v>
      </c>
      <c r="BQ1096" s="166">
        <v>0</v>
      </c>
      <c r="BR1096" s="166">
        <v>3231893.9742792002</v>
      </c>
      <c r="BS1096" s="166">
        <v>3231893.9742792002</v>
      </c>
      <c r="BT1096" s="168">
        <v>0</v>
      </c>
      <c r="BU1096" s="166">
        <v>254879.03201080399</v>
      </c>
      <c r="BV1096" s="166">
        <v>3192141.6783955698</v>
      </c>
      <c r="BW1096" s="166">
        <v>0</v>
      </c>
      <c r="BX1096" s="166">
        <v>0</v>
      </c>
      <c r="BY1096" s="166">
        <v>0</v>
      </c>
      <c r="BZ1096" s="166">
        <v>0</v>
      </c>
      <c r="CA1096" s="166">
        <v>0</v>
      </c>
      <c r="CB1096" s="166">
        <v>0</v>
      </c>
      <c r="CC1096" s="166">
        <v>0</v>
      </c>
      <c r="CD1096" s="166">
        <v>0</v>
      </c>
      <c r="CE1096" s="166">
        <v>0</v>
      </c>
      <c r="CF1096" s="166">
        <v>0</v>
      </c>
      <c r="CG1096" s="166">
        <v>0</v>
      </c>
      <c r="CH1096" s="166">
        <v>0</v>
      </c>
      <c r="CI1096" s="166">
        <v>0</v>
      </c>
      <c r="CJ1096" s="166">
        <v>0</v>
      </c>
      <c r="CK1096" s="166">
        <v>0</v>
      </c>
      <c r="CL1096" s="166">
        <v>0</v>
      </c>
      <c r="CM1096" s="166">
        <v>0</v>
      </c>
      <c r="CN1096" s="166">
        <v>0</v>
      </c>
      <c r="CO1096" s="166">
        <v>0</v>
      </c>
      <c r="CP1096" s="166">
        <v>0</v>
      </c>
      <c r="CQ1096" s="166">
        <v>0</v>
      </c>
      <c r="CR1096" s="166">
        <v>0</v>
      </c>
      <c r="CS1096" s="166">
        <v>0</v>
      </c>
      <c r="CT1096" s="166">
        <v>0</v>
      </c>
      <c r="CU1096" s="166">
        <v>0</v>
      </c>
      <c r="CV1096" s="166">
        <v>0</v>
      </c>
      <c r="CW1096" s="166">
        <v>0</v>
      </c>
      <c r="CX1096" s="166">
        <v>0</v>
      </c>
      <c r="CY1096" s="166">
        <v>3192141.6783955698</v>
      </c>
      <c r="CZ1096" s="166">
        <v>3192141.6783955698</v>
      </c>
    </row>
    <row r="1097" spans="1:104" x14ac:dyDescent="0.2">
      <c r="A1097" s="167" t="s">
        <v>625</v>
      </c>
      <c r="B1097" s="166">
        <v>16492867.752704799</v>
      </c>
      <c r="C1097" s="166">
        <v>16492867.752704799</v>
      </c>
      <c r="D1097" s="166">
        <v>0</v>
      </c>
      <c r="E1097" s="166">
        <v>0</v>
      </c>
      <c r="F1097" s="166">
        <v>0</v>
      </c>
      <c r="G1097" s="166">
        <v>0</v>
      </c>
      <c r="H1097" s="166">
        <v>0</v>
      </c>
      <c r="I1097" s="166">
        <v>0</v>
      </c>
      <c r="J1097" s="166">
        <v>0</v>
      </c>
      <c r="K1097" s="166">
        <v>0</v>
      </c>
      <c r="L1097" s="166">
        <v>0</v>
      </c>
      <c r="M1097" s="166">
        <v>0</v>
      </c>
      <c r="N1097" s="166">
        <v>0</v>
      </c>
      <c r="O1097" s="166">
        <v>0</v>
      </c>
      <c r="P1097" s="166">
        <v>0</v>
      </c>
      <c r="Q1097" s="166">
        <v>0</v>
      </c>
      <c r="R1097" s="166">
        <v>0</v>
      </c>
      <c r="S1097" s="166">
        <v>0</v>
      </c>
      <c r="T1097" s="166">
        <v>0</v>
      </c>
      <c r="U1097" s="166">
        <v>0</v>
      </c>
      <c r="V1097" s="166">
        <v>0</v>
      </c>
      <c r="W1097" s="166">
        <v>0</v>
      </c>
      <c r="X1097" s="166">
        <v>0</v>
      </c>
      <c r="Y1097" s="166">
        <v>0</v>
      </c>
      <c r="Z1097" s="166">
        <v>0</v>
      </c>
      <c r="AA1097" s="166">
        <v>0</v>
      </c>
      <c r="AB1097" s="166">
        <v>0</v>
      </c>
      <c r="AC1097" s="166">
        <v>0</v>
      </c>
      <c r="AD1097" s="166">
        <v>0</v>
      </c>
      <c r="AE1097" s="166">
        <v>0</v>
      </c>
      <c r="AF1097" s="166">
        <v>0</v>
      </c>
      <c r="AG1097" s="166">
        <v>0</v>
      </c>
      <c r="AH1097" s="166">
        <v>0</v>
      </c>
      <c r="AI1097" s="166">
        <v>0</v>
      </c>
      <c r="AJ1097" s="166">
        <v>0</v>
      </c>
      <c r="AK1097" s="166">
        <v>0</v>
      </c>
      <c r="AL1097" s="166">
        <v>0</v>
      </c>
      <c r="AM1097" s="166">
        <v>0</v>
      </c>
      <c r="AN1097" s="166">
        <v>0</v>
      </c>
      <c r="AO1097" s="166">
        <v>0</v>
      </c>
      <c r="AP1097" s="166">
        <v>0</v>
      </c>
      <c r="AQ1097" s="166">
        <v>0</v>
      </c>
      <c r="AR1097" s="166">
        <v>0</v>
      </c>
      <c r="AS1097" s="166">
        <v>0</v>
      </c>
      <c r="AT1097" s="166">
        <v>0</v>
      </c>
      <c r="AU1097" s="166">
        <v>0</v>
      </c>
      <c r="AV1097" s="166">
        <v>0</v>
      </c>
      <c r="AW1097" s="166">
        <v>0</v>
      </c>
      <c r="AX1097" s="166">
        <v>0</v>
      </c>
      <c r="AY1097" s="166">
        <v>0</v>
      </c>
      <c r="AZ1097" s="166">
        <v>0</v>
      </c>
      <c r="BA1097" s="166">
        <v>0</v>
      </c>
      <c r="BB1097" s="166">
        <v>0</v>
      </c>
      <c r="BC1097" s="166">
        <v>0</v>
      </c>
      <c r="BD1097" s="166">
        <v>0</v>
      </c>
      <c r="BE1097" s="166">
        <v>0</v>
      </c>
      <c r="BF1097" s="166">
        <v>0</v>
      </c>
      <c r="BG1097" s="166">
        <v>0</v>
      </c>
      <c r="BH1097" s="166">
        <v>0</v>
      </c>
      <c r="BI1097" s="166">
        <v>0</v>
      </c>
      <c r="BJ1097" s="166">
        <v>0</v>
      </c>
      <c r="BK1097" s="166">
        <v>0</v>
      </c>
      <c r="BL1097" s="166">
        <v>0</v>
      </c>
      <c r="BM1097" s="166">
        <v>0</v>
      </c>
      <c r="BN1097" s="166">
        <v>0</v>
      </c>
      <c r="BO1097" s="166">
        <v>0</v>
      </c>
      <c r="BP1097" s="166">
        <v>0</v>
      </c>
      <c r="BQ1097" s="166">
        <v>0</v>
      </c>
      <c r="BR1097" s="166">
        <v>16492867.752704799</v>
      </c>
      <c r="BS1097" s="166">
        <v>16492867.752704799</v>
      </c>
      <c r="BT1097" s="168">
        <v>0</v>
      </c>
      <c r="BU1097" s="166">
        <v>1436629.8577004201</v>
      </c>
      <c r="BV1097" s="166">
        <v>16492867.752704799</v>
      </c>
      <c r="BW1097" s="166">
        <v>0</v>
      </c>
      <c r="BX1097" s="166">
        <v>0</v>
      </c>
      <c r="BY1097" s="166">
        <v>0</v>
      </c>
      <c r="BZ1097" s="166">
        <v>0</v>
      </c>
      <c r="CA1097" s="166">
        <v>0</v>
      </c>
      <c r="CB1097" s="166">
        <v>0</v>
      </c>
      <c r="CC1097" s="166">
        <v>0</v>
      </c>
      <c r="CD1097" s="166">
        <v>0</v>
      </c>
      <c r="CE1097" s="166">
        <v>0</v>
      </c>
      <c r="CF1097" s="166">
        <v>0</v>
      </c>
      <c r="CG1097" s="166">
        <v>0</v>
      </c>
      <c r="CH1097" s="166">
        <v>0</v>
      </c>
      <c r="CI1097" s="166">
        <v>0</v>
      </c>
      <c r="CJ1097" s="166">
        <v>0</v>
      </c>
      <c r="CK1097" s="166">
        <v>0</v>
      </c>
      <c r="CL1097" s="166">
        <v>0</v>
      </c>
      <c r="CM1097" s="166">
        <v>0</v>
      </c>
      <c r="CN1097" s="166">
        <v>0</v>
      </c>
      <c r="CO1097" s="166">
        <v>0</v>
      </c>
      <c r="CP1097" s="166">
        <v>0</v>
      </c>
      <c r="CQ1097" s="166">
        <v>0</v>
      </c>
      <c r="CR1097" s="166">
        <v>0</v>
      </c>
      <c r="CS1097" s="166">
        <v>0</v>
      </c>
      <c r="CT1097" s="166">
        <v>0</v>
      </c>
      <c r="CU1097" s="166">
        <v>0</v>
      </c>
      <c r="CV1097" s="166">
        <v>0</v>
      </c>
      <c r="CW1097" s="166">
        <v>0</v>
      </c>
      <c r="CX1097" s="166">
        <v>0</v>
      </c>
      <c r="CY1097" s="166">
        <v>16492867.752704799</v>
      </c>
      <c r="CZ1097" s="166">
        <v>16492867.752704799</v>
      </c>
    </row>
    <row r="1098" spans="1:104" x14ac:dyDescent="0.2">
      <c r="A1098" s="167" t="s">
        <v>626</v>
      </c>
      <c r="B1098" s="166">
        <v>0</v>
      </c>
      <c r="C1098" s="166">
        <v>0</v>
      </c>
      <c r="D1098" s="166">
        <v>0</v>
      </c>
      <c r="E1098" s="166">
        <v>0</v>
      </c>
      <c r="F1098" s="166">
        <v>0</v>
      </c>
      <c r="G1098" s="166">
        <v>0</v>
      </c>
      <c r="H1098" s="166">
        <v>0</v>
      </c>
      <c r="I1098" s="166">
        <v>0</v>
      </c>
      <c r="J1098" s="166">
        <v>0</v>
      </c>
      <c r="K1098" s="166">
        <v>0</v>
      </c>
      <c r="L1098" s="166">
        <v>0</v>
      </c>
      <c r="M1098" s="166">
        <v>0</v>
      </c>
      <c r="N1098" s="166">
        <v>0</v>
      </c>
      <c r="O1098" s="166">
        <v>0</v>
      </c>
      <c r="P1098" s="166">
        <v>0</v>
      </c>
      <c r="Q1098" s="166">
        <v>0</v>
      </c>
      <c r="R1098" s="166">
        <v>0</v>
      </c>
      <c r="S1098" s="166">
        <v>0</v>
      </c>
      <c r="T1098" s="166">
        <v>0</v>
      </c>
      <c r="U1098" s="166">
        <v>0</v>
      </c>
      <c r="V1098" s="166">
        <v>0</v>
      </c>
      <c r="W1098" s="166">
        <v>0</v>
      </c>
      <c r="X1098" s="166">
        <v>0</v>
      </c>
      <c r="Y1098" s="166">
        <v>0</v>
      </c>
      <c r="Z1098" s="166">
        <v>0</v>
      </c>
      <c r="AA1098" s="166">
        <v>0</v>
      </c>
      <c r="AB1098" s="166">
        <v>0</v>
      </c>
      <c r="AC1098" s="166">
        <v>0</v>
      </c>
      <c r="AD1098" s="166">
        <v>0</v>
      </c>
      <c r="AE1098" s="166">
        <v>0</v>
      </c>
      <c r="AF1098" s="166">
        <v>0</v>
      </c>
      <c r="AG1098" s="166">
        <v>0</v>
      </c>
      <c r="AH1098" s="166">
        <v>0</v>
      </c>
      <c r="AI1098" s="166">
        <v>0</v>
      </c>
      <c r="AJ1098" s="166">
        <v>0</v>
      </c>
      <c r="AK1098" s="166">
        <v>0</v>
      </c>
      <c r="AL1098" s="166">
        <v>0</v>
      </c>
      <c r="AM1098" s="166">
        <v>0</v>
      </c>
      <c r="AN1098" s="166">
        <v>0</v>
      </c>
      <c r="AO1098" s="166">
        <v>0</v>
      </c>
      <c r="AP1098" s="166">
        <v>0</v>
      </c>
      <c r="AQ1098" s="166">
        <v>0</v>
      </c>
      <c r="AR1098" s="166">
        <v>0</v>
      </c>
      <c r="AS1098" s="166">
        <v>0</v>
      </c>
      <c r="AT1098" s="166">
        <v>0</v>
      </c>
      <c r="AU1098" s="166">
        <v>0</v>
      </c>
      <c r="AV1098" s="166">
        <v>0</v>
      </c>
      <c r="AW1098" s="166">
        <v>0</v>
      </c>
      <c r="AX1098" s="166">
        <v>0</v>
      </c>
      <c r="AY1098" s="166">
        <v>0</v>
      </c>
      <c r="AZ1098" s="166">
        <v>0</v>
      </c>
      <c r="BA1098" s="166">
        <v>0</v>
      </c>
      <c r="BB1098" s="166">
        <v>0</v>
      </c>
      <c r="BC1098" s="166">
        <v>0</v>
      </c>
      <c r="BD1098" s="166">
        <v>0</v>
      </c>
      <c r="BE1098" s="166">
        <v>0</v>
      </c>
      <c r="BF1098" s="166">
        <v>0</v>
      </c>
      <c r="BG1098" s="166">
        <v>0</v>
      </c>
      <c r="BH1098" s="166">
        <v>0</v>
      </c>
      <c r="BI1098" s="166">
        <v>0</v>
      </c>
      <c r="BJ1098" s="166">
        <v>0</v>
      </c>
      <c r="BK1098" s="166">
        <v>0</v>
      </c>
      <c r="BL1098" s="166">
        <v>0</v>
      </c>
      <c r="BM1098" s="166">
        <v>0</v>
      </c>
      <c r="BN1098" s="166">
        <v>0</v>
      </c>
      <c r="BO1098" s="166">
        <v>0</v>
      </c>
      <c r="BP1098" s="166">
        <v>0</v>
      </c>
      <c r="BQ1098" s="166">
        <v>0</v>
      </c>
      <c r="BR1098" s="166">
        <v>0</v>
      </c>
      <c r="BS1098" s="166">
        <v>0</v>
      </c>
      <c r="BT1098" s="168">
        <v>0</v>
      </c>
      <c r="BU1098" s="166">
        <v>0</v>
      </c>
      <c r="BV1098" s="166">
        <v>0</v>
      </c>
      <c r="BW1098" s="166">
        <v>0</v>
      </c>
      <c r="BX1098" s="166">
        <v>0</v>
      </c>
      <c r="BY1098" s="166">
        <v>0</v>
      </c>
      <c r="BZ1098" s="166">
        <v>0</v>
      </c>
      <c r="CA1098" s="166">
        <v>0</v>
      </c>
      <c r="CB1098" s="166">
        <v>0</v>
      </c>
      <c r="CC1098" s="166">
        <v>0</v>
      </c>
      <c r="CD1098" s="166">
        <v>0</v>
      </c>
      <c r="CE1098" s="166">
        <v>0</v>
      </c>
      <c r="CF1098" s="166">
        <v>0</v>
      </c>
      <c r="CG1098" s="166">
        <v>0</v>
      </c>
      <c r="CH1098" s="166">
        <v>0</v>
      </c>
      <c r="CI1098" s="166">
        <v>0</v>
      </c>
      <c r="CJ1098" s="166">
        <v>0</v>
      </c>
      <c r="CK1098" s="166">
        <v>0</v>
      </c>
      <c r="CL1098" s="166">
        <v>0</v>
      </c>
      <c r="CM1098" s="166">
        <v>0</v>
      </c>
      <c r="CN1098" s="166">
        <v>0</v>
      </c>
      <c r="CO1098" s="166">
        <v>0</v>
      </c>
      <c r="CP1098" s="166">
        <v>0</v>
      </c>
      <c r="CQ1098" s="166">
        <v>0</v>
      </c>
      <c r="CR1098" s="166">
        <v>0</v>
      </c>
      <c r="CS1098" s="166">
        <v>0</v>
      </c>
      <c r="CT1098" s="166">
        <v>0</v>
      </c>
      <c r="CU1098" s="166">
        <v>0</v>
      </c>
      <c r="CV1098" s="166">
        <v>0</v>
      </c>
      <c r="CW1098" s="166">
        <v>0</v>
      </c>
      <c r="CX1098" s="166">
        <v>0</v>
      </c>
      <c r="CY1098" s="166">
        <v>0</v>
      </c>
      <c r="CZ1098" s="166">
        <v>0</v>
      </c>
    </row>
    <row r="1099" spans="1:104" x14ac:dyDescent="0.2">
      <c r="A1099" s="167" t="s">
        <v>627</v>
      </c>
      <c r="B1099" s="166">
        <v>110051665.36999901</v>
      </c>
      <c r="C1099" s="166">
        <v>110051665.36999901</v>
      </c>
      <c r="D1099" s="166">
        <v>0</v>
      </c>
      <c r="E1099" s="166">
        <v>0</v>
      </c>
      <c r="F1099" s="166">
        <v>0</v>
      </c>
      <c r="G1099" s="166">
        <v>0</v>
      </c>
      <c r="H1099" s="166">
        <v>0</v>
      </c>
      <c r="I1099" s="166">
        <v>0</v>
      </c>
      <c r="J1099" s="166">
        <v>0</v>
      </c>
      <c r="K1099" s="166">
        <v>0</v>
      </c>
      <c r="L1099" s="166">
        <v>0</v>
      </c>
      <c r="M1099" s="166">
        <v>0</v>
      </c>
      <c r="N1099" s="166">
        <v>0</v>
      </c>
      <c r="O1099" s="166">
        <v>0</v>
      </c>
      <c r="P1099" s="166">
        <v>0</v>
      </c>
      <c r="Q1099" s="166">
        <v>0</v>
      </c>
      <c r="R1099" s="166">
        <v>0</v>
      </c>
      <c r="S1099" s="166">
        <v>0</v>
      </c>
      <c r="T1099" s="166">
        <v>0</v>
      </c>
      <c r="U1099" s="166">
        <v>0</v>
      </c>
      <c r="V1099" s="166">
        <v>0</v>
      </c>
      <c r="W1099" s="166">
        <v>0</v>
      </c>
      <c r="X1099" s="166">
        <v>0</v>
      </c>
      <c r="Y1099" s="166">
        <v>0</v>
      </c>
      <c r="Z1099" s="166">
        <v>0</v>
      </c>
      <c r="AA1099" s="166">
        <v>0</v>
      </c>
      <c r="AB1099" s="166">
        <v>0</v>
      </c>
      <c r="AC1099" s="166">
        <v>0</v>
      </c>
      <c r="AD1099" s="166">
        <v>0</v>
      </c>
      <c r="AE1099" s="166">
        <v>0</v>
      </c>
      <c r="AF1099" s="166">
        <v>0</v>
      </c>
      <c r="AG1099" s="166">
        <v>0</v>
      </c>
      <c r="AH1099" s="166">
        <v>0</v>
      </c>
      <c r="AI1099" s="166">
        <v>0</v>
      </c>
      <c r="AJ1099" s="166">
        <v>0</v>
      </c>
      <c r="AK1099" s="166">
        <v>0</v>
      </c>
      <c r="AL1099" s="166">
        <v>0</v>
      </c>
      <c r="AM1099" s="166">
        <v>0</v>
      </c>
      <c r="AN1099" s="166">
        <v>0</v>
      </c>
      <c r="AO1099" s="166">
        <v>0</v>
      </c>
      <c r="AP1099" s="166">
        <v>0</v>
      </c>
      <c r="AQ1099" s="166">
        <v>0</v>
      </c>
      <c r="AR1099" s="166">
        <v>0</v>
      </c>
      <c r="AS1099" s="166">
        <v>0</v>
      </c>
      <c r="AT1099" s="166">
        <v>0</v>
      </c>
      <c r="AU1099" s="166">
        <v>0</v>
      </c>
      <c r="AV1099" s="166">
        <v>0</v>
      </c>
      <c r="AW1099" s="166">
        <v>0</v>
      </c>
      <c r="AX1099" s="166">
        <v>0</v>
      </c>
      <c r="AY1099" s="166">
        <v>0</v>
      </c>
      <c r="AZ1099" s="166">
        <v>0</v>
      </c>
      <c r="BA1099" s="166">
        <v>0</v>
      </c>
      <c r="BB1099" s="166">
        <v>0</v>
      </c>
      <c r="BC1099" s="166">
        <v>0</v>
      </c>
      <c r="BD1099" s="166">
        <v>0</v>
      </c>
      <c r="BE1099" s="166">
        <v>0</v>
      </c>
      <c r="BF1099" s="166">
        <v>0</v>
      </c>
      <c r="BG1099" s="166">
        <v>0</v>
      </c>
      <c r="BH1099" s="166">
        <v>0</v>
      </c>
      <c r="BI1099" s="166">
        <v>0</v>
      </c>
      <c r="BJ1099" s="166">
        <v>0</v>
      </c>
      <c r="BK1099" s="166">
        <v>0</v>
      </c>
      <c r="BL1099" s="166">
        <v>0</v>
      </c>
      <c r="BM1099" s="166">
        <v>0</v>
      </c>
      <c r="BN1099" s="166">
        <v>0</v>
      </c>
      <c r="BO1099" s="166">
        <v>0</v>
      </c>
      <c r="BP1099" s="166">
        <v>0</v>
      </c>
      <c r="BQ1099" s="166">
        <v>0</v>
      </c>
      <c r="BR1099" s="166">
        <v>110051665.36999901</v>
      </c>
      <c r="BS1099" s="166">
        <v>110051665.37</v>
      </c>
      <c r="BT1099" s="168">
        <v>0</v>
      </c>
      <c r="BU1099" s="166">
        <v>9488252.2101460397</v>
      </c>
      <c r="BV1099" s="166">
        <v>109978696.083534</v>
      </c>
      <c r="BW1099" s="166">
        <v>0</v>
      </c>
      <c r="BX1099" s="166">
        <v>0</v>
      </c>
      <c r="BY1099" s="166">
        <v>0</v>
      </c>
      <c r="BZ1099" s="166">
        <v>0</v>
      </c>
      <c r="CA1099" s="166">
        <v>0</v>
      </c>
      <c r="CB1099" s="166">
        <v>0</v>
      </c>
      <c r="CC1099" s="166">
        <v>0</v>
      </c>
      <c r="CD1099" s="166">
        <v>0</v>
      </c>
      <c r="CE1099" s="166">
        <v>0</v>
      </c>
      <c r="CF1099" s="166">
        <v>0</v>
      </c>
      <c r="CG1099" s="166">
        <v>0</v>
      </c>
      <c r="CH1099" s="166">
        <v>0</v>
      </c>
      <c r="CI1099" s="166">
        <v>0</v>
      </c>
      <c r="CJ1099" s="166">
        <v>0</v>
      </c>
      <c r="CK1099" s="166">
        <v>0</v>
      </c>
      <c r="CL1099" s="166">
        <v>0</v>
      </c>
      <c r="CM1099" s="166">
        <v>0</v>
      </c>
      <c r="CN1099" s="166">
        <v>0</v>
      </c>
      <c r="CO1099" s="166">
        <v>0</v>
      </c>
      <c r="CP1099" s="166">
        <v>0</v>
      </c>
      <c r="CQ1099" s="166">
        <v>0</v>
      </c>
      <c r="CR1099" s="166">
        <v>0</v>
      </c>
      <c r="CS1099" s="166">
        <v>0</v>
      </c>
      <c r="CT1099" s="166">
        <v>0</v>
      </c>
      <c r="CU1099" s="166">
        <v>0</v>
      </c>
      <c r="CV1099" s="166">
        <v>0</v>
      </c>
      <c r="CW1099" s="166">
        <v>0</v>
      </c>
      <c r="CX1099" s="166">
        <v>0</v>
      </c>
      <c r="CY1099" s="166">
        <v>109978696.083534</v>
      </c>
      <c r="CZ1099" s="166">
        <v>109978696.083534</v>
      </c>
    </row>
    <row r="1100" spans="1:104" x14ac:dyDescent="0.2">
      <c r="A1100" s="167" t="s">
        <v>628</v>
      </c>
      <c r="B1100" s="166">
        <v>0</v>
      </c>
      <c r="C1100" s="166">
        <v>0</v>
      </c>
      <c r="D1100" s="166">
        <v>0</v>
      </c>
      <c r="E1100" s="166">
        <v>0</v>
      </c>
      <c r="F1100" s="166">
        <v>0</v>
      </c>
      <c r="G1100" s="166">
        <v>0</v>
      </c>
      <c r="H1100" s="166">
        <v>0</v>
      </c>
      <c r="I1100" s="166">
        <v>0</v>
      </c>
      <c r="J1100" s="166">
        <v>0</v>
      </c>
      <c r="K1100" s="166">
        <v>0</v>
      </c>
      <c r="L1100" s="166">
        <v>0</v>
      </c>
      <c r="M1100" s="166">
        <v>0</v>
      </c>
      <c r="N1100" s="166">
        <v>0</v>
      </c>
      <c r="O1100" s="166">
        <v>0</v>
      </c>
      <c r="P1100" s="166">
        <v>0</v>
      </c>
      <c r="Q1100" s="166">
        <v>0</v>
      </c>
      <c r="R1100" s="166">
        <v>0</v>
      </c>
      <c r="S1100" s="166">
        <v>0</v>
      </c>
      <c r="T1100" s="166">
        <v>0</v>
      </c>
      <c r="U1100" s="166">
        <v>0</v>
      </c>
      <c r="V1100" s="166">
        <v>0</v>
      </c>
      <c r="W1100" s="166">
        <v>0</v>
      </c>
      <c r="X1100" s="166">
        <v>0</v>
      </c>
      <c r="Y1100" s="166">
        <v>0</v>
      </c>
      <c r="Z1100" s="166">
        <v>0</v>
      </c>
      <c r="AA1100" s="166">
        <v>0</v>
      </c>
      <c r="AB1100" s="166">
        <v>0</v>
      </c>
      <c r="AC1100" s="166">
        <v>0</v>
      </c>
      <c r="AD1100" s="166">
        <v>0</v>
      </c>
      <c r="AE1100" s="166">
        <v>0</v>
      </c>
      <c r="AF1100" s="166">
        <v>0</v>
      </c>
      <c r="AG1100" s="166">
        <v>0</v>
      </c>
      <c r="AH1100" s="166">
        <v>0</v>
      </c>
      <c r="AI1100" s="166">
        <v>0</v>
      </c>
      <c r="AJ1100" s="166">
        <v>0</v>
      </c>
      <c r="AK1100" s="166">
        <v>0</v>
      </c>
      <c r="AL1100" s="166">
        <v>0</v>
      </c>
      <c r="AM1100" s="166">
        <v>0</v>
      </c>
      <c r="AN1100" s="166">
        <v>0</v>
      </c>
      <c r="AO1100" s="166">
        <v>0</v>
      </c>
      <c r="AP1100" s="166">
        <v>0</v>
      </c>
      <c r="AQ1100" s="166">
        <v>0</v>
      </c>
      <c r="AR1100" s="166">
        <v>0</v>
      </c>
      <c r="AS1100" s="166">
        <v>0</v>
      </c>
      <c r="AT1100" s="166">
        <v>0</v>
      </c>
      <c r="AU1100" s="166">
        <v>0</v>
      </c>
      <c r="AV1100" s="166">
        <v>0</v>
      </c>
      <c r="AW1100" s="166">
        <v>0</v>
      </c>
      <c r="AX1100" s="166">
        <v>0</v>
      </c>
      <c r="AY1100" s="166">
        <v>0</v>
      </c>
      <c r="AZ1100" s="166">
        <v>0</v>
      </c>
      <c r="BA1100" s="166">
        <v>0</v>
      </c>
      <c r="BB1100" s="166">
        <v>0</v>
      </c>
      <c r="BC1100" s="166">
        <v>0</v>
      </c>
      <c r="BD1100" s="166">
        <v>0</v>
      </c>
      <c r="BE1100" s="166">
        <v>0</v>
      </c>
      <c r="BF1100" s="166">
        <v>0</v>
      </c>
      <c r="BG1100" s="166">
        <v>0</v>
      </c>
      <c r="BH1100" s="166">
        <v>0</v>
      </c>
      <c r="BI1100" s="166">
        <v>0</v>
      </c>
      <c r="BJ1100" s="166">
        <v>0</v>
      </c>
      <c r="BK1100" s="166">
        <v>0</v>
      </c>
      <c r="BL1100" s="166">
        <v>0</v>
      </c>
      <c r="BM1100" s="166">
        <v>0</v>
      </c>
      <c r="BN1100" s="166">
        <v>0</v>
      </c>
      <c r="BO1100" s="166">
        <v>0</v>
      </c>
      <c r="BP1100" s="166">
        <v>0</v>
      </c>
      <c r="BQ1100" s="166">
        <v>0</v>
      </c>
      <c r="BR1100" s="166">
        <v>0</v>
      </c>
      <c r="BS1100" s="166">
        <v>0</v>
      </c>
      <c r="BT1100" s="168">
        <v>0</v>
      </c>
      <c r="BU1100" s="166">
        <v>0</v>
      </c>
      <c r="BV1100" s="166">
        <v>0</v>
      </c>
      <c r="BW1100" s="166">
        <v>0</v>
      </c>
      <c r="BX1100" s="166">
        <v>0</v>
      </c>
      <c r="BY1100" s="166">
        <v>0</v>
      </c>
      <c r="BZ1100" s="166">
        <v>0</v>
      </c>
      <c r="CA1100" s="166">
        <v>0</v>
      </c>
      <c r="CB1100" s="166">
        <v>0</v>
      </c>
      <c r="CC1100" s="166">
        <v>0</v>
      </c>
      <c r="CD1100" s="166">
        <v>0</v>
      </c>
      <c r="CE1100" s="166">
        <v>0</v>
      </c>
      <c r="CF1100" s="166">
        <v>0</v>
      </c>
      <c r="CG1100" s="166">
        <v>0</v>
      </c>
      <c r="CH1100" s="166">
        <v>0</v>
      </c>
      <c r="CI1100" s="166">
        <v>0</v>
      </c>
      <c r="CJ1100" s="166">
        <v>0</v>
      </c>
      <c r="CK1100" s="166">
        <v>0</v>
      </c>
      <c r="CL1100" s="166">
        <v>0</v>
      </c>
      <c r="CM1100" s="166">
        <v>0</v>
      </c>
      <c r="CN1100" s="166">
        <v>0</v>
      </c>
      <c r="CO1100" s="166">
        <v>0</v>
      </c>
      <c r="CP1100" s="166">
        <v>0</v>
      </c>
      <c r="CQ1100" s="166">
        <v>0</v>
      </c>
      <c r="CR1100" s="166">
        <v>0</v>
      </c>
      <c r="CS1100" s="166">
        <v>0</v>
      </c>
      <c r="CT1100" s="166">
        <v>0</v>
      </c>
      <c r="CU1100" s="166">
        <v>0</v>
      </c>
      <c r="CV1100" s="166">
        <v>0</v>
      </c>
      <c r="CW1100" s="166">
        <v>0</v>
      </c>
      <c r="CX1100" s="166">
        <v>0</v>
      </c>
      <c r="CY1100" s="166">
        <v>0</v>
      </c>
      <c r="CZ1100" s="166">
        <v>0</v>
      </c>
    </row>
    <row r="1101" spans="1:104" x14ac:dyDescent="0.2">
      <c r="A1101" s="167" t="s">
        <v>629</v>
      </c>
      <c r="B1101" s="166">
        <v>500022665.134</v>
      </c>
      <c r="C1101" s="166">
        <v>500022665.134</v>
      </c>
      <c r="D1101" s="166">
        <v>0</v>
      </c>
      <c r="E1101" s="166">
        <v>0</v>
      </c>
      <c r="F1101" s="166">
        <v>0</v>
      </c>
      <c r="G1101" s="166">
        <v>0</v>
      </c>
      <c r="H1101" s="166">
        <v>0</v>
      </c>
      <c r="I1101" s="166">
        <v>0</v>
      </c>
      <c r="J1101" s="166">
        <v>0</v>
      </c>
      <c r="K1101" s="166">
        <v>0</v>
      </c>
      <c r="L1101" s="166">
        <v>0</v>
      </c>
      <c r="M1101" s="166">
        <v>0</v>
      </c>
      <c r="N1101" s="166">
        <v>0</v>
      </c>
      <c r="O1101" s="166">
        <v>0</v>
      </c>
      <c r="P1101" s="166">
        <v>0</v>
      </c>
      <c r="Q1101" s="166">
        <v>0</v>
      </c>
      <c r="R1101" s="166">
        <v>0</v>
      </c>
      <c r="S1101" s="166">
        <v>0</v>
      </c>
      <c r="T1101" s="166">
        <v>0</v>
      </c>
      <c r="U1101" s="166">
        <v>0</v>
      </c>
      <c r="V1101" s="166">
        <v>0</v>
      </c>
      <c r="W1101" s="166">
        <v>0</v>
      </c>
      <c r="X1101" s="166">
        <v>0</v>
      </c>
      <c r="Y1101" s="166">
        <v>0</v>
      </c>
      <c r="Z1101" s="166">
        <v>0</v>
      </c>
      <c r="AA1101" s="166">
        <v>0</v>
      </c>
      <c r="AB1101" s="166">
        <v>0</v>
      </c>
      <c r="AC1101" s="166">
        <v>0</v>
      </c>
      <c r="AD1101" s="166">
        <v>0</v>
      </c>
      <c r="AE1101" s="166">
        <v>0</v>
      </c>
      <c r="AF1101" s="166">
        <v>0</v>
      </c>
      <c r="AG1101" s="166">
        <v>0</v>
      </c>
      <c r="AH1101" s="166">
        <v>0</v>
      </c>
      <c r="AI1101" s="166">
        <v>0</v>
      </c>
      <c r="AJ1101" s="166">
        <v>0</v>
      </c>
      <c r="AK1101" s="166">
        <v>0</v>
      </c>
      <c r="AL1101" s="166">
        <v>0</v>
      </c>
      <c r="AM1101" s="166">
        <v>0</v>
      </c>
      <c r="AN1101" s="166">
        <v>0</v>
      </c>
      <c r="AO1101" s="166">
        <v>0</v>
      </c>
      <c r="AP1101" s="166">
        <v>0</v>
      </c>
      <c r="AQ1101" s="166">
        <v>0</v>
      </c>
      <c r="AR1101" s="166">
        <v>0</v>
      </c>
      <c r="AS1101" s="166">
        <v>0</v>
      </c>
      <c r="AT1101" s="166">
        <v>0</v>
      </c>
      <c r="AU1101" s="166">
        <v>0</v>
      </c>
      <c r="AV1101" s="166">
        <v>0</v>
      </c>
      <c r="AW1101" s="166">
        <v>0</v>
      </c>
      <c r="AX1101" s="166">
        <v>-4255331.3826300399</v>
      </c>
      <c r="AY1101" s="166">
        <v>0</v>
      </c>
      <c r="AZ1101" s="166">
        <v>-200000004</v>
      </c>
      <c r="BA1101" s="166">
        <v>0</v>
      </c>
      <c r="BB1101" s="166">
        <v>0</v>
      </c>
      <c r="BC1101" s="166">
        <v>0</v>
      </c>
      <c r="BD1101" s="166">
        <v>0</v>
      </c>
      <c r="BE1101" s="166">
        <v>0</v>
      </c>
      <c r="BF1101" s="166">
        <v>0</v>
      </c>
      <c r="BG1101" s="166">
        <v>0</v>
      </c>
      <c r="BH1101" s="166">
        <v>0</v>
      </c>
      <c r="BI1101" s="166">
        <v>0</v>
      </c>
      <c r="BJ1101" s="166">
        <v>0</v>
      </c>
      <c r="BK1101" s="166">
        <v>0</v>
      </c>
      <c r="BL1101" s="166">
        <v>0</v>
      </c>
      <c r="BM1101" s="166">
        <v>0</v>
      </c>
      <c r="BN1101" s="166">
        <v>0</v>
      </c>
      <c r="BO1101" s="166">
        <v>-4255331.3826300399</v>
      </c>
      <c r="BP1101" s="166">
        <v>0</v>
      </c>
      <c r="BQ1101" s="166">
        <v>-200000004</v>
      </c>
      <c r="BR1101" s="166">
        <v>500022665.134</v>
      </c>
      <c r="BS1101" s="166">
        <v>295767329.75137001</v>
      </c>
      <c r="BT1101" s="168">
        <v>0</v>
      </c>
      <c r="BU1101" s="166">
        <v>37637515.671591297</v>
      </c>
      <c r="BV1101" s="166">
        <v>492492557.95331299</v>
      </c>
      <c r="BW1101" s="166">
        <v>0</v>
      </c>
      <c r="BX1101" s="166">
        <v>0</v>
      </c>
      <c r="BY1101" s="166">
        <v>0</v>
      </c>
      <c r="BZ1101" s="166">
        <v>0</v>
      </c>
      <c r="CA1101" s="166">
        <v>0</v>
      </c>
      <c r="CB1101" s="166">
        <v>0</v>
      </c>
      <c r="CC1101" s="166">
        <v>0</v>
      </c>
      <c r="CD1101" s="166">
        <v>0</v>
      </c>
      <c r="CE1101" s="166">
        <v>0</v>
      </c>
      <c r="CF1101" s="166">
        <v>0</v>
      </c>
      <c r="CG1101" s="166">
        <v>0</v>
      </c>
      <c r="CH1101" s="166">
        <v>-4255331.3826300399</v>
      </c>
      <c r="CI1101" s="166">
        <v>0</v>
      </c>
      <c r="CJ1101" s="166">
        <v>-200000004</v>
      </c>
      <c r="CK1101" s="166">
        <v>0</v>
      </c>
      <c r="CL1101" s="166">
        <v>0</v>
      </c>
      <c r="CM1101" s="166">
        <v>0</v>
      </c>
      <c r="CN1101" s="166">
        <v>0</v>
      </c>
      <c r="CO1101" s="166">
        <v>0</v>
      </c>
      <c r="CP1101" s="166">
        <v>0</v>
      </c>
      <c r="CQ1101" s="166">
        <v>0</v>
      </c>
      <c r="CR1101" s="166">
        <v>0</v>
      </c>
      <c r="CS1101" s="166">
        <v>0</v>
      </c>
      <c r="CT1101" s="166">
        <v>0</v>
      </c>
      <c r="CU1101" s="166">
        <v>0</v>
      </c>
      <c r="CV1101" s="166">
        <v>-4255331.3826300399</v>
      </c>
      <c r="CW1101" s="166">
        <v>0</v>
      </c>
      <c r="CX1101" s="166">
        <v>-200000004</v>
      </c>
      <c r="CY1101" s="166">
        <v>288237222.570683</v>
      </c>
      <c r="CZ1101" s="166">
        <v>288237222.570683</v>
      </c>
    </row>
    <row r="1102" spans="1:104" x14ac:dyDescent="0.2">
      <c r="A1102" s="167" t="s">
        <v>630</v>
      </c>
      <c r="B1102" s="166">
        <v>0</v>
      </c>
      <c r="C1102" s="166">
        <v>0</v>
      </c>
      <c r="D1102" s="166">
        <v>0</v>
      </c>
      <c r="E1102" s="166">
        <v>0</v>
      </c>
      <c r="F1102" s="166">
        <v>0</v>
      </c>
      <c r="G1102" s="166">
        <v>0</v>
      </c>
      <c r="H1102" s="166">
        <v>0</v>
      </c>
      <c r="I1102" s="166">
        <v>0</v>
      </c>
      <c r="J1102" s="166">
        <v>0</v>
      </c>
      <c r="K1102" s="166">
        <v>0</v>
      </c>
      <c r="L1102" s="166">
        <v>0</v>
      </c>
      <c r="M1102" s="166">
        <v>0</v>
      </c>
      <c r="N1102" s="166">
        <v>0</v>
      </c>
      <c r="O1102" s="166">
        <v>0</v>
      </c>
      <c r="P1102" s="166">
        <v>0</v>
      </c>
      <c r="Q1102" s="166">
        <v>0</v>
      </c>
      <c r="R1102" s="166">
        <v>0</v>
      </c>
      <c r="S1102" s="166">
        <v>0</v>
      </c>
      <c r="T1102" s="166">
        <v>0</v>
      </c>
      <c r="U1102" s="166">
        <v>0</v>
      </c>
      <c r="V1102" s="166">
        <v>0</v>
      </c>
      <c r="W1102" s="166">
        <v>0</v>
      </c>
      <c r="X1102" s="166">
        <v>0</v>
      </c>
      <c r="Y1102" s="166">
        <v>0</v>
      </c>
      <c r="Z1102" s="166">
        <v>0</v>
      </c>
      <c r="AA1102" s="166">
        <v>0</v>
      </c>
      <c r="AB1102" s="166">
        <v>0</v>
      </c>
      <c r="AC1102" s="166">
        <v>0</v>
      </c>
      <c r="AD1102" s="166">
        <v>0</v>
      </c>
      <c r="AE1102" s="166">
        <v>0</v>
      </c>
      <c r="AF1102" s="166">
        <v>0</v>
      </c>
      <c r="AG1102" s="166">
        <v>0</v>
      </c>
      <c r="AH1102" s="166">
        <v>0</v>
      </c>
      <c r="AI1102" s="166">
        <v>0</v>
      </c>
      <c r="AJ1102" s="166">
        <v>0</v>
      </c>
      <c r="AK1102" s="166">
        <v>0</v>
      </c>
      <c r="AL1102" s="166">
        <v>0</v>
      </c>
      <c r="AM1102" s="166">
        <v>0</v>
      </c>
      <c r="AN1102" s="166">
        <v>0</v>
      </c>
      <c r="AO1102" s="166">
        <v>0</v>
      </c>
      <c r="AP1102" s="166">
        <v>0</v>
      </c>
      <c r="AQ1102" s="166">
        <v>0</v>
      </c>
      <c r="AR1102" s="166">
        <v>0</v>
      </c>
      <c r="AS1102" s="166">
        <v>0</v>
      </c>
      <c r="AT1102" s="166">
        <v>0</v>
      </c>
      <c r="AU1102" s="166">
        <v>0</v>
      </c>
      <c r="AV1102" s="166">
        <v>0</v>
      </c>
      <c r="AW1102" s="166">
        <v>0</v>
      </c>
      <c r="AX1102" s="166">
        <v>0</v>
      </c>
      <c r="AY1102" s="166">
        <v>0</v>
      </c>
      <c r="AZ1102" s="166">
        <v>0</v>
      </c>
      <c r="BA1102" s="166">
        <v>0</v>
      </c>
      <c r="BB1102" s="166">
        <v>0</v>
      </c>
      <c r="BC1102" s="166">
        <v>0</v>
      </c>
      <c r="BD1102" s="166">
        <v>0</v>
      </c>
      <c r="BE1102" s="166">
        <v>0</v>
      </c>
      <c r="BF1102" s="166">
        <v>0</v>
      </c>
      <c r="BG1102" s="166">
        <v>0</v>
      </c>
      <c r="BH1102" s="166">
        <v>0</v>
      </c>
      <c r="BI1102" s="166">
        <v>0</v>
      </c>
      <c r="BJ1102" s="166">
        <v>0</v>
      </c>
      <c r="BK1102" s="166">
        <v>0</v>
      </c>
      <c r="BL1102" s="166">
        <v>0</v>
      </c>
      <c r="BM1102" s="166">
        <v>0</v>
      </c>
      <c r="BN1102" s="166">
        <v>0</v>
      </c>
      <c r="BO1102" s="166">
        <v>0</v>
      </c>
      <c r="BP1102" s="166">
        <v>0</v>
      </c>
      <c r="BQ1102" s="166">
        <v>0</v>
      </c>
      <c r="BR1102" s="166">
        <v>0</v>
      </c>
      <c r="BS1102" s="166">
        <v>0</v>
      </c>
      <c r="BT1102" s="168">
        <v>0</v>
      </c>
      <c r="BU1102" s="166">
        <v>0</v>
      </c>
      <c r="BV1102" s="166">
        <v>0</v>
      </c>
      <c r="BW1102" s="166">
        <v>0</v>
      </c>
      <c r="BX1102" s="166">
        <v>0</v>
      </c>
      <c r="BY1102" s="166">
        <v>0</v>
      </c>
      <c r="BZ1102" s="166">
        <v>0</v>
      </c>
      <c r="CA1102" s="166">
        <v>0</v>
      </c>
      <c r="CB1102" s="166">
        <v>0</v>
      </c>
      <c r="CC1102" s="166">
        <v>0</v>
      </c>
      <c r="CD1102" s="166">
        <v>0</v>
      </c>
      <c r="CE1102" s="166">
        <v>0</v>
      </c>
      <c r="CF1102" s="166">
        <v>0</v>
      </c>
      <c r="CG1102" s="166">
        <v>0</v>
      </c>
      <c r="CH1102" s="166">
        <v>0</v>
      </c>
      <c r="CI1102" s="166">
        <v>0</v>
      </c>
      <c r="CJ1102" s="166">
        <v>0</v>
      </c>
      <c r="CK1102" s="166">
        <v>0</v>
      </c>
      <c r="CL1102" s="166">
        <v>0</v>
      </c>
      <c r="CM1102" s="166">
        <v>0</v>
      </c>
      <c r="CN1102" s="166">
        <v>0</v>
      </c>
      <c r="CO1102" s="166">
        <v>0</v>
      </c>
      <c r="CP1102" s="166">
        <v>0</v>
      </c>
      <c r="CQ1102" s="166">
        <v>0</v>
      </c>
      <c r="CR1102" s="166">
        <v>0</v>
      </c>
      <c r="CS1102" s="166">
        <v>0</v>
      </c>
      <c r="CT1102" s="166">
        <v>0</v>
      </c>
      <c r="CU1102" s="166">
        <v>0</v>
      </c>
      <c r="CV1102" s="166">
        <v>0</v>
      </c>
      <c r="CW1102" s="166">
        <v>0</v>
      </c>
      <c r="CX1102" s="166">
        <v>0</v>
      </c>
      <c r="CY1102" s="166">
        <v>0</v>
      </c>
      <c r="CZ1102" s="166">
        <v>0</v>
      </c>
    </row>
    <row r="1103" spans="1:104" x14ac:dyDescent="0.2">
      <c r="A1103" s="167" t="s">
        <v>631</v>
      </c>
      <c r="B1103" s="166">
        <v>794001029.94113302</v>
      </c>
      <c r="C1103" s="166">
        <v>794001029.94113302</v>
      </c>
      <c r="D1103" s="166">
        <v>0</v>
      </c>
      <c r="E1103" s="166">
        <v>0</v>
      </c>
      <c r="F1103" s="166">
        <v>0</v>
      </c>
      <c r="G1103" s="166">
        <v>0</v>
      </c>
      <c r="H1103" s="166">
        <v>0</v>
      </c>
      <c r="I1103" s="166">
        <v>0</v>
      </c>
      <c r="J1103" s="166">
        <v>0</v>
      </c>
      <c r="K1103" s="166">
        <v>0</v>
      </c>
      <c r="L1103" s="166">
        <v>0</v>
      </c>
      <c r="M1103" s="166">
        <v>0</v>
      </c>
      <c r="N1103" s="166">
        <v>0</v>
      </c>
      <c r="O1103" s="166">
        <v>0</v>
      </c>
      <c r="P1103" s="166">
        <v>0</v>
      </c>
      <c r="Q1103" s="166">
        <v>0</v>
      </c>
      <c r="R1103" s="166">
        <v>0</v>
      </c>
      <c r="S1103" s="166">
        <v>0</v>
      </c>
      <c r="T1103" s="166">
        <v>0</v>
      </c>
      <c r="U1103" s="166">
        <v>0</v>
      </c>
      <c r="V1103" s="166">
        <v>0</v>
      </c>
      <c r="W1103" s="166">
        <v>0</v>
      </c>
      <c r="X1103" s="166">
        <v>0</v>
      </c>
      <c r="Y1103" s="166">
        <v>0</v>
      </c>
      <c r="Z1103" s="166">
        <v>0</v>
      </c>
      <c r="AA1103" s="166">
        <v>0</v>
      </c>
      <c r="AB1103" s="166">
        <v>0</v>
      </c>
      <c r="AC1103" s="166">
        <v>0</v>
      </c>
      <c r="AD1103" s="166">
        <v>0</v>
      </c>
      <c r="AE1103" s="166">
        <v>0</v>
      </c>
      <c r="AF1103" s="166">
        <v>0</v>
      </c>
      <c r="AG1103" s="166">
        <v>0</v>
      </c>
      <c r="AH1103" s="166">
        <v>0</v>
      </c>
      <c r="AI1103" s="166">
        <v>0</v>
      </c>
      <c r="AJ1103" s="166">
        <v>0</v>
      </c>
      <c r="AK1103" s="166">
        <v>0</v>
      </c>
      <c r="AL1103" s="166">
        <v>0</v>
      </c>
      <c r="AM1103" s="166">
        <v>0</v>
      </c>
      <c r="AN1103" s="166">
        <v>0</v>
      </c>
      <c r="AO1103" s="166">
        <v>0</v>
      </c>
      <c r="AP1103" s="166">
        <v>0</v>
      </c>
      <c r="AQ1103" s="166">
        <v>0</v>
      </c>
      <c r="AR1103" s="166">
        <v>0</v>
      </c>
      <c r="AS1103" s="166">
        <v>0</v>
      </c>
      <c r="AT1103" s="166">
        <v>0</v>
      </c>
      <c r="AU1103" s="166">
        <v>0</v>
      </c>
      <c r="AV1103" s="166">
        <v>0</v>
      </c>
      <c r="AW1103" s="166">
        <v>0</v>
      </c>
      <c r="AX1103" s="166">
        <v>-4255331.3826300399</v>
      </c>
      <c r="AY1103" s="166">
        <v>0</v>
      </c>
      <c r="AZ1103" s="166">
        <v>-200000004</v>
      </c>
      <c r="BA1103" s="166">
        <v>0</v>
      </c>
      <c r="BB1103" s="166">
        <v>0</v>
      </c>
      <c r="BC1103" s="166">
        <v>0</v>
      </c>
      <c r="BD1103" s="166">
        <v>0</v>
      </c>
      <c r="BE1103" s="166">
        <v>0</v>
      </c>
      <c r="BF1103" s="166">
        <v>0</v>
      </c>
      <c r="BG1103" s="166">
        <v>0</v>
      </c>
      <c r="BH1103" s="166">
        <v>0</v>
      </c>
      <c r="BI1103" s="166">
        <v>0</v>
      </c>
      <c r="BJ1103" s="166">
        <v>0</v>
      </c>
      <c r="BK1103" s="166">
        <v>0</v>
      </c>
      <c r="BL1103" s="166">
        <v>0</v>
      </c>
      <c r="BM1103" s="166">
        <v>0</v>
      </c>
      <c r="BN1103" s="166">
        <v>0</v>
      </c>
      <c r="BO1103" s="166">
        <v>-4255331.3826300399</v>
      </c>
      <c r="BP1103" s="166">
        <v>0</v>
      </c>
      <c r="BQ1103" s="166">
        <v>-200000004</v>
      </c>
      <c r="BR1103" s="166">
        <v>794001029.94113302</v>
      </c>
      <c r="BS1103" s="166">
        <v>589745694.55850303</v>
      </c>
      <c r="BT1103" s="168">
        <v>0</v>
      </c>
      <c r="BU1103" s="166">
        <v>57207113.581557497</v>
      </c>
      <c r="BV1103" s="166">
        <v>773995435.22355998</v>
      </c>
      <c r="BW1103" s="166">
        <v>0</v>
      </c>
      <c r="BX1103" s="166">
        <v>0</v>
      </c>
      <c r="BY1103" s="166">
        <v>0</v>
      </c>
      <c r="BZ1103" s="166">
        <v>0</v>
      </c>
      <c r="CA1103" s="166">
        <v>0</v>
      </c>
      <c r="CB1103" s="166">
        <v>0</v>
      </c>
      <c r="CC1103" s="166">
        <v>0</v>
      </c>
      <c r="CD1103" s="166">
        <v>0</v>
      </c>
      <c r="CE1103" s="166">
        <v>0</v>
      </c>
      <c r="CF1103" s="166">
        <v>0</v>
      </c>
      <c r="CG1103" s="166">
        <v>0</v>
      </c>
      <c r="CH1103" s="166">
        <v>-4255331.3826300399</v>
      </c>
      <c r="CI1103" s="166">
        <v>0</v>
      </c>
      <c r="CJ1103" s="166">
        <v>-200000004</v>
      </c>
      <c r="CK1103" s="166">
        <v>0</v>
      </c>
      <c r="CL1103" s="166">
        <v>0</v>
      </c>
      <c r="CM1103" s="166">
        <v>0</v>
      </c>
      <c r="CN1103" s="166">
        <v>0</v>
      </c>
      <c r="CO1103" s="166">
        <v>0</v>
      </c>
      <c r="CP1103" s="166">
        <v>0</v>
      </c>
      <c r="CQ1103" s="166">
        <v>0</v>
      </c>
      <c r="CR1103" s="166">
        <v>0</v>
      </c>
      <c r="CS1103" s="166">
        <v>0</v>
      </c>
      <c r="CT1103" s="166">
        <v>0</v>
      </c>
      <c r="CU1103" s="166">
        <v>0</v>
      </c>
      <c r="CV1103" s="166">
        <v>-4255331.3826300399</v>
      </c>
      <c r="CW1103" s="166">
        <v>0</v>
      </c>
      <c r="CX1103" s="166">
        <v>-200000004</v>
      </c>
      <c r="CY1103" s="166">
        <v>569740099.84092999</v>
      </c>
      <c r="CZ1103" s="166">
        <v>569740099.84092999</v>
      </c>
    </row>
    <row r="1104" spans="1:104" x14ac:dyDescent="0.2">
      <c r="A1104" s="167" t="s">
        <v>632</v>
      </c>
      <c r="B1104" s="166">
        <v>810773808.00105906</v>
      </c>
      <c r="C1104" s="166">
        <v>810773808.00105906</v>
      </c>
      <c r="D1104" s="166">
        <v>0</v>
      </c>
      <c r="E1104" s="166">
        <v>0</v>
      </c>
      <c r="F1104" s="166">
        <v>0</v>
      </c>
      <c r="G1104" s="166">
        <v>0</v>
      </c>
      <c r="H1104" s="166">
        <v>0</v>
      </c>
      <c r="I1104" s="166">
        <v>0</v>
      </c>
      <c r="J1104" s="166">
        <v>0</v>
      </c>
      <c r="K1104" s="166">
        <v>0</v>
      </c>
      <c r="L1104" s="166">
        <v>0</v>
      </c>
      <c r="M1104" s="166">
        <v>0</v>
      </c>
      <c r="N1104" s="166">
        <v>0</v>
      </c>
      <c r="O1104" s="166">
        <v>0</v>
      </c>
      <c r="P1104" s="166">
        <v>0</v>
      </c>
      <c r="Q1104" s="166">
        <v>0</v>
      </c>
      <c r="R1104" s="166">
        <v>0</v>
      </c>
      <c r="S1104" s="166">
        <v>0</v>
      </c>
      <c r="T1104" s="166">
        <v>0</v>
      </c>
      <c r="U1104" s="166">
        <v>0</v>
      </c>
      <c r="V1104" s="166">
        <v>0</v>
      </c>
      <c r="W1104" s="166">
        <v>0</v>
      </c>
      <c r="X1104" s="166">
        <v>0</v>
      </c>
      <c r="Y1104" s="166">
        <v>0</v>
      </c>
      <c r="Z1104" s="166">
        <v>0</v>
      </c>
      <c r="AA1104" s="166">
        <v>0</v>
      </c>
      <c r="AB1104" s="166">
        <v>0</v>
      </c>
      <c r="AC1104" s="166">
        <v>0</v>
      </c>
      <c r="AD1104" s="166">
        <v>0</v>
      </c>
      <c r="AE1104" s="166">
        <v>0</v>
      </c>
      <c r="AF1104" s="166">
        <v>0</v>
      </c>
      <c r="AG1104" s="166">
        <v>0</v>
      </c>
      <c r="AH1104" s="166">
        <v>0</v>
      </c>
      <c r="AI1104" s="166">
        <v>0</v>
      </c>
      <c r="AJ1104" s="166">
        <v>0</v>
      </c>
      <c r="AK1104" s="166">
        <v>0</v>
      </c>
      <c r="AL1104" s="166">
        <v>0</v>
      </c>
      <c r="AM1104" s="166">
        <v>0</v>
      </c>
      <c r="AN1104" s="166">
        <v>0</v>
      </c>
      <c r="AO1104" s="166">
        <v>0</v>
      </c>
      <c r="AP1104" s="166">
        <v>0</v>
      </c>
      <c r="AQ1104" s="166">
        <v>0</v>
      </c>
      <c r="AR1104" s="166">
        <v>0</v>
      </c>
      <c r="AS1104" s="166">
        <v>0</v>
      </c>
      <c r="AT1104" s="166">
        <v>0</v>
      </c>
      <c r="AU1104" s="166">
        <v>0</v>
      </c>
      <c r="AV1104" s="166">
        <v>0</v>
      </c>
      <c r="AW1104" s="166">
        <v>0</v>
      </c>
      <c r="AX1104" s="166">
        <v>-4255331.3826300399</v>
      </c>
      <c r="AY1104" s="166">
        <v>0</v>
      </c>
      <c r="AZ1104" s="166">
        <v>-200000004</v>
      </c>
      <c r="BA1104" s="166">
        <v>0</v>
      </c>
      <c r="BB1104" s="166">
        <v>0</v>
      </c>
      <c r="BC1104" s="166">
        <v>0</v>
      </c>
      <c r="BD1104" s="166">
        <v>0</v>
      </c>
      <c r="BE1104" s="166">
        <v>0</v>
      </c>
      <c r="BF1104" s="166">
        <v>0</v>
      </c>
      <c r="BG1104" s="166">
        <v>0</v>
      </c>
      <c r="BH1104" s="166">
        <v>0</v>
      </c>
      <c r="BI1104" s="166">
        <v>0</v>
      </c>
      <c r="BJ1104" s="166">
        <v>0</v>
      </c>
      <c r="BK1104" s="166">
        <v>0</v>
      </c>
      <c r="BL1104" s="166">
        <v>0</v>
      </c>
      <c r="BM1104" s="166">
        <v>0</v>
      </c>
      <c r="BN1104" s="166">
        <v>0</v>
      </c>
      <c r="BO1104" s="166">
        <v>-4255331.3826300399</v>
      </c>
      <c r="BP1104" s="166">
        <v>0</v>
      </c>
      <c r="BQ1104" s="166">
        <v>-200000004</v>
      </c>
      <c r="BR1104" s="166">
        <v>810773808.00105906</v>
      </c>
      <c r="BS1104" s="166">
        <v>606518472.61842895</v>
      </c>
      <c r="BT1104" s="168">
        <v>0</v>
      </c>
      <c r="BU1104" s="166">
        <v>58036139.716930203</v>
      </c>
      <c r="BV1104" s="166">
        <v>790456061.04530096</v>
      </c>
      <c r="BW1104" s="166">
        <v>0</v>
      </c>
      <c r="BX1104" s="166">
        <v>0</v>
      </c>
      <c r="BY1104" s="166">
        <v>0</v>
      </c>
      <c r="BZ1104" s="166">
        <v>0</v>
      </c>
      <c r="CA1104" s="166">
        <v>0</v>
      </c>
      <c r="CB1104" s="166">
        <v>0</v>
      </c>
      <c r="CC1104" s="166">
        <v>0</v>
      </c>
      <c r="CD1104" s="166">
        <v>0</v>
      </c>
      <c r="CE1104" s="166">
        <v>0</v>
      </c>
      <c r="CF1104" s="166">
        <v>0</v>
      </c>
      <c r="CG1104" s="166">
        <v>0</v>
      </c>
      <c r="CH1104" s="166">
        <v>-4255331.3826300399</v>
      </c>
      <c r="CI1104" s="166">
        <v>0</v>
      </c>
      <c r="CJ1104" s="166">
        <v>-200000004</v>
      </c>
      <c r="CK1104" s="166">
        <v>0</v>
      </c>
      <c r="CL1104" s="166">
        <v>0</v>
      </c>
      <c r="CM1104" s="166">
        <v>0</v>
      </c>
      <c r="CN1104" s="166">
        <v>0</v>
      </c>
      <c r="CO1104" s="166">
        <v>0</v>
      </c>
      <c r="CP1104" s="166">
        <v>0</v>
      </c>
      <c r="CQ1104" s="166">
        <v>0</v>
      </c>
      <c r="CR1104" s="166">
        <v>0</v>
      </c>
      <c r="CS1104" s="166">
        <v>0</v>
      </c>
      <c r="CT1104" s="166">
        <v>0</v>
      </c>
      <c r="CU1104" s="166">
        <v>0</v>
      </c>
      <c r="CV1104" s="166">
        <v>-4255331.3826300399</v>
      </c>
      <c r="CW1104" s="166">
        <v>0</v>
      </c>
      <c r="CX1104" s="166">
        <v>-200000004</v>
      </c>
      <c r="CY1104" s="166">
        <v>586200725.66267097</v>
      </c>
      <c r="CZ1104" s="166">
        <v>586200725.66267097</v>
      </c>
    </row>
    <row r="1105" spans="1:104" x14ac:dyDescent="0.2">
      <c r="A1105" s="167" t="s">
        <v>633</v>
      </c>
      <c r="B1105" s="166">
        <v>-16772778.059926599</v>
      </c>
      <c r="C1105" s="166">
        <v>-16772778.059926599</v>
      </c>
      <c r="D1105" s="166">
        <v>0</v>
      </c>
      <c r="E1105" s="166">
        <v>0</v>
      </c>
      <c r="F1105" s="166">
        <v>0</v>
      </c>
      <c r="G1105" s="166">
        <v>0</v>
      </c>
      <c r="H1105" s="166">
        <v>0</v>
      </c>
      <c r="I1105" s="166">
        <v>0</v>
      </c>
      <c r="J1105" s="166">
        <v>0</v>
      </c>
      <c r="K1105" s="166">
        <v>0</v>
      </c>
      <c r="L1105" s="166">
        <v>0</v>
      </c>
      <c r="M1105" s="166">
        <v>0</v>
      </c>
      <c r="N1105" s="166">
        <v>0</v>
      </c>
      <c r="O1105" s="166">
        <v>0</v>
      </c>
      <c r="P1105" s="166">
        <v>0</v>
      </c>
      <c r="Q1105" s="166">
        <v>0</v>
      </c>
      <c r="R1105" s="166">
        <v>0</v>
      </c>
      <c r="S1105" s="166">
        <v>0</v>
      </c>
      <c r="T1105" s="166">
        <v>0</v>
      </c>
      <c r="U1105" s="166">
        <v>0</v>
      </c>
      <c r="V1105" s="166">
        <v>0</v>
      </c>
      <c r="W1105" s="166">
        <v>0</v>
      </c>
      <c r="X1105" s="166">
        <v>0</v>
      </c>
      <c r="Y1105" s="166">
        <v>0</v>
      </c>
      <c r="Z1105" s="166">
        <v>0</v>
      </c>
      <c r="AA1105" s="166">
        <v>0</v>
      </c>
      <c r="AB1105" s="166">
        <v>0</v>
      </c>
      <c r="AC1105" s="166">
        <v>0</v>
      </c>
      <c r="AD1105" s="166">
        <v>0</v>
      </c>
      <c r="AE1105" s="166">
        <v>0</v>
      </c>
      <c r="AF1105" s="166">
        <v>0</v>
      </c>
      <c r="AG1105" s="166">
        <v>0</v>
      </c>
      <c r="AH1105" s="166">
        <v>0</v>
      </c>
      <c r="AI1105" s="166">
        <v>0</v>
      </c>
      <c r="AJ1105" s="166">
        <v>0</v>
      </c>
      <c r="AK1105" s="166">
        <v>0</v>
      </c>
      <c r="AL1105" s="166">
        <v>0</v>
      </c>
      <c r="AM1105" s="166">
        <v>0</v>
      </c>
      <c r="AN1105" s="166">
        <v>0</v>
      </c>
      <c r="AO1105" s="166">
        <v>0</v>
      </c>
      <c r="AP1105" s="166">
        <v>0</v>
      </c>
      <c r="AQ1105" s="166">
        <v>0</v>
      </c>
      <c r="AR1105" s="166">
        <v>0</v>
      </c>
      <c r="AS1105" s="166">
        <v>0</v>
      </c>
      <c r="AT1105" s="166">
        <v>0</v>
      </c>
      <c r="AU1105" s="166">
        <v>0</v>
      </c>
      <c r="AV1105" s="166">
        <v>0</v>
      </c>
      <c r="AW1105" s="166">
        <v>0</v>
      </c>
      <c r="AX1105" s="166">
        <v>0</v>
      </c>
      <c r="AY1105" s="166">
        <v>0</v>
      </c>
      <c r="AZ1105" s="166">
        <v>0</v>
      </c>
      <c r="BA1105" s="166">
        <v>0</v>
      </c>
      <c r="BB1105" s="166">
        <v>0</v>
      </c>
      <c r="BC1105" s="166">
        <v>0</v>
      </c>
      <c r="BD1105" s="166">
        <v>0</v>
      </c>
      <c r="BE1105" s="166">
        <v>0</v>
      </c>
      <c r="BF1105" s="166">
        <v>0</v>
      </c>
      <c r="BG1105" s="166">
        <v>0</v>
      </c>
      <c r="BH1105" s="166">
        <v>0</v>
      </c>
      <c r="BI1105" s="166">
        <v>0</v>
      </c>
      <c r="BJ1105" s="166">
        <v>0</v>
      </c>
      <c r="BK1105" s="166">
        <v>0</v>
      </c>
      <c r="BL1105" s="166">
        <v>0</v>
      </c>
      <c r="BM1105" s="166">
        <v>0</v>
      </c>
      <c r="BN1105" s="166">
        <v>0</v>
      </c>
      <c r="BO1105" s="166">
        <v>0</v>
      </c>
      <c r="BP1105" s="166">
        <v>0</v>
      </c>
      <c r="BQ1105" s="166">
        <v>0</v>
      </c>
      <c r="BR1105" s="166">
        <v>-16772778.059926599</v>
      </c>
      <c r="BS1105" s="166">
        <v>-16772778.0599264</v>
      </c>
      <c r="BT1105" s="168">
        <v>0</v>
      </c>
      <c r="BU1105" s="166">
        <v>-829026.13537266699</v>
      </c>
      <c r="BV1105" s="166">
        <v>-16460625.821741</v>
      </c>
      <c r="BW1105" s="166">
        <v>0</v>
      </c>
      <c r="BX1105" s="166">
        <v>0</v>
      </c>
      <c r="BY1105" s="166">
        <v>0</v>
      </c>
      <c r="BZ1105" s="166">
        <v>0</v>
      </c>
      <c r="CA1105" s="166">
        <v>0</v>
      </c>
      <c r="CB1105" s="166">
        <v>0</v>
      </c>
      <c r="CC1105" s="166">
        <v>0</v>
      </c>
      <c r="CD1105" s="166">
        <v>0</v>
      </c>
      <c r="CE1105" s="166">
        <v>0</v>
      </c>
      <c r="CF1105" s="166">
        <v>0</v>
      </c>
      <c r="CG1105" s="166">
        <v>0</v>
      </c>
      <c r="CH1105" s="166">
        <v>0</v>
      </c>
      <c r="CI1105" s="166">
        <v>0</v>
      </c>
      <c r="CJ1105" s="166">
        <v>0</v>
      </c>
      <c r="CK1105" s="166">
        <v>0</v>
      </c>
      <c r="CL1105" s="166">
        <v>0</v>
      </c>
      <c r="CM1105" s="166">
        <v>0</v>
      </c>
      <c r="CN1105" s="166">
        <v>0</v>
      </c>
      <c r="CO1105" s="166">
        <v>0</v>
      </c>
      <c r="CP1105" s="166">
        <v>0</v>
      </c>
      <c r="CQ1105" s="166">
        <v>0</v>
      </c>
      <c r="CR1105" s="166">
        <v>0</v>
      </c>
      <c r="CS1105" s="166">
        <v>0</v>
      </c>
      <c r="CT1105" s="166">
        <v>0</v>
      </c>
      <c r="CU1105" s="166">
        <v>0</v>
      </c>
      <c r="CV1105" s="166">
        <v>0</v>
      </c>
      <c r="CW1105" s="166">
        <v>0</v>
      </c>
      <c r="CX1105" s="166">
        <v>0</v>
      </c>
      <c r="CY1105" s="166">
        <v>-16460625.8217411</v>
      </c>
      <c r="CZ1105" s="166">
        <v>-16460625.821741</v>
      </c>
    </row>
    <row r="1106" spans="1:104" x14ac:dyDescent="0.2">
      <c r="A1106" s="167" t="s">
        <v>634</v>
      </c>
      <c r="B1106" s="166">
        <v>0</v>
      </c>
      <c r="C1106" s="166">
        <v>0</v>
      </c>
      <c r="D1106" s="166">
        <v>0</v>
      </c>
      <c r="E1106" s="166">
        <v>0</v>
      </c>
      <c r="F1106" s="166">
        <v>0</v>
      </c>
      <c r="G1106" s="166">
        <v>0</v>
      </c>
      <c r="H1106" s="166">
        <v>0</v>
      </c>
      <c r="I1106" s="166">
        <v>0</v>
      </c>
      <c r="J1106" s="166">
        <v>0</v>
      </c>
      <c r="K1106" s="166">
        <v>0</v>
      </c>
      <c r="L1106" s="166">
        <v>0</v>
      </c>
      <c r="M1106" s="166">
        <v>0</v>
      </c>
      <c r="N1106" s="166">
        <v>0</v>
      </c>
      <c r="O1106" s="166">
        <v>0</v>
      </c>
      <c r="P1106" s="166">
        <v>0</v>
      </c>
      <c r="Q1106" s="166">
        <v>0</v>
      </c>
      <c r="R1106" s="166">
        <v>0</v>
      </c>
      <c r="S1106" s="166">
        <v>0</v>
      </c>
      <c r="T1106" s="166">
        <v>0</v>
      </c>
      <c r="U1106" s="166">
        <v>0</v>
      </c>
      <c r="V1106" s="166">
        <v>0</v>
      </c>
      <c r="W1106" s="166">
        <v>0</v>
      </c>
      <c r="X1106" s="166">
        <v>0</v>
      </c>
      <c r="Y1106" s="166">
        <v>0</v>
      </c>
      <c r="Z1106" s="166">
        <v>0</v>
      </c>
      <c r="AA1106" s="166">
        <v>0</v>
      </c>
      <c r="AB1106" s="166">
        <v>0</v>
      </c>
      <c r="AC1106" s="166">
        <v>0</v>
      </c>
      <c r="AD1106" s="166">
        <v>0</v>
      </c>
      <c r="AE1106" s="166">
        <v>0</v>
      </c>
      <c r="AF1106" s="166">
        <v>0</v>
      </c>
      <c r="AG1106" s="166">
        <v>0</v>
      </c>
      <c r="AH1106" s="166">
        <v>0</v>
      </c>
      <c r="AI1106" s="166">
        <v>0</v>
      </c>
      <c r="AJ1106" s="166">
        <v>0</v>
      </c>
      <c r="AK1106" s="166">
        <v>0</v>
      </c>
      <c r="AL1106" s="166">
        <v>0</v>
      </c>
      <c r="AM1106" s="166">
        <v>0</v>
      </c>
      <c r="AN1106" s="166">
        <v>0</v>
      </c>
      <c r="AO1106" s="166">
        <v>0</v>
      </c>
      <c r="AP1106" s="166">
        <v>0</v>
      </c>
      <c r="AQ1106" s="166">
        <v>0</v>
      </c>
      <c r="AR1106" s="166">
        <v>0</v>
      </c>
      <c r="AS1106" s="166">
        <v>0</v>
      </c>
      <c r="AT1106" s="166">
        <v>0</v>
      </c>
      <c r="AU1106" s="166">
        <v>0</v>
      </c>
      <c r="AV1106" s="166">
        <v>0</v>
      </c>
      <c r="AW1106" s="166">
        <v>0</v>
      </c>
      <c r="AX1106" s="166">
        <v>0</v>
      </c>
      <c r="AY1106" s="166">
        <v>0</v>
      </c>
      <c r="AZ1106" s="166">
        <v>0</v>
      </c>
      <c r="BA1106" s="166">
        <v>0</v>
      </c>
      <c r="BB1106" s="166">
        <v>0</v>
      </c>
      <c r="BC1106" s="166">
        <v>0</v>
      </c>
      <c r="BD1106" s="166">
        <v>0</v>
      </c>
      <c r="BE1106" s="166">
        <v>0</v>
      </c>
      <c r="BF1106" s="166">
        <v>0</v>
      </c>
      <c r="BG1106" s="166">
        <v>0</v>
      </c>
      <c r="BH1106" s="166">
        <v>0</v>
      </c>
      <c r="BI1106" s="166">
        <v>0</v>
      </c>
      <c r="BJ1106" s="166">
        <v>0</v>
      </c>
      <c r="BK1106" s="166">
        <v>0</v>
      </c>
      <c r="BL1106" s="166">
        <v>0</v>
      </c>
      <c r="BM1106" s="166">
        <v>0</v>
      </c>
      <c r="BN1106" s="166">
        <v>0</v>
      </c>
      <c r="BO1106" s="166">
        <v>0</v>
      </c>
      <c r="BP1106" s="166">
        <v>0</v>
      </c>
      <c r="BQ1106" s="166">
        <v>0</v>
      </c>
      <c r="BR1106" s="166">
        <v>0</v>
      </c>
      <c r="BS1106" s="166">
        <v>0</v>
      </c>
      <c r="BT1106" s="168">
        <v>0</v>
      </c>
      <c r="BU1106" s="166">
        <v>0</v>
      </c>
      <c r="BV1106" s="166">
        <v>0</v>
      </c>
      <c r="BW1106" s="166">
        <v>0</v>
      </c>
      <c r="BX1106" s="166">
        <v>0</v>
      </c>
      <c r="BY1106" s="166">
        <v>0</v>
      </c>
      <c r="BZ1106" s="166">
        <v>0</v>
      </c>
      <c r="CA1106" s="166">
        <v>0</v>
      </c>
      <c r="CB1106" s="166">
        <v>0</v>
      </c>
      <c r="CC1106" s="166">
        <v>0</v>
      </c>
      <c r="CD1106" s="166">
        <v>0</v>
      </c>
      <c r="CE1106" s="166">
        <v>0</v>
      </c>
      <c r="CF1106" s="166">
        <v>0</v>
      </c>
      <c r="CG1106" s="166">
        <v>0</v>
      </c>
      <c r="CH1106" s="166">
        <v>0</v>
      </c>
      <c r="CI1106" s="166">
        <v>0</v>
      </c>
      <c r="CJ1106" s="166">
        <v>0</v>
      </c>
      <c r="CK1106" s="166">
        <v>0</v>
      </c>
      <c r="CL1106" s="166">
        <v>0</v>
      </c>
      <c r="CM1106" s="166">
        <v>0</v>
      </c>
      <c r="CN1106" s="166">
        <v>0</v>
      </c>
      <c r="CO1106" s="166">
        <v>0</v>
      </c>
      <c r="CP1106" s="166">
        <v>0</v>
      </c>
      <c r="CQ1106" s="166">
        <v>0</v>
      </c>
      <c r="CR1106" s="166">
        <v>0</v>
      </c>
      <c r="CS1106" s="166">
        <v>0</v>
      </c>
      <c r="CT1106" s="166">
        <v>0</v>
      </c>
      <c r="CU1106" s="166">
        <v>0</v>
      </c>
      <c r="CV1106" s="166">
        <v>0</v>
      </c>
      <c r="CW1106" s="166">
        <v>0</v>
      </c>
      <c r="CX1106" s="166">
        <v>0</v>
      </c>
      <c r="CY1106" s="166">
        <v>0</v>
      </c>
      <c r="CZ1106" s="166">
        <v>0</v>
      </c>
    </row>
    <row r="1107" spans="1:104" x14ac:dyDescent="0.2">
      <c r="A1107" s="167" t="s">
        <v>635</v>
      </c>
      <c r="B1107" s="166">
        <v>0</v>
      </c>
      <c r="C1107" s="166">
        <v>0</v>
      </c>
      <c r="D1107" s="166">
        <v>0</v>
      </c>
      <c r="E1107" s="166">
        <v>0</v>
      </c>
      <c r="F1107" s="166">
        <v>0</v>
      </c>
      <c r="G1107" s="166">
        <v>0</v>
      </c>
      <c r="H1107" s="166">
        <v>0</v>
      </c>
      <c r="I1107" s="166">
        <v>0</v>
      </c>
      <c r="J1107" s="166">
        <v>0</v>
      </c>
      <c r="K1107" s="166">
        <v>0</v>
      </c>
      <c r="L1107" s="166">
        <v>0</v>
      </c>
      <c r="M1107" s="166">
        <v>0</v>
      </c>
      <c r="N1107" s="166">
        <v>0</v>
      </c>
      <c r="O1107" s="166">
        <v>0</v>
      </c>
      <c r="P1107" s="166">
        <v>0</v>
      </c>
      <c r="Q1107" s="166">
        <v>0</v>
      </c>
      <c r="R1107" s="166">
        <v>0</v>
      </c>
      <c r="S1107" s="166">
        <v>0</v>
      </c>
      <c r="T1107" s="166">
        <v>0</v>
      </c>
      <c r="U1107" s="166">
        <v>0</v>
      </c>
      <c r="V1107" s="166">
        <v>0</v>
      </c>
      <c r="W1107" s="166">
        <v>0</v>
      </c>
      <c r="X1107" s="166">
        <v>0</v>
      </c>
      <c r="Y1107" s="166">
        <v>0</v>
      </c>
      <c r="Z1107" s="166">
        <v>0</v>
      </c>
      <c r="AA1107" s="166">
        <v>0</v>
      </c>
      <c r="AB1107" s="166">
        <v>0</v>
      </c>
      <c r="AC1107" s="166">
        <v>0</v>
      </c>
      <c r="AD1107" s="166">
        <v>0</v>
      </c>
      <c r="AE1107" s="166">
        <v>0</v>
      </c>
      <c r="AF1107" s="166">
        <v>0</v>
      </c>
      <c r="AG1107" s="166">
        <v>0</v>
      </c>
      <c r="AH1107" s="166">
        <v>0</v>
      </c>
      <c r="AI1107" s="166">
        <v>0</v>
      </c>
      <c r="AJ1107" s="166">
        <v>0</v>
      </c>
      <c r="AK1107" s="166">
        <v>0</v>
      </c>
      <c r="AL1107" s="166">
        <v>0</v>
      </c>
      <c r="AM1107" s="166">
        <v>0</v>
      </c>
      <c r="AN1107" s="166">
        <v>0</v>
      </c>
      <c r="AO1107" s="166">
        <v>0</v>
      </c>
      <c r="AP1107" s="166">
        <v>0</v>
      </c>
      <c r="AQ1107" s="166">
        <v>0</v>
      </c>
      <c r="AR1107" s="166">
        <v>0</v>
      </c>
      <c r="AS1107" s="166">
        <v>0</v>
      </c>
      <c r="AT1107" s="166">
        <v>0</v>
      </c>
      <c r="AU1107" s="166">
        <v>0</v>
      </c>
      <c r="AV1107" s="166">
        <v>0</v>
      </c>
      <c r="AW1107" s="166">
        <v>0</v>
      </c>
      <c r="AX1107" s="166">
        <v>0</v>
      </c>
      <c r="AY1107" s="166">
        <v>0</v>
      </c>
      <c r="AZ1107" s="166">
        <v>0</v>
      </c>
      <c r="BA1107" s="166">
        <v>0</v>
      </c>
      <c r="BB1107" s="166">
        <v>0</v>
      </c>
      <c r="BC1107" s="166">
        <v>0</v>
      </c>
      <c r="BD1107" s="166">
        <v>0</v>
      </c>
      <c r="BE1107" s="166">
        <v>0</v>
      </c>
      <c r="BF1107" s="166">
        <v>0</v>
      </c>
      <c r="BG1107" s="166">
        <v>0</v>
      </c>
      <c r="BH1107" s="166">
        <v>0</v>
      </c>
      <c r="BI1107" s="166">
        <v>0</v>
      </c>
      <c r="BJ1107" s="166">
        <v>0</v>
      </c>
      <c r="BK1107" s="166">
        <v>0</v>
      </c>
      <c r="BL1107" s="166">
        <v>0</v>
      </c>
      <c r="BM1107" s="166">
        <v>0</v>
      </c>
      <c r="BN1107" s="166">
        <v>0</v>
      </c>
      <c r="BO1107" s="166">
        <v>0</v>
      </c>
      <c r="BP1107" s="166">
        <v>0</v>
      </c>
      <c r="BQ1107" s="166">
        <v>0</v>
      </c>
      <c r="BR1107" s="166">
        <v>0</v>
      </c>
      <c r="BS1107" s="166">
        <v>0</v>
      </c>
      <c r="BT1107" s="168">
        <v>0</v>
      </c>
      <c r="BU1107" s="166">
        <v>0</v>
      </c>
      <c r="BV1107" s="166">
        <v>0</v>
      </c>
      <c r="BW1107" s="166">
        <v>0</v>
      </c>
      <c r="BX1107" s="166">
        <v>0</v>
      </c>
      <c r="BY1107" s="166">
        <v>0</v>
      </c>
      <c r="BZ1107" s="166">
        <v>0</v>
      </c>
      <c r="CA1107" s="166">
        <v>0</v>
      </c>
      <c r="CB1107" s="166">
        <v>0</v>
      </c>
      <c r="CC1107" s="166">
        <v>0</v>
      </c>
      <c r="CD1107" s="166">
        <v>0</v>
      </c>
      <c r="CE1107" s="166">
        <v>0</v>
      </c>
      <c r="CF1107" s="166">
        <v>0</v>
      </c>
      <c r="CG1107" s="166">
        <v>0</v>
      </c>
      <c r="CH1107" s="166">
        <v>0</v>
      </c>
      <c r="CI1107" s="166">
        <v>0</v>
      </c>
      <c r="CJ1107" s="166">
        <v>0</v>
      </c>
      <c r="CK1107" s="166">
        <v>0</v>
      </c>
      <c r="CL1107" s="166">
        <v>0</v>
      </c>
      <c r="CM1107" s="166">
        <v>0</v>
      </c>
      <c r="CN1107" s="166">
        <v>0</v>
      </c>
      <c r="CO1107" s="166">
        <v>0</v>
      </c>
      <c r="CP1107" s="166">
        <v>0</v>
      </c>
      <c r="CQ1107" s="166">
        <v>0</v>
      </c>
      <c r="CR1107" s="166">
        <v>0</v>
      </c>
      <c r="CS1107" s="166">
        <v>0</v>
      </c>
      <c r="CT1107" s="166">
        <v>0</v>
      </c>
      <c r="CU1107" s="166">
        <v>0</v>
      </c>
      <c r="CV1107" s="166">
        <v>0</v>
      </c>
      <c r="CW1107" s="166">
        <v>0</v>
      </c>
      <c r="CX1107" s="166">
        <v>0</v>
      </c>
      <c r="CY1107" s="166">
        <v>0</v>
      </c>
      <c r="CZ1107" s="166">
        <v>0</v>
      </c>
    </row>
    <row r="1108" spans="1:104" x14ac:dyDescent="0.2">
      <c r="A1108" s="167" t="s">
        <v>636</v>
      </c>
      <c r="B1108" s="166">
        <v>4465767.5279413201</v>
      </c>
      <c r="C1108" s="166">
        <v>4465767.5279413201</v>
      </c>
      <c r="D1108" s="166">
        <v>0</v>
      </c>
      <c r="E1108" s="166">
        <v>0</v>
      </c>
      <c r="F1108" s="166">
        <v>0</v>
      </c>
      <c r="G1108" s="166">
        <v>0</v>
      </c>
      <c r="H1108" s="166">
        <v>0</v>
      </c>
      <c r="I1108" s="166">
        <v>0</v>
      </c>
      <c r="J1108" s="166">
        <v>0</v>
      </c>
      <c r="K1108" s="166">
        <v>0</v>
      </c>
      <c r="L1108" s="166">
        <v>0</v>
      </c>
      <c r="M1108" s="166">
        <v>0</v>
      </c>
      <c r="N1108" s="166">
        <v>0</v>
      </c>
      <c r="O1108" s="166">
        <v>0</v>
      </c>
      <c r="P1108" s="166">
        <v>0</v>
      </c>
      <c r="Q1108" s="166">
        <v>0</v>
      </c>
      <c r="R1108" s="166">
        <v>0</v>
      </c>
      <c r="S1108" s="166">
        <v>0</v>
      </c>
      <c r="T1108" s="166">
        <v>0</v>
      </c>
      <c r="U1108" s="166">
        <v>-4465767.5279413201</v>
      </c>
      <c r="V1108" s="166">
        <v>0</v>
      </c>
      <c r="W1108" s="166">
        <v>0</v>
      </c>
      <c r="X1108" s="166">
        <v>0</v>
      </c>
      <c r="Y1108" s="166">
        <v>0</v>
      </c>
      <c r="Z1108" s="166">
        <v>0</v>
      </c>
      <c r="AA1108" s="166">
        <v>0</v>
      </c>
      <c r="AB1108" s="166">
        <v>0</v>
      </c>
      <c r="AC1108" s="166">
        <v>0</v>
      </c>
      <c r="AD1108" s="166">
        <v>0</v>
      </c>
      <c r="AE1108" s="166">
        <v>0</v>
      </c>
      <c r="AF1108" s="166">
        <v>0</v>
      </c>
      <c r="AG1108" s="166">
        <v>0</v>
      </c>
      <c r="AH1108" s="166">
        <v>0</v>
      </c>
      <c r="AI1108" s="166">
        <v>0</v>
      </c>
      <c r="AJ1108" s="166">
        <v>0</v>
      </c>
      <c r="AK1108" s="166">
        <v>0</v>
      </c>
      <c r="AL1108" s="166">
        <v>0</v>
      </c>
      <c r="AM1108" s="166">
        <v>0</v>
      </c>
      <c r="AN1108" s="166">
        <v>0</v>
      </c>
      <c r="AO1108" s="166">
        <v>0</v>
      </c>
      <c r="AP1108" s="166">
        <v>0</v>
      </c>
      <c r="AQ1108" s="166">
        <v>0</v>
      </c>
      <c r="AR1108" s="166">
        <v>0</v>
      </c>
      <c r="AS1108" s="166">
        <v>0</v>
      </c>
      <c r="AT1108" s="166">
        <v>0</v>
      </c>
      <c r="AU1108" s="166">
        <v>0</v>
      </c>
      <c r="AV1108" s="166">
        <v>0</v>
      </c>
      <c r="AW1108" s="166">
        <v>0</v>
      </c>
      <c r="AX1108" s="166">
        <v>0</v>
      </c>
      <c r="AY1108" s="166">
        <v>0</v>
      </c>
      <c r="AZ1108" s="166">
        <v>0</v>
      </c>
      <c r="BA1108" s="166">
        <v>0</v>
      </c>
      <c r="BB1108" s="166">
        <v>0</v>
      </c>
      <c r="BC1108" s="166">
        <v>0</v>
      </c>
      <c r="BD1108" s="166">
        <v>0</v>
      </c>
      <c r="BE1108" s="166">
        <v>0</v>
      </c>
      <c r="BF1108" s="166">
        <v>0</v>
      </c>
      <c r="BG1108" s="166">
        <v>0</v>
      </c>
      <c r="BH1108" s="166">
        <v>0</v>
      </c>
      <c r="BI1108" s="166">
        <v>-4465767.5279413201</v>
      </c>
      <c r="BJ1108" s="166">
        <v>0</v>
      </c>
      <c r="BK1108" s="166">
        <v>0</v>
      </c>
      <c r="BL1108" s="166">
        <v>0</v>
      </c>
      <c r="BM1108" s="166">
        <v>0</v>
      </c>
      <c r="BN1108" s="166">
        <v>0</v>
      </c>
      <c r="BO1108" s="166">
        <v>0</v>
      </c>
      <c r="BP1108" s="166">
        <v>0</v>
      </c>
      <c r="BQ1108" s="166">
        <v>0</v>
      </c>
      <c r="BR1108" s="166">
        <v>4465767.5279413201</v>
      </c>
      <c r="BS1108" s="166">
        <v>0</v>
      </c>
      <c r="BT1108" s="168">
        <v>0</v>
      </c>
      <c r="BU1108" s="166">
        <v>364066.34148487402</v>
      </c>
      <c r="BV1108" s="166">
        <v>4349791.54524069</v>
      </c>
      <c r="BW1108" s="166">
        <v>0</v>
      </c>
      <c r="BX1108" s="166">
        <v>0</v>
      </c>
      <c r="BY1108" s="166">
        <v>0</v>
      </c>
      <c r="BZ1108" s="166">
        <v>0</v>
      </c>
      <c r="CA1108" s="166">
        <v>0</v>
      </c>
      <c r="CB1108" s="166">
        <v>-4349791.54524069</v>
      </c>
      <c r="CC1108" s="166">
        <v>0</v>
      </c>
      <c r="CD1108" s="166">
        <v>0</v>
      </c>
      <c r="CE1108" s="166">
        <v>0</v>
      </c>
      <c r="CF1108" s="166">
        <v>0</v>
      </c>
      <c r="CG1108" s="166">
        <v>0</v>
      </c>
      <c r="CH1108" s="166">
        <v>0</v>
      </c>
      <c r="CI1108" s="166">
        <v>0</v>
      </c>
      <c r="CJ1108" s="166">
        <v>0</v>
      </c>
      <c r="CK1108" s="166">
        <v>0</v>
      </c>
      <c r="CL1108" s="166">
        <v>0</v>
      </c>
      <c r="CM1108" s="166">
        <v>0</v>
      </c>
      <c r="CN1108" s="166">
        <v>0</v>
      </c>
      <c r="CO1108" s="166">
        <v>0</v>
      </c>
      <c r="CP1108" s="166">
        <v>-4349791.54524069</v>
      </c>
      <c r="CQ1108" s="166">
        <v>0</v>
      </c>
      <c r="CR1108" s="166">
        <v>0</v>
      </c>
      <c r="CS1108" s="166">
        <v>0</v>
      </c>
      <c r="CT1108" s="166">
        <v>0</v>
      </c>
      <c r="CU1108" s="166">
        <v>0</v>
      </c>
      <c r="CV1108" s="166">
        <v>0</v>
      </c>
      <c r="CW1108" s="166">
        <v>0</v>
      </c>
      <c r="CX1108" s="166">
        <v>0</v>
      </c>
      <c r="CY1108" s="166">
        <v>0</v>
      </c>
      <c r="CZ1108" s="166">
        <v>0</v>
      </c>
    </row>
    <row r="1109" spans="1:104" x14ac:dyDescent="0.2">
      <c r="A1109" s="167" t="s">
        <v>637</v>
      </c>
      <c r="B1109" s="166">
        <v>9234801.7599999998</v>
      </c>
      <c r="C1109" s="166">
        <v>9234801.7599999998</v>
      </c>
      <c r="D1109" s="166">
        <v>0</v>
      </c>
      <c r="E1109" s="166">
        <v>0</v>
      </c>
      <c r="F1109" s="166">
        <v>0</v>
      </c>
      <c r="G1109" s="166">
        <v>0</v>
      </c>
      <c r="H1109" s="166">
        <v>0</v>
      </c>
      <c r="I1109" s="166">
        <v>0</v>
      </c>
      <c r="J1109" s="166">
        <v>0</v>
      </c>
      <c r="K1109" s="166">
        <v>0</v>
      </c>
      <c r="L1109" s="166">
        <v>0</v>
      </c>
      <c r="M1109" s="166">
        <v>0</v>
      </c>
      <c r="N1109" s="166">
        <v>0</v>
      </c>
      <c r="O1109" s="166">
        <v>0</v>
      </c>
      <c r="P1109" s="166">
        <v>0</v>
      </c>
      <c r="Q1109" s="166">
        <v>0</v>
      </c>
      <c r="R1109" s="166">
        <v>0</v>
      </c>
      <c r="S1109" s="166">
        <v>0</v>
      </c>
      <c r="T1109" s="166">
        <v>0</v>
      </c>
      <c r="U1109" s="166">
        <v>-9234801.7599999998</v>
      </c>
      <c r="V1109" s="166">
        <v>0</v>
      </c>
      <c r="W1109" s="166">
        <v>0</v>
      </c>
      <c r="X1109" s="166">
        <v>0</v>
      </c>
      <c r="Y1109" s="166">
        <v>0</v>
      </c>
      <c r="Z1109" s="166">
        <v>0</v>
      </c>
      <c r="AA1109" s="166">
        <v>0</v>
      </c>
      <c r="AB1109" s="166">
        <v>0</v>
      </c>
      <c r="AC1109" s="166">
        <v>0</v>
      </c>
      <c r="AD1109" s="166">
        <v>0</v>
      </c>
      <c r="AE1109" s="166">
        <v>0</v>
      </c>
      <c r="AF1109" s="166">
        <v>0</v>
      </c>
      <c r="AG1109" s="166">
        <v>0</v>
      </c>
      <c r="AH1109" s="166">
        <v>0</v>
      </c>
      <c r="AI1109" s="166">
        <v>0</v>
      </c>
      <c r="AJ1109" s="166">
        <v>0</v>
      </c>
      <c r="AK1109" s="166">
        <v>0</v>
      </c>
      <c r="AL1109" s="166">
        <v>0</v>
      </c>
      <c r="AM1109" s="166">
        <v>0</v>
      </c>
      <c r="AN1109" s="166">
        <v>0</v>
      </c>
      <c r="AO1109" s="166">
        <v>0</v>
      </c>
      <c r="AP1109" s="166">
        <v>0</v>
      </c>
      <c r="AQ1109" s="166">
        <v>0</v>
      </c>
      <c r="AR1109" s="166">
        <v>0</v>
      </c>
      <c r="AS1109" s="166">
        <v>0</v>
      </c>
      <c r="AT1109" s="166">
        <v>0</v>
      </c>
      <c r="AU1109" s="166">
        <v>0</v>
      </c>
      <c r="AV1109" s="166">
        <v>0</v>
      </c>
      <c r="AW1109" s="166">
        <v>0</v>
      </c>
      <c r="AX1109" s="166">
        <v>0</v>
      </c>
      <c r="AY1109" s="166">
        <v>0</v>
      </c>
      <c r="AZ1109" s="166">
        <v>0</v>
      </c>
      <c r="BA1109" s="166">
        <v>0</v>
      </c>
      <c r="BB1109" s="166">
        <v>0</v>
      </c>
      <c r="BC1109" s="166">
        <v>0</v>
      </c>
      <c r="BD1109" s="166">
        <v>0</v>
      </c>
      <c r="BE1109" s="166">
        <v>0</v>
      </c>
      <c r="BF1109" s="166">
        <v>0</v>
      </c>
      <c r="BG1109" s="166">
        <v>0</v>
      </c>
      <c r="BH1109" s="166">
        <v>0</v>
      </c>
      <c r="BI1109" s="166">
        <v>-9234801.7599999998</v>
      </c>
      <c r="BJ1109" s="166">
        <v>0</v>
      </c>
      <c r="BK1109" s="166">
        <v>0</v>
      </c>
      <c r="BL1109" s="166">
        <v>0</v>
      </c>
      <c r="BM1109" s="166">
        <v>0</v>
      </c>
      <c r="BN1109" s="166">
        <v>0</v>
      </c>
      <c r="BO1109" s="166">
        <v>0</v>
      </c>
      <c r="BP1109" s="166">
        <v>0</v>
      </c>
      <c r="BQ1109" s="166">
        <v>0</v>
      </c>
      <c r="BR1109" s="166">
        <v>9234801.7599999998</v>
      </c>
      <c r="BS1109" s="166">
        <v>0</v>
      </c>
      <c r="BT1109" s="168">
        <v>0</v>
      </c>
      <c r="BU1109" s="166">
        <v>754823.72432276199</v>
      </c>
      <c r="BV1109" s="166">
        <v>9129083.3830199093</v>
      </c>
      <c r="BW1109" s="166">
        <v>0</v>
      </c>
      <c r="BX1109" s="166">
        <v>0</v>
      </c>
      <c r="BY1109" s="166">
        <v>0</v>
      </c>
      <c r="BZ1109" s="166">
        <v>0</v>
      </c>
      <c r="CA1109" s="166">
        <v>0</v>
      </c>
      <c r="CB1109" s="166">
        <v>-9129083.3830199093</v>
      </c>
      <c r="CC1109" s="166">
        <v>0</v>
      </c>
      <c r="CD1109" s="166">
        <v>0</v>
      </c>
      <c r="CE1109" s="166">
        <v>0</v>
      </c>
      <c r="CF1109" s="166">
        <v>0</v>
      </c>
      <c r="CG1109" s="166">
        <v>0</v>
      </c>
      <c r="CH1109" s="166">
        <v>0</v>
      </c>
      <c r="CI1109" s="166">
        <v>0</v>
      </c>
      <c r="CJ1109" s="166">
        <v>0</v>
      </c>
      <c r="CK1109" s="166">
        <v>0</v>
      </c>
      <c r="CL1109" s="166">
        <v>0</v>
      </c>
      <c r="CM1109" s="166">
        <v>0</v>
      </c>
      <c r="CN1109" s="166">
        <v>0</v>
      </c>
      <c r="CO1109" s="166">
        <v>0</v>
      </c>
      <c r="CP1109" s="166">
        <v>-9129083.3830199093</v>
      </c>
      <c r="CQ1109" s="166">
        <v>0</v>
      </c>
      <c r="CR1109" s="166">
        <v>0</v>
      </c>
      <c r="CS1109" s="166">
        <v>0</v>
      </c>
      <c r="CT1109" s="166">
        <v>0</v>
      </c>
      <c r="CU1109" s="166">
        <v>0</v>
      </c>
      <c r="CV1109" s="166">
        <v>0</v>
      </c>
      <c r="CW1109" s="166">
        <v>0</v>
      </c>
      <c r="CX1109" s="166">
        <v>0</v>
      </c>
      <c r="CY1109" s="166">
        <v>0</v>
      </c>
      <c r="CZ1109" s="166">
        <v>0</v>
      </c>
    </row>
    <row r="1110" spans="1:104" x14ac:dyDescent="0.2">
      <c r="A1110" s="167" t="s">
        <v>638</v>
      </c>
      <c r="B1110" s="166">
        <v>0</v>
      </c>
      <c r="C1110" s="166">
        <v>0</v>
      </c>
      <c r="D1110" s="166">
        <v>0</v>
      </c>
      <c r="E1110" s="166">
        <v>0</v>
      </c>
      <c r="F1110" s="166">
        <v>0</v>
      </c>
      <c r="G1110" s="166">
        <v>0</v>
      </c>
      <c r="H1110" s="166">
        <v>0</v>
      </c>
      <c r="I1110" s="166">
        <v>0</v>
      </c>
      <c r="J1110" s="166">
        <v>0</v>
      </c>
      <c r="K1110" s="166">
        <v>0</v>
      </c>
      <c r="L1110" s="166">
        <v>0</v>
      </c>
      <c r="M1110" s="166">
        <v>0</v>
      </c>
      <c r="N1110" s="166">
        <v>0</v>
      </c>
      <c r="O1110" s="166">
        <v>0</v>
      </c>
      <c r="P1110" s="166">
        <v>0</v>
      </c>
      <c r="Q1110" s="166">
        <v>0</v>
      </c>
      <c r="R1110" s="166">
        <v>0</v>
      </c>
      <c r="S1110" s="166">
        <v>0</v>
      </c>
      <c r="T1110" s="166">
        <v>0</v>
      </c>
      <c r="U1110" s="166">
        <v>0</v>
      </c>
      <c r="V1110" s="166">
        <v>0</v>
      </c>
      <c r="W1110" s="166">
        <v>0</v>
      </c>
      <c r="X1110" s="166">
        <v>0</v>
      </c>
      <c r="Y1110" s="166">
        <v>0</v>
      </c>
      <c r="Z1110" s="166">
        <v>0</v>
      </c>
      <c r="AA1110" s="166">
        <v>0</v>
      </c>
      <c r="AB1110" s="166">
        <v>0</v>
      </c>
      <c r="AC1110" s="166">
        <v>0</v>
      </c>
      <c r="AD1110" s="166">
        <v>0</v>
      </c>
      <c r="AE1110" s="166">
        <v>0</v>
      </c>
      <c r="AF1110" s="166">
        <v>0</v>
      </c>
      <c r="AG1110" s="166">
        <v>0</v>
      </c>
      <c r="AH1110" s="166">
        <v>0</v>
      </c>
      <c r="AI1110" s="166">
        <v>0</v>
      </c>
      <c r="AJ1110" s="166">
        <v>0</v>
      </c>
      <c r="AK1110" s="166">
        <v>0</v>
      </c>
      <c r="AL1110" s="166">
        <v>0</v>
      </c>
      <c r="AM1110" s="166">
        <v>0</v>
      </c>
      <c r="AN1110" s="166">
        <v>0</v>
      </c>
      <c r="AO1110" s="166">
        <v>0</v>
      </c>
      <c r="AP1110" s="166">
        <v>0</v>
      </c>
      <c r="AQ1110" s="166">
        <v>0</v>
      </c>
      <c r="AR1110" s="166">
        <v>0</v>
      </c>
      <c r="AS1110" s="166">
        <v>0</v>
      </c>
      <c r="AT1110" s="166">
        <v>0</v>
      </c>
      <c r="AU1110" s="166">
        <v>0</v>
      </c>
      <c r="AV1110" s="166">
        <v>0</v>
      </c>
      <c r="AW1110" s="166">
        <v>0</v>
      </c>
      <c r="AX1110" s="166">
        <v>0</v>
      </c>
      <c r="AY1110" s="166">
        <v>0</v>
      </c>
      <c r="AZ1110" s="166">
        <v>0</v>
      </c>
      <c r="BA1110" s="166">
        <v>0</v>
      </c>
      <c r="BB1110" s="166">
        <v>0</v>
      </c>
      <c r="BC1110" s="166">
        <v>0</v>
      </c>
      <c r="BD1110" s="166">
        <v>0</v>
      </c>
      <c r="BE1110" s="166">
        <v>0</v>
      </c>
      <c r="BF1110" s="166">
        <v>0</v>
      </c>
      <c r="BG1110" s="166">
        <v>0</v>
      </c>
      <c r="BH1110" s="166">
        <v>0</v>
      </c>
      <c r="BI1110" s="166">
        <v>0</v>
      </c>
      <c r="BJ1110" s="166">
        <v>0</v>
      </c>
      <c r="BK1110" s="166">
        <v>0</v>
      </c>
      <c r="BL1110" s="166">
        <v>0</v>
      </c>
      <c r="BM1110" s="166">
        <v>0</v>
      </c>
      <c r="BN1110" s="166">
        <v>0</v>
      </c>
      <c r="BO1110" s="166">
        <v>0</v>
      </c>
      <c r="BP1110" s="166">
        <v>0</v>
      </c>
      <c r="BQ1110" s="166">
        <v>0</v>
      </c>
      <c r="BR1110" s="166">
        <v>0</v>
      </c>
      <c r="BS1110" s="166">
        <v>0</v>
      </c>
      <c r="BT1110" s="168">
        <v>0</v>
      </c>
      <c r="BU1110" s="166">
        <v>0</v>
      </c>
      <c r="BV1110" s="166">
        <v>0</v>
      </c>
      <c r="BW1110" s="166">
        <v>0</v>
      </c>
      <c r="BX1110" s="166">
        <v>0</v>
      </c>
      <c r="BY1110" s="166">
        <v>0</v>
      </c>
      <c r="BZ1110" s="166">
        <v>0</v>
      </c>
      <c r="CA1110" s="166">
        <v>0</v>
      </c>
      <c r="CB1110" s="166">
        <v>0</v>
      </c>
      <c r="CC1110" s="166">
        <v>0</v>
      </c>
      <c r="CD1110" s="166">
        <v>0</v>
      </c>
      <c r="CE1110" s="166">
        <v>0</v>
      </c>
      <c r="CF1110" s="166">
        <v>0</v>
      </c>
      <c r="CG1110" s="166">
        <v>0</v>
      </c>
      <c r="CH1110" s="166">
        <v>0</v>
      </c>
      <c r="CI1110" s="166">
        <v>0</v>
      </c>
      <c r="CJ1110" s="166">
        <v>0</v>
      </c>
      <c r="CK1110" s="166">
        <v>0</v>
      </c>
      <c r="CL1110" s="166">
        <v>0</v>
      </c>
      <c r="CM1110" s="166">
        <v>0</v>
      </c>
      <c r="CN1110" s="166">
        <v>0</v>
      </c>
      <c r="CO1110" s="166">
        <v>0</v>
      </c>
      <c r="CP1110" s="166">
        <v>0</v>
      </c>
      <c r="CQ1110" s="166">
        <v>0</v>
      </c>
      <c r="CR1110" s="166">
        <v>0</v>
      </c>
      <c r="CS1110" s="166">
        <v>0</v>
      </c>
      <c r="CT1110" s="166">
        <v>0</v>
      </c>
      <c r="CU1110" s="166">
        <v>0</v>
      </c>
      <c r="CV1110" s="166">
        <v>0</v>
      </c>
      <c r="CW1110" s="166">
        <v>0</v>
      </c>
      <c r="CX1110" s="166">
        <v>0</v>
      </c>
      <c r="CY1110" s="166">
        <v>0</v>
      </c>
      <c r="CZ1110" s="166">
        <v>0</v>
      </c>
    </row>
    <row r="1111" spans="1:104" x14ac:dyDescent="0.2">
      <c r="A1111" s="167" t="s">
        <v>639</v>
      </c>
      <c r="B1111" s="166">
        <v>0</v>
      </c>
      <c r="C1111" s="166">
        <v>0</v>
      </c>
      <c r="D1111" s="166">
        <v>0</v>
      </c>
      <c r="E1111" s="166">
        <v>0</v>
      </c>
      <c r="F1111" s="166">
        <v>0</v>
      </c>
      <c r="G1111" s="166">
        <v>0</v>
      </c>
      <c r="H1111" s="166">
        <v>0</v>
      </c>
      <c r="I1111" s="166">
        <v>0</v>
      </c>
      <c r="J1111" s="166">
        <v>0</v>
      </c>
      <c r="K1111" s="166">
        <v>0</v>
      </c>
      <c r="L1111" s="166">
        <v>0</v>
      </c>
      <c r="M1111" s="166">
        <v>0</v>
      </c>
      <c r="N1111" s="166">
        <v>0</v>
      </c>
      <c r="O1111" s="166">
        <v>0</v>
      </c>
      <c r="P1111" s="166">
        <v>0</v>
      </c>
      <c r="Q1111" s="166">
        <v>0</v>
      </c>
      <c r="R1111" s="166">
        <v>0</v>
      </c>
      <c r="S1111" s="166">
        <v>0</v>
      </c>
      <c r="T1111" s="166">
        <v>0</v>
      </c>
      <c r="U1111" s="166">
        <v>0</v>
      </c>
      <c r="V1111" s="166">
        <v>0</v>
      </c>
      <c r="W1111" s="166">
        <v>0</v>
      </c>
      <c r="X1111" s="166">
        <v>0</v>
      </c>
      <c r="Y1111" s="166">
        <v>0</v>
      </c>
      <c r="Z1111" s="166">
        <v>0</v>
      </c>
      <c r="AA1111" s="166">
        <v>0</v>
      </c>
      <c r="AB1111" s="166">
        <v>0</v>
      </c>
      <c r="AC1111" s="166">
        <v>0</v>
      </c>
      <c r="AD1111" s="166">
        <v>0</v>
      </c>
      <c r="AE1111" s="166">
        <v>0</v>
      </c>
      <c r="AF1111" s="166">
        <v>0</v>
      </c>
      <c r="AG1111" s="166">
        <v>0</v>
      </c>
      <c r="AH1111" s="166">
        <v>0</v>
      </c>
      <c r="AI1111" s="166">
        <v>0</v>
      </c>
      <c r="AJ1111" s="166">
        <v>0</v>
      </c>
      <c r="AK1111" s="166">
        <v>0</v>
      </c>
      <c r="AL1111" s="166">
        <v>0</v>
      </c>
      <c r="AM1111" s="166">
        <v>0</v>
      </c>
      <c r="AN1111" s="166">
        <v>0</v>
      </c>
      <c r="AO1111" s="166">
        <v>0</v>
      </c>
      <c r="AP1111" s="166">
        <v>0</v>
      </c>
      <c r="AQ1111" s="166">
        <v>0</v>
      </c>
      <c r="AR1111" s="166">
        <v>0</v>
      </c>
      <c r="AS1111" s="166">
        <v>0</v>
      </c>
      <c r="AT1111" s="166">
        <v>0</v>
      </c>
      <c r="AU1111" s="166">
        <v>0</v>
      </c>
      <c r="AV1111" s="166">
        <v>0</v>
      </c>
      <c r="AW1111" s="166">
        <v>0</v>
      </c>
      <c r="AX1111" s="166">
        <v>0</v>
      </c>
      <c r="AY1111" s="166">
        <v>0</v>
      </c>
      <c r="AZ1111" s="166">
        <v>0</v>
      </c>
      <c r="BA1111" s="166">
        <v>0</v>
      </c>
      <c r="BB1111" s="166">
        <v>0</v>
      </c>
      <c r="BC1111" s="166">
        <v>0</v>
      </c>
      <c r="BD1111" s="166">
        <v>0</v>
      </c>
      <c r="BE1111" s="166">
        <v>0</v>
      </c>
      <c r="BF1111" s="166">
        <v>0</v>
      </c>
      <c r="BG1111" s="166">
        <v>0</v>
      </c>
      <c r="BH1111" s="166">
        <v>0</v>
      </c>
      <c r="BI1111" s="166">
        <v>0</v>
      </c>
      <c r="BJ1111" s="166">
        <v>0</v>
      </c>
      <c r="BK1111" s="166">
        <v>0</v>
      </c>
      <c r="BL1111" s="166">
        <v>0</v>
      </c>
      <c r="BM1111" s="166">
        <v>0</v>
      </c>
      <c r="BN1111" s="166">
        <v>0</v>
      </c>
      <c r="BO1111" s="166">
        <v>0</v>
      </c>
      <c r="BP1111" s="166">
        <v>0</v>
      </c>
      <c r="BQ1111" s="166">
        <v>0</v>
      </c>
      <c r="BR1111" s="166">
        <v>0</v>
      </c>
      <c r="BS1111" s="166">
        <v>0</v>
      </c>
      <c r="BT1111" s="168">
        <v>0</v>
      </c>
      <c r="BU1111" s="166">
        <v>0</v>
      </c>
      <c r="BV1111" s="166">
        <v>0</v>
      </c>
      <c r="BW1111" s="166">
        <v>0</v>
      </c>
      <c r="BX1111" s="166">
        <v>0</v>
      </c>
      <c r="BY1111" s="166">
        <v>0</v>
      </c>
      <c r="BZ1111" s="166">
        <v>0</v>
      </c>
      <c r="CA1111" s="166">
        <v>0</v>
      </c>
      <c r="CB1111" s="166">
        <v>0</v>
      </c>
      <c r="CC1111" s="166">
        <v>0</v>
      </c>
      <c r="CD1111" s="166">
        <v>0</v>
      </c>
      <c r="CE1111" s="166">
        <v>0</v>
      </c>
      <c r="CF1111" s="166">
        <v>0</v>
      </c>
      <c r="CG1111" s="166">
        <v>0</v>
      </c>
      <c r="CH1111" s="166">
        <v>0</v>
      </c>
      <c r="CI1111" s="166">
        <v>0</v>
      </c>
      <c r="CJ1111" s="166">
        <v>0</v>
      </c>
      <c r="CK1111" s="166">
        <v>0</v>
      </c>
      <c r="CL1111" s="166">
        <v>0</v>
      </c>
      <c r="CM1111" s="166">
        <v>0</v>
      </c>
      <c r="CN1111" s="166">
        <v>0</v>
      </c>
      <c r="CO1111" s="166">
        <v>0</v>
      </c>
      <c r="CP1111" s="166">
        <v>0</v>
      </c>
      <c r="CQ1111" s="166">
        <v>0</v>
      </c>
      <c r="CR1111" s="166">
        <v>0</v>
      </c>
      <c r="CS1111" s="166">
        <v>0</v>
      </c>
      <c r="CT1111" s="166">
        <v>0</v>
      </c>
      <c r="CU1111" s="166">
        <v>0</v>
      </c>
      <c r="CV1111" s="166">
        <v>0</v>
      </c>
      <c r="CW1111" s="166">
        <v>0</v>
      </c>
      <c r="CX1111" s="166">
        <v>0</v>
      </c>
      <c r="CY1111" s="166">
        <v>0</v>
      </c>
      <c r="CZ1111" s="166">
        <v>0</v>
      </c>
    </row>
    <row r="1112" spans="1:104" x14ac:dyDescent="0.2">
      <c r="A1112" s="167" t="s">
        <v>640</v>
      </c>
      <c r="B1112" s="166">
        <v>322879469.79000002</v>
      </c>
      <c r="C1112" s="166">
        <v>322879469.79000002</v>
      </c>
      <c r="D1112" s="166">
        <v>0</v>
      </c>
      <c r="E1112" s="166">
        <v>0</v>
      </c>
      <c r="F1112" s="166">
        <v>0</v>
      </c>
      <c r="G1112" s="166">
        <v>-322879469.79000002</v>
      </c>
      <c r="H1112" s="166">
        <v>0</v>
      </c>
      <c r="I1112" s="166">
        <v>0</v>
      </c>
      <c r="J1112" s="166">
        <v>0</v>
      </c>
      <c r="K1112" s="166">
        <v>0</v>
      </c>
      <c r="L1112" s="166">
        <v>0</v>
      </c>
      <c r="M1112" s="166">
        <v>0</v>
      </c>
      <c r="N1112" s="166">
        <v>0</v>
      </c>
      <c r="O1112" s="166">
        <v>0</v>
      </c>
      <c r="P1112" s="166">
        <v>0</v>
      </c>
      <c r="Q1112" s="166">
        <v>0</v>
      </c>
      <c r="R1112" s="166">
        <v>0</v>
      </c>
      <c r="S1112" s="166">
        <v>0</v>
      </c>
      <c r="T1112" s="166">
        <v>0</v>
      </c>
      <c r="U1112" s="166">
        <v>0</v>
      </c>
      <c r="V1112" s="166">
        <v>0</v>
      </c>
      <c r="W1112" s="166">
        <v>0</v>
      </c>
      <c r="X1112" s="166">
        <v>0</v>
      </c>
      <c r="Y1112" s="166">
        <v>0</v>
      </c>
      <c r="Z1112" s="166">
        <v>0</v>
      </c>
      <c r="AA1112" s="166">
        <v>0</v>
      </c>
      <c r="AB1112" s="166">
        <v>0</v>
      </c>
      <c r="AC1112" s="166">
        <v>0</v>
      </c>
      <c r="AD1112" s="166">
        <v>0</v>
      </c>
      <c r="AE1112" s="166">
        <v>0</v>
      </c>
      <c r="AF1112" s="166">
        <v>0</v>
      </c>
      <c r="AG1112" s="166">
        <v>0</v>
      </c>
      <c r="AH1112" s="166">
        <v>0</v>
      </c>
      <c r="AI1112" s="166">
        <v>0</v>
      </c>
      <c r="AJ1112" s="166">
        <v>0</v>
      </c>
      <c r="AK1112" s="166">
        <v>0</v>
      </c>
      <c r="AL1112" s="166">
        <v>0</v>
      </c>
      <c r="AM1112" s="166">
        <v>0</v>
      </c>
      <c r="AN1112" s="166">
        <v>0</v>
      </c>
      <c r="AO1112" s="166">
        <v>0</v>
      </c>
      <c r="AP1112" s="166">
        <v>0</v>
      </c>
      <c r="AQ1112" s="166">
        <v>0</v>
      </c>
      <c r="AR1112" s="166">
        <v>0</v>
      </c>
      <c r="AS1112" s="166">
        <v>0</v>
      </c>
      <c r="AT1112" s="166">
        <v>0</v>
      </c>
      <c r="AU1112" s="166">
        <v>0</v>
      </c>
      <c r="AV1112" s="166">
        <v>0</v>
      </c>
      <c r="AW1112" s="166">
        <v>0</v>
      </c>
      <c r="AX1112" s="166">
        <v>0</v>
      </c>
      <c r="AY1112" s="166">
        <v>0</v>
      </c>
      <c r="AZ1112" s="166">
        <v>0</v>
      </c>
      <c r="BA1112" s="166">
        <v>0</v>
      </c>
      <c r="BB1112" s="166">
        <v>0</v>
      </c>
      <c r="BC1112" s="166">
        <v>0</v>
      </c>
      <c r="BD1112" s="166">
        <v>-322879469.79000002</v>
      </c>
      <c r="BE1112" s="166">
        <v>0</v>
      </c>
      <c r="BF1112" s="166">
        <v>0</v>
      </c>
      <c r="BG1112" s="166">
        <v>0</v>
      </c>
      <c r="BH1112" s="166">
        <v>0</v>
      </c>
      <c r="BI1112" s="166">
        <v>0</v>
      </c>
      <c r="BJ1112" s="166">
        <v>0</v>
      </c>
      <c r="BK1112" s="166">
        <v>0</v>
      </c>
      <c r="BL1112" s="166">
        <v>0</v>
      </c>
      <c r="BM1112" s="166">
        <v>0</v>
      </c>
      <c r="BN1112" s="166">
        <v>0</v>
      </c>
      <c r="BO1112" s="166">
        <v>0</v>
      </c>
      <c r="BP1112" s="166">
        <v>0</v>
      </c>
      <c r="BQ1112" s="166">
        <v>0</v>
      </c>
      <c r="BR1112" s="166">
        <v>322879469.79000002</v>
      </c>
      <c r="BS1112" s="166">
        <v>0</v>
      </c>
      <c r="BT1112" s="168">
        <v>0</v>
      </c>
      <c r="BU1112" s="166">
        <v>18762863.113935899</v>
      </c>
      <c r="BV1112" s="166">
        <v>312883486.25910199</v>
      </c>
      <c r="BW1112" s="166">
        <v>-312883486.25910199</v>
      </c>
      <c r="BX1112" s="166">
        <v>0</v>
      </c>
      <c r="BY1112" s="166">
        <v>0</v>
      </c>
      <c r="BZ1112" s="166">
        <v>0</v>
      </c>
      <c r="CA1112" s="166">
        <v>0</v>
      </c>
      <c r="CB1112" s="166">
        <v>0</v>
      </c>
      <c r="CC1112" s="166">
        <v>0</v>
      </c>
      <c r="CD1112" s="166">
        <v>0</v>
      </c>
      <c r="CE1112" s="166">
        <v>0</v>
      </c>
      <c r="CF1112" s="166">
        <v>0</v>
      </c>
      <c r="CG1112" s="166">
        <v>0</v>
      </c>
      <c r="CH1112" s="166">
        <v>0</v>
      </c>
      <c r="CI1112" s="166">
        <v>0</v>
      </c>
      <c r="CJ1112" s="166">
        <v>0</v>
      </c>
      <c r="CK1112" s="166">
        <v>-312883486.25910199</v>
      </c>
      <c r="CL1112" s="166">
        <v>0</v>
      </c>
      <c r="CM1112" s="166">
        <v>0</v>
      </c>
      <c r="CN1112" s="166">
        <v>0</v>
      </c>
      <c r="CO1112" s="166">
        <v>0</v>
      </c>
      <c r="CP1112" s="166">
        <v>0</v>
      </c>
      <c r="CQ1112" s="166">
        <v>0</v>
      </c>
      <c r="CR1112" s="166">
        <v>0</v>
      </c>
      <c r="CS1112" s="166">
        <v>0</v>
      </c>
      <c r="CT1112" s="166">
        <v>0</v>
      </c>
      <c r="CU1112" s="166">
        <v>0</v>
      </c>
      <c r="CV1112" s="166">
        <v>0</v>
      </c>
      <c r="CW1112" s="166">
        <v>0</v>
      </c>
      <c r="CX1112" s="166">
        <v>0</v>
      </c>
      <c r="CY1112" s="166">
        <v>0</v>
      </c>
      <c r="CZ1112" s="166">
        <v>0</v>
      </c>
    </row>
    <row r="1113" spans="1:104" x14ac:dyDescent="0.2">
      <c r="A1113" s="167" t="s">
        <v>641</v>
      </c>
      <c r="B1113" s="166">
        <v>2133537066.7720699</v>
      </c>
      <c r="C1113" s="166">
        <v>2133537066.7720699</v>
      </c>
      <c r="D1113" s="166">
        <v>0</v>
      </c>
      <c r="E1113" s="166">
        <v>0</v>
      </c>
      <c r="F1113" s="166">
        <v>0</v>
      </c>
      <c r="G1113" s="166">
        <v>0</v>
      </c>
      <c r="H1113" s="166">
        <v>0</v>
      </c>
      <c r="I1113" s="166">
        <v>0</v>
      </c>
      <c r="J1113" s="166">
        <v>0</v>
      </c>
      <c r="K1113" s="166">
        <v>0</v>
      </c>
      <c r="L1113" s="166">
        <v>0</v>
      </c>
      <c r="M1113" s="166">
        <v>0</v>
      </c>
      <c r="N1113" s="166">
        <v>0</v>
      </c>
      <c r="O1113" s="166">
        <v>0</v>
      </c>
      <c r="P1113" s="166">
        <v>0</v>
      </c>
      <c r="Q1113" s="166">
        <v>0</v>
      </c>
      <c r="R1113" s="166">
        <v>0</v>
      </c>
      <c r="S1113" s="166">
        <v>0</v>
      </c>
      <c r="T1113" s="166">
        <v>0</v>
      </c>
      <c r="U1113" s="166">
        <v>0</v>
      </c>
      <c r="V1113" s="166">
        <v>0</v>
      </c>
      <c r="W1113" s="166">
        <v>0</v>
      </c>
      <c r="X1113" s="166">
        <v>0</v>
      </c>
      <c r="Y1113" s="166">
        <v>0</v>
      </c>
      <c r="Z1113" s="166">
        <v>0</v>
      </c>
      <c r="AA1113" s="166">
        <v>0</v>
      </c>
      <c r="AB1113" s="166">
        <v>-2133537066.7720699</v>
      </c>
      <c r="AC1113" s="166">
        <v>0</v>
      </c>
      <c r="AD1113" s="166">
        <v>0</v>
      </c>
      <c r="AE1113" s="166">
        <v>0</v>
      </c>
      <c r="AF1113" s="166">
        <v>0</v>
      </c>
      <c r="AG1113" s="166">
        <v>0</v>
      </c>
      <c r="AH1113" s="166">
        <v>0</v>
      </c>
      <c r="AI1113" s="166">
        <v>0</v>
      </c>
      <c r="AJ1113" s="166">
        <v>0</v>
      </c>
      <c r="AK1113" s="166">
        <v>0</v>
      </c>
      <c r="AL1113" s="166">
        <v>0</v>
      </c>
      <c r="AM1113" s="166">
        <v>0</v>
      </c>
      <c r="AN1113" s="166">
        <v>0</v>
      </c>
      <c r="AO1113" s="166">
        <v>0</v>
      </c>
      <c r="AP1113" s="166">
        <v>0</v>
      </c>
      <c r="AQ1113" s="166">
        <v>0</v>
      </c>
      <c r="AR1113" s="166">
        <v>0</v>
      </c>
      <c r="AS1113" s="166">
        <v>0</v>
      </c>
      <c r="AT1113" s="166">
        <v>0</v>
      </c>
      <c r="AU1113" s="166">
        <v>0</v>
      </c>
      <c r="AV1113" s="166">
        <v>0</v>
      </c>
      <c r="AW1113" s="166">
        <v>0</v>
      </c>
      <c r="AX1113" s="166">
        <v>0</v>
      </c>
      <c r="AY1113" s="166">
        <v>0</v>
      </c>
      <c r="AZ1113" s="166">
        <v>0</v>
      </c>
      <c r="BA1113" s="166">
        <v>0</v>
      </c>
      <c r="BB1113" s="166">
        <v>0</v>
      </c>
      <c r="BC1113" s="166">
        <v>0</v>
      </c>
      <c r="BD1113" s="166">
        <v>0</v>
      </c>
      <c r="BE1113" s="166">
        <v>0</v>
      </c>
      <c r="BF1113" s="166">
        <v>0</v>
      </c>
      <c r="BG1113" s="166">
        <v>0</v>
      </c>
      <c r="BH1113" s="166">
        <v>0</v>
      </c>
      <c r="BI1113" s="166">
        <v>0</v>
      </c>
      <c r="BJ1113" s="166">
        <v>-2133537066.7720699</v>
      </c>
      <c r="BK1113" s="166">
        <v>0</v>
      </c>
      <c r="BL1113" s="166">
        <v>0</v>
      </c>
      <c r="BM1113" s="166">
        <v>0</v>
      </c>
      <c r="BN1113" s="166">
        <v>0</v>
      </c>
      <c r="BO1113" s="166">
        <v>0</v>
      </c>
      <c r="BP1113" s="166">
        <v>0</v>
      </c>
      <c r="BQ1113" s="166">
        <v>0</v>
      </c>
      <c r="BR1113" s="166">
        <v>2133537066.7720699</v>
      </c>
      <c r="BS1113" s="166">
        <v>0</v>
      </c>
      <c r="BT1113" s="168">
        <v>0</v>
      </c>
      <c r="BU1113" s="166">
        <v>157261048.251589</v>
      </c>
      <c r="BV1113" s="166">
        <v>2093940599.7031</v>
      </c>
      <c r="BW1113" s="166">
        <v>0</v>
      </c>
      <c r="BX1113" s="166">
        <v>0</v>
      </c>
      <c r="BY1113" s="166">
        <v>0</v>
      </c>
      <c r="BZ1113" s="166">
        <v>0</v>
      </c>
      <c r="CA1113" s="166">
        <v>0</v>
      </c>
      <c r="CB1113" s="166">
        <v>0</v>
      </c>
      <c r="CC1113" s="166">
        <v>-2093940599.7031</v>
      </c>
      <c r="CD1113" s="166">
        <v>0</v>
      </c>
      <c r="CE1113" s="166">
        <v>0</v>
      </c>
      <c r="CF1113" s="166">
        <v>0</v>
      </c>
      <c r="CG1113" s="166">
        <v>0</v>
      </c>
      <c r="CH1113" s="166">
        <v>0</v>
      </c>
      <c r="CI1113" s="166">
        <v>0</v>
      </c>
      <c r="CJ1113" s="166">
        <v>0</v>
      </c>
      <c r="CK1113" s="166">
        <v>0</v>
      </c>
      <c r="CL1113" s="166">
        <v>0</v>
      </c>
      <c r="CM1113" s="166">
        <v>0</v>
      </c>
      <c r="CN1113" s="166">
        <v>0</v>
      </c>
      <c r="CO1113" s="166">
        <v>0</v>
      </c>
      <c r="CP1113" s="166">
        <v>0</v>
      </c>
      <c r="CQ1113" s="166">
        <v>-2093940599.7031</v>
      </c>
      <c r="CR1113" s="166">
        <v>0</v>
      </c>
      <c r="CS1113" s="166">
        <v>0</v>
      </c>
      <c r="CT1113" s="166">
        <v>0</v>
      </c>
      <c r="CU1113" s="166">
        <v>0</v>
      </c>
      <c r="CV1113" s="166">
        <v>0</v>
      </c>
      <c r="CW1113" s="166">
        <v>0</v>
      </c>
      <c r="CX1113" s="166">
        <v>0</v>
      </c>
      <c r="CY1113" s="166">
        <v>0</v>
      </c>
      <c r="CZ1113" s="166">
        <v>0</v>
      </c>
    </row>
    <row r="1114" spans="1:104" x14ac:dyDescent="0.2">
      <c r="A1114" s="167" t="s">
        <v>642</v>
      </c>
      <c r="B1114" s="166">
        <v>2470117105.8500099</v>
      </c>
      <c r="C1114" s="166">
        <v>2470117105.8500099</v>
      </c>
      <c r="D1114" s="166">
        <v>0</v>
      </c>
      <c r="E1114" s="166">
        <v>0</v>
      </c>
      <c r="F1114" s="166">
        <v>0</v>
      </c>
      <c r="G1114" s="166">
        <v>-322879469.79000002</v>
      </c>
      <c r="H1114" s="166">
        <v>0</v>
      </c>
      <c r="I1114" s="166">
        <v>0</v>
      </c>
      <c r="J1114" s="166">
        <v>0</v>
      </c>
      <c r="K1114" s="166">
        <v>0</v>
      </c>
      <c r="L1114" s="166">
        <v>0</v>
      </c>
      <c r="M1114" s="166">
        <v>0</v>
      </c>
      <c r="N1114" s="166">
        <v>0</v>
      </c>
      <c r="O1114" s="166">
        <v>0</v>
      </c>
      <c r="P1114" s="166">
        <v>0</v>
      </c>
      <c r="Q1114" s="166">
        <v>0</v>
      </c>
      <c r="R1114" s="166">
        <v>0</v>
      </c>
      <c r="S1114" s="166">
        <v>0</v>
      </c>
      <c r="T1114" s="166">
        <v>0</v>
      </c>
      <c r="U1114" s="166">
        <v>-13700569.287941299</v>
      </c>
      <c r="V1114" s="166">
        <v>0</v>
      </c>
      <c r="W1114" s="166">
        <v>0</v>
      </c>
      <c r="X1114" s="166">
        <v>0</v>
      </c>
      <c r="Y1114" s="166">
        <v>0</v>
      </c>
      <c r="Z1114" s="166">
        <v>0</v>
      </c>
      <c r="AA1114" s="166">
        <v>0</v>
      </c>
      <c r="AB1114" s="166">
        <v>-2133537066.7720699</v>
      </c>
      <c r="AC1114" s="166">
        <v>0</v>
      </c>
      <c r="AD1114" s="166">
        <v>0</v>
      </c>
      <c r="AE1114" s="166">
        <v>0</v>
      </c>
      <c r="AF1114" s="166">
        <v>0</v>
      </c>
      <c r="AG1114" s="166">
        <v>0</v>
      </c>
      <c r="AH1114" s="166">
        <v>0</v>
      </c>
      <c r="AI1114" s="166">
        <v>0</v>
      </c>
      <c r="AJ1114" s="166">
        <v>0</v>
      </c>
      <c r="AK1114" s="166">
        <v>0</v>
      </c>
      <c r="AL1114" s="166">
        <v>0</v>
      </c>
      <c r="AM1114" s="166">
        <v>0</v>
      </c>
      <c r="AN1114" s="166">
        <v>0</v>
      </c>
      <c r="AO1114" s="166">
        <v>0</v>
      </c>
      <c r="AP1114" s="166">
        <v>0</v>
      </c>
      <c r="AQ1114" s="166">
        <v>0</v>
      </c>
      <c r="AR1114" s="166">
        <v>0</v>
      </c>
      <c r="AS1114" s="166">
        <v>0</v>
      </c>
      <c r="AT1114" s="166">
        <v>0</v>
      </c>
      <c r="AU1114" s="166">
        <v>0</v>
      </c>
      <c r="AV1114" s="166">
        <v>0</v>
      </c>
      <c r="AW1114" s="166">
        <v>0</v>
      </c>
      <c r="AX1114" s="166">
        <v>0</v>
      </c>
      <c r="AY1114" s="166">
        <v>0</v>
      </c>
      <c r="AZ1114" s="166">
        <v>0</v>
      </c>
      <c r="BA1114" s="166">
        <v>0</v>
      </c>
      <c r="BB1114" s="166">
        <v>0</v>
      </c>
      <c r="BC1114" s="166">
        <v>0</v>
      </c>
      <c r="BD1114" s="166">
        <v>-322879469.79000002</v>
      </c>
      <c r="BE1114" s="166">
        <v>0</v>
      </c>
      <c r="BF1114" s="166">
        <v>0</v>
      </c>
      <c r="BG1114" s="166">
        <v>0</v>
      </c>
      <c r="BH1114" s="166">
        <v>0</v>
      </c>
      <c r="BI1114" s="166">
        <v>-13700569.287941299</v>
      </c>
      <c r="BJ1114" s="166">
        <v>-2133537066.7720699</v>
      </c>
      <c r="BK1114" s="166">
        <v>0</v>
      </c>
      <c r="BL1114" s="166">
        <v>0</v>
      </c>
      <c r="BM1114" s="166">
        <v>0</v>
      </c>
      <c r="BN1114" s="166">
        <v>0</v>
      </c>
      <c r="BO1114" s="166">
        <v>0</v>
      </c>
      <c r="BP1114" s="166">
        <v>0</v>
      </c>
      <c r="BQ1114" s="166">
        <v>0</v>
      </c>
      <c r="BR1114" s="166">
        <v>2470117105.8500099</v>
      </c>
      <c r="BS1114" s="166">
        <v>0</v>
      </c>
      <c r="BT1114" s="168">
        <v>0</v>
      </c>
      <c r="BU1114" s="166">
        <v>177142801.43133301</v>
      </c>
      <c r="BV1114" s="166">
        <v>2420302960.89047</v>
      </c>
      <c r="BW1114" s="166">
        <v>-312883486.25910199</v>
      </c>
      <c r="BX1114" s="166">
        <v>0</v>
      </c>
      <c r="BY1114" s="166">
        <v>0</v>
      </c>
      <c r="BZ1114" s="166">
        <v>0</v>
      </c>
      <c r="CA1114" s="166">
        <v>0</v>
      </c>
      <c r="CB1114" s="166">
        <v>-13478874.9282606</v>
      </c>
      <c r="CC1114" s="166">
        <v>-2093940599.7031</v>
      </c>
      <c r="CD1114" s="166">
        <v>0</v>
      </c>
      <c r="CE1114" s="166">
        <v>0</v>
      </c>
      <c r="CF1114" s="166">
        <v>0</v>
      </c>
      <c r="CG1114" s="166">
        <v>0</v>
      </c>
      <c r="CH1114" s="166">
        <v>0</v>
      </c>
      <c r="CI1114" s="166">
        <v>0</v>
      </c>
      <c r="CJ1114" s="166">
        <v>0</v>
      </c>
      <c r="CK1114" s="166">
        <v>-312883486.25910199</v>
      </c>
      <c r="CL1114" s="166">
        <v>0</v>
      </c>
      <c r="CM1114" s="166">
        <v>0</v>
      </c>
      <c r="CN1114" s="166">
        <v>0</v>
      </c>
      <c r="CO1114" s="166">
        <v>0</v>
      </c>
      <c r="CP1114" s="166">
        <v>-13478874.9282606</v>
      </c>
      <c r="CQ1114" s="166">
        <v>-2093940599.7031</v>
      </c>
      <c r="CR1114" s="166">
        <v>0</v>
      </c>
      <c r="CS1114" s="166">
        <v>0</v>
      </c>
      <c r="CT1114" s="166">
        <v>0</v>
      </c>
      <c r="CU1114" s="166">
        <v>0</v>
      </c>
      <c r="CV1114" s="166">
        <v>0</v>
      </c>
      <c r="CW1114" s="166">
        <v>0</v>
      </c>
      <c r="CX1114" s="166">
        <v>0</v>
      </c>
      <c r="CY1114" s="166">
        <v>0</v>
      </c>
      <c r="CZ1114" s="166">
        <v>0</v>
      </c>
    </row>
    <row r="1115" spans="1:104" x14ac:dyDescent="0.2">
      <c r="A1115" s="167" t="s">
        <v>643</v>
      </c>
      <c r="B1115" s="166">
        <v>0</v>
      </c>
      <c r="C1115" s="166">
        <v>0</v>
      </c>
      <c r="D1115" s="166">
        <v>0</v>
      </c>
      <c r="E1115" s="166">
        <v>0</v>
      </c>
      <c r="F1115" s="166">
        <v>0</v>
      </c>
      <c r="G1115" s="166">
        <v>0</v>
      </c>
      <c r="H1115" s="166">
        <v>0</v>
      </c>
      <c r="I1115" s="166">
        <v>0</v>
      </c>
      <c r="J1115" s="166">
        <v>0</v>
      </c>
      <c r="K1115" s="166">
        <v>0</v>
      </c>
      <c r="L1115" s="166">
        <v>0</v>
      </c>
      <c r="M1115" s="166">
        <v>0</v>
      </c>
      <c r="N1115" s="166">
        <v>0</v>
      </c>
      <c r="O1115" s="166">
        <v>0</v>
      </c>
      <c r="P1115" s="166">
        <v>0</v>
      </c>
      <c r="Q1115" s="166">
        <v>0</v>
      </c>
      <c r="R1115" s="166">
        <v>0</v>
      </c>
      <c r="S1115" s="166">
        <v>0</v>
      </c>
      <c r="T1115" s="166">
        <v>0</v>
      </c>
      <c r="U1115" s="166">
        <v>0</v>
      </c>
      <c r="V1115" s="166">
        <v>0</v>
      </c>
      <c r="W1115" s="166">
        <v>0</v>
      </c>
      <c r="X1115" s="166">
        <v>0</v>
      </c>
      <c r="Y1115" s="166">
        <v>0</v>
      </c>
      <c r="Z1115" s="166">
        <v>0</v>
      </c>
      <c r="AA1115" s="166">
        <v>0</v>
      </c>
      <c r="AB1115" s="166">
        <v>0</v>
      </c>
      <c r="AC1115" s="166">
        <v>0</v>
      </c>
      <c r="AD1115" s="166">
        <v>0</v>
      </c>
      <c r="AE1115" s="166">
        <v>0</v>
      </c>
      <c r="AF1115" s="166">
        <v>0</v>
      </c>
      <c r="AG1115" s="166">
        <v>0</v>
      </c>
      <c r="AH1115" s="166">
        <v>0</v>
      </c>
      <c r="AI1115" s="166">
        <v>0</v>
      </c>
      <c r="AJ1115" s="166">
        <v>0</v>
      </c>
      <c r="AK1115" s="166">
        <v>0</v>
      </c>
      <c r="AL1115" s="166">
        <v>0</v>
      </c>
      <c r="AM1115" s="166">
        <v>0</v>
      </c>
      <c r="AN1115" s="166">
        <v>0</v>
      </c>
      <c r="AO1115" s="166">
        <v>0</v>
      </c>
      <c r="AP1115" s="166">
        <v>0</v>
      </c>
      <c r="AQ1115" s="166">
        <v>0</v>
      </c>
      <c r="AR1115" s="166">
        <v>0</v>
      </c>
      <c r="AS1115" s="166">
        <v>0</v>
      </c>
      <c r="AT1115" s="166">
        <v>0</v>
      </c>
      <c r="AU1115" s="166">
        <v>0</v>
      </c>
      <c r="AV1115" s="166">
        <v>0</v>
      </c>
      <c r="AW1115" s="166">
        <v>0</v>
      </c>
      <c r="AX1115" s="166">
        <v>0</v>
      </c>
      <c r="AY1115" s="166">
        <v>0</v>
      </c>
      <c r="AZ1115" s="166">
        <v>0</v>
      </c>
      <c r="BA1115" s="166">
        <v>0</v>
      </c>
      <c r="BB1115" s="166">
        <v>0</v>
      </c>
      <c r="BC1115" s="166">
        <v>0</v>
      </c>
      <c r="BD1115" s="166">
        <v>0</v>
      </c>
      <c r="BE1115" s="166">
        <v>0</v>
      </c>
      <c r="BF1115" s="166">
        <v>0</v>
      </c>
      <c r="BG1115" s="166">
        <v>0</v>
      </c>
      <c r="BH1115" s="166">
        <v>0</v>
      </c>
      <c r="BI1115" s="166">
        <v>0</v>
      </c>
      <c r="BJ1115" s="166">
        <v>0</v>
      </c>
      <c r="BK1115" s="166">
        <v>0</v>
      </c>
      <c r="BL1115" s="166">
        <v>0</v>
      </c>
      <c r="BM1115" s="166">
        <v>0</v>
      </c>
      <c r="BN1115" s="166">
        <v>0</v>
      </c>
      <c r="BO1115" s="166">
        <v>0</v>
      </c>
      <c r="BP1115" s="166">
        <v>0</v>
      </c>
      <c r="BQ1115" s="166">
        <v>0</v>
      </c>
      <c r="BR1115" s="166">
        <v>0</v>
      </c>
      <c r="BS1115" s="166">
        <v>0</v>
      </c>
      <c r="BT1115" s="166">
        <v>0</v>
      </c>
      <c r="BU1115" s="166">
        <v>0</v>
      </c>
      <c r="BV1115" s="166">
        <v>0</v>
      </c>
      <c r="BW1115" s="166">
        <v>0</v>
      </c>
      <c r="BX1115" s="166">
        <v>0</v>
      </c>
      <c r="BY1115" s="166">
        <v>0</v>
      </c>
      <c r="BZ1115" s="166">
        <v>0</v>
      </c>
      <c r="CA1115" s="166">
        <v>0</v>
      </c>
      <c r="CB1115" s="166">
        <v>0</v>
      </c>
      <c r="CC1115" s="166">
        <v>0</v>
      </c>
      <c r="CD1115" s="166">
        <v>0</v>
      </c>
      <c r="CE1115" s="166">
        <v>0</v>
      </c>
      <c r="CF1115" s="166">
        <v>0</v>
      </c>
      <c r="CG1115" s="166">
        <v>0</v>
      </c>
      <c r="CH1115" s="166">
        <v>0</v>
      </c>
      <c r="CI1115" s="166">
        <v>0</v>
      </c>
      <c r="CJ1115" s="166">
        <v>0</v>
      </c>
      <c r="CK1115" s="166">
        <v>0</v>
      </c>
      <c r="CL1115" s="166">
        <v>0</v>
      </c>
      <c r="CM1115" s="166">
        <v>0</v>
      </c>
      <c r="CN1115" s="166">
        <v>0</v>
      </c>
      <c r="CO1115" s="166">
        <v>0</v>
      </c>
      <c r="CP1115" s="166">
        <v>0</v>
      </c>
      <c r="CQ1115" s="166">
        <v>0</v>
      </c>
      <c r="CR1115" s="166">
        <v>0</v>
      </c>
      <c r="CS1115" s="166">
        <v>0</v>
      </c>
      <c r="CT1115" s="166">
        <v>0</v>
      </c>
      <c r="CU1115" s="166">
        <v>0</v>
      </c>
      <c r="CV1115" s="166">
        <v>0</v>
      </c>
      <c r="CW1115" s="166">
        <v>0</v>
      </c>
      <c r="CX1115" s="166">
        <v>0</v>
      </c>
      <c r="CY1115" s="166">
        <v>0</v>
      </c>
      <c r="CZ1115" s="166">
        <v>0</v>
      </c>
    </row>
    <row r="1116" spans="1:104" x14ac:dyDescent="0.2">
      <c r="A1116" s="167" t="s">
        <v>644</v>
      </c>
    </row>
    <row r="1117" spans="1:104" ht="10.8" thickBot="1" x14ac:dyDescent="0.25">
      <c r="A1117" s="178" t="s">
        <v>645</v>
      </c>
      <c r="B1117" s="166">
        <v>0</v>
      </c>
      <c r="C1117" s="166">
        <v>0</v>
      </c>
      <c r="D1117" s="166">
        <v>0</v>
      </c>
      <c r="E1117" s="166">
        <v>0</v>
      </c>
      <c r="F1117" s="166">
        <v>0</v>
      </c>
      <c r="G1117" s="166">
        <v>0</v>
      </c>
      <c r="H1117" s="166">
        <v>0</v>
      </c>
      <c r="I1117" s="166">
        <v>0</v>
      </c>
      <c r="J1117" s="166">
        <v>0</v>
      </c>
      <c r="K1117" s="166">
        <v>0</v>
      </c>
      <c r="L1117" s="166">
        <v>0</v>
      </c>
      <c r="M1117" s="166">
        <v>0</v>
      </c>
      <c r="N1117" s="166">
        <v>0</v>
      </c>
      <c r="O1117" s="166">
        <v>0</v>
      </c>
      <c r="P1117" s="166">
        <v>0</v>
      </c>
      <c r="Q1117" s="166">
        <v>0</v>
      </c>
      <c r="R1117" s="166">
        <v>0</v>
      </c>
      <c r="S1117" s="166">
        <v>0</v>
      </c>
      <c r="T1117" s="166">
        <v>0</v>
      </c>
      <c r="U1117" s="166">
        <v>0</v>
      </c>
      <c r="V1117" s="166">
        <v>0</v>
      </c>
      <c r="W1117" s="166">
        <v>0</v>
      </c>
      <c r="X1117" s="166">
        <v>0</v>
      </c>
      <c r="Y1117" s="166">
        <v>0</v>
      </c>
      <c r="Z1117" s="166">
        <v>0</v>
      </c>
      <c r="AA1117" s="166">
        <v>0</v>
      </c>
      <c r="AB1117" s="166">
        <v>0</v>
      </c>
      <c r="AC1117" s="166">
        <v>0</v>
      </c>
      <c r="AD1117" s="166">
        <v>0</v>
      </c>
      <c r="AE1117" s="166">
        <v>0</v>
      </c>
      <c r="AF1117" s="166">
        <v>0</v>
      </c>
      <c r="AG1117" s="166">
        <v>0</v>
      </c>
      <c r="AH1117" s="166">
        <v>0</v>
      </c>
      <c r="AI1117" s="166">
        <v>0</v>
      </c>
      <c r="AJ1117" s="166">
        <v>0</v>
      </c>
      <c r="AK1117" s="166">
        <v>0</v>
      </c>
      <c r="AL1117" s="166">
        <v>0</v>
      </c>
      <c r="AM1117" s="166">
        <v>0</v>
      </c>
      <c r="AN1117" s="166">
        <v>0</v>
      </c>
      <c r="AO1117" s="166">
        <v>0</v>
      </c>
      <c r="AP1117" s="166">
        <v>0</v>
      </c>
      <c r="AQ1117" s="166">
        <v>0</v>
      </c>
      <c r="AR1117" s="166">
        <v>0</v>
      </c>
      <c r="AS1117" s="166">
        <v>0</v>
      </c>
      <c r="AT1117" s="166">
        <v>0</v>
      </c>
      <c r="AU1117" s="166">
        <v>0</v>
      </c>
      <c r="AV1117" s="166">
        <v>0</v>
      </c>
      <c r="AW1117" s="166">
        <v>0</v>
      </c>
      <c r="AX1117" s="166">
        <v>0</v>
      </c>
      <c r="AY1117" s="166">
        <v>0</v>
      </c>
      <c r="AZ1117" s="166">
        <v>0</v>
      </c>
      <c r="BA1117" s="166">
        <v>0</v>
      </c>
      <c r="BB1117" s="166">
        <v>0</v>
      </c>
      <c r="BC1117" s="166">
        <v>0</v>
      </c>
      <c r="BD1117" s="166">
        <v>0</v>
      </c>
      <c r="BE1117" s="166">
        <v>0</v>
      </c>
      <c r="BF1117" s="166">
        <v>0</v>
      </c>
      <c r="BG1117" s="166">
        <v>0</v>
      </c>
      <c r="BH1117" s="166">
        <v>0</v>
      </c>
      <c r="BI1117" s="166">
        <v>0</v>
      </c>
      <c r="BJ1117" s="166">
        <v>0</v>
      </c>
      <c r="BK1117" s="166">
        <v>0</v>
      </c>
      <c r="BL1117" s="166">
        <v>0</v>
      </c>
      <c r="BM1117" s="166">
        <v>0</v>
      </c>
      <c r="BN1117" s="166">
        <v>0</v>
      </c>
      <c r="BO1117" s="166">
        <v>0</v>
      </c>
      <c r="BP1117" s="166">
        <v>0</v>
      </c>
      <c r="BQ1117" s="166">
        <v>0</v>
      </c>
      <c r="BR1117" s="166">
        <v>0</v>
      </c>
      <c r="BS1117" s="166">
        <v>0</v>
      </c>
      <c r="BT1117" s="168">
        <v>0</v>
      </c>
      <c r="BU1117" s="166">
        <v>0</v>
      </c>
      <c r="BV1117" s="166">
        <v>0</v>
      </c>
      <c r="BW1117" s="166">
        <v>0</v>
      </c>
      <c r="BX1117" s="166">
        <v>0</v>
      </c>
      <c r="BY1117" s="166">
        <v>0</v>
      </c>
      <c r="BZ1117" s="166">
        <v>0</v>
      </c>
      <c r="CA1117" s="166">
        <v>0</v>
      </c>
      <c r="CB1117" s="166">
        <v>0</v>
      </c>
      <c r="CC1117" s="166">
        <v>0</v>
      </c>
      <c r="CD1117" s="166">
        <v>0</v>
      </c>
      <c r="CE1117" s="166">
        <v>0</v>
      </c>
      <c r="CF1117" s="166">
        <v>0</v>
      </c>
      <c r="CG1117" s="166">
        <v>0</v>
      </c>
      <c r="CH1117" s="166">
        <v>0</v>
      </c>
      <c r="CI1117" s="166">
        <v>0</v>
      </c>
      <c r="CJ1117" s="166">
        <v>0</v>
      </c>
      <c r="CK1117" s="166">
        <v>0</v>
      </c>
      <c r="CL1117" s="166">
        <v>0</v>
      </c>
      <c r="CM1117" s="166">
        <v>0</v>
      </c>
      <c r="CN1117" s="166">
        <v>0</v>
      </c>
      <c r="CO1117" s="166">
        <v>0</v>
      </c>
      <c r="CP1117" s="166">
        <v>0</v>
      </c>
      <c r="CQ1117" s="166">
        <v>0</v>
      </c>
      <c r="CR1117" s="166">
        <v>0</v>
      </c>
      <c r="CS1117" s="166">
        <v>0</v>
      </c>
      <c r="CT1117" s="166">
        <v>0</v>
      </c>
      <c r="CU1117" s="166">
        <v>0</v>
      </c>
      <c r="CV1117" s="166">
        <v>0</v>
      </c>
      <c r="CW1117" s="166">
        <v>0</v>
      </c>
      <c r="CX1117" s="166">
        <v>0</v>
      </c>
      <c r="CY1117" s="166">
        <v>0</v>
      </c>
      <c r="CZ1117" s="166">
        <v>0</v>
      </c>
    </row>
    <row r="1118" spans="1:104" x14ac:dyDescent="0.2">
      <c r="A1118" s="167" t="s">
        <v>646</v>
      </c>
      <c r="B1118" s="166">
        <v>0</v>
      </c>
      <c r="C1118" s="166">
        <v>0</v>
      </c>
      <c r="D1118" s="166">
        <v>0</v>
      </c>
      <c r="E1118" s="166">
        <v>0</v>
      </c>
      <c r="F1118" s="166">
        <v>0</v>
      </c>
      <c r="G1118" s="166">
        <v>0</v>
      </c>
      <c r="H1118" s="166">
        <v>0</v>
      </c>
      <c r="I1118" s="166">
        <v>0</v>
      </c>
      <c r="J1118" s="166">
        <v>0</v>
      </c>
      <c r="K1118" s="166">
        <v>0</v>
      </c>
      <c r="L1118" s="166">
        <v>0</v>
      </c>
      <c r="M1118" s="166">
        <v>0</v>
      </c>
      <c r="N1118" s="166">
        <v>0</v>
      </c>
      <c r="O1118" s="166">
        <v>0</v>
      </c>
      <c r="P1118" s="166">
        <v>0</v>
      </c>
      <c r="Q1118" s="166">
        <v>0</v>
      </c>
      <c r="R1118" s="166">
        <v>0</v>
      </c>
      <c r="S1118" s="166">
        <v>0</v>
      </c>
      <c r="T1118" s="166">
        <v>0</v>
      </c>
      <c r="U1118" s="166">
        <v>0</v>
      </c>
      <c r="V1118" s="166">
        <v>0</v>
      </c>
      <c r="W1118" s="166">
        <v>0</v>
      </c>
      <c r="X1118" s="166">
        <v>0</v>
      </c>
      <c r="Y1118" s="166">
        <v>0</v>
      </c>
      <c r="Z1118" s="166">
        <v>0</v>
      </c>
      <c r="AA1118" s="166">
        <v>0</v>
      </c>
      <c r="AB1118" s="166">
        <v>0</v>
      </c>
      <c r="AC1118" s="166">
        <v>0</v>
      </c>
      <c r="AD1118" s="166">
        <v>0</v>
      </c>
      <c r="AE1118" s="166">
        <v>0</v>
      </c>
      <c r="AF1118" s="166">
        <v>0</v>
      </c>
      <c r="AG1118" s="166">
        <v>0</v>
      </c>
      <c r="AH1118" s="166">
        <v>0</v>
      </c>
      <c r="AI1118" s="166">
        <v>0</v>
      </c>
      <c r="AJ1118" s="166">
        <v>0</v>
      </c>
      <c r="AK1118" s="166">
        <v>0</v>
      </c>
      <c r="AL1118" s="166">
        <v>0</v>
      </c>
      <c r="AM1118" s="166">
        <v>0</v>
      </c>
      <c r="AN1118" s="166">
        <v>0</v>
      </c>
      <c r="AO1118" s="166">
        <v>0</v>
      </c>
      <c r="AP1118" s="166">
        <v>0</v>
      </c>
      <c r="AQ1118" s="166">
        <v>0</v>
      </c>
      <c r="AR1118" s="166">
        <v>0</v>
      </c>
      <c r="AS1118" s="166">
        <v>0</v>
      </c>
      <c r="AT1118" s="166">
        <v>0</v>
      </c>
      <c r="AU1118" s="166">
        <v>0</v>
      </c>
      <c r="AV1118" s="166">
        <v>0</v>
      </c>
      <c r="AW1118" s="166">
        <v>0</v>
      </c>
      <c r="AX1118" s="166">
        <v>0</v>
      </c>
      <c r="AY1118" s="166">
        <v>0</v>
      </c>
      <c r="AZ1118" s="166">
        <v>0</v>
      </c>
      <c r="BA1118" s="166">
        <v>0</v>
      </c>
      <c r="BB1118" s="166">
        <v>0</v>
      </c>
      <c r="BC1118" s="166">
        <v>0</v>
      </c>
      <c r="BD1118" s="166">
        <v>0</v>
      </c>
      <c r="BE1118" s="166">
        <v>0</v>
      </c>
      <c r="BF1118" s="166">
        <v>0</v>
      </c>
      <c r="BG1118" s="166">
        <v>0</v>
      </c>
      <c r="BH1118" s="166">
        <v>0</v>
      </c>
      <c r="BI1118" s="166">
        <v>0</v>
      </c>
      <c r="BJ1118" s="166">
        <v>0</v>
      </c>
      <c r="BK1118" s="166">
        <v>0</v>
      </c>
      <c r="BL1118" s="166">
        <v>0</v>
      </c>
      <c r="BM1118" s="166">
        <v>0</v>
      </c>
      <c r="BN1118" s="166">
        <v>0</v>
      </c>
      <c r="BO1118" s="166">
        <v>0</v>
      </c>
      <c r="BP1118" s="166">
        <v>0</v>
      </c>
      <c r="BQ1118" s="166">
        <v>0</v>
      </c>
      <c r="BR1118" s="166">
        <v>0</v>
      </c>
      <c r="BS1118" s="166">
        <v>0</v>
      </c>
      <c r="BT1118" s="168">
        <v>0</v>
      </c>
      <c r="BU1118" s="166">
        <v>0</v>
      </c>
      <c r="BV1118" s="166">
        <v>0</v>
      </c>
      <c r="BW1118" s="166">
        <v>0</v>
      </c>
      <c r="BX1118" s="166">
        <v>0</v>
      </c>
      <c r="BY1118" s="166">
        <v>0</v>
      </c>
      <c r="BZ1118" s="166">
        <v>0</v>
      </c>
      <c r="CA1118" s="166">
        <v>0</v>
      </c>
      <c r="CB1118" s="166">
        <v>0</v>
      </c>
      <c r="CC1118" s="166">
        <v>0</v>
      </c>
      <c r="CD1118" s="166">
        <v>0</v>
      </c>
      <c r="CE1118" s="166">
        <v>0</v>
      </c>
      <c r="CF1118" s="166">
        <v>0</v>
      </c>
      <c r="CG1118" s="166">
        <v>0</v>
      </c>
      <c r="CH1118" s="166">
        <v>0</v>
      </c>
      <c r="CI1118" s="166">
        <v>0</v>
      </c>
      <c r="CJ1118" s="166">
        <v>0</v>
      </c>
      <c r="CK1118" s="166">
        <v>0</v>
      </c>
      <c r="CL1118" s="166">
        <v>0</v>
      </c>
      <c r="CM1118" s="166">
        <v>0</v>
      </c>
      <c r="CN1118" s="166">
        <v>0</v>
      </c>
      <c r="CO1118" s="166">
        <v>0</v>
      </c>
      <c r="CP1118" s="166">
        <v>0</v>
      </c>
      <c r="CQ1118" s="166">
        <v>0</v>
      </c>
      <c r="CR1118" s="166">
        <v>0</v>
      </c>
      <c r="CS1118" s="166">
        <v>0</v>
      </c>
      <c r="CT1118" s="166">
        <v>0</v>
      </c>
      <c r="CU1118" s="166">
        <v>0</v>
      </c>
      <c r="CV1118" s="166">
        <v>0</v>
      </c>
      <c r="CW1118" s="166">
        <v>0</v>
      </c>
      <c r="CX1118" s="166">
        <v>0</v>
      </c>
      <c r="CY1118" s="166">
        <v>0</v>
      </c>
      <c r="CZ1118" s="166">
        <v>6974201823.69695</v>
      </c>
    </row>
    <row r="1119" spans="1:104" x14ac:dyDescent="0.2">
      <c r="A1119" s="167" t="s">
        <v>647</v>
      </c>
      <c r="B1119" s="166">
        <v>0</v>
      </c>
      <c r="C1119" s="166">
        <v>0</v>
      </c>
      <c r="D1119" s="166">
        <v>0</v>
      </c>
      <c r="E1119" s="166">
        <v>0</v>
      </c>
      <c r="F1119" s="166">
        <v>0</v>
      </c>
      <c r="G1119" s="166">
        <v>0</v>
      </c>
      <c r="H1119" s="166">
        <v>0</v>
      </c>
      <c r="I1119" s="166">
        <v>0</v>
      </c>
      <c r="J1119" s="166">
        <v>0</v>
      </c>
      <c r="K1119" s="166">
        <v>0</v>
      </c>
      <c r="L1119" s="166">
        <v>0</v>
      </c>
      <c r="M1119" s="166">
        <v>0</v>
      </c>
      <c r="N1119" s="166">
        <v>0</v>
      </c>
      <c r="O1119" s="166">
        <v>0</v>
      </c>
      <c r="P1119" s="166">
        <v>0</v>
      </c>
      <c r="Q1119" s="166">
        <v>0</v>
      </c>
      <c r="R1119" s="166">
        <v>0</v>
      </c>
      <c r="S1119" s="166">
        <v>0</v>
      </c>
      <c r="T1119" s="166">
        <v>0</v>
      </c>
      <c r="U1119" s="166">
        <v>0</v>
      </c>
      <c r="V1119" s="166">
        <v>0</v>
      </c>
      <c r="W1119" s="166">
        <v>0</v>
      </c>
      <c r="X1119" s="166">
        <v>0</v>
      </c>
      <c r="Y1119" s="166">
        <v>0</v>
      </c>
      <c r="Z1119" s="166">
        <v>0</v>
      </c>
      <c r="AA1119" s="166">
        <v>0</v>
      </c>
      <c r="AB1119" s="166">
        <v>0</v>
      </c>
      <c r="AC1119" s="166">
        <v>0</v>
      </c>
      <c r="AD1119" s="166">
        <v>0</v>
      </c>
      <c r="AE1119" s="166">
        <v>0</v>
      </c>
      <c r="AF1119" s="166">
        <v>0</v>
      </c>
      <c r="AG1119" s="166">
        <v>0</v>
      </c>
      <c r="AH1119" s="166">
        <v>0</v>
      </c>
      <c r="AI1119" s="166">
        <v>0</v>
      </c>
      <c r="AJ1119" s="166">
        <v>0</v>
      </c>
      <c r="AK1119" s="166">
        <v>0</v>
      </c>
      <c r="AL1119" s="166">
        <v>0</v>
      </c>
      <c r="AM1119" s="166">
        <v>0</v>
      </c>
      <c r="AN1119" s="166">
        <v>0</v>
      </c>
      <c r="AO1119" s="166">
        <v>0</v>
      </c>
      <c r="AP1119" s="166">
        <v>0</v>
      </c>
      <c r="AQ1119" s="166">
        <v>0</v>
      </c>
      <c r="AR1119" s="166">
        <v>0</v>
      </c>
      <c r="AS1119" s="166">
        <v>0</v>
      </c>
      <c r="AT1119" s="166">
        <v>0</v>
      </c>
      <c r="AU1119" s="166">
        <v>0</v>
      </c>
      <c r="AV1119" s="166">
        <v>0</v>
      </c>
      <c r="AW1119" s="166">
        <v>0</v>
      </c>
      <c r="AX1119" s="166">
        <v>0</v>
      </c>
      <c r="AY1119" s="166">
        <v>0</v>
      </c>
      <c r="AZ1119" s="166">
        <v>0</v>
      </c>
      <c r="BA1119" s="166">
        <v>0</v>
      </c>
      <c r="BB1119" s="166">
        <v>0</v>
      </c>
      <c r="BC1119" s="166">
        <v>0</v>
      </c>
      <c r="BD1119" s="166">
        <v>0</v>
      </c>
      <c r="BE1119" s="166">
        <v>0</v>
      </c>
      <c r="BF1119" s="166">
        <v>0</v>
      </c>
      <c r="BG1119" s="166">
        <v>0</v>
      </c>
      <c r="BH1119" s="166">
        <v>0</v>
      </c>
      <c r="BI1119" s="166">
        <v>0</v>
      </c>
      <c r="BJ1119" s="166">
        <v>0</v>
      </c>
      <c r="BK1119" s="166">
        <v>0</v>
      </c>
      <c r="BL1119" s="166">
        <v>0</v>
      </c>
      <c r="BM1119" s="166">
        <v>0</v>
      </c>
      <c r="BN1119" s="166">
        <v>0</v>
      </c>
      <c r="BO1119" s="166">
        <v>0</v>
      </c>
      <c r="BP1119" s="166">
        <v>0</v>
      </c>
      <c r="BQ1119" s="166">
        <v>0</v>
      </c>
      <c r="BR1119" s="166">
        <v>0</v>
      </c>
      <c r="BS1119" s="166">
        <v>7208560013.70226</v>
      </c>
      <c r="BT1119" s="168">
        <v>0</v>
      </c>
      <c r="BU1119" s="166">
        <v>0</v>
      </c>
      <c r="BV1119" s="166">
        <v>0</v>
      </c>
      <c r="BW1119" s="166">
        <v>0</v>
      </c>
      <c r="BX1119" s="166">
        <v>0</v>
      </c>
      <c r="BY1119" s="166">
        <v>0</v>
      </c>
      <c r="BZ1119" s="166">
        <v>0</v>
      </c>
      <c r="CA1119" s="166">
        <v>0</v>
      </c>
      <c r="CB1119" s="166">
        <v>0</v>
      </c>
      <c r="CC1119" s="166">
        <v>0</v>
      </c>
      <c r="CD1119" s="166">
        <v>0</v>
      </c>
      <c r="CE1119" s="166">
        <v>0</v>
      </c>
      <c r="CF1119" s="166">
        <v>0</v>
      </c>
      <c r="CG1119" s="166">
        <v>0</v>
      </c>
      <c r="CH1119" s="166">
        <v>0</v>
      </c>
      <c r="CI1119" s="166">
        <v>0</v>
      </c>
      <c r="CJ1119" s="166">
        <v>0</v>
      </c>
      <c r="CK1119" s="166">
        <v>0</v>
      </c>
      <c r="CL1119" s="166">
        <v>0</v>
      </c>
      <c r="CM1119" s="166">
        <v>0</v>
      </c>
      <c r="CN1119" s="166">
        <v>0</v>
      </c>
      <c r="CO1119" s="166">
        <v>0</v>
      </c>
      <c r="CP1119" s="166">
        <v>0</v>
      </c>
      <c r="CQ1119" s="166">
        <v>0</v>
      </c>
      <c r="CR1119" s="166">
        <v>0</v>
      </c>
      <c r="CS1119" s="166">
        <v>0</v>
      </c>
      <c r="CT1119" s="166">
        <v>0</v>
      </c>
      <c r="CU1119" s="166">
        <v>0</v>
      </c>
      <c r="CV1119" s="166">
        <v>0</v>
      </c>
      <c r="CW1119" s="166">
        <v>0</v>
      </c>
      <c r="CX1119" s="166">
        <v>0</v>
      </c>
      <c r="CY1119" s="166">
        <v>0</v>
      </c>
      <c r="CZ1119" s="166">
        <v>7208560013.70226</v>
      </c>
    </row>
    <row r="1120" spans="1:104" x14ac:dyDescent="0.2">
      <c r="A1120" s="167" t="s">
        <v>648</v>
      </c>
      <c r="B1120" s="166">
        <v>0</v>
      </c>
      <c r="C1120" s="166">
        <v>0</v>
      </c>
      <c r="D1120" s="166">
        <v>0</v>
      </c>
      <c r="E1120" s="166">
        <v>0</v>
      </c>
      <c r="F1120" s="166">
        <v>0</v>
      </c>
      <c r="G1120" s="166">
        <v>0</v>
      </c>
      <c r="H1120" s="166">
        <v>0</v>
      </c>
      <c r="I1120" s="166">
        <v>0</v>
      </c>
      <c r="J1120" s="166">
        <v>0</v>
      </c>
      <c r="K1120" s="166">
        <v>0</v>
      </c>
      <c r="L1120" s="166">
        <v>0</v>
      </c>
      <c r="M1120" s="166">
        <v>0</v>
      </c>
      <c r="N1120" s="166">
        <v>0</v>
      </c>
      <c r="O1120" s="166">
        <v>0</v>
      </c>
      <c r="P1120" s="166">
        <v>0</v>
      </c>
      <c r="Q1120" s="166">
        <v>0</v>
      </c>
      <c r="R1120" s="166">
        <v>0</v>
      </c>
      <c r="S1120" s="166">
        <v>0</v>
      </c>
      <c r="T1120" s="166">
        <v>0</v>
      </c>
      <c r="U1120" s="166">
        <v>0</v>
      </c>
      <c r="V1120" s="166">
        <v>0</v>
      </c>
      <c r="W1120" s="166">
        <v>0</v>
      </c>
      <c r="X1120" s="166">
        <v>0</v>
      </c>
      <c r="Y1120" s="166">
        <v>0</v>
      </c>
      <c r="Z1120" s="166">
        <v>0</v>
      </c>
      <c r="AA1120" s="166">
        <v>0</v>
      </c>
      <c r="AB1120" s="166">
        <v>0</v>
      </c>
      <c r="AC1120" s="166">
        <v>0</v>
      </c>
      <c r="AD1120" s="166">
        <v>0</v>
      </c>
      <c r="AE1120" s="166">
        <v>0</v>
      </c>
      <c r="AF1120" s="166">
        <v>0</v>
      </c>
      <c r="AG1120" s="166">
        <v>0</v>
      </c>
      <c r="AH1120" s="166">
        <v>0</v>
      </c>
      <c r="AI1120" s="166">
        <v>0</v>
      </c>
      <c r="AJ1120" s="166">
        <v>0</v>
      </c>
      <c r="AK1120" s="166">
        <v>0</v>
      </c>
      <c r="AL1120" s="166">
        <v>0</v>
      </c>
      <c r="AM1120" s="166">
        <v>0</v>
      </c>
      <c r="AN1120" s="166">
        <v>0</v>
      </c>
      <c r="AO1120" s="166">
        <v>0</v>
      </c>
      <c r="AP1120" s="166">
        <v>0</v>
      </c>
      <c r="AQ1120" s="166">
        <v>0</v>
      </c>
      <c r="AR1120" s="166">
        <v>0</v>
      </c>
      <c r="AS1120" s="166">
        <v>0</v>
      </c>
      <c r="AT1120" s="166">
        <v>0</v>
      </c>
      <c r="AU1120" s="166">
        <v>0</v>
      </c>
      <c r="AV1120" s="166">
        <v>0</v>
      </c>
      <c r="AW1120" s="166">
        <v>0</v>
      </c>
      <c r="AX1120" s="166">
        <v>0</v>
      </c>
      <c r="AY1120" s="166">
        <v>0</v>
      </c>
      <c r="AZ1120" s="166">
        <v>0</v>
      </c>
      <c r="BA1120" s="166">
        <v>0</v>
      </c>
      <c r="BB1120" s="166">
        <v>0</v>
      </c>
      <c r="BC1120" s="166">
        <v>0</v>
      </c>
      <c r="BD1120" s="166">
        <v>0</v>
      </c>
      <c r="BE1120" s="166">
        <v>0</v>
      </c>
      <c r="BF1120" s="166">
        <v>0</v>
      </c>
      <c r="BG1120" s="166">
        <v>0</v>
      </c>
      <c r="BH1120" s="166">
        <v>0</v>
      </c>
      <c r="BI1120" s="166">
        <v>0</v>
      </c>
      <c r="BJ1120" s="166">
        <v>0</v>
      </c>
      <c r="BK1120" s="166">
        <v>0</v>
      </c>
      <c r="BL1120" s="166">
        <v>0</v>
      </c>
      <c r="BM1120" s="166">
        <v>0</v>
      </c>
      <c r="BN1120" s="166">
        <v>0</v>
      </c>
      <c r="BO1120" s="166">
        <v>0</v>
      </c>
      <c r="BP1120" s="166">
        <v>0</v>
      </c>
      <c r="BQ1120" s="166">
        <v>0</v>
      </c>
      <c r="BR1120" s="166">
        <v>0</v>
      </c>
      <c r="BS1120" s="166">
        <v>0</v>
      </c>
      <c r="BT1120" s="168">
        <v>0</v>
      </c>
      <c r="BU1120" s="166">
        <v>0</v>
      </c>
      <c r="BV1120" s="166">
        <v>0</v>
      </c>
      <c r="BW1120" s="166">
        <v>0</v>
      </c>
      <c r="BX1120" s="166">
        <v>0</v>
      </c>
      <c r="BY1120" s="166">
        <v>0</v>
      </c>
      <c r="BZ1120" s="166">
        <v>0</v>
      </c>
      <c r="CA1120" s="166">
        <v>0</v>
      </c>
      <c r="CB1120" s="166">
        <v>0</v>
      </c>
      <c r="CC1120" s="166">
        <v>0</v>
      </c>
      <c r="CD1120" s="166">
        <v>0</v>
      </c>
      <c r="CE1120" s="166">
        <v>0</v>
      </c>
      <c r="CF1120" s="166">
        <v>0</v>
      </c>
      <c r="CG1120" s="166">
        <v>0</v>
      </c>
      <c r="CH1120" s="166">
        <v>0</v>
      </c>
      <c r="CI1120" s="166">
        <v>0</v>
      </c>
      <c r="CJ1120" s="166">
        <v>0</v>
      </c>
      <c r="CK1120" s="166">
        <v>0</v>
      </c>
      <c r="CL1120" s="166">
        <v>0</v>
      </c>
      <c r="CM1120" s="166">
        <v>0</v>
      </c>
      <c r="CN1120" s="166">
        <v>0</v>
      </c>
      <c r="CO1120" s="166">
        <v>0</v>
      </c>
      <c r="CP1120" s="166">
        <v>0</v>
      </c>
      <c r="CQ1120" s="166">
        <v>0</v>
      </c>
      <c r="CR1120" s="166">
        <v>0</v>
      </c>
      <c r="CS1120" s="166">
        <v>0</v>
      </c>
      <c r="CT1120" s="166">
        <v>0</v>
      </c>
      <c r="CU1120" s="166">
        <v>0</v>
      </c>
      <c r="CV1120" s="166">
        <v>0</v>
      </c>
      <c r="CW1120" s="166">
        <v>0</v>
      </c>
      <c r="CX1120" s="166">
        <v>0</v>
      </c>
      <c r="CY1120" s="166">
        <v>0</v>
      </c>
      <c r="CZ1120" s="179">
        <v>11.6097273873864</v>
      </c>
    </row>
    <row r="1121" spans="1:104" x14ac:dyDescent="0.2">
      <c r="A1121" s="167" t="s">
        <v>649</v>
      </c>
      <c r="B1121" s="166">
        <v>0</v>
      </c>
      <c r="C1121" s="166">
        <v>0</v>
      </c>
      <c r="D1121" s="166">
        <v>0</v>
      </c>
      <c r="E1121" s="166">
        <v>0</v>
      </c>
      <c r="F1121" s="166">
        <v>0</v>
      </c>
      <c r="G1121" s="166">
        <v>0</v>
      </c>
      <c r="H1121" s="166">
        <v>0</v>
      </c>
      <c r="I1121" s="166">
        <v>0</v>
      </c>
      <c r="J1121" s="166">
        <v>0</v>
      </c>
      <c r="K1121" s="166">
        <v>0</v>
      </c>
      <c r="L1121" s="166">
        <v>0</v>
      </c>
      <c r="M1121" s="166">
        <v>0</v>
      </c>
      <c r="N1121" s="166">
        <v>0</v>
      </c>
      <c r="O1121" s="166">
        <v>0</v>
      </c>
      <c r="P1121" s="166">
        <v>0</v>
      </c>
      <c r="Q1121" s="166">
        <v>0</v>
      </c>
      <c r="R1121" s="166">
        <v>0</v>
      </c>
      <c r="S1121" s="166">
        <v>0</v>
      </c>
      <c r="T1121" s="166">
        <v>0</v>
      </c>
      <c r="U1121" s="166">
        <v>0</v>
      </c>
      <c r="V1121" s="166">
        <v>0</v>
      </c>
      <c r="W1121" s="166">
        <v>0</v>
      </c>
      <c r="X1121" s="166">
        <v>0</v>
      </c>
      <c r="Y1121" s="166">
        <v>0</v>
      </c>
      <c r="Z1121" s="166">
        <v>0</v>
      </c>
      <c r="AA1121" s="166">
        <v>0</v>
      </c>
      <c r="AB1121" s="166">
        <v>0</v>
      </c>
      <c r="AC1121" s="166">
        <v>0</v>
      </c>
      <c r="AD1121" s="166">
        <v>0</v>
      </c>
      <c r="AE1121" s="166">
        <v>0</v>
      </c>
      <c r="AF1121" s="166">
        <v>0</v>
      </c>
      <c r="AG1121" s="166">
        <v>0</v>
      </c>
      <c r="AH1121" s="166">
        <v>0</v>
      </c>
      <c r="AI1121" s="166">
        <v>0</v>
      </c>
      <c r="AJ1121" s="166">
        <v>0</v>
      </c>
      <c r="AK1121" s="166">
        <v>0</v>
      </c>
      <c r="AL1121" s="166">
        <v>0</v>
      </c>
      <c r="AM1121" s="166">
        <v>0</v>
      </c>
      <c r="AN1121" s="166">
        <v>0</v>
      </c>
      <c r="AO1121" s="166">
        <v>0</v>
      </c>
      <c r="AP1121" s="166">
        <v>0</v>
      </c>
      <c r="AQ1121" s="166">
        <v>0</v>
      </c>
      <c r="AR1121" s="166">
        <v>0</v>
      </c>
      <c r="AS1121" s="166">
        <v>0</v>
      </c>
      <c r="AT1121" s="166">
        <v>0</v>
      </c>
      <c r="AU1121" s="166">
        <v>0</v>
      </c>
      <c r="AV1121" s="166">
        <v>0</v>
      </c>
      <c r="AW1121" s="166">
        <v>0</v>
      </c>
      <c r="AX1121" s="166">
        <v>0</v>
      </c>
      <c r="AY1121" s="166">
        <v>0</v>
      </c>
      <c r="AZ1121" s="166">
        <v>0</v>
      </c>
      <c r="BA1121" s="166">
        <v>0</v>
      </c>
      <c r="BB1121" s="166">
        <v>0</v>
      </c>
      <c r="BC1121" s="166">
        <v>0</v>
      </c>
      <c r="BD1121" s="166">
        <v>0</v>
      </c>
      <c r="BE1121" s="166">
        <v>0</v>
      </c>
      <c r="BF1121" s="166">
        <v>0</v>
      </c>
      <c r="BG1121" s="166">
        <v>0</v>
      </c>
      <c r="BH1121" s="166">
        <v>0</v>
      </c>
      <c r="BI1121" s="166">
        <v>0</v>
      </c>
      <c r="BJ1121" s="166">
        <v>0</v>
      </c>
      <c r="BK1121" s="166">
        <v>0</v>
      </c>
      <c r="BL1121" s="166">
        <v>0</v>
      </c>
      <c r="BM1121" s="166">
        <v>0</v>
      </c>
      <c r="BN1121" s="166">
        <v>0</v>
      </c>
      <c r="BO1121" s="166">
        <v>0</v>
      </c>
      <c r="BP1121" s="166">
        <v>0</v>
      </c>
      <c r="BQ1121" s="166">
        <v>0</v>
      </c>
      <c r="BR1121" s="166">
        <v>0</v>
      </c>
      <c r="BS1121" s="166">
        <v>0</v>
      </c>
      <c r="BT1121" s="168">
        <v>0</v>
      </c>
      <c r="BU1121" s="166">
        <v>0</v>
      </c>
      <c r="BV1121" s="166">
        <v>0</v>
      </c>
      <c r="BW1121" s="166">
        <v>0</v>
      </c>
      <c r="BX1121" s="166">
        <v>0</v>
      </c>
      <c r="BY1121" s="166">
        <v>0</v>
      </c>
      <c r="BZ1121" s="166">
        <v>0</v>
      </c>
      <c r="CA1121" s="166">
        <v>0</v>
      </c>
      <c r="CB1121" s="166">
        <v>0</v>
      </c>
      <c r="CC1121" s="166">
        <v>0</v>
      </c>
      <c r="CD1121" s="166">
        <v>0</v>
      </c>
      <c r="CE1121" s="166">
        <v>0</v>
      </c>
      <c r="CF1121" s="166">
        <v>0</v>
      </c>
      <c r="CG1121" s="166">
        <v>0</v>
      </c>
      <c r="CH1121" s="166">
        <v>0</v>
      </c>
      <c r="CI1121" s="166">
        <v>0</v>
      </c>
      <c r="CJ1121" s="166">
        <v>0</v>
      </c>
      <c r="CK1121" s="166">
        <v>0</v>
      </c>
      <c r="CL1121" s="166">
        <v>0</v>
      </c>
      <c r="CM1121" s="166">
        <v>0</v>
      </c>
      <c r="CN1121" s="166">
        <v>0</v>
      </c>
      <c r="CO1121" s="166">
        <v>0</v>
      </c>
      <c r="CP1121" s="166">
        <v>0</v>
      </c>
      <c r="CQ1121" s="166">
        <v>0</v>
      </c>
      <c r="CR1121" s="166">
        <v>0</v>
      </c>
      <c r="CS1121" s="166">
        <v>0</v>
      </c>
      <c r="CT1121" s="166">
        <v>0</v>
      </c>
      <c r="CU1121" s="166">
        <v>0</v>
      </c>
      <c r="CV1121" s="166">
        <v>0</v>
      </c>
      <c r="CW1121" s="166">
        <v>0</v>
      </c>
      <c r="CX1121" s="166">
        <v>0</v>
      </c>
      <c r="CY1121" s="166">
        <v>0</v>
      </c>
      <c r="CZ1121" s="166">
        <v>0</v>
      </c>
    </row>
    <row r="1122" spans="1:104" x14ac:dyDescent="0.2">
      <c r="A1122" s="167" t="s">
        <v>650</v>
      </c>
      <c r="B1122" s="166">
        <v>0</v>
      </c>
      <c r="C1122" s="166">
        <v>0</v>
      </c>
      <c r="D1122" s="166">
        <v>0</v>
      </c>
      <c r="E1122" s="166">
        <v>0</v>
      </c>
      <c r="F1122" s="166">
        <v>0</v>
      </c>
      <c r="G1122" s="166">
        <v>0</v>
      </c>
      <c r="H1122" s="166">
        <v>0</v>
      </c>
      <c r="I1122" s="166">
        <v>0</v>
      </c>
      <c r="J1122" s="166">
        <v>0</v>
      </c>
      <c r="K1122" s="166">
        <v>0</v>
      </c>
      <c r="L1122" s="166">
        <v>0</v>
      </c>
      <c r="M1122" s="166">
        <v>0</v>
      </c>
      <c r="N1122" s="166">
        <v>0</v>
      </c>
      <c r="O1122" s="166">
        <v>0</v>
      </c>
      <c r="P1122" s="166">
        <v>0</v>
      </c>
      <c r="Q1122" s="166">
        <v>0</v>
      </c>
      <c r="R1122" s="166">
        <v>0</v>
      </c>
      <c r="S1122" s="166">
        <v>0</v>
      </c>
      <c r="T1122" s="166">
        <v>0</v>
      </c>
      <c r="U1122" s="166">
        <v>0</v>
      </c>
      <c r="V1122" s="166">
        <v>0</v>
      </c>
      <c r="W1122" s="166">
        <v>0</v>
      </c>
      <c r="X1122" s="166">
        <v>0</v>
      </c>
      <c r="Y1122" s="166">
        <v>0</v>
      </c>
      <c r="Z1122" s="166">
        <v>0</v>
      </c>
      <c r="AA1122" s="166">
        <v>0</v>
      </c>
      <c r="AB1122" s="166">
        <v>0</v>
      </c>
      <c r="AC1122" s="166">
        <v>0</v>
      </c>
      <c r="AD1122" s="166">
        <v>0</v>
      </c>
      <c r="AE1122" s="166">
        <v>0</v>
      </c>
      <c r="AF1122" s="166">
        <v>0</v>
      </c>
      <c r="AG1122" s="166">
        <v>0</v>
      </c>
      <c r="AH1122" s="166">
        <v>0</v>
      </c>
      <c r="AI1122" s="166">
        <v>0</v>
      </c>
      <c r="AJ1122" s="166">
        <v>0</v>
      </c>
      <c r="AK1122" s="166">
        <v>0</v>
      </c>
      <c r="AL1122" s="166">
        <v>0</v>
      </c>
      <c r="AM1122" s="166">
        <v>0</v>
      </c>
      <c r="AN1122" s="166">
        <v>0</v>
      </c>
      <c r="AO1122" s="166">
        <v>0</v>
      </c>
      <c r="AP1122" s="166">
        <v>0</v>
      </c>
      <c r="AQ1122" s="166">
        <v>0</v>
      </c>
      <c r="AR1122" s="166">
        <v>0</v>
      </c>
      <c r="AS1122" s="166">
        <v>0</v>
      </c>
      <c r="AT1122" s="166">
        <v>0</v>
      </c>
      <c r="AU1122" s="166">
        <v>0</v>
      </c>
      <c r="AV1122" s="166">
        <v>0</v>
      </c>
      <c r="AW1122" s="166">
        <v>0</v>
      </c>
      <c r="AX1122" s="166">
        <v>0</v>
      </c>
      <c r="AY1122" s="166">
        <v>0</v>
      </c>
      <c r="AZ1122" s="166">
        <v>0</v>
      </c>
      <c r="BA1122" s="166">
        <v>0</v>
      </c>
      <c r="BB1122" s="166">
        <v>0</v>
      </c>
      <c r="BC1122" s="166">
        <v>0</v>
      </c>
      <c r="BD1122" s="166">
        <v>0</v>
      </c>
      <c r="BE1122" s="166">
        <v>0</v>
      </c>
      <c r="BF1122" s="166">
        <v>0</v>
      </c>
      <c r="BG1122" s="166">
        <v>0</v>
      </c>
      <c r="BH1122" s="166">
        <v>0</v>
      </c>
      <c r="BI1122" s="166">
        <v>0</v>
      </c>
      <c r="BJ1122" s="166">
        <v>0</v>
      </c>
      <c r="BK1122" s="166">
        <v>0</v>
      </c>
      <c r="BL1122" s="166">
        <v>0</v>
      </c>
      <c r="BM1122" s="166">
        <v>0</v>
      </c>
      <c r="BN1122" s="166">
        <v>0</v>
      </c>
      <c r="BO1122" s="166">
        <v>0</v>
      </c>
      <c r="BP1122" s="166">
        <v>0</v>
      </c>
      <c r="BQ1122" s="166">
        <v>0</v>
      </c>
      <c r="BR1122" s="166">
        <v>0</v>
      </c>
      <c r="BS1122" s="166">
        <v>0</v>
      </c>
      <c r="BT1122" s="168">
        <v>0</v>
      </c>
      <c r="BU1122" s="166">
        <v>0</v>
      </c>
      <c r="BV1122" s="166">
        <v>0</v>
      </c>
      <c r="BW1122" s="166">
        <v>0</v>
      </c>
      <c r="BX1122" s="166">
        <v>0</v>
      </c>
      <c r="BY1122" s="166">
        <v>0</v>
      </c>
      <c r="BZ1122" s="166">
        <v>0</v>
      </c>
      <c r="CA1122" s="166">
        <v>0</v>
      </c>
      <c r="CB1122" s="166">
        <v>0</v>
      </c>
      <c r="CC1122" s="166">
        <v>0</v>
      </c>
      <c r="CD1122" s="166">
        <v>0</v>
      </c>
      <c r="CE1122" s="166">
        <v>0</v>
      </c>
      <c r="CF1122" s="166">
        <v>0</v>
      </c>
      <c r="CG1122" s="166">
        <v>0</v>
      </c>
      <c r="CH1122" s="166">
        <v>0</v>
      </c>
      <c r="CI1122" s="166">
        <v>0</v>
      </c>
      <c r="CJ1122" s="166">
        <v>0</v>
      </c>
      <c r="CK1122" s="166">
        <v>0</v>
      </c>
      <c r="CL1122" s="166">
        <v>0</v>
      </c>
      <c r="CM1122" s="166">
        <v>0</v>
      </c>
      <c r="CN1122" s="166">
        <v>0</v>
      </c>
      <c r="CO1122" s="166">
        <v>0</v>
      </c>
      <c r="CP1122" s="166">
        <v>0</v>
      </c>
      <c r="CQ1122" s="166">
        <v>0</v>
      </c>
      <c r="CR1122" s="166">
        <v>0</v>
      </c>
      <c r="CS1122" s="166">
        <v>0</v>
      </c>
      <c r="CT1122" s="166">
        <v>0</v>
      </c>
      <c r="CU1122" s="166">
        <v>0</v>
      </c>
      <c r="CV1122" s="166">
        <v>0</v>
      </c>
      <c r="CW1122" s="166">
        <v>0</v>
      </c>
      <c r="CX1122" s="166">
        <v>0</v>
      </c>
      <c r="CY1122" s="166">
        <v>0</v>
      </c>
      <c r="CZ1122" s="166">
        <v>0</v>
      </c>
    </row>
    <row r="1123" spans="1:104" x14ac:dyDescent="0.2">
      <c r="A1123" s="167" t="s">
        <v>651</v>
      </c>
    </row>
    <row r="1124" spans="1:104" x14ac:dyDescent="0.2">
      <c r="A1124" s="167" t="s">
        <v>652</v>
      </c>
    </row>
    <row r="1125" spans="1:104" x14ac:dyDescent="0.2">
      <c r="A1125" s="167" t="s">
        <v>653</v>
      </c>
    </row>
    <row r="1126" spans="1:104" x14ac:dyDescent="0.2">
      <c r="A1126" s="167" t="s">
        <v>1209</v>
      </c>
      <c r="B1126" s="166">
        <v>0</v>
      </c>
      <c r="C1126" s="166">
        <v>0</v>
      </c>
      <c r="D1126" s="166">
        <v>0</v>
      </c>
      <c r="E1126" s="166">
        <v>0</v>
      </c>
      <c r="F1126" s="166">
        <v>0</v>
      </c>
      <c r="G1126" s="166">
        <v>0</v>
      </c>
      <c r="H1126" s="166">
        <v>0</v>
      </c>
      <c r="I1126" s="166">
        <v>0</v>
      </c>
      <c r="J1126" s="166">
        <v>0</v>
      </c>
      <c r="K1126" s="166">
        <v>0</v>
      </c>
      <c r="L1126" s="166">
        <v>0</v>
      </c>
      <c r="M1126" s="166">
        <v>0</v>
      </c>
      <c r="N1126" s="166">
        <v>0</v>
      </c>
      <c r="O1126" s="166">
        <v>0</v>
      </c>
      <c r="P1126" s="166">
        <v>0</v>
      </c>
      <c r="Q1126" s="166">
        <v>0</v>
      </c>
      <c r="R1126" s="166">
        <v>0</v>
      </c>
      <c r="S1126" s="166">
        <v>0</v>
      </c>
      <c r="T1126" s="166">
        <v>0</v>
      </c>
      <c r="U1126" s="166">
        <v>0</v>
      </c>
      <c r="V1126" s="166">
        <v>0</v>
      </c>
      <c r="W1126" s="166">
        <v>0</v>
      </c>
      <c r="X1126" s="166">
        <v>0</v>
      </c>
      <c r="Y1126" s="166">
        <v>0</v>
      </c>
      <c r="Z1126" s="166">
        <v>0</v>
      </c>
      <c r="AA1126" s="166">
        <v>0</v>
      </c>
      <c r="AB1126" s="166">
        <v>0</v>
      </c>
      <c r="AC1126" s="166">
        <v>0</v>
      </c>
      <c r="AD1126" s="166">
        <v>0</v>
      </c>
      <c r="AE1126" s="166">
        <v>0</v>
      </c>
      <c r="AF1126" s="166">
        <v>0</v>
      </c>
      <c r="AG1126" s="166">
        <v>0</v>
      </c>
      <c r="AH1126" s="166">
        <v>0</v>
      </c>
      <c r="AI1126" s="166">
        <v>0</v>
      </c>
      <c r="AJ1126" s="166">
        <v>0</v>
      </c>
      <c r="AK1126" s="166">
        <v>0</v>
      </c>
      <c r="AL1126" s="166">
        <v>0</v>
      </c>
      <c r="AM1126" s="166">
        <v>0</v>
      </c>
      <c r="AN1126" s="166">
        <v>0</v>
      </c>
      <c r="AO1126" s="166">
        <v>0</v>
      </c>
      <c r="AP1126" s="166">
        <v>0</v>
      </c>
      <c r="AQ1126" s="166">
        <v>0</v>
      </c>
      <c r="AR1126" s="166">
        <v>0</v>
      </c>
      <c r="AS1126" s="166">
        <v>0</v>
      </c>
      <c r="AT1126" s="166">
        <v>0</v>
      </c>
      <c r="AU1126" s="166">
        <v>0</v>
      </c>
      <c r="AV1126" s="166">
        <v>0</v>
      </c>
      <c r="AW1126" s="166">
        <v>0</v>
      </c>
      <c r="AX1126" s="166">
        <v>0</v>
      </c>
      <c r="AY1126" s="166">
        <v>0</v>
      </c>
      <c r="AZ1126" s="166">
        <v>0</v>
      </c>
      <c r="BA1126" s="166">
        <v>0</v>
      </c>
      <c r="BB1126" s="166">
        <v>0</v>
      </c>
      <c r="BC1126" s="166">
        <v>0</v>
      </c>
      <c r="BD1126" s="166">
        <v>0</v>
      </c>
      <c r="BE1126" s="166">
        <v>0</v>
      </c>
      <c r="BF1126" s="166">
        <v>0</v>
      </c>
      <c r="BG1126" s="166">
        <v>0</v>
      </c>
      <c r="BH1126" s="166">
        <v>0</v>
      </c>
      <c r="BI1126" s="166">
        <v>0</v>
      </c>
      <c r="BJ1126" s="166">
        <v>0</v>
      </c>
      <c r="BK1126" s="166">
        <v>0</v>
      </c>
      <c r="BL1126" s="166">
        <v>0</v>
      </c>
      <c r="BM1126" s="166">
        <v>0</v>
      </c>
      <c r="BN1126" s="166">
        <v>0</v>
      </c>
      <c r="BO1126" s="166">
        <v>0</v>
      </c>
      <c r="BP1126" s="166">
        <v>0</v>
      </c>
      <c r="BQ1126" s="166">
        <v>0</v>
      </c>
      <c r="BR1126" s="166">
        <v>0</v>
      </c>
      <c r="BS1126" s="166">
        <v>0</v>
      </c>
      <c r="BT1126" s="166">
        <v>0</v>
      </c>
      <c r="BU1126" s="166">
        <v>0</v>
      </c>
      <c r="BV1126" s="166">
        <v>0</v>
      </c>
      <c r="BW1126" s="166">
        <v>0</v>
      </c>
      <c r="BX1126" s="166">
        <v>0</v>
      </c>
      <c r="BY1126" s="166">
        <v>0</v>
      </c>
      <c r="BZ1126" s="166">
        <v>0</v>
      </c>
      <c r="CA1126" s="166">
        <v>0</v>
      </c>
      <c r="CB1126" s="166">
        <v>0</v>
      </c>
      <c r="CC1126" s="166">
        <v>0</v>
      </c>
      <c r="CD1126" s="166">
        <v>0</v>
      </c>
      <c r="CE1126" s="166">
        <v>0</v>
      </c>
      <c r="CF1126" s="166">
        <v>0</v>
      </c>
      <c r="CG1126" s="166">
        <v>0</v>
      </c>
      <c r="CH1126" s="166">
        <v>0</v>
      </c>
      <c r="CI1126" s="166">
        <v>0</v>
      </c>
      <c r="CJ1126" s="166">
        <v>0</v>
      </c>
      <c r="CK1126" s="166">
        <v>0</v>
      </c>
      <c r="CL1126" s="166">
        <v>0</v>
      </c>
      <c r="CM1126" s="166">
        <v>0</v>
      </c>
      <c r="CN1126" s="166">
        <v>0</v>
      </c>
      <c r="CO1126" s="166">
        <v>0</v>
      </c>
      <c r="CP1126" s="166">
        <v>0</v>
      </c>
      <c r="CQ1126" s="166">
        <v>0</v>
      </c>
      <c r="CR1126" s="166">
        <v>0</v>
      </c>
      <c r="CS1126" s="166">
        <v>0</v>
      </c>
      <c r="CT1126" s="166">
        <v>0</v>
      </c>
      <c r="CU1126" s="166">
        <v>0</v>
      </c>
      <c r="CV1126" s="166">
        <v>0</v>
      </c>
      <c r="CW1126" s="166">
        <v>0</v>
      </c>
      <c r="CX1126" s="166">
        <v>0</v>
      </c>
      <c r="CY1126" s="166">
        <v>0</v>
      </c>
      <c r="CZ1126" s="166">
        <v>0</v>
      </c>
    </row>
    <row r="1127" spans="1:104" x14ac:dyDescent="0.2">
      <c r="A1127" s="167" t="s">
        <v>97</v>
      </c>
      <c r="B1127" s="166">
        <v>0</v>
      </c>
      <c r="C1127" s="166">
        <v>0</v>
      </c>
      <c r="D1127" s="166">
        <v>1000</v>
      </c>
      <c r="E1127" s="166">
        <v>1000</v>
      </c>
      <c r="F1127" s="166">
        <v>1000</v>
      </c>
      <c r="G1127" s="166">
        <v>1000</v>
      </c>
      <c r="H1127" s="166">
        <v>1000</v>
      </c>
      <c r="I1127" s="166">
        <v>1000</v>
      </c>
      <c r="J1127" s="166">
        <v>1000</v>
      </c>
      <c r="K1127" s="166">
        <v>1000</v>
      </c>
      <c r="L1127" s="166">
        <v>1000</v>
      </c>
      <c r="M1127" s="166">
        <v>1000</v>
      </c>
      <c r="N1127" s="166">
        <v>1000</v>
      </c>
      <c r="O1127" s="166">
        <v>1000</v>
      </c>
      <c r="P1127" s="166">
        <v>1000</v>
      </c>
      <c r="Q1127" s="166">
        <v>1000</v>
      </c>
      <c r="R1127" s="166">
        <v>1000</v>
      </c>
      <c r="S1127" s="166">
        <v>1000</v>
      </c>
      <c r="T1127" s="166">
        <v>1000</v>
      </c>
      <c r="U1127" s="166">
        <v>1000</v>
      </c>
      <c r="V1127" s="166">
        <v>1000</v>
      </c>
      <c r="W1127" s="166">
        <v>1000</v>
      </c>
      <c r="X1127" s="166">
        <v>1000</v>
      </c>
      <c r="Y1127" s="166">
        <v>1000</v>
      </c>
      <c r="Z1127" s="166">
        <v>1000</v>
      </c>
      <c r="AA1127" s="166">
        <v>1000</v>
      </c>
      <c r="AB1127" s="166">
        <v>1000</v>
      </c>
      <c r="AC1127" s="166">
        <v>1000</v>
      </c>
      <c r="AD1127" s="166">
        <v>1000</v>
      </c>
      <c r="AE1127" s="166">
        <v>1000</v>
      </c>
      <c r="AF1127" s="166">
        <v>1000</v>
      </c>
      <c r="AG1127" s="166">
        <v>1000</v>
      </c>
      <c r="AH1127" s="166">
        <v>1000</v>
      </c>
      <c r="AI1127" s="166">
        <v>1000</v>
      </c>
      <c r="AJ1127" s="166">
        <v>1000</v>
      </c>
      <c r="AK1127" s="166">
        <v>1000</v>
      </c>
      <c r="AL1127" s="166">
        <v>1000</v>
      </c>
      <c r="AM1127" s="166">
        <v>1000</v>
      </c>
      <c r="AN1127" s="166">
        <v>1000</v>
      </c>
      <c r="AO1127" s="166">
        <v>1000</v>
      </c>
      <c r="AP1127" s="166">
        <v>1000</v>
      </c>
      <c r="AQ1127" s="166">
        <v>1000</v>
      </c>
      <c r="AR1127" s="166">
        <v>1000</v>
      </c>
      <c r="AS1127" s="166">
        <v>1000</v>
      </c>
      <c r="AT1127" s="166">
        <v>1000</v>
      </c>
      <c r="AU1127" s="166">
        <v>1000</v>
      </c>
      <c r="AV1127" s="166">
        <v>1000</v>
      </c>
      <c r="AW1127" s="166">
        <v>1000</v>
      </c>
      <c r="AX1127" s="166">
        <v>1000</v>
      </c>
      <c r="AY1127" s="166">
        <v>1000</v>
      </c>
      <c r="AZ1127" s="166">
        <v>1000</v>
      </c>
      <c r="BA1127" s="166">
        <v>1000</v>
      </c>
      <c r="BB1127" s="166">
        <v>1000</v>
      </c>
      <c r="BC1127" s="166">
        <v>1000</v>
      </c>
      <c r="BD1127" s="166">
        <v>0</v>
      </c>
      <c r="BE1127" s="166">
        <v>0</v>
      </c>
      <c r="BF1127" s="166">
        <v>0</v>
      </c>
      <c r="BG1127" s="166">
        <v>0</v>
      </c>
      <c r="BH1127" s="166">
        <v>0</v>
      </c>
      <c r="BI1127" s="166">
        <v>0</v>
      </c>
      <c r="BJ1127" s="166">
        <v>0</v>
      </c>
      <c r="BK1127" s="166">
        <v>0</v>
      </c>
      <c r="BL1127" s="166">
        <v>0</v>
      </c>
      <c r="BM1127" s="166">
        <v>0</v>
      </c>
      <c r="BN1127" s="166">
        <v>0</v>
      </c>
      <c r="BO1127" s="166">
        <v>0</v>
      </c>
      <c r="BP1127" s="166">
        <v>0</v>
      </c>
      <c r="BQ1127" s="166">
        <v>0</v>
      </c>
      <c r="BR1127" s="166">
        <v>0</v>
      </c>
      <c r="BS1127" s="166">
        <v>0</v>
      </c>
      <c r="BT1127" s="166">
        <v>0</v>
      </c>
      <c r="BU1127" s="166">
        <v>0</v>
      </c>
      <c r="BV1127" s="166">
        <v>0</v>
      </c>
      <c r="BW1127" s="166">
        <v>0</v>
      </c>
      <c r="BX1127" s="166">
        <v>0</v>
      </c>
      <c r="BY1127" s="166">
        <v>0</v>
      </c>
      <c r="BZ1127" s="166">
        <v>0</v>
      </c>
      <c r="CA1127" s="166">
        <v>0</v>
      </c>
      <c r="CB1127" s="166">
        <v>0</v>
      </c>
      <c r="CC1127" s="166">
        <v>0</v>
      </c>
      <c r="CD1127" s="166">
        <v>0</v>
      </c>
      <c r="CE1127" s="166">
        <v>0</v>
      </c>
      <c r="CF1127" s="166">
        <v>0</v>
      </c>
      <c r="CG1127" s="166">
        <v>0</v>
      </c>
      <c r="CH1127" s="166">
        <v>0</v>
      </c>
      <c r="CI1127" s="166">
        <v>0</v>
      </c>
      <c r="CJ1127" s="166">
        <v>0</v>
      </c>
      <c r="CK1127" s="166">
        <v>0</v>
      </c>
      <c r="CL1127" s="166">
        <v>0</v>
      </c>
      <c r="CM1127" s="166">
        <v>0</v>
      </c>
      <c r="CN1127" s="166">
        <v>0</v>
      </c>
      <c r="CO1127" s="166">
        <v>0</v>
      </c>
      <c r="CP1127" s="166">
        <v>0</v>
      </c>
      <c r="CQ1127" s="166">
        <v>0</v>
      </c>
      <c r="CR1127" s="166">
        <v>0</v>
      </c>
      <c r="CS1127" s="166">
        <v>0</v>
      </c>
      <c r="CT1127" s="166">
        <v>0</v>
      </c>
      <c r="CU1127" s="166">
        <v>0</v>
      </c>
      <c r="CV1127" s="166">
        <v>0</v>
      </c>
      <c r="CW1127" s="166">
        <v>0</v>
      </c>
      <c r="CX1127" s="166">
        <v>0</v>
      </c>
      <c r="CY1127" s="166">
        <v>0</v>
      </c>
      <c r="CZ1127" s="166">
        <v>0</v>
      </c>
    </row>
    <row r="1128" spans="1:104" x14ac:dyDescent="0.2">
      <c r="A1128" s="167" t="s">
        <v>98</v>
      </c>
      <c r="B1128" s="166">
        <v>0</v>
      </c>
      <c r="C1128" s="166">
        <v>0</v>
      </c>
      <c r="D1128" s="166">
        <v>1929022000</v>
      </c>
      <c r="E1128" s="166">
        <v>5069008000</v>
      </c>
      <c r="F1128" s="166">
        <v>1929029000</v>
      </c>
      <c r="G1128" s="166">
        <v>1929027000</v>
      </c>
      <c r="H1128" s="166">
        <v>5035213000</v>
      </c>
      <c r="I1128" s="166">
        <v>3569408000</v>
      </c>
      <c r="J1128" s="166">
        <v>2008017000</v>
      </c>
      <c r="K1128" s="166">
        <v>2141607000</v>
      </c>
      <c r="L1128" s="166">
        <v>4381640000</v>
      </c>
      <c r="M1128" s="166">
        <v>1929028000</v>
      </c>
      <c r="N1128" s="166">
        <v>4381636000</v>
      </c>
      <c r="O1128" s="166">
        <v>2008008000</v>
      </c>
      <c r="P1128" s="166">
        <v>2008027000</v>
      </c>
      <c r="Q1128" s="166">
        <v>4381637000</v>
      </c>
      <c r="R1128" s="166">
        <v>1929023000</v>
      </c>
      <c r="S1128" s="166">
        <v>2008025000</v>
      </c>
      <c r="T1128" s="166">
        <v>4381639000</v>
      </c>
      <c r="U1128" s="166">
        <v>1929024000</v>
      </c>
      <c r="V1128" s="166">
        <v>2115210000</v>
      </c>
      <c r="W1128" s="166">
        <v>2115211000</v>
      </c>
      <c r="X1128" s="166">
        <v>2115212000</v>
      </c>
      <c r="Y1128" s="166">
        <v>4381635000</v>
      </c>
      <c r="Z1128" s="166">
        <v>2008009000</v>
      </c>
      <c r="AA1128" s="166">
        <v>2008018000</v>
      </c>
      <c r="AB1128" s="166">
        <v>1929025000</v>
      </c>
      <c r="AC1128" s="166">
        <v>2008020000</v>
      </c>
      <c r="AD1128" s="166">
        <v>2008015000</v>
      </c>
      <c r="AE1128" s="166">
        <v>4483608000</v>
      </c>
      <c r="AF1128" s="166">
        <v>2008022000</v>
      </c>
      <c r="AG1128" s="166">
        <v>2008028000</v>
      </c>
      <c r="AH1128" s="166">
        <v>2008010000</v>
      </c>
      <c r="AI1128" s="166">
        <v>2008011000</v>
      </c>
      <c r="AJ1128" s="166">
        <v>4664408000</v>
      </c>
      <c r="AK1128" s="166">
        <v>2008023000</v>
      </c>
      <c r="AL1128" s="166">
        <v>5048229000</v>
      </c>
      <c r="AM1128" s="166">
        <v>3161028000</v>
      </c>
      <c r="AN1128" s="166">
        <v>2008012000</v>
      </c>
      <c r="AO1128" s="166">
        <v>1929026000</v>
      </c>
      <c r="AP1128" s="166">
        <v>2008024000</v>
      </c>
      <c r="AQ1128" s="166">
        <v>2008026000</v>
      </c>
      <c r="AR1128" s="166">
        <v>2008021000</v>
      </c>
      <c r="AS1128" s="166">
        <v>4381633000</v>
      </c>
      <c r="AT1128" s="166">
        <v>2008013000</v>
      </c>
      <c r="AU1128" s="166">
        <v>4381634000</v>
      </c>
      <c r="AV1128" s="166">
        <v>4381632000</v>
      </c>
      <c r="AW1128" s="166">
        <v>2008014000</v>
      </c>
      <c r="AX1128" s="166">
        <v>2008019000</v>
      </c>
      <c r="AY1128" s="166">
        <v>4328307000</v>
      </c>
      <c r="AZ1128" s="166">
        <v>2008016000</v>
      </c>
      <c r="BA1128" s="166">
        <v>3674808000</v>
      </c>
      <c r="BB1128" s="166">
        <v>4381638000</v>
      </c>
      <c r="BC1128" s="166">
        <v>3079223000</v>
      </c>
      <c r="BD1128" s="166">
        <v>0</v>
      </c>
      <c r="BE1128" s="166">
        <v>0</v>
      </c>
      <c r="BF1128" s="166">
        <v>0</v>
      </c>
      <c r="BG1128" s="166">
        <v>0</v>
      </c>
      <c r="BH1128" s="166">
        <v>0</v>
      </c>
      <c r="BI1128" s="166">
        <v>0</v>
      </c>
      <c r="BJ1128" s="166">
        <v>0</v>
      </c>
      <c r="BK1128" s="166">
        <v>0</v>
      </c>
      <c r="BL1128" s="166">
        <v>0</v>
      </c>
      <c r="BM1128" s="166">
        <v>0</v>
      </c>
      <c r="BN1128" s="166">
        <v>0</v>
      </c>
      <c r="BO1128" s="166">
        <v>0</v>
      </c>
      <c r="BP1128" s="166">
        <v>0</v>
      </c>
      <c r="BQ1128" s="166">
        <v>0</v>
      </c>
      <c r="BR1128" s="166">
        <v>0</v>
      </c>
      <c r="BS1128" s="166">
        <v>0</v>
      </c>
      <c r="BT1128" s="166">
        <v>0</v>
      </c>
      <c r="BU1128" s="166">
        <v>0</v>
      </c>
      <c r="BV1128" s="166">
        <v>0</v>
      </c>
      <c r="BW1128" s="166">
        <v>0</v>
      </c>
      <c r="BX1128" s="166">
        <v>0</v>
      </c>
      <c r="BY1128" s="166">
        <v>0</v>
      </c>
      <c r="BZ1128" s="166">
        <v>0</v>
      </c>
      <c r="CA1128" s="166">
        <v>0</v>
      </c>
      <c r="CB1128" s="166">
        <v>0</v>
      </c>
      <c r="CC1128" s="166">
        <v>0</v>
      </c>
      <c r="CD1128" s="166">
        <v>0</v>
      </c>
      <c r="CE1128" s="166">
        <v>0</v>
      </c>
      <c r="CF1128" s="166">
        <v>0</v>
      </c>
      <c r="CG1128" s="166">
        <v>0</v>
      </c>
      <c r="CH1128" s="166">
        <v>0</v>
      </c>
      <c r="CI1128" s="166">
        <v>0</v>
      </c>
      <c r="CJ1128" s="166">
        <v>0</v>
      </c>
      <c r="CK1128" s="166">
        <v>0</v>
      </c>
      <c r="CL1128" s="166">
        <v>0</v>
      </c>
      <c r="CM1128" s="166">
        <v>0</v>
      </c>
      <c r="CN1128" s="166">
        <v>0</v>
      </c>
      <c r="CO1128" s="166">
        <v>0</v>
      </c>
      <c r="CP1128" s="166">
        <v>0</v>
      </c>
      <c r="CQ1128" s="166">
        <v>0</v>
      </c>
      <c r="CR1128" s="166">
        <v>0</v>
      </c>
      <c r="CS1128" s="166">
        <v>0</v>
      </c>
      <c r="CT1128" s="166">
        <v>0</v>
      </c>
      <c r="CU1128" s="166">
        <v>0</v>
      </c>
      <c r="CV1128" s="166">
        <v>0</v>
      </c>
      <c r="CW1128" s="166">
        <v>0</v>
      </c>
      <c r="CX1128" s="166">
        <v>0</v>
      </c>
      <c r="CY1128" s="166">
        <v>0</v>
      </c>
      <c r="CZ1128" s="166">
        <v>0</v>
      </c>
    </row>
    <row r="1129" spans="1:104" x14ac:dyDescent="0.2">
      <c r="A1129" s="167" t="s">
        <v>99</v>
      </c>
      <c r="B1129" s="166">
        <v>0</v>
      </c>
      <c r="C1129" s="166">
        <v>0</v>
      </c>
      <c r="D1129" s="166">
        <v>1929025000</v>
      </c>
      <c r="E1129" s="166">
        <v>1929025000</v>
      </c>
      <c r="F1129" s="166">
        <v>1929025000</v>
      </c>
      <c r="G1129" s="166">
        <v>1929025000</v>
      </c>
      <c r="H1129" s="166">
        <v>1929025000</v>
      </c>
      <c r="I1129" s="166">
        <v>1929025000</v>
      </c>
      <c r="J1129" s="166">
        <v>1929025000</v>
      </c>
      <c r="K1129" s="166">
        <v>1929025000</v>
      </c>
      <c r="L1129" s="166">
        <v>1929025000</v>
      </c>
      <c r="M1129" s="166">
        <v>1929025000</v>
      </c>
      <c r="N1129" s="166">
        <v>1929025000</v>
      </c>
      <c r="O1129" s="166">
        <v>1929025000</v>
      </c>
      <c r="P1129" s="166">
        <v>1929025000</v>
      </c>
      <c r="Q1129" s="166">
        <v>1929025000</v>
      </c>
      <c r="R1129" s="166">
        <v>1929025000</v>
      </c>
      <c r="S1129" s="166">
        <v>1929025000</v>
      </c>
      <c r="T1129" s="166">
        <v>1929025000</v>
      </c>
      <c r="U1129" s="166">
        <v>1929025000</v>
      </c>
      <c r="V1129" s="166">
        <v>1929025000</v>
      </c>
      <c r="W1129" s="166">
        <v>1929025000</v>
      </c>
      <c r="X1129" s="166">
        <v>1929025000</v>
      </c>
      <c r="Y1129" s="166">
        <v>1929025000</v>
      </c>
      <c r="Z1129" s="166">
        <v>1929025000</v>
      </c>
      <c r="AA1129" s="166">
        <v>1929025000</v>
      </c>
      <c r="AB1129" s="166">
        <v>1929025000</v>
      </c>
      <c r="AC1129" s="166">
        <v>1929025000</v>
      </c>
      <c r="AD1129" s="166">
        <v>1929025000</v>
      </c>
      <c r="AE1129" s="166">
        <v>1929025000</v>
      </c>
      <c r="AF1129" s="166">
        <v>1929025000</v>
      </c>
      <c r="AG1129" s="166">
        <v>1929025000</v>
      </c>
      <c r="AH1129" s="166">
        <v>1929025000</v>
      </c>
      <c r="AI1129" s="166">
        <v>1929025000</v>
      </c>
      <c r="AJ1129" s="166">
        <v>1929025000</v>
      </c>
      <c r="AK1129" s="166">
        <v>1929025000</v>
      </c>
      <c r="AL1129" s="166">
        <v>1929025000</v>
      </c>
      <c r="AM1129" s="166">
        <v>1929025000</v>
      </c>
      <c r="AN1129" s="166">
        <v>1929025000</v>
      </c>
      <c r="AO1129" s="166">
        <v>1929025000</v>
      </c>
      <c r="AP1129" s="166">
        <v>1929025000</v>
      </c>
      <c r="AQ1129" s="166">
        <v>1929025000</v>
      </c>
      <c r="AR1129" s="166">
        <v>1929025000</v>
      </c>
      <c r="AS1129" s="166">
        <v>1929025000</v>
      </c>
      <c r="AT1129" s="166">
        <v>1929025000</v>
      </c>
      <c r="AU1129" s="166">
        <v>1929025000</v>
      </c>
      <c r="AV1129" s="166">
        <v>1929025000</v>
      </c>
      <c r="AW1129" s="166">
        <v>1929025000</v>
      </c>
      <c r="AX1129" s="166">
        <v>1929025000</v>
      </c>
      <c r="AY1129" s="166">
        <v>1929025000</v>
      </c>
      <c r="AZ1129" s="166">
        <v>1929025000</v>
      </c>
      <c r="BA1129" s="166">
        <v>1929025000</v>
      </c>
      <c r="BB1129" s="166">
        <v>1929025000</v>
      </c>
      <c r="BC1129" s="166">
        <v>1929025000</v>
      </c>
      <c r="BD1129" s="166">
        <v>0</v>
      </c>
      <c r="BE1129" s="166">
        <v>0</v>
      </c>
      <c r="BF1129" s="166">
        <v>0</v>
      </c>
      <c r="BG1129" s="166">
        <v>0</v>
      </c>
      <c r="BH1129" s="166">
        <v>0</v>
      </c>
      <c r="BI1129" s="166">
        <v>0</v>
      </c>
      <c r="BJ1129" s="166">
        <v>0</v>
      </c>
      <c r="BK1129" s="166">
        <v>0</v>
      </c>
      <c r="BL1129" s="166">
        <v>0</v>
      </c>
      <c r="BM1129" s="166">
        <v>0</v>
      </c>
      <c r="BN1129" s="166">
        <v>0</v>
      </c>
      <c r="BO1129" s="166">
        <v>0</v>
      </c>
      <c r="BP1129" s="166">
        <v>0</v>
      </c>
      <c r="BQ1129" s="166">
        <v>0</v>
      </c>
      <c r="BR1129" s="166">
        <v>0</v>
      </c>
      <c r="BS1129" s="166">
        <v>0</v>
      </c>
      <c r="BT1129" s="166">
        <v>0</v>
      </c>
      <c r="BU1129" s="166">
        <v>0</v>
      </c>
      <c r="BV1129" s="166">
        <v>0</v>
      </c>
      <c r="BW1129" s="166">
        <v>0</v>
      </c>
      <c r="BX1129" s="166">
        <v>0</v>
      </c>
      <c r="BY1129" s="166">
        <v>0</v>
      </c>
      <c r="BZ1129" s="166">
        <v>0</v>
      </c>
      <c r="CA1129" s="166">
        <v>0</v>
      </c>
      <c r="CB1129" s="166">
        <v>0</v>
      </c>
      <c r="CC1129" s="166">
        <v>0</v>
      </c>
      <c r="CD1129" s="166">
        <v>0</v>
      </c>
      <c r="CE1129" s="166">
        <v>0</v>
      </c>
      <c r="CF1129" s="166">
        <v>0</v>
      </c>
      <c r="CG1129" s="166">
        <v>0</v>
      </c>
      <c r="CH1129" s="166">
        <v>0</v>
      </c>
      <c r="CI1129" s="166">
        <v>0</v>
      </c>
      <c r="CJ1129" s="166">
        <v>0</v>
      </c>
      <c r="CK1129" s="166">
        <v>0</v>
      </c>
      <c r="CL1129" s="166">
        <v>0</v>
      </c>
      <c r="CM1129" s="166">
        <v>0</v>
      </c>
      <c r="CN1129" s="166">
        <v>0</v>
      </c>
      <c r="CO1129" s="166">
        <v>0</v>
      </c>
      <c r="CP1129" s="166">
        <v>0</v>
      </c>
      <c r="CQ1129" s="166">
        <v>0</v>
      </c>
      <c r="CR1129" s="166">
        <v>0</v>
      </c>
      <c r="CS1129" s="166">
        <v>0</v>
      </c>
      <c r="CT1129" s="166">
        <v>0</v>
      </c>
      <c r="CU1129" s="166">
        <v>0</v>
      </c>
      <c r="CV1129" s="166">
        <v>0</v>
      </c>
      <c r="CW1129" s="166">
        <v>0</v>
      </c>
      <c r="CX1129" s="166">
        <v>0</v>
      </c>
      <c r="CY1129" s="166">
        <v>0</v>
      </c>
      <c r="CZ1129" s="166">
        <v>0</v>
      </c>
    </row>
    <row r="1130" spans="1:104" x14ac:dyDescent="0.2">
      <c r="A1130" s="167" t="s">
        <v>100</v>
      </c>
      <c r="B1130" s="166">
        <v>0</v>
      </c>
      <c r="C1130" s="166">
        <v>0</v>
      </c>
      <c r="D1130" s="166">
        <v>1929027000</v>
      </c>
      <c r="E1130" s="166">
        <v>1929027000</v>
      </c>
      <c r="F1130" s="166">
        <v>1929027000</v>
      </c>
      <c r="G1130" s="166">
        <v>1929027000</v>
      </c>
      <c r="H1130" s="166">
        <v>1929027000</v>
      </c>
      <c r="I1130" s="166">
        <v>1929027000</v>
      </c>
      <c r="J1130" s="166">
        <v>1929027000</v>
      </c>
      <c r="K1130" s="166">
        <v>1929027000</v>
      </c>
      <c r="L1130" s="166">
        <v>1929027000</v>
      </c>
      <c r="M1130" s="166">
        <v>1929027000</v>
      </c>
      <c r="N1130" s="166">
        <v>1929027000</v>
      </c>
      <c r="O1130" s="166">
        <v>1929027000</v>
      </c>
      <c r="P1130" s="166">
        <v>1929027000</v>
      </c>
      <c r="Q1130" s="166">
        <v>1929027000</v>
      </c>
      <c r="R1130" s="166">
        <v>1929027000</v>
      </c>
      <c r="S1130" s="166">
        <v>1929027000</v>
      </c>
      <c r="T1130" s="166">
        <v>1929027000</v>
      </c>
      <c r="U1130" s="166">
        <v>1929027000</v>
      </c>
      <c r="V1130" s="166">
        <v>1929027000</v>
      </c>
      <c r="W1130" s="166">
        <v>1929027000</v>
      </c>
      <c r="X1130" s="166">
        <v>1929027000</v>
      </c>
      <c r="Y1130" s="166">
        <v>1929027000</v>
      </c>
      <c r="Z1130" s="166">
        <v>1929027000</v>
      </c>
      <c r="AA1130" s="166">
        <v>1929027000</v>
      </c>
      <c r="AB1130" s="166">
        <v>1929027000</v>
      </c>
      <c r="AC1130" s="166">
        <v>1929027000</v>
      </c>
      <c r="AD1130" s="166">
        <v>1929027000</v>
      </c>
      <c r="AE1130" s="166">
        <v>1929027000</v>
      </c>
      <c r="AF1130" s="166">
        <v>1929027000</v>
      </c>
      <c r="AG1130" s="166">
        <v>1929027000</v>
      </c>
      <c r="AH1130" s="166">
        <v>1929027000</v>
      </c>
      <c r="AI1130" s="166">
        <v>1929027000</v>
      </c>
      <c r="AJ1130" s="166">
        <v>1929027000</v>
      </c>
      <c r="AK1130" s="166">
        <v>1929027000</v>
      </c>
      <c r="AL1130" s="166">
        <v>1929027000</v>
      </c>
      <c r="AM1130" s="166">
        <v>1929027000</v>
      </c>
      <c r="AN1130" s="166">
        <v>1929027000</v>
      </c>
      <c r="AO1130" s="166">
        <v>1929027000</v>
      </c>
      <c r="AP1130" s="166">
        <v>1929027000</v>
      </c>
      <c r="AQ1130" s="166">
        <v>1929027000</v>
      </c>
      <c r="AR1130" s="166">
        <v>1929027000</v>
      </c>
      <c r="AS1130" s="166">
        <v>1929027000</v>
      </c>
      <c r="AT1130" s="166">
        <v>1929027000</v>
      </c>
      <c r="AU1130" s="166">
        <v>1929027000</v>
      </c>
      <c r="AV1130" s="166">
        <v>1929027000</v>
      </c>
      <c r="AW1130" s="166">
        <v>1929027000</v>
      </c>
      <c r="AX1130" s="166">
        <v>1929027000</v>
      </c>
      <c r="AY1130" s="166">
        <v>1929027000</v>
      </c>
      <c r="AZ1130" s="166">
        <v>1929027000</v>
      </c>
      <c r="BA1130" s="166">
        <v>1929027000</v>
      </c>
      <c r="BB1130" s="166">
        <v>1929027000</v>
      </c>
      <c r="BC1130" s="166">
        <v>1929027000</v>
      </c>
      <c r="BD1130" s="166">
        <v>0</v>
      </c>
      <c r="BE1130" s="166">
        <v>0</v>
      </c>
      <c r="BF1130" s="166">
        <v>0</v>
      </c>
      <c r="BG1130" s="166">
        <v>0</v>
      </c>
      <c r="BH1130" s="166">
        <v>0</v>
      </c>
      <c r="BI1130" s="166">
        <v>0</v>
      </c>
      <c r="BJ1130" s="166">
        <v>0</v>
      </c>
      <c r="BK1130" s="166">
        <v>0</v>
      </c>
      <c r="BL1130" s="166">
        <v>0</v>
      </c>
      <c r="BM1130" s="166">
        <v>0</v>
      </c>
      <c r="BN1130" s="166">
        <v>0</v>
      </c>
      <c r="BO1130" s="166">
        <v>0</v>
      </c>
      <c r="BP1130" s="166">
        <v>0</v>
      </c>
      <c r="BQ1130" s="166">
        <v>0</v>
      </c>
      <c r="BR1130" s="166">
        <v>0</v>
      </c>
      <c r="BS1130" s="166">
        <v>0</v>
      </c>
      <c r="BT1130" s="166">
        <v>0</v>
      </c>
      <c r="BU1130" s="166">
        <v>0</v>
      </c>
      <c r="BV1130" s="166">
        <v>0</v>
      </c>
      <c r="BW1130" s="166">
        <v>0</v>
      </c>
      <c r="BX1130" s="166">
        <v>0</v>
      </c>
      <c r="BY1130" s="166">
        <v>0</v>
      </c>
      <c r="BZ1130" s="166">
        <v>0</v>
      </c>
      <c r="CA1130" s="166">
        <v>0</v>
      </c>
      <c r="CB1130" s="166">
        <v>0</v>
      </c>
      <c r="CC1130" s="166">
        <v>0</v>
      </c>
      <c r="CD1130" s="166">
        <v>0</v>
      </c>
      <c r="CE1130" s="166">
        <v>0</v>
      </c>
      <c r="CF1130" s="166">
        <v>0</v>
      </c>
      <c r="CG1130" s="166">
        <v>0</v>
      </c>
      <c r="CH1130" s="166">
        <v>0</v>
      </c>
      <c r="CI1130" s="166">
        <v>0</v>
      </c>
      <c r="CJ1130" s="166">
        <v>0</v>
      </c>
      <c r="CK1130" s="166">
        <v>0</v>
      </c>
      <c r="CL1130" s="166">
        <v>0</v>
      </c>
      <c r="CM1130" s="166">
        <v>0</v>
      </c>
      <c r="CN1130" s="166">
        <v>0</v>
      </c>
      <c r="CO1130" s="166">
        <v>0</v>
      </c>
      <c r="CP1130" s="166">
        <v>0</v>
      </c>
      <c r="CQ1130" s="166">
        <v>0</v>
      </c>
      <c r="CR1130" s="166">
        <v>0</v>
      </c>
      <c r="CS1130" s="166">
        <v>0</v>
      </c>
      <c r="CT1130" s="166">
        <v>0</v>
      </c>
      <c r="CU1130" s="166">
        <v>0</v>
      </c>
      <c r="CV1130" s="166">
        <v>0</v>
      </c>
      <c r="CW1130" s="166">
        <v>0</v>
      </c>
      <c r="CX1130" s="166">
        <v>0</v>
      </c>
      <c r="CY1130" s="166">
        <v>0</v>
      </c>
      <c r="CZ1130" s="166">
        <v>0</v>
      </c>
    </row>
    <row r="1131" spans="1:104" x14ac:dyDescent="0.2">
      <c r="A1131" s="167" t="s">
        <v>101</v>
      </c>
      <c r="B1131" s="166">
        <v>0</v>
      </c>
      <c r="C1131" s="166">
        <v>0</v>
      </c>
      <c r="D1131" s="166">
        <v>1929023000</v>
      </c>
      <c r="E1131" s="166">
        <v>1929023000</v>
      </c>
      <c r="F1131" s="166">
        <v>1929023000</v>
      </c>
      <c r="G1131" s="166">
        <v>1929023000</v>
      </c>
      <c r="H1131" s="166">
        <v>1929023000</v>
      </c>
      <c r="I1131" s="166">
        <v>1929023000</v>
      </c>
      <c r="J1131" s="166">
        <v>1929023000</v>
      </c>
      <c r="K1131" s="166">
        <v>1929023000</v>
      </c>
      <c r="L1131" s="166">
        <v>1929023000</v>
      </c>
      <c r="M1131" s="166">
        <v>1929023000</v>
      </c>
      <c r="N1131" s="166">
        <v>1929023000</v>
      </c>
      <c r="O1131" s="166">
        <v>1929023000</v>
      </c>
      <c r="P1131" s="166">
        <v>1929023000</v>
      </c>
      <c r="Q1131" s="166">
        <v>1929023000</v>
      </c>
      <c r="R1131" s="166">
        <v>1929023000</v>
      </c>
      <c r="S1131" s="166">
        <v>1929023000</v>
      </c>
      <c r="T1131" s="166">
        <v>1929023000</v>
      </c>
      <c r="U1131" s="166">
        <v>1929023000</v>
      </c>
      <c r="V1131" s="166">
        <v>1929023000</v>
      </c>
      <c r="W1131" s="166">
        <v>1929023000</v>
      </c>
      <c r="X1131" s="166">
        <v>1929023000</v>
      </c>
      <c r="Y1131" s="166">
        <v>1929023000</v>
      </c>
      <c r="Z1131" s="166">
        <v>1929023000</v>
      </c>
      <c r="AA1131" s="166">
        <v>1929023000</v>
      </c>
      <c r="AB1131" s="166">
        <v>1929023000</v>
      </c>
      <c r="AC1131" s="166">
        <v>1929023000</v>
      </c>
      <c r="AD1131" s="166">
        <v>1929023000</v>
      </c>
      <c r="AE1131" s="166">
        <v>1929023000</v>
      </c>
      <c r="AF1131" s="166">
        <v>1929023000</v>
      </c>
      <c r="AG1131" s="166">
        <v>1929023000</v>
      </c>
      <c r="AH1131" s="166">
        <v>1929023000</v>
      </c>
      <c r="AI1131" s="166">
        <v>1929023000</v>
      </c>
      <c r="AJ1131" s="166">
        <v>1929023000</v>
      </c>
      <c r="AK1131" s="166">
        <v>1929023000</v>
      </c>
      <c r="AL1131" s="166">
        <v>1929023000</v>
      </c>
      <c r="AM1131" s="166">
        <v>1929023000</v>
      </c>
      <c r="AN1131" s="166">
        <v>1929023000</v>
      </c>
      <c r="AO1131" s="166">
        <v>1929023000</v>
      </c>
      <c r="AP1131" s="166">
        <v>1929023000</v>
      </c>
      <c r="AQ1131" s="166">
        <v>1929023000</v>
      </c>
      <c r="AR1131" s="166">
        <v>1929023000</v>
      </c>
      <c r="AS1131" s="166">
        <v>1929023000</v>
      </c>
      <c r="AT1131" s="166">
        <v>1929023000</v>
      </c>
      <c r="AU1131" s="166">
        <v>1929023000</v>
      </c>
      <c r="AV1131" s="166">
        <v>1929023000</v>
      </c>
      <c r="AW1131" s="166">
        <v>1929023000</v>
      </c>
      <c r="AX1131" s="166">
        <v>1929023000</v>
      </c>
      <c r="AY1131" s="166">
        <v>1929023000</v>
      </c>
      <c r="AZ1131" s="166">
        <v>1929023000</v>
      </c>
      <c r="BA1131" s="166">
        <v>1929023000</v>
      </c>
      <c r="BB1131" s="166">
        <v>1929023000</v>
      </c>
      <c r="BC1131" s="166">
        <v>1929023000</v>
      </c>
      <c r="BD1131" s="166">
        <v>0</v>
      </c>
      <c r="BE1131" s="166">
        <v>0</v>
      </c>
      <c r="BF1131" s="166">
        <v>0</v>
      </c>
      <c r="BG1131" s="166">
        <v>0</v>
      </c>
      <c r="BH1131" s="166">
        <v>0</v>
      </c>
      <c r="BI1131" s="166">
        <v>0</v>
      </c>
      <c r="BJ1131" s="166">
        <v>0</v>
      </c>
      <c r="BK1131" s="166">
        <v>0</v>
      </c>
      <c r="BL1131" s="166">
        <v>0</v>
      </c>
      <c r="BM1131" s="166">
        <v>0</v>
      </c>
      <c r="BN1131" s="166">
        <v>0</v>
      </c>
      <c r="BO1131" s="166">
        <v>0</v>
      </c>
      <c r="BP1131" s="166">
        <v>0</v>
      </c>
      <c r="BQ1131" s="166">
        <v>0</v>
      </c>
      <c r="BR1131" s="166">
        <v>0</v>
      </c>
      <c r="BS1131" s="166">
        <v>0</v>
      </c>
      <c r="BT1131" s="166">
        <v>0</v>
      </c>
      <c r="BU1131" s="166">
        <v>0</v>
      </c>
      <c r="BV1131" s="166">
        <v>0</v>
      </c>
      <c r="BW1131" s="166">
        <v>0</v>
      </c>
      <c r="BX1131" s="166">
        <v>0</v>
      </c>
      <c r="BY1131" s="166">
        <v>0</v>
      </c>
      <c r="BZ1131" s="166">
        <v>0</v>
      </c>
      <c r="CA1131" s="166">
        <v>0</v>
      </c>
      <c r="CB1131" s="166">
        <v>0</v>
      </c>
      <c r="CC1131" s="166">
        <v>0</v>
      </c>
      <c r="CD1131" s="166">
        <v>0</v>
      </c>
      <c r="CE1131" s="166">
        <v>0</v>
      </c>
      <c r="CF1131" s="166">
        <v>0</v>
      </c>
      <c r="CG1131" s="166">
        <v>0</v>
      </c>
      <c r="CH1131" s="166">
        <v>0</v>
      </c>
      <c r="CI1131" s="166">
        <v>0</v>
      </c>
      <c r="CJ1131" s="166">
        <v>0</v>
      </c>
      <c r="CK1131" s="166">
        <v>0</v>
      </c>
      <c r="CL1131" s="166">
        <v>0</v>
      </c>
      <c r="CM1131" s="166">
        <v>0</v>
      </c>
      <c r="CN1131" s="166">
        <v>0</v>
      </c>
      <c r="CO1131" s="166">
        <v>0</v>
      </c>
      <c r="CP1131" s="166">
        <v>0</v>
      </c>
      <c r="CQ1131" s="166">
        <v>0</v>
      </c>
      <c r="CR1131" s="166">
        <v>0</v>
      </c>
      <c r="CS1131" s="166">
        <v>0</v>
      </c>
      <c r="CT1131" s="166">
        <v>0</v>
      </c>
      <c r="CU1131" s="166">
        <v>0</v>
      </c>
      <c r="CV1131" s="166">
        <v>0</v>
      </c>
      <c r="CW1131" s="166">
        <v>0</v>
      </c>
      <c r="CX1131" s="166">
        <v>0</v>
      </c>
      <c r="CY1131" s="166">
        <v>0</v>
      </c>
      <c r="CZ1131" s="166">
        <v>0</v>
      </c>
    </row>
    <row r="1132" spans="1:104" x14ac:dyDescent="0.2">
      <c r="A1132" s="167" t="s">
        <v>102</v>
      </c>
      <c r="B1132" s="166">
        <v>0</v>
      </c>
      <c r="C1132" s="166">
        <v>0</v>
      </c>
      <c r="D1132" s="166">
        <v>1929024000</v>
      </c>
      <c r="E1132" s="166">
        <v>1929024000</v>
      </c>
      <c r="F1132" s="166">
        <v>1929024000</v>
      </c>
      <c r="G1132" s="166">
        <v>1929024000</v>
      </c>
      <c r="H1132" s="166">
        <v>1929024000</v>
      </c>
      <c r="I1132" s="166">
        <v>1929024000</v>
      </c>
      <c r="J1132" s="166">
        <v>1929024000</v>
      </c>
      <c r="K1132" s="166">
        <v>1929024000</v>
      </c>
      <c r="L1132" s="166">
        <v>1929024000</v>
      </c>
      <c r="M1132" s="166">
        <v>1929024000</v>
      </c>
      <c r="N1132" s="166">
        <v>1929024000</v>
      </c>
      <c r="O1132" s="166">
        <v>1929024000</v>
      </c>
      <c r="P1132" s="166">
        <v>1929024000</v>
      </c>
      <c r="Q1132" s="166">
        <v>1929024000</v>
      </c>
      <c r="R1132" s="166">
        <v>1929024000</v>
      </c>
      <c r="S1132" s="166">
        <v>1929024000</v>
      </c>
      <c r="T1132" s="166">
        <v>1929024000</v>
      </c>
      <c r="U1132" s="166">
        <v>1929024000</v>
      </c>
      <c r="V1132" s="166">
        <v>1929024000</v>
      </c>
      <c r="W1132" s="166">
        <v>1929024000</v>
      </c>
      <c r="X1132" s="166">
        <v>1929024000</v>
      </c>
      <c r="Y1132" s="166">
        <v>1929024000</v>
      </c>
      <c r="Z1132" s="166">
        <v>1929024000</v>
      </c>
      <c r="AA1132" s="166">
        <v>1929024000</v>
      </c>
      <c r="AB1132" s="166">
        <v>1929024000</v>
      </c>
      <c r="AC1132" s="166">
        <v>1929024000</v>
      </c>
      <c r="AD1132" s="166">
        <v>1929024000</v>
      </c>
      <c r="AE1132" s="166">
        <v>1929024000</v>
      </c>
      <c r="AF1132" s="166">
        <v>1929024000</v>
      </c>
      <c r="AG1132" s="166">
        <v>1929024000</v>
      </c>
      <c r="AH1132" s="166">
        <v>1929024000</v>
      </c>
      <c r="AI1132" s="166">
        <v>1929024000</v>
      </c>
      <c r="AJ1132" s="166">
        <v>1929024000</v>
      </c>
      <c r="AK1132" s="166">
        <v>1929024000</v>
      </c>
      <c r="AL1132" s="166">
        <v>1929024000</v>
      </c>
      <c r="AM1132" s="166">
        <v>1929024000</v>
      </c>
      <c r="AN1132" s="166">
        <v>1929024000</v>
      </c>
      <c r="AO1132" s="166">
        <v>1929024000</v>
      </c>
      <c r="AP1132" s="166">
        <v>1929024000</v>
      </c>
      <c r="AQ1132" s="166">
        <v>1929024000</v>
      </c>
      <c r="AR1132" s="166">
        <v>1929024000</v>
      </c>
      <c r="AS1132" s="166">
        <v>1929024000</v>
      </c>
      <c r="AT1132" s="166">
        <v>1929024000</v>
      </c>
      <c r="AU1132" s="166">
        <v>1929024000</v>
      </c>
      <c r="AV1132" s="166">
        <v>1929024000</v>
      </c>
      <c r="AW1132" s="166">
        <v>1929024000</v>
      </c>
      <c r="AX1132" s="166">
        <v>1929024000</v>
      </c>
      <c r="AY1132" s="166">
        <v>1929024000</v>
      </c>
      <c r="AZ1132" s="166">
        <v>1929024000</v>
      </c>
      <c r="BA1132" s="166">
        <v>1929024000</v>
      </c>
      <c r="BB1132" s="166">
        <v>1929024000</v>
      </c>
      <c r="BC1132" s="166">
        <v>1929024000</v>
      </c>
      <c r="BD1132" s="166">
        <v>0</v>
      </c>
      <c r="BE1132" s="166">
        <v>0</v>
      </c>
      <c r="BF1132" s="166">
        <v>0</v>
      </c>
      <c r="BG1132" s="166">
        <v>0</v>
      </c>
      <c r="BH1132" s="166">
        <v>0</v>
      </c>
      <c r="BI1132" s="166">
        <v>0</v>
      </c>
      <c r="BJ1132" s="166">
        <v>0</v>
      </c>
      <c r="BK1132" s="166">
        <v>0</v>
      </c>
      <c r="BL1132" s="166">
        <v>0</v>
      </c>
      <c r="BM1132" s="166">
        <v>0</v>
      </c>
      <c r="BN1132" s="166">
        <v>0</v>
      </c>
      <c r="BO1132" s="166">
        <v>0</v>
      </c>
      <c r="BP1132" s="166">
        <v>0</v>
      </c>
      <c r="BQ1132" s="166">
        <v>0</v>
      </c>
      <c r="BR1132" s="166">
        <v>0</v>
      </c>
      <c r="BS1132" s="166">
        <v>0</v>
      </c>
      <c r="BT1132" s="166">
        <v>0</v>
      </c>
      <c r="BU1132" s="166">
        <v>0</v>
      </c>
      <c r="BV1132" s="166">
        <v>0</v>
      </c>
      <c r="BW1132" s="166">
        <v>0</v>
      </c>
      <c r="BX1132" s="166">
        <v>0</v>
      </c>
      <c r="BY1132" s="166">
        <v>0</v>
      </c>
      <c r="BZ1132" s="166">
        <v>0</v>
      </c>
      <c r="CA1132" s="166">
        <v>0</v>
      </c>
      <c r="CB1132" s="166">
        <v>0</v>
      </c>
      <c r="CC1132" s="166">
        <v>0</v>
      </c>
      <c r="CD1132" s="166">
        <v>0</v>
      </c>
      <c r="CE1132" s="166">
        <v>0</v>
      </c>
      <c r="CF1132" s="166">
        <v>0</v>
      </c>
      <c r="CG1132" s="166">
        <v>0</v>
      </c>
      <c r="CH1132" s="166">
        <v>0</v>
      </c>
      <c r="CI1132" s="166">
        <v>0</v>
      </c>
      <c r="CJ1132" s="166">
        <v>0</v>
      </c>
      <c r="CK1132" s="166">
        <v>0</v>
      </c>
      <c r="CL1132" s="166">
        <v>0</v>
      </c>
      <c r="CM1132" s="166">
        <v>0</v>
      </c>
      <c r="CN1132" s="166">
        <v>0</v>
      </c>
      <c r="CO1132" s="166">
        <v>0</v>
      </c>
      <c r="CP1132" s="166">
        <v>0</v>
      </c>
      <c r="CQ1132" s="166">
        <v>0</v>
      </c>
      <c r="CR1132" s="166">
        <v>0</v>
      </c>
      <c r="CS1132" s="166">
        <v>0</v>
      </c>
      <c r="CT1132" s="166">
        <v>0</v>
      </c>
      <c r="CU1132" s="166">
        <v>0</v>
      </c>
      <c r="CV1132" s="166">
        <v>0</v>
      </c>
      <c r="CW1132" s="166">
        <v>0</v>
      </c>
      <c r="CX1132" s="166">
        <v>0</v>
      </c>
      <c r="CY1132" s="166">
        <v>0</v>
      </c>
      <c r="CZ1132" s="166">
        <v>0</v>
      </c>
    </row>
    <row r="1133" spans="1:104" x14ac:dyDescent="0.2">
      <c r="A1133" s="167" t="s">
        <v>103</v>
      </c>
      <c r="B1133" s="166">
        <v>0</v>
      </c>
      <c r="C1133" s="166">
        <v>0</v>
      </c>
      <c r="D1133" s="166">
        <v>4328307000</v>
      </c>
      <c r="E1133" s="166">
        <v>4328307000</v>
      </c>
      <c r="F1133" s="166">
        <v>4328307000</v>
      </c>
      <c r="G1133" s="166">
        <v>4328307000</v>
      </c>
      <c r="H1133" s="166">
        <v>4328307000</v>
      </c>
      <c r="I1133" s="166">
        <v>4328307000</v>
      </c>
      <c r="J1133" s="166">
        <v>4328307000</v>
      </c>
      <c r="K1133" s="166">
        <v>4328307000</v>
      </c>
      <c r="L1133" s="166">
        <v>4328307000</v>
      </c>
      <c r="M1133" s="166">
        <v>4328307000</v>
      </c>
      <c r="N1133" s="166">
        <v>4328307000</v>
      </c>
      <c r="O1133" s="166">
        <v>4328307000</v>
      </c>
      <c r="P1133" s="166">
        <v>4328307000</v>
      </c>
      <c r="Q1133" s="166">
        <v>4328307000</v>
      </c>
      <c r="R1133" s="166">
        <v>4328307000</v>
      </c>
      <c r="S1133" s="166">
        <v>4328307000</v>
      </c>
      <c r="T1133" s="166">
        <v>4328307000</v>
      </c>
      <c r="U1133" s="166">
        <v>4328307000</v>
      </c>
      <c r="V1133" s="166">
        <v>4328307000</v>
      </c>
      <c r="W1133" s="166">
        <v>4328307000</v>
      </c>
      <c r="X1133" s="166">
        <v>4328307000</v>
      </c>
      <c r="Y1133" s="166">
        <v>4328307000</v>
      </c>
      <c r="Z1133" s="166">
        <v>4328307000</v>
      </c>
      <c r="AA1133" s="166">
        <v>4328307000</v>
      </c>
      <c r="AB1133" s="166">
        <v>4328307000</v>
      </c>
      <c r="AC1133" s="166">
        <v>4328307000</v>
      </c>
      <c r="AD1133" s="166">
        <v>4328307000</v>
      </c>
      <c r="AE1133" s="166">
        <v>4328307000</v>
      </c>
      <c r="AF1133" s="166">
        <v>4328307000</v>
      </c>
      <c r="AG1133" s="166">
        <v>4328307000</v>
      </c>
      <c r="AH1133" s="166">
        <v>4328307000</v>
      </c>
      <c r="AI1133" s="166">
        <v>4328307000</v>
      </c>
      <c r="AJ1133" s="166">
        <v>4328307000</v>
      </c>
      <c r="AK1133" s="166">
        <v>4328307000</v>
      </c>
      <c r="AL1133" s="166">
        <v>4328307000</v>
      </c>
      <c r="AM1133" s="166">
        <v>4328307000</v>
      </c>
      <c r="AN1133" s="166">
        <v>4328307000</v>
      </c>
      <c r="AO1133" s="166">
        <v>4328307000</v>
      </c>
      <c r="AP1133" s="166">
        <v>4328307000</v>
      </c>
      <c r="AQ1133" s="166">
        <v>4328307000</v>
      </c>
      <c r="AR1133" s="166">
        <v>4328307000</v>
      </c>
      <c r="AS1133" s="166">
        <v>4328307000</v>
      </c>
      <c r="AT1133" s="166">
        <v>4328307000</v>
      </c>
      <c r="AU1133" s="166">
        <v>4328307000</v>
      </c>
      <c r="AV1133" s="166">
        <v>4328307000</v>
      </c>
      <c r="AW1133" s="166">
        <v>4328307000</v>
      </c>
      <c r="AX1133" s="166">
        <v>4328307000</v>
      </c>
      <c r="AY1133" s="166">
        <v>4328307000</v>
      </c>
      <c r="AZ1133" s="166">
        <v>4328307000</v>
      </c>
      <c r="BA1133" s="166">
        <v>4328307000</v>
      </c>
      <c r="BB1133" s="166">
        <v>4328307000</v>
      </c>
      <c r="BC1133" s="166">
        <v>4328307000</v>
      </c>
      <c r="BD1133" s="166">
        <v>0</v>
      </c>
      <c r="BE1133" s="166">
        <v>0</v>
      </c>
      <c r="BF1133" s="166">
        <v>0</v>
      </c>
      <c r="BG1133" s="166">
        <v>0</v>
      </c>
      <c r="BH1133" s="166">
        <v>0</v>
      </c>
      <c r="BI1133" s="166">
        <v>0</v>
      </c>
      <c r="BJ1133" s="166">
        <v>0</v>
      </c>
      <c r="BK1133" s="166">
        <v>0</v>
      </c>
      <c r="BL1133" s="166">
        <v>0</v>
      </c>
      <c r="BM1133" s="166">
        <v>0</v>
      </c>
      <c r="BN1133" s="166">
        <v>0</v>
      </c>
      <c r="BO1133" s="166">
        <v>0</v>
      </c>
      <c r="BP1133" s="166">
        <v>0</v>
      </c>
      <c r="BQ1133" s="166">
        <v>0</v>
      </c>
      <c r="BR1133" s="166">
        <v>0</v>
      </c>
      <c r="BS1133" s="166">
        <v>0</v>
      </c>
      <c r="BT1133" s="166">
        <v>0</v>
      </c>
      <c r="BU1133" s="166">
        <v>0</v>
      </c>
      <c r="BV1133" s="166">
        <v>0</v>
      </c>
      <c r="BW1133" s="166">
        <v>0</v>
      </c>
      <c r="BX1133" s="166">
        <v>0</v>
      </c>
      <c r="BY1133" s="166">
        <v>0</v>
      </c>
      <c r="BZ1133" s="166">
        <v>0</v>
      </c>
      <c r="CA1133" s="166">
        <v>0</v>
      </c>
      <c r="CB1133" s="166">
        <v>0</v>
      </c>
      <c r="CC1133" s="166">
        <v>0</v>
      </c>
      <c r="CD1133" s="166">
        <v>0</v>
      </c>
      <c r="CE1133" s="166">
        <v>0</v>
      </c>
      <c r="CF1133" s="166">
        <v>0</v>
      </c>
      <c r="CG1133" s="166">
        <v>0</v>
      </c>
      <c r="CH1133" s="166">
        <v>0</v>
      </c>
      <c r="CI1133" s="166">
        <v>0</v>
      </c>
      <c r="CJ1133" s="166">
        <v>0</v>
      </c>
      <c r="CK1133" s="166">
        <v>0</v>
      </c>
      <c r="CL1133" s="166">
        <v>0</v>
      </c>
      <c r="CM1133" s="166">
        <v>0</v>
      </c>
      <c r="CN1133" s="166">
        <v>0</v>
      </c>
      <c r="CO1133" s="166">
        <v>0</v>
      </c>
      <c r="CP1133" s="166">
        <v>0</v>
      </c>
      <c r="CQ1133" s="166">
        <v>0</v>
      </c>
      <c r="CR1133" s="166">
        <v>0</v>
      </c>
      <c r="CS1133" s="166">
        <v>0</v>
      </c>
      <c r="CT1133" s="166">
        <v>0</v>
      </c>
      <c r="CU1133" s="166">
        <v>0</v>
      </c>
      <c r="CV1133" s="166">
        <v>0</v>
      </c>
      <c r="CW1133" s="166">
        <v>0</v>
      </c>
      <c r="CX1133" s="166">
        <v>0</v>
      </c>
      <c r="CY1133" s="166">
        <v>0</v>
      </c>
      <c r="CZ1133" s="166">
        <v>0</v>
      </c>
    </row>
    <row r="1134" spans="1:104" x14ac:dyDescent="0.2">
      <c r="A1134" s="167" t="s">
        <v>104</v>
      </c>
      <c r="B1134" s="166">
        <v>0</v>
      </c>
      <c r="C1134" s="166">
        <v>0</v>
      </c>
      <c r="D1134" s="166">
        <v>0</v>
      </c>
      <c r="E1134" s="166">
        <v>0</v>
      </c>
      <c r="F1134" s="166">
        <v>0</v>
      </c>
      <c r="G1134" s="166">
        <v>0</v>
      </c>
      <c r="H1134" s="166">
        <v>0</v>
      </c>
      <c r="I1134" s="166">
        <v>0</v>
      </c>
      <c r="J1134" s="166">
        <v>0</v>
      </c>
      <c r="K1134" s="166">
        <v>0</v>
      </c>
      <c r="L1134" s="166">
        <v>0</v>
      </c>
      <c r="M1134" s="166">
        <v>0</v>
      </c>
      <c r="N1134" s="166">
        <v>0</v>
      </c>
      <c r="O1134" s="166">
        <v>0</v>
      </c>
      <c r="P1134" s="166">
        <v>0</v>
      </c>
      <c r="Q1134" s="166">
        <v>0</v>
      </c>
      <c r="R1134" s="166">
        <v>0</v>
      </c>
      <c r="S1134" s="166">
        <v>0</v>
      </c>
      <c r="T1134" s="166">
        <v>0</v>
      </c>
      <c r="U1134" s="166">
        <v>0</v>
      </c>
      <c r="V1134" s="166">
        <v>0</v>
      </c>
      <c r="W1134" s="166">
        <v>0</v>
      </c>
      <c r="X1134" s="166">
        <v>0</v>
      </c>
      <c r="Y1134" s="166">
        <v>0</v>
      </c>
      <c r="Z1134" s="166">
        <v>0</v>
      </c>
      <c r="AA1134" s="166">
        <v>0</v>
      </c>
      <c r="AB1134" s="166">
        <v>1000</v>
      </c>
      <c r="AC1134" s="166">
        <v>0</v>
      </c>
      <c r="AD1134" s="166">
        <v>0</v>
      </c>
      <c r="AE1134" s="166">
        <v>0</v>
      </c>
      <c r="AF1134" s="166">
        <v>0</v>
      </c>
      <c r="AG1134" s="166">
        <v>0</v>
      </c>
      <c r="AH1134" s="166">
        <v>0</v>
      </c>
      <c r="AI1134" s="166">
        <v>0</v>
      </c>
      <c r="AJ1134" s="166">
        <v>0</v>
      </c>
      <c r="AK1134" s="166">
        <v>0</v>
      </c>
      <c r="AL1134" s="166">
        <v>0</v>
      </c>
      <c r="AM1134" s="166">
        <v>0</v>
      </c>
      <c r="AN1134" s="166">
        <v>0</v>
      </c>
      <c r="AO1134" s="166">
        <v>0</v>
      </c>
      <c r="AP1134" s="166">
        <v>0</v>
      </c>
      <c r="AQ1134" s="166">
        <v>0</v>
      </c>
      <c r="AR1134" s="166">
        <v>0</v>
      </c>
      <c r="AS1134" s="166">
        <v>0</v>
      </c>
      <c r="AT1134" s="166">
        <v>0</v>
      </c>
      <c r="AU1134" s="166">
        <v>0</v>
      </c>
      <c r="AV1134" s="166">
        <v>0</v>
      </c>
      <c r="AW1134" s="166">
        <v>0</v>
      </c>
      <c r="AX1134" s="166">
        <v>0</v>
      </c>
      <c r="AY1134" s="166">
        <v>0</v>
      </c>
      <c r="AZ1134" s="166">
        <v>0</v>
      </c>
      <c r="BA1134" s="166">
        <v>0</v>
      </c>
      <c r="BB1134" s="166">
        <v>0</v>
      </c>
      <c r="BC1134" s="166">
        <v>0</v>
      </c>
      <c r="BD1134" s="166">
        <v>0</v>
      </c>
      <c r="BE1134" s="166">
        <v>0</v>
      </c>
      <c r="BF1134" s="166">
        <v>0</v>
      </c>
      <c r="BG1134" s="166">
        <v>0</v>
      </c>
      <c r="BH1134" s="166">
        <v>0</v>
      </c>
      <c r="BI1134" s="166">
        <v>0</v>
      </c>
      <c r="BJ1134" s="166">
        <v>0</v>
      </c>
      <c r="BK1134" s="166">
        <v>0</v>
      </c>
      <c r="BL1134" s="166">
        <v>0</v>
      </c>
      <c r="BM1134" s="166">
        <v>0</v>
      </c>
      <c r="BN1134" s="166">
        <v>0</v>
      </c>
      <c r="BO1134" s="166">
        <v>0</v>
      </c>
      <c r="BP1134" s="166">
        <v>0</v>
      </c>
      <c r="BQ1134" s="166">
        <v>0</v>
      </c>
      <c r="BR1134" s="166">
        <v>0</v>
      </c>
      <c r="BS1134" s="166">
        <v>0</v>
      </c>
      <c r="BT1134" s="166">
        <v>0</v>
      </c>
      <c r="BU1134" s="166">
        <v>0</v>
      </c>
      <c r="BV1134" s="166">
        <v>0</v>
      </c>
      <c r="BW1134" s="166">
        <v>0</v>
      </c>
      <c r="BX1134" s="166">
        <v>0</v>
      </c>
      <c r="BY1134" s="166">
        <v>0</v>
      </c>
      <c r="BZ1134" s="166">
        <v>0</v>
      </c>
      <c r="CA1134" s="166">
        <v>0</v>
      </c>
      <c r="CB1134" s="166">
        <v>0</v>
      </c>
      <c r="CC1134" s="166">
        <v>0</v>
      </c>
      <c r="CD1134" s="166">
        <v>0</v>
      </c>
      <c r="CE1134" s="166">
        <v>0</v>
      </c>
      <c r="CF1134" s="166">
        <v>0</v>
      </c>
      <c r="CG1134" s="166">
        <v>0</v>
      </c>
      <c r="CH1134" s="166">
        <v>0</v>
      </c>
      <c r="CI1134" s="166">
        <v>0</v>
      </c>
      <c r="CJ1134" s="166">
        <v>0</v>
      </c>
      <c r="CK1134" s="166">
        <v>0</v>
      </c>
      <c r="CL1134" s="166">
        <v>0</v>
      </c>
      <c r="CM1134" s="166">
        <v>0</v>
      </c>
      <c r="CN1134" s="166">
        <v>0</v>
      </c>
      <c r="CO1134" s="166">
        <v>0</v>
      </c>
      <c r="CP1134" s="166">
        <v>0</v>
      </c>
      <c r="CQ1134" s="166">
        <v>0</v>
      </c>
      <c r="CR1134" s="166">
        <v>0</v>
      </c>
      <c r="CS1134" s="166">
        <v>0</v>
      </c>
      <c r="CT1134" s="166">
        <v>0</v>
      </c>
      <c r="CU1134" s="166">
        <v>0</v>
      </c>
      <c r="CV1134" s="166">
        <v>0</v>
      </c>
      <c r="CW1134" s="166">
        <v>0</v>
      </c>
      <c r="CX1134" s="166">
        <v>0</v>
      </c>
      <c r="CY1134" s="166">
        <v>0</v>
      </c>
      <c r="CZ1134" s="166">
        <v>0</v>
      </c>
    </row>
    <row r="1135" spans="1:104" x14ac:dyDescent="0.2">
      <c r="A1135" s="167" t="s">
        <v>105</v>
      </c>
      <c r="B1135" s="166">
        <v>0</v>
      </c>
      <c r="C1135" s="166">
        <v>0</v>
      </c>
      <c r="D1135" s="166">
        <v>0</v>
      </c>
      <c r="E1135" s="166">
        <v>0</v>
      </c>
      <c r="F1135" s="166">
        <v>0</v>
      </c>
      <c r="G1135" s="166">
        <v>1000</v>
      </c>
      <c r="H1135" s="166">
        <v>0</v>
      </c>
      <c r="I1135" s="166">
        <v>0</v>
      </c>
      <c r="J1135" s="166">
        <v>0</v>
      </c>
      <c r="K1135" s="166">
        <v>0</v>
      </c>
      <c r="L1135" s="166">
        <v>0</v>
      </c>
      <c r="M1135" s="166">
        <v>0</v>
      </c>
      <c r="N1135" s="166">
        <v>0</v>
      </c>
      <c r="O1135" s="166">
        <v>0</v>
      </c>
      <c r="P1135" s="166">
        <v>0</v>
      </c>
      <c r="Q1135" s="166">
        <v>0</v>
      </c>
      <c r="R1135" s="166">
        <v>0</v>
      </c>
      <c r="S1135" s="166">
        <v>0</v>
      </c>
      <c r="T1135" s="166">
        <v>0</v>
      </c>
      <c r="U1135" s="166">
        <v>0</v>
      </c>
      <c r="V1135" s="166">
        <v>0</v>
      </c>
      <c r="W1135" s="166">
        <v>0</v>
      </c>
      <c r="X1135" s="166">
        <v>0</v>
      </c>
      <c r="Y1135" s="166">
        <v>0</v>
      </c>
      <c r="Z1135" s="166">
        <v>0</v>
      </c>
      <c r="AA1135" s="166">
        <v>0</v>
      </c>
      <c r="AB1135" s="166">
        <v>0</v>
      </c>
      <c r="AC1135" s="166">
        <v>0</v>
      </c>
      <c r="AD1135" s="166">
        <v>0</v>
      </c>
      <c r="AE1135" s="166">
        <v>0</v>
      </c>
      <c r="AF1135" s="166">
        <v>0</v>
      </c>
      <c r="AG1135" s="166">
        <v>0</v>
      </c>
      <c r="AH1135" s="166">
        <v>0</v>
      </c>
      <c r="AI1135" s="166">
        <v>0</v>
      </c>
      <c r="AJ1135" s="166">
        <v>0</v>
      </c>
      <c r="AK1135" s="166">
        <v>0</v>
      </c>
      <c r="AL1135" s="166">
        <v>0</v>
      </c>
      <c r="AM1135" s="166">
        <v>0</v>
      </c>
      <c r="AN1135" s="166">
        <v>0</v>
      </c>
      <c r="AO1135" s="166">
        <v>0</v>
      </c>
      <c r="AP1135" s="166">
        <v>0</v>
      </c>
      <c r="AQ1135" s="166">
        <v>0</v>
      </c>
      <c r="AR1135" s="166">
        <v>0</v>
      </c>
      <c r="AS1135" s="166">
        <v>0</v>
      </c>
      <c r="AT1135" s="166">
        <v>0</v>
      </c>
      <c r="AU1135" s="166">
        <v>0</v>
      </c>
      <c r="AV1135" s="166">
        <v>0</v>
      </c>
      <c r="AW1135" s="166">
        <v>0</v>
      </c>
      <c r="AX1135" s="166">
        <v>0</v>
      </c>
      <c r="AY1135" s="166">
        <v>0</v>
      </c>
      <c r="AZ1135" s="166">
        <v>0</v>
      </c>
      <c r="BA1135" s="166">
        <v>0</v>
      </c>
      <c r="BB1135" s="166">
        <v>0</v>
      </c>
      <c r="BC1135" s="166">
        <v>0</v>
      </c>
      <c r="BD1135" s="166">
        <v>0</v>
      </c>
      <c r="BE1135" s="166">
        <v>0</v>
      </c>
      <c r="BF1135" s="166">
        <v>0</v>
      </c>
      <c r="BG1135" s="166">
        <v>0</v>
      </c>
      <c r="BH1135" s="166">
        <v>0</v>
      </c>
      <c r="BI1135" s="166">
        <v>0</v>
      </c>
      <c r="BJ1135" s="166">
        <v>0</v>
      </c>
      <c r="BK1135" s="166">
        <v>0</v>
      </c>
      <c r="BL1135" s="166">
        <v>0</v>
      </c>
      <c r="BM1135" s="166">
        <v>0</v>
      </c>
      <c r="BN1135" s="166">
        <v>0</v>
      </c>
      <c r="BO1135" s="166">
        <v>0</v>
      </c>
      <c r="BP1135" s="166">
        <v>0</v>
      </c>
      <c r="BQ1135" s="166">
        <v>0</v>
      </c>
      <c r="BR1135" s="166">
        <v>0</v>
      </c>
      <c r="BS1135" s="166">
        <v>0</v>
      </c>
      <c r="BT1135" s="166">
        <v>0</v>
      </c>
      <c r="BU1135" s="166">
        <v>0</v>
      </c>
      <c r="BV1135" s="166">
        <v>0</v>
      </c>
      <c r="BW1135" s="166">
        <v>0</v>
      </c>
      <c r="BX1135" s="166">
        <v>0</v>
      </c>
      <c r="BY1135" s="166">
        <v>0</v>
      </c>
      <c r="BZ1135" s="166">
        <v>0</v>
      </c>
      <c r="CA1135" s="166">
        <v>0</v>
      </c>
      <c r="CB1135" s="166">
        <v>0</v>
      </c>
      <c r="CC1135" s="166">
        <v>0</v>
      </c>
      <c r="CD1135" s="166">
        <v>0</v>
      </c>
      <c r="CE1135" s="166">
        <v>0</v>
      </c>
      <c r="CF1135" s="166">
        <v>0</v>
      </c>
      <c r="CG1135" s="166">
        <v>0</v>
      </c>
      <c r="CH1135" s="166">
        <v>0</v>
      </c>
      <c r="CI1135" s="166">
        <v>0</v>
      </c>
      <c r="CJ1135" s="166">
        <v>0</v>
      </c>
      <c r="CK1135" s="166">
        <v>0</v>
      </c>
      <c r="CL1135" s="166">
        <v>0</v>
      </c>
      <c r="CM1135" s="166">
        <v>0</v>
      </c>
      <c r="CN1135" s="166">
        <v>0</v>
      </c>
      <c r="CO1135" s="166">
        <v>0</v>
      </c>
      <c r="CP1135" s="166">
        <v>0</v>
      </c>
      <c r="CQ1135" s="166">
        <v>0</v>
      </c>
      <c r="CR1135" s="166">
        <v>0</v>
      </c>
      <c r="CS1135" s="166">
        <v>0</v>
      </c>
      <c r="CT1135" s="166">
        <v>0</v>
      </c>
      <c r="CU1135" s="166">
        <v>0</v>
      </c>
      <c r="CV1135" s="166">
        <v>0</v>
      </c>
      <c r="CW1135" s="166">
        <v>0</v>
      </c>
      <c r="CX1135" s="166">
        <v>0</v>
      </c>
      <c r="CY1135" s="166">
        <v>0</v>
      </c>
      <c r="CZ1135" s="166">
        <v>0</v>
      </c>
    </row>
    <row r="1136" spans="1:104" x14ac:dyDescent="0.2">
      <c r="A1136" s="167" t="s">
        <v>106</v>
      </c>
      <c r="B1136" s="166">
        <v>0</v>
      </c>
      <c r="C1136" s="166">
        <v>0</v>
      </c>
      <c r="D1136" s="166">
        <v>0</v>
      </c>
      <c r="E1136" s="166">
        <v>0</v>
      </c>
      <c r="F1136" s="166">
        <v>0</v>
      </c>
      <c r="G1136" s="166">
        <v>0</v>
      </c>
      <c r="H1136" s="166">
        <v>0</v>
      </c>
      <c r="I1136" s="166">
        <v>0</v>
      </c>
      <c r="J1136" s="166">
        <v>0</v>
      </c>
      <c r="K1136" s="166">
        <v>0</v>
      </c>
      <c r="L1136" s="166">
        <v>0</v>
      </c>
      <c r="M1136" s="166">
        <v>0</v>
      </c>
      <c r="N1136" s="166">
        <v>0</v>
      </c>
      <c r="O1136" s="166">
        <v>0</v>
      </c>
      <c r="P1136" s="166">
        <v>0</v>
      </c>
      <c r="Q1136" s="166">
        <v>0</v>
      </c>
      <c r="R1136" s="166">
        <v>1000</v>
      </c>
      <c r="S1136" s="166">
        <v>0</v>
      </c>
      <c r="T1136" s="166">
        <v>0</v>
      </c>
      <c r="U1136" s="166">
        <v>0</v>
      </c>
      <c r="V1136" s="166">
        <v>0</v>
      </c>
      <c r="W1136" s="166">
        <v>0</v>
      </c>
      <c r="X1136" s="166">
        <v>0</v>
      </c>
      <c r="Y1136" s="166">
        <v>0</v>
      </c>
      <c r="Z1136" s="166">
        <v>0</v>
      </c>
      <c r="AA1136" s="166">
        <v>0</v>
      </c>
      <c r="AB1136" s="166">
        <v>0</v>
      </c>
      <c r="AC1136" s="166">
        <v>0</v>
      </c>
      <c r="AD1136" s="166">
        <v>0</v>
      </c>
      <c r="AE1136" s="166">
        <v>0</v>
      </c>
      <c r="AF1136" s="166">
        <v>0</v>
      </c>
      <c r="AG1136" s="166">
        <v>0</v>
      </c>
      <c r="AH1136" s="166">
        <v>0</v>
      </c>
      <c r="AI1136" s="166">
        <v>0</v>
      </c>
      <c r="AJ1136" s="166">
        <v>0</v>
      </c>
      <c r="AK1136" s="166">
        <v>0</v>
      </c>
      <c r="AL1136" s="166">
        <v>0</v>
      </c>
      <c r="AM1136" s="166">
        <v>0</v>
      </c>
      <c r="AN1136" s="166">
        <v>0</v>
      </c>
      <c r="AO1136" s="166">
        <v>0</v>
      </c>
      <c r="AP1136" s="166">
        <v>0</v>
      </c>
      <c r="AQ1136" s="166">
        <v>0</v>
      </c>
      <c r="AR1136" s="166">
        <v>0</v>
      </c>
      <c r="AS1136" s="166">
        <v>0</v>
      </c>
      <c r="AT1136" s="166">
        <v>0</v>
      </c>
      <c r="AU1136" s="166">
        <v>0</v>
      </c>
      <c r="AV1136" s="166">
        <v>0</v>
      </c>
      <c r="AW1136" s="166">
        <v>0</v>
      </c>
      <c r="AX1136" s="166">
        <v>0</v>
      </c>
      <c r="AY1136" s="166">
        <v>0</v>
      </c>
      <c r="AZ1136" s="166">
        <v>0</v>
      </c>
      <c r="BA1136" s="166">
        <v>0</v>
      </c>
      <c r="BB1136" s="166">
        <v>0</v>
      </c>
      <c r="BC1136" s="166">
        <v>0</v>
      </c>
      <c r="BD1136" s="166">
        <v>0</v>
      </c>
      <c r="BE1136" s="166">
        <v>0</v>
      </c>
      <c r="BF1136" s="166">
        <v>0</v>
      </c>
      <c r="BG1136" s="166">
        <v>0</v>
      </c>
      <c r="BH1136" s="166">
        <v>0</v>
      </c>
      <c r="BI1136" s="166">
        <v>0</v>
      </c>
      <c r="BJ1136" s="166">
        <v>0</v>
      </c>
      <c r="BK1136" s="166">
        <v>0</v>
      </c>
      <c r="BL1136" s="166">
        <v>0</v>
      </c>
      <c r="BM1136" s="166">
        <v>0</v>
      </c>
      <c r="BN1136" s="166">
        <v>0</v>
      </c>
      <c r="BO1136" s="166">
        <v>0</v>
      </c>
      <c r="BP1136" s="166">
        <v>0</v>
      </c>
      <c r="BQ1136" s="166">
        <v>0</v>
      </c>
      <c r="BR1136" s="166">
        <v>0</v>
      </c>
      <c r="BS1136" s="166">
        <v>0</v>
      </c>
      <c r="BT1136" s="166">
        <v>0</v>
      </c>
      <c r="BU1136" s="166">
        <v>0</v>
      </c>
      <c r="BV1136" s="166">
        <v>0</v>
      </c>
      <c r="BW1136" s="166">
        <v>0</v>
      </c>
      <c r="BX1136" s="166">
        <v>0</v>
      </c>
      <c r="BY1136" s="166">
        <v>0</v>
      </c>
      <c r="BZ1136" s="166">
        <v>0</v>
      </c>
      <c r="CA1136" s="166">
        <v>0</v>
      </c>
      <c r="CB1136" s="166">
        <v>0</v>
      </c>
      <c r="CC1136" s="166">
        <v>0</v>
      </c>
      <c r="CD1136" s="166">
        <v>0</v>
      </c>
      <c r="CE1136" s="166">
        <v>0</v>
      </c>
      <c r="CF1136" s="166">
        <v>0</v>
      </c>
      <c r="CG1136" s="166">
        <v>0</v>
      </c>
      <c r="CH1136" s="166">
        <v>0</v>
      </c>
      <c r="CI1136" s="166">
        <v>0</v>
      </c>
      <c r="CJ1136" s="166">
        <v>0</v>
      </c>
      <c r="CK1136" s="166">
        <v>0</v>
      </c>
      <c r="CL1136" s="166">
        <v>0</v>
      </c>
      <c r="CM1136" s="166">
        <v>0</v>
      </c>
      <c r="CN1136" s="166">
        <v>0</v>
      </c>
      <c r="CO1136" s="166">
        <v>0</v>
      </c>
      <c r="CP1136" s="166">
        <v>0</v>
      </c>
      <c r="CQ1136" s="166">
        <v>0</v>
      </c>
      <c r="CR1136" s="166">
        <v>0</v>
      </c>
      <c r="CS1136" s="166">
        <v>0</v>
      </c>
      <c r="CT1136" s="166">
        <v>0</v>
      </c>
      <c r="CU1136" s="166">
        <v>0</v>
      </c>
      <c r="CV1136" s="166">
        <v>0</v>
      </c>
      <c r="CW1136" s="166">
        <v>0</v>
      </c>
      <c r="CX1136" s="166">
        <v>0</v>
      </c>
      <c r="CY1136" s="166">
        <v>0</v>
      </c>
      <c r="CZ1136" s="166">
        <v>0</v>
      </c>
    </row>
    <row r="1137" spans="1:104" x14ac:dyDescent="0.2">
      <c r="A1137" s="167" t="s">
        <v>107</v>
      </c>
      <c r="B1137" s="166">
        <v>0</v>
      </c>
      <c r="C1137" s="166">
        <v>0</v>
      </c>
      <c r="D1137" s="166">
        <v>0</v>
      </c>
      <c r="E1137" s="166">
        <v>0</v>
      </c>
      <c r="F1137" s="166">
        <v>0</v>
      </c>
      <c r="G1137" s="166">
        <v>0</v>
      </c>
      <c r="H1137" s="166">
        <v>0</v>
      </c>
      <c r="I1137" s="166">
        <v>0</v>
      </c>
      <c r="J1137" s="166">
        <v>0</v>
      </c>
      <c r="K1137" s="166">
        <v>0</v>
      </c>
      <c r="L1137" s="166">
        <v>0</v>
      </c>
      <c r="M1137" s="166">
        <v>0</v>
      </c>
      <c r="N1137" s="166">
        <v>0</v>
      </c>
      <c r="O1137" s="166">
        <v>0</v>
      </c>
      <c r="P1137" s="166">
        <v>0</v>
      </c>
      <c r="Q1137" s="166">
        <v>0</v>
      </c>
      <c r="R1137" s="166">
        <v>0</v>
      </c>
      <c r="S1137" s="166">
        <v>0</v>
      </c>
      <c r="T1137" s="166">
        <v>0</v>
      </c>
      <c r="U1137" s="166">
        <v>1000</v>
      </c>
      <c r="V1137" s="166">
        <v>0</v>
      </c>
      <c r="W1137" s="166">
        <v>0</v>
      </c>
      <c r="X1137" s="166">
        <v>0</v>
      </c>
      <c r="Y1137" s="166">
        <v>0</v>
      </c>
      <c r="Z1137" s="166">
        <v>0</v>
      </c>
      <c r="AA1137" s="166">
        <v>0</v>
      </c>
      <c r="AB1137" s="166">
        <v>0</v>
      </c>
      <c r="AC1137" s="166">
        <v>0</v>
      </c>
      <c r="AD1137" s="166">
        <v>0</v>
      </c>
      <c r="AE1137" s="166">
        <v>0</v>
      </c>
      <c r="AF1137" s="166">
        <v>0</v>
      </c>
      <c r="AG1137" s="166">
        <v>0</v>
      </c>
      <c r="AH1137" s="166">
        <v>0</v>
      </c>
      <c r="AI1137" s="166">
        <v>0</v>
      </c>
      <c r="AJ1137" s="166">
        <v>0</v>
      </c>
      <c r="AK1137" s="166">
        <v>0</v>
      </c>
      <c r="AL1137" s="166">
        <v>0</v>
      </c>
      <c r="AM1137" s="166">
        <v>0</v>
      </c>
      <c r="AN1137" s="166">
        <v>0</v>
      </c>
      <c r="AO1137" s="166">
        <v>0</v>
      </c>
      <c r="AP1137" s="166">
        <v>0</v>
      </c>
      <c r="AQ1137" s="166">
        <v>0</v>
      </c>
      <c r="AR1137" s="166">
        <v>0</v>
      </c>
      <c r="AS1137" s="166">
        <v>0</v>
      </c>
      <c r="AT1137" s="166">
        <v>0</v>
      </c>
      <c r="AU1137" s="166">
        <v>0</v>
      </c>
      <c r="AV1137" s="166">
        <v>0</v>
      </c>
      <c r="AW1137" s="166">
        <v>0</v>
      </c>
      <c r="AX1137" s="166">
        <v>0</v>
      </c>
      <c r="AY1137" s="166">
        <v>0</v>
      </c>
      <c r="AZ1137" s="166">
        <v>0</v>
      </c>
      <c r="BA1137" s="166">
        <v>0</v>
      </c>
      <c r="BB1137" s="166">
        <v>0</v>
      </c>
      <c r="BC1137" s="166">
        <v>0</v>
      </c>
      <c r="BD1137" s="166">
        <v>0</v>
      </c>
      <c r="BE1137" s="166">
        <v>0</v>
      </c>
      <c r="BF1137" s="166">
        <v>0</v>
      </c>
      <c r="BG1137" s="166">
        <v>0</v>
      </c>
      <c r="BH1137" s="166">
        <v>0</v>
      </c>
      <c r="BI1137" s="166">
        <v>0</v>
      </c>
      <c r="BJ1137" s="166">
        <v>0</v>
      </c>
      <c r="BK1137" s="166">
        <v>0</v>
      </c>
      <c r="BL1137" s="166">
        <v>0</v>
      </c>
      <c r="BM1137" s="166">
        <v>0</v>
      </c>
      <c r="BN1137" s="166">
        <v>0</v>
      </c>
      <c r="BO1137" s="166">
        <v>0</v>
      </c>
      <c r="BP1137" s="166">
        <v>0</v>
      </c>
      <c r="BQ1137" s="166">
        <v>0</v>
      </c>
      <c r="BR1137" s="166">
        <v>0</v>
      </c>
      <c r="BS1137" s="166">
        <v>0</v>
      </c>
      <c r="BT1137" s="166">
        <v>0</v>
      </c>
      <c r="BU1137" s="166">
        <v>0</v>
      </c>
      <c r="BV1137" s="166">
        <v>0</v>
      </c>
      <c r="BW1137" s="166">
        <v>0</v>
      </c>
      <c r="BX1137" s="166">
        <v>0</v>
      </c>
      <c r="BY1137" s="166">
        <v>0</v>
      </c>
      <c r="BZ1137" s="166">
        <v>0</v>
      </c>
      <c r="CA1137" s="166">
        <v>0</v>
      </c>
      <c r="CB1137" s="166">
        <v>0</v>
      </c>
      <c r="CC1137" s="166">
        <v>0</v>
      </c>
      <c r="CD1137" s="166">
        <v>0</v>
      </c>
      <c r="CE1137" s="166">
        <v>0</v>
      </c>
      <c r="CF1137" s="166">
        <v>0</v>
      </c>
      <c r="CG1137" s="166">
        <v>0</v>
      </c>
      <c r="CH1137" s="166">
        <v>0</v>
      </c>
      <c r="CI1137" s="166">
        <v>0</v>
      </c>
      <c r="CJ1137" s="166">
        <v>0</v>
      </c>
      <c r="CK1137" s="166">
        <v>0</v>
      </c>
      <c r="CL1137" s="166">
        <v>0</v>
      </c>
      <c r="CM1137" s="166">
        <v>0</v>
      </c>
      <c r="CN1137" s="166">
        <v>0</v>
      </c>
      <c r="CO1137" s="166">
        <v>0</v>
      </c>
      <c r="CP1137" s="166">
        <v>0</v>
      </c>
      <c r="CQ1137" s="166">
        <v>0</v>
      </c>
      <c r="CR1137" s="166">
        <v>0</v>
      </c>
      <c r="CS1137" s="166">
        <v>0</v>
      </c>
      <c r="CT1137" s="166">
        <v>0</v>
      </c>
      <c r="CU1137" s="166">
        <v>0</v>
      </c>
      <c r="CV1137" s="166">
        <v>0</v>
      </c>
      <c r="CW1137" s="166">
        <v>0</v>
      </c>
      <c r="CX1137" s="166">
        <v>0</v>
      </c>
      <c r="CY1137" s="166">
        <v>0</v>
      </c>
      <c r="CZ1137" s="166">
        <v>0</v>
      </c>
    </row>
    <row r="1138" spans="1:104" x14ac:dyDescent="0.2">
      <c r="A1138" s="167" t="s">
        <v>108</v>
      </c>
      <c r="B1138" s="166">
        <v>0</v>
      </c>
      <c r="C1138" s="166">
        <v>0</v>
      </c>
      <c r="D1138" s="166">
        <v>0</v>
      </c>
      <c r="E1138" s="166">
        <v>0</v>
      </c>
      <c r="F1138" s="166">
        <v>0</v>
      </c>
      <c r="G1138" s="166">
        <v>0</v>
      </c>
      <c r="H1138" s="166">
        <v>0</v>
      </c>
      <c r="I1138" s="166">
        <v>0</v>
      </c>
      <c r="J1138" s="166">
        <v>0</v>
      </c>
      <c r="K1138" s="166">
        <v>0</v>
      </c>
      <c r="L1138" s="166">
        <v>0</v>
      </c>
      <c r="M1138" s="166">
        <v>0</v>
      </c>
      <c r="N1138" s="166">
        <v>0</v>
      </c>
      <c r="O1138" s="166">
        <v>0</v>
      </c>
      <c r="P1138" s="166">
        <v>0</v>
      </c>
      <c r="Q1138" s="166">
        <v>0</v>
      </c>
      <c r="R1138" s="166">
        <v>0</v>
      </c>
      <c r="S1138" s="166">
        <v>0</v>
      </c>
      <c r="T1138" s="166">
        <v>0</v>
      </c>
      <c r="U1138" s="166">
        <v>0</v>
      </c>
      <c r="V1138" s="166">
        <v>0</v>
      </c>
      <c r="W1138" s="166">
        <v>0</v>
      </c>
      <c r="X1138" s="166">
        <v>0</v>
      </c>
      <c r="Y1138" s="166">
        <v>0</v>
      </c>
      <c r="Z1138" s="166">
        <v>0</v>
      </c>
      <c r="AA1138" s="166">
        <v>0</v>
      </c>
      <c r="AB1138" s="166">
        <v>0</v>
      </c>
      <c r="AC1138" s="166">
        <v>0</v>
      </c>
      <c r="AD1138" s="166">
        <v>0</v>
      </c>
      <c r="AE1138" s="166">
        <v>0</v>
      </c>
      <c r="AF1138" s="166">
        <v>0</v>
      </c>
      <c r="AG1138" s="166">
        <v>0</v>
      </c>
      <c r="AH1138" s="166">
        <v>0</v>
      </c>
      <c r="AI1138" s="166">
        <v>0</v>
      </c>
      <c r="AJ1138" s="166">
        <v>0</v>
      </c>
      <c r="AK1138" s="166">
        <v>0</v>
      </c>
      <c r="AL1138" s="166">
        <v>0</v>
      </c>
      <c r="AM1138" s="166">
        <v>0</v>
      </c>
      <c r="AN1138" s="166">
        <v>0</v>
      </c>
      <c r="AO1138" s="166">
        <v>0</v>
      </c>
      <c r="AP1138" s="166">
        <v>0</v>
      </c>
      <c r="AQ1138" s="166">
        <v>0</v>
      </c>
      <c r="AR1138" s="166">
        <v>0</v>
      </c>
      <c r="AS1138" s="166">
        <v>0</v>
      </c>
      <c r="AT1138" s="166">
        <v>0</v>
      </c>
      <c r="AU1138" s="166">
        <v>0</v>
      </c>
      <c r="AV1138" s="166">
        <v>0</v>
      </c>
      <c r="AW1138" s="166">
        <v>0</v>
      </c>
      <c r="AX1138" s="166">
        <v>0</v>
      </c>
      <c r="AY1138" s="166">
        <v>1000</v>
      </c>
      <c r="AZ1138" s="166">
        <v>0</v>
      </c>
      <c r="BA1138" s="166">
        <v>0</v>
      </c>
      <c r="BB1138" s="166">
        <v>0</v>
      </c>
      <c r="BC1138" s="166">
        <v>0</v>
      </c>
      <c r="BD1138" s="166">
        <v>0</v>
      </c>
      <c r="BE1138" s="166">
        <v>0</v>
      </c>
      <c r="BF1138" s="166">
        <v>0</v>
      </c>
      <c r="BG1138" s="166">
        <v>0</v>
      </c>
      <c r="BH1138" s="166">
        <v>0</v>
      </c>
      <c r="BI1138" s="166">
        <v>0</v>
      </c>
      <c r="BJ1138" s="166">
        <v>0</v>
      </c>
      <c r="BK1138" s="166">
        <v>0</v>
      </c>
      <c r="BL1138" s="166">
        <v>0</v>
      </c>
      <c r="BM1138" s="166">
        <v>0</v>
      </c>
      <c r="BN1138" s="166">
        <v>0</v>
      </c>
      <c r="BO1138" s="166">
        <v>0</v>
      </c>
      <c r="BP1138" s="166">
        <v>0</v>
      </c>
      <c r="BQ1138" s="166">
        <v>0</v>
      </c>
      <c r="BR1138" s="166">
        <v>0</v>
      </c>
      <c r="BS1138" s="166">
        <v>0</v>
      </c>
      <c r="BT1138" s="166">
        <v>0</v>
      </c>
      <c r="BU1138" s="166">
        <v>0</v>
      </c>
      <c r="BV1138" s="166">
        <v>0</v>
      </c>
      <c r="BW1138" s="166">
        <v>0</v>
      </c>
      <c r="BX1138" s="166">
        <v>0</v>
      </c>
      <c r="BY1138" s="166">
        <v>0</v>
      </c>
      <c r="BZ1138" s="166">
        <v>0</v>
      </c>
      <c r="CA1138" s="166">
        <v>0</v>
      </c>
      <c r="CB1138" s="166">
        <v>0</v>
      </c>
      <c r="CC1138" s="166">
        <v>0</v>
      </c>
      <c r="CD1138" s="166">
        <v>0</v>
      </c>
      <c r="CE1138" s="166">
        <v>0</v>
      </c>
      <c r="CF1138" s="166">
        <v>0</v>
      </c>
      <c r="CG1138" s="166">
        <v>0</v>
      </c>
      <c r="CH1138" s="166">
        <v>0</v>
      </c>
      <c r="CI1138" s="166">
        <v>0</v>
      </c>
      <c r="CJ1138" s="166">
        <v>0</v>
      </c>
      <c r="CK1138" s="166">
        <v>0</v>
      </c>
      <c r="CL1138" s="166">
        <v>0</v>
      </c>
      <c r="CM1138" s="166">
        <v>0</v>
      </c>
      <c r="CN1138" s="166">
        <v>0</v>
      </c>
      <c r="CO1138" s="166">
        <v>0</v>
      </c>
      <c r="CP1138" s="166">
        <v>0</v>
      </c>
      <c r="CQ1138" s="166">
        <v>0</v>
      </c>
      <c r="CR1138" s="166">
        <v>0</v>
      </c>
      <c r="CS1138" s="166">
        <v>0</v>
      </c>
      <c r="CT1138" s="166">
        <v>0</v>
      </c>
      <c r="CU1138" s="166">
        <v>0</v>
      </c>
      <c r="CV1138" s="166">
        <v>0</v>
      </c>
      <c r="CW1138" s="166">
        <v>0</v>
      </c>
      <c r="CX1138" s="166">
        <v>0</v>
      </c>
      <c r="CY1138" s="166">
        <v>0</v>
      </c>
      <c r="CZ1138" s="166">
        <v>0</v>
      </c>
    </row>
    <row r="1139" spans="1:104" x14ac:dyDescent="0.2">
      <c r="A1139" s="167" t="s">
        <v>109</v>
      </c>
      <c r="B1139" s="166">
        <v>0</v>
      </c>
      <c r="C1139" s="166">
        <v>0</v>
      </c>
      <c r="D1139" s="166">
        <v>0</v>
      </c>
      <c r="E1139" s="166">
        <v>0</v>
      </c>
      <c r="F1139" s="166">
        <v>0</v>
      </c>
      <c r="G1139" s="166">
        <v>1000</v>
      </c>
      <c r="H1139" s="166">
        <v>0</v>
      </c>
      <c r="I1139" s="166">
        <v>0</v>
      </c>
      <c r="J1139" s="166">
        <v>0</v>
      </c>
      <c r="K1139" s="166">
        <v>0</v>
      </c>
      <c r="L1139" s="166">
        <v>0</v>
      </c>
      <c r="M1139" s="166">
        <v>0</v>
      </c>
      <c r="N1139" s="166">
        <v>0</v>
      </c>
      <c r="O1139" s="166">
        <v>0</v>
      </c>
      <c r="P1139" s="166">
        <v>0</v>
      </c>
      <c r="Q1139" s="166">
        <v>0</v>
      </c>
      <c r="R1139" s="166">
        <v>1000</v>
      </c>
      <c r="S1139" s="166">
        <v>0</v>
      </c>
      <c r="T1139" s="166">
        <v>0</v>
      </c>
      <c r="U1139" s="166">
        <v>1000</v>
      </c>
      <c r="V1139" s="166">
        <v>0</v>
      </c>
      <c r="W1139" s="166">
        <v>0</v>
      </c>
      <c r="X1139" s="166">
        <v>0</v>
      </c>
      <c r="Y1139" s="166">
        <v>0</v>
      </c>
      <c r="Z1139" s="166">
        <v>0</v>
      </c>
      <c r="AA1139" s="166">
        <v>0</v>
      </c>
      <c r="AB1139" s="166">
        <v>1000</v>
      </c>
      <c r="AC1139" s="166">
        <v>0</v>
      </c>
      <c r="AD1139" s="166">
        <v>0</v>
      </c>
      <c r="AE1139" s="166">
        <v>0</v>
      </c>
      <c r="AF1139" s="166">
        <v>0</v>
      </c>
      <c r="AG1139" s="166">
        <v>0</v>
      </c>
      <c r="AH1139" s="166">
        <v>0</v>
      </c>
      <c r="AI1139" s="166">
        <v>0</v>
      </c>
      <c r="AJ1139" s="166">
        <v>0</v>
      </c>
      <c r="AK1139" s="166">
        <v>0</v>
      </c>
      <c r="AL1139" s="166">
        <v>0</v>
      </c>
      <c r="AM1139" s="166">
        <v>0</v>
      </c>
      <c r="AN1139" s="166">
        <v>0</v>
      </c>
      <c r="AO1139" s="166">
        <v>0</v>
      </c>
      <c r="AP1139" s="166">
        <v>0</v>
      </c>
      <c r="AQ1139" s="166">
        <v>0</v>
      </c>
      <c r="AR1139" s="166">
        <v>0</v>
      </c>
      <c r="AS1139" s="166">
        <v>0</v>
      </c>
      <c r="AT1139" s="166">
        <v>0</v>
      </c>
      <c r="AU1139" s="166">
        <v>0</v>
      </c>
      <c r="AV1139" s="166">
        <v>0</v>
      </c>
      <c r="AW1139" s="166">
        <v>0</v>
      </c>
      <c r="AX1139" s="166">
        <v>0</v>
      </c>
      <c r="AY1139" s="166">
        <v>1000</v>
      </c>
      <c r="AZ1139" s="166">
        <v>0</v>
      </c>
      <c r="BA1139" s="166">
        <v>0</v>
      </c>
      <c r="BB1139" s="166">
        <v>0</v>
      </c>
      <c r="BC1139" s="166">
        <v>0</v>
      </c>
      <c r="BD1139" s="166">
        <v>0</v>
      </c>
      <c r="BE1139" s="166">
        <v>0</v>
      </c>
      <c r="BF1139" s="166">
        <v>0</v>
      </c>
      <c r="BG1139" s="166">
        <v>0</v>
      </c>
      <c r="BH1139" s="166">
        <v>0</v>
      </c>
      <c r="BI1139" s="166">
        <v>0</v>
      </c>
      <c r="BJ1139" s="166">
        <v>0</v>
      </c>
      <c r="BK1139" s="166">
        <v>0</v>
      </c>
      <c r="BL1139" s="166">
        <v>0</v>
      </c>
      <c r="BM1139" s="166">
        <v>0</v>
      </c>
      <c r="BN1139" s="166">
        <v>0</v>
      </c>
      <c r="BO1139" s="166">
        <v>0</v>
      </c>
      <c r="BP1139" s="166">
        <v>0</v>
      </c>
      <c r="BQ1139" s="166">
        <v>0</v>
      </c>
      <c r="BR1139" s="166">
        <v>0</v>
      </c>
      <c r="BS1139" s="166">
        <v>0</v>
      </c>
      <c r="BT1139" s="166">
        <v>0</v>
      </c>
      <c r="BU1139" s="166">
        <v>0</v>
      </c>
      <c r="BV1139" s="166">
        <v>0</v>
      </c>
      <c r="BW1139" s="166">
        <v>0</v>
      </c>
      <c r="BX1139" s="166">
        <v>0</v>
      </c>
      <c r="BY1139" s="166">
        <v>0</v>
      </c>
      <c r="BZ1139" s="166">
        <v>0</v>
      </c>
      <c r="CA1139" s="166">
        <v>0</v>
      </c>
      <c r="CB1139" s="166">
        <v>0</v>
      </c>
      <c r="CC1139" s="166">
        <v>0</v>
      </c>
      <c r="CD1139" s="166">
        <v>0</v>
      </c>
      <c r="CE1139" s="166">
        <v>0</v>
      </c>
      <c r="CF1139" s="166">
        <v>0</v>
      </c>
      <c r="CG1139" s="166">
        <v>0</v>
      </c>
      <c r="CH1139" s="166">
        <v>0</v>
      </c>
      <c r="CI1139" s="166">
        <v>0</v>
      </c>
      <c r="CJ1139" s="166">
        <v>0</v>
      </c>
      <c r="CK1139" s="166">
        <v>0</v>
      </c>
      <c r="CL1139" s="166">
        <v>0</v>
      </c>
      <c r="CM1139" s="166">
        <v>0</v>
      </c>
      <c r="CN1139" s="166">
        <v>0</v>
      </c>
      <c r="CO1139" s="166">
        <v>0</v>
      </c>
      <c r="CP1139" s="166">
        <v>0</v>
      </c>
      <c r="CQ1139" s="166">
        <v>0</v>
      </c>
      <c r="CR1139" s="166">
        <v>0</v>
      </c>
      <c r="CS1139" s="166">
        <v>0</v>
      </c>
      <c r="CT1139" s="166">
        <v>0</v>
      </c>
      <c r="CU1139" s="166">
        <v>0</v>
      </c>
      <c r="CV1139" s="166">
        <v>0</v>
      </c>
      <c r="CW1139" s="166">
        <v>0</v>
      </c>
      <c r="CX1139" s="166">
        <v>0</v>
      </c>
      <c r="CY1139" s="166">
        <v>0</v>
      </c>
      <c r="CZ1139" s="166">
        <v>0</v>
      </c>
    </row>
    <row r="1140" spans="1:104" x14ac:dyDescent="0.2">
      <c r="A1140" s="167" t="s">
        <v>110</v>
      </c>
    </row>
    <row r="1141" spans="1:104" x14ac:dyDescent="0.2">
      <c r="A1141" s="167" t="s">
        <v>111</v>
      </c>
    </row>
    <row r="1142" spans="1:104" x14ac:dyDescent="0.2">
      <c r="A1142" s="167" t="s">
        <v>112</v>
      </c>
    </row>
    <row r="1143" spans="1:104" x14ac:dyDescent="0.2">
      <c r="A1143" s="167" t="s">
        <v>113</v>
      </c>
    </row>
    <row r="1144" spans="1:104" x14ac:dyDescent="0.2">
      <c r="A1144" s="167" t="s">
        <v>114</v>
      </c>
      <c r="B1144" s="166">
        <v>0</v>
      </c>
      <c r="C1144" s="166">
        <v>0</v>
      </c>
      <c r="D1144" s="166">
        <v>0</v>
      </c>
      <c r="E1144" s="166">
        <v>0</v>
      </c>
      <c r="F1144" s="166">
        <v>0</v>
      </c>
      <c r="G1144" s="166">
        <v>0</v>
      </c>
      <c r="H1144" s="166">
        <v>0</v>
      </c>
      <c r="I1144" s="166">
        <v>0</v>
      </c>
      <c r="J1144" s="166">
        <v>0</v>
      </c>
      <c r="K1144" s="166">
        <v>0</v>
      </c>
      <c r="L1144" s="166">
        <v>0</v>
      </c>
      <c r="M1144" s="166">
        <v>0</v>
      </c>
      <c r="N1144" s="166">
        <v>0</v>
      </c>
      <c r="O1144" s="166">
        <v>0</v>
      </c>
      <c r="P1144" s="166">
        <v>0</v>
      </c>
      <c r="Q1144" s="166">
        <v>0</v>
      </c>
      <c r="R1144" s="166">
        <v>0</v>
      </c>
      <c r="S1144" s="166">
        <v>0</v>
      </c>
      <c r="T1144" s="166">
        <v>0</v>
      </c>
      <c r="U1144" s="166">
        <v>0</v>
      </c>
      <c r="V1144" s="166">
        <v>0</v>
      </c>
      <c r="W1144" s="166">
        <v>0</v>
      </c>
      <c r="X1144" s="166">
        <v>0</v>
      </c>
      <c r="Y1144" s="166">
        <v>0</v>
      </c>
      <c r="Z1144" s="166">
        <v>0</v>
      </c>
      <c r="AA1144" s="166">
        <v>0</v>
      </c>
      <c r="AB1144" s="166">
        <v>0</v>
      </c>
      <c r="AC1144" s="166">
        <v>0</v>
      </c>
      <c r="AD1144" s="166">
        <v>0</v>
      </c>
      <c r="AE1144" s="166">
        <v>0</v>
      </c>
      <c r="AF1144" s="166">
        <v>0</v>
      </c>
      <c r="AG1144" s="166">
        <v>0</v>
      </c>
      <c r="AH1144" s="166">
        <v>0</v>
      </c>
      <c r="AI1144" s="166">
        <v>0</v>
      </c>
      <c r="AJ1144" s="166">
        <v>0</v>
      </c>
      <c r="AK1144" s="166">
        <v>0</v>
      </c>
      <c r="AL1144" s="166">
        <v>0</v>
      </c>
      <c r="AM1144" s="166">
        <v>0</v>
      </c>
      <c r="AN1144" s="166">
        <v>0</v>
      </c>
      <c r="AO1144" s="166">
        <v>0</v>
      </c>
      <c r="AP1144" s="166">
        <v>0</v>
      </c>
      <c r="AQ1144" s="166">
        <v>0</v>
      </c>
      <c r="AR1144" s="166">
        <v>0</v>
      </c>
      <c r="AS1144" s="166">
        <v>0</v>
      </c>
      <c r="AT1144" s="166">
        <v>0</v>
      </c>
      <c r="AU1144" s="166">
        <v>0</v>
      </c>
      <c r="AV1144" s="166">
        <v>0</v>
      </c>
      <c r="AW1144" s="166">
        <v>0</v>
      </c>
      <c r="AX1144" s="166">
        <v>0</v>
      </c>
      <c r="AY1144" s="166">
        <v>0</v>
      </c>
      <c r="AZ1144" s="166">
        <v>0</v>
      </c>
      <c r="BA1144" s="166">
        <v>0</v>
      </c>
      <c r="BB1144" s="166">
        <v>0</v>
      </c>
      <c r="BC1144" s="166">
        <v>0</v>
      </c>
      <c r="BD1144" s="166">
        <v>0</v>
      </c>
      <c r="BE1144" s="166">
        <v>0</v>
      </c>
      <c r="BF1144" s="166">
        <v>0</v>
      </c>
      <c r="BG1144" s="166">
        <v>0</v>
      </c>
      <c r="BH1144" s="166">
        <v>0</v>
      </c>
      <c r="BI1144" s="166">
        <v>0</v>
      </c>
      <c r="BJ1144" s="166">
        <v>0</v>
      </c>
      <c r="BK1144" s="166">
        <v>0</v>
      </c>
      <c r="BL1144" s="166">
        <v>0</v>
      </c>
      <c r="BM1144" s="166">
        <v>0</v>
      </c>
      <c r="BN1144" s="166">
        <v>0</v>
      </c>
      <c r="BO1144" s="166">
        <v>0</v>
      </c>
      <c r="BP1144" s="166">
        <v>0</v>
      </c>
      <c r="BQ1144" s="166">
        <v>0</v>
      </c>
      <c r="BR1144" s="166">
        <v>0</v>
      </c>
      <c r="BS1144" s="166">
        <v>0</v>
      </c>
      <c r="BT1144" s="166">
        <v>0</v>
      </c>
      <c r="BU1144" s="166">
        <v>0</v>
      </c>
      <c r="BV1144" s="166">
        <v>0</v>
      </c>
      <c r="BW1144" s="166">
        <v>0</v>
      </c>
      <c r="BX1144" s="166">
        <v>0</v>
      </c>
      <c r="BY1144" s="166">
        <v>0</v>
      </c>
      <c r="BZ1144" s="166">
        <v>0</v>
      </c>
      <c r="CA1144" s="166">
        <v>0</v>
      </c>
      <c r="CB1144" s="166">
        <v>0</v>
      </c>
      <c r="CC1144" s="166">
        <v>0</v>
      </c>
      <c r="CD1144" s="166">
        <v>0</v>
      </c>
      <c r="CE1144" s="166">
        <v>0</v>
      </c>
      <c r="CF1144" s="166">
        <v>0</v>
      </c>
      <c r="CG1144" s="166">
        <v>0</v>
      </c>
      <c r="CH1144" s="166">
        <v>0</v>
      </c>
      <c r="CI1144" s="166">
        <v>0</v>
      </c>
      <c r="CJ1144" s="166">
        <v>0</v>
      </c>
      <c r="CK1144" s="166">
        <v>0</v>
      </c>
      <c r="CL1144" s="166">
        <v>0</v>
      </c>
      <c r="CM1144" s="166">
        <v>0</v>
      </c>
      <c r="CN1144" s="166">
        <v>0</v>
      </c>
      <c r="CO1144" s="166">
        <v>0</v>
      </c>
      <c r="CP1144" s="166">
        <v>0</v>
      </c>
      <c r="CQ1144" s="166">
        <v>0</v>
      </c>
      <c r="CR1144" s="166">
        <v>0</v>
      </c>
      <c r="CS1144" s="166">
        <v>0</v>
      </c>
      <c r="CT1144" s="166">
        <v>0</v>
      </c>
      <c r="CU1144" s="166">
        <v>0</v>
      </c>
      <c r="CV1144" s="166">
        <v>0</v>
      </c>
      <c r="CW1144" s="166">
        <v>0</v>
      </c>
      <c r="CX1144" s="166">
        <v>0</v>
      </c>
      <c r="CY1144" s="166">
        <v>0</v>
      </c>
      <c r="CZ1144" s="166">
        <v>0</v>
      </c>
    </row>
    <row r="1145" spans="1:104" x14ac:dyDescent="0.2">
      <c r="A1145" s="167" t="s">
        <v>115</v>
      </c>
      <c r="B1145" s="166">
        <v>0</v>
      </c>
      <c r="C1145" s="166">
        <v>0</v>
      </c>
      <c r="D1145" s="166">
        <v>0</v>
      </c>
      <c r="E1145" s="166">
        <v>0</v>
      </c>
      <c r="F1145" s="166">
        <v>0</v>
      </c>
      <c r="G1145" s="166">
        <v>0</v>
      </c>
      <c r="H1145" s="166">
        <v>0</v>
      </c>
      <c r="I1145" s="166">
        <v>0</v>
      </c>
      <c r="J1145" s="166">
        <v>0</v>
      </c>
      <c r="K1145" s="166">
        <v>0</v>
      </c>
      <c r="L1145" s="166">
        <v>0</v>
      </c>
      <c r="M1145" s="166">
        <v>0</v>
      </c>
      <c r="N1145" s="166">
        <v>0</v>
      </c>
      <c r="O1145" s="166">
        <v>0</v>
      </c>
      <c r="P1145" s="166">
        <v>0</v>
      </c>
      <c r="Q1145" s="166">
        <v>0</v>
      </c>
      <c r="R1145" s="166">
        <v>0</v>
      </c>
      <c r="S1145" s="166">
        <v>0</v>
      </c>
      <c r="T1145" s="166">
        <v>0</v>
      </c>
      <c r="U1145" s="166">
        <v>0</v>
      </c>
      <c r="V1145" s="166">
        <v>0</v>
      </c>
      <c r="W1145" s="166">
        <v>0</v>
      </c>
      <c r="X1145" s="166">
        <v>0</v>
      </c>
      <c r="Y1145" s="166">
        <v>0</v>
      </c>
      <c r="Z1145" s="166">
        <v>0</v>
      </c>
      <c r="AA1145" s="166">
        <v>0</v>
      </c>
      <c r="AB1145" s="166">
        <v>0</v>
      </c>
      <c r="AC1145" s="166">
        <v>0</v>
      </c>
      <c r="AD1145" s="166">
        <v>0</v>
      </c>
      <c r="AE1145" s="166">
        <v>0</v>
      </c>
      <c r="AF1145" s="166">
        <v>0</v>
      </c>
      <c r="AG1145" s="166">
        <v>0</v>
      </c>
      <c r="AH1145" s="166">
        <v>0</v>
      </c>
      <c r="AI1145" s="166">
        <v>0</v>
      </c>
      <c r="AJ1145" s="166">
        <v>0</v>
      </c>
      <c r="AK1145" s="166">
        <v>0</v>
      </c>
      <c r="AL1145" s="166">
        <v>0</v>
      </c>
      <c r="AM1145" s="166">
        <v>0</v>
      </c>
      <c r="AN1145" s="166">
        <v>0</v>
      </c>
      <c r="AO1145" s="166">
        <v>0</v>
      </c>
      <c r="AP1145" s="166">
        <v>0</v>
      </c>
      <c r="AQ1145" s="166">
        <v>0</v>
      </c>
      <c r="AR1145" s="166">
        <v>0</v>
      </c>
      <c r="AS1145" s="166">
        <v>0</v>
      </c>
      <c r="AT1145" s="166">
        <v>0</v>
      </c>
      <c r="AU1145" s="166">
        <v>0</v>
      </c>
      <c r="AV1145" s="166">
        <v>0</v>
      </c>
      <c r="AW1145" s="166">
        <v>0</v>
      </c>
      <c r="AX1145" s="166">
        <v>0</v>
      </c>
      <c r="AY1145" s="166">
        <v>0</v>
      </c>
      <c r="AZ1145" s="166">
        <v>0</v>
      </c>
      <c r="BA1145" s="166">
        <v>0</v>
      </c>
      <c r="BB1145" s="166">
        <v>0</v>
      </c>
      <c r="BC1145" s="166">
        <v>0</v>
      </c>
      <c r="BD1145" s="166">
        <v>0</v>
      </c>
      <c r="BE1145" s="166">
        <v>0</v>
      </c>
      <c r="BF1145" s="166">
        <v>0</v>
      </c>
      <c r="BG1145" s="166">
        <v>0</v>
      </c>
      <c r="BH1145" s="166">
        <v>0</v>
      </c>
      <c r="BI1145" s="166">
        <v>0</v>
      </c>
      <c r="BJ1145" s="166">
        <v>0</v>
      </c>
      <c r="BK1145" s="166">
        <v>0</v>
      </c>
      <c r="BL1145" s="166">
        <v>0</v>
      </c>
      <c r="BM1145" s="166">
        <v>0</v>
      </c>
      <c r="BN1145" s="166">
        <v>0</v>
      </c>
      <c r="BO1145" s="166">
        <v>0</v>
      </c>
      <c r="BP1145" s="166">
        <v>0</v>
      </c>
      <c r="BQ1145" s="166">
        <v>0</v>
      </c>
      <c r="BR1145" s="166">
        <v>0</v>
      </c>
      <c r="BS1145" s="166">
        <v>0</v>
      </c>
      <c r="BT1145" s="168">
        <v>0</v>
      </c>
      <c r="BU1145" s="166">
        <v>0</v>
      </c>
      <c r="BV1145" s="166">
        <v>0</v>
      </c>
      <c r="BW1145" s="166">
        <v>0</v>
      </c>
      <c r="BX1145" s="166">
        <v>0</v>
      </c>
      <c r="BY1145" s="166">
        <v>0</v>
      </c>
      <c r="BZ1145" s="166">
        <v>0</v>
      </c>
      <c r="CA1145" s="166">
        <v>0</v>
      </c>
      <c r="CB1145" s="166">
        <v>0</v>
      </c>
      <c r="CC1145" s="166">
        <v>0</v>
      </c>
      <c r="CD1145" s="166">
        <v>0</v>
      </c>
      <c r="CE1145" s="166">
        <v>0</v>
      </c>
      <c r="CF1145" s="166">
        <v>0</v>
      </c>
      <c r="CG1145" s="166">
        <v>0</v>
      </c>
      <c r="CH1145" s="166">
        <v>0</v>
      </c>
      <c r="CI1145" s="166">
        <v>0</v>
      </c>
      <c r="CJ1145" s="166">
        <v>0</v>
      </c>
      <c r="CK1145" s="166">
        <v>0</v>
      </c>
      <c r="CL1145" s="166">
        <v>0</v>
      </c>
      <c r="CM1145" s="166">
        <v>0</v>
      </c>
      <c r="CN1145" s="166">
        <v>0</v>
      </c>
      <c r="CO1145" s="166">
        <v>0</v>
      </c>
      <c r="CP1145" s="166">
        <v>0</v>
      </c>
      <c r="CQ1145" s="166">
        <v>0</v>
      </c>
      <c r="CR1145" s="166">
        <v>0</v>
      </c>
      <c r="CS1145" s="166">
        <v>0</v>
      </c>
      <c r="CT1145" s="166">
        <v>0</v>
      </c>
      <c r="CU1145" s="166">
        <v>0</v>
      </c>
      <c r="CV1145" s="166">
        <v>0</v>
      </c>
      <c r="CW1145" s="166">
        <v>0</v>
      </c>
      <c r="CX1145" s="166">
        <v>0</v>
      </c>
      <c r="CY1145" s="166">
        <v>0</v>
      </c>
      <c r="CZ1145" s="166">
        <v>0</v>
      </c>
    </row>
    <row r="1146" spans="1:104" x14ac:dyDescent="0.2">
      <c r="A1146" s="167" t="s">
        <v>116</v>
      </c>
      <c r="B1146" s="166">
        <v>0</v>
      </c>
      <c r="C1146" s="166">
        <v>0</v>
      </c>
      <c r="D1146" s="166">
        <v>0</v>
      </c>
      <c r="E1146" s="166">
        <v>0</v>
      </c>
      <c r="F1146" s="166">
        <v>0</v>
      </c>
      <c r="G1146" s="166">
        <v>0</v>
      </c>
      <c r="H1146" s="166">
        <v>0</v>
      </c>
      <c r="I1146" s="166">
        <v>0</v>
      </c>
      <c r="J1146" s="166">
        <v>0</v>
      </c>
      <c r="K1146" s="166">
        <v>0</v>
      </c>
      <c r="L1146" s="166">
        <v>0</v>
      </c>
      <c r="M1146" s="166">
        <v>0</v>
      </c>
      <c r="N1146" s="166">
        <v>0</v>
      </c>
      <c r="O1146" s="166">
        <v>0</v>
      </c>
      <c r="P1146" s="166">
        <v>0</v>
      </c>
      <c r="Q1146" s="166">
        <v>0</v>
      </c>
      <c r="R1146" s="166">
        <v>0</v>
      </c>
      <c r="S1146" s="166">
        <v>0</v>
      </c>
      <c r="T1146" s="166">
        <v>0</v>
      </c>
      <c r="U1146" s="166">
        <v>0</v>
      </c>
      <c r="V1146" s="166">
        <v>0</v>
      </c>
      <c r="W1146" s="166">
        <v>0</v>
      </c>
      <c r="X1146" s="166">
        <v>0</v>
      </c>
      <c r="Y1146" s="166">
        <v>0</v>
      </c>
      <c r="Z1146" s="166">
        <v>0</v>
      </c>
      <c r="AA1146" s="166">
        <v>0</v>
      </c>
      <c r="AB1146" s="166">
        <v>0</v>
      </c>
      <c r="AC1146" s="166">
        <v>0</v>
      </c>
      <c r="AD1146" s="166">
        <v>0</v>
      </c>
      <c r="AE1146" s="166">
        <v>0</v>
      </c>
      <c r="AF1146" s="166">
        <v>0</v>
      </c>
      <c r="AG1146" s="166">
        <v>0</v>
      </c>
      <c r="AH1146" s="166">
        <v>0</v>
      </c>
      <c r="AI1146" s="166">
        <v>0</v>
      </c>
      <c r="AJ1146" s="166">
        <v>0</v>
      </c>
      <c r="AK1146" s="166">
        <v>0</v>
      </c>
      <c r="AL1146" s="166">
        <v>0</v>
      </c>
      <c r="AM1146" s="166">
        <v>0</v>
      </c>
      <c r="AN1146" s="166">
        <v>0</v>
      </c>
      <c r="AO1146" s="166">
        <v>0</v>
      </c>
      <c r="AP1146" s="166">
        <v>0</v>
      </c>
      <c r="AQ1146" s="166">
        <v>0</v>
      </c>
      <c r="AR1146" s="166">
        <v>0</v>
      </c>
      <c r="AS1146" s="166">
        <v>0</v>
      </c>
      <c r="AT1146" s="166">
        <v>0</v>
      </c>
      <c r="AU1146" s="166">
        <v>0</v>
      </c>
      <c r="AV1146" s="166">
        <v>0</v>
      </c>
      <c r="AW1146" s="166">
        <v>0</v>
      </c>
      <c r="AX1146" s="166">
        <v>0</v>
      </c>
      <c r="AY1146" s="166">
        <v>0</v>
      </c>
      <c r="AZ1146" s="166">
        <v>0</v>
      </c>
      <c r="BA1146" s="166">
        <v>0</v>
      </c>
      <c r="BB1146" s="166">
        <v>0</v>
      </c>
      <c r="BC1146" s="166">
        <v>0</v>
      </c>
      <c r="BD1146" s="166">
        <v>0</v>
      </c>
      <c r="BE1146" s="166">
        <v>0</v>
      </c>
      <c r="BF1146" s="166">
        <v>0</v>
      </c>
      <c r="BG1146" s="166">
        <v>0</v>
      </c>
      <c r="BH1146" s="166">
        <v>0</v>
      </c>
      <c r="BI1146" s="166">
        <v>0</v>
      </c>
      <c r="BJ1146" s="166">
        <v>0</v>
      </c>
      <c r="BK1146" s="166">
        <v>0</v>
      </c>
      <c r="BL1146" s="166">
        <v>0</v>
      </c>
      <c r="BM1146" s="166">
        <v>0</v>
      </c>
      <c r="BN1146" s="166">
        <v>0</v>
      </c>
      <c r="BO1146" s="166">
        <v>0</v>
      </c>
      <c r="BP1146" s="166">
        <v>0</v>
      </c>
      <c r="BQ1146" s="166">
        <v>0</v>
      </c>
      <c r="BR1146" s="166">
        <v>0</v>
      </c>
      <c r="BS1146" s="166">
        <v>0</v>
      </c>
      <c r="BT1146" s="168">
        <v>0</v>
      </c>
      <c r="BU1146" s="166">
        <v>0</v>
      </c>
      <c r="BV1146" s="166">
        <v>0</v>
      </c>
      <c r="BW1146" s="166">
        <v>0</v>
      </c>
      <c r="BX1146" s="166">
        <v>0</v>
      </c>
      <c r="BY1146" s="166">
        <v>0</v>
      </c>
      <c r="BZ1146" s="166">
        <v>0</v>
      </c>
      <c r="CA1146" s="166">
        <v>0</v>
      </c>
      <c r="CB1146" s="166">
        <v>0</v>
      </c>
      <c r="CC1146" s="166">
        <v>0</v>
      </c>
      <c r="CD1146" s="166">
        <v>0</v>
      </c>
      <c r="CE1146" s="166">
        <v>0</v>
      </c>
      <c r="CF1146" s="166">
        <v>0</v>
      </c>
      <c r="CG1146" s="166">
        <v>0</v>
      </c>
      <c r="CH1146" s="166">
        <v>0</v>
      </c>
      <c r="CI1146" s="166">
        <v>0</v>
      </c>
      <c r="CJ1146" s="166">
        <v>0</v>
      </c>
      <c r="CK1146" s="166">
        <v>0</v>
      </c>
      <c r="CL1146" s="166">
        <v>0</v>
      </c>
      <c r="CM1146" s="166">
        <v>0</v>
      </c>
      <c r="CN1146" s="166">
        <v>0</v>
      </c>
      <c r="CO1146" s="166">
        <v>0</v>
      </c>
      <c r="CP1146" s="166">
        <v>0</v>
      </c>
      <c r="CQ1146" s="166">
        <v>0</v>
      </c>
      <c r="CR1146" s="166">
        <v>0</v>
      </c>
      <c r="CS1146" s="166">
        <v>0</v>
      </c>
      <c r="CT1146" s="166">
        <v>0</v>
      </c>
      <c r="CU1146" s="166">
        <v>0</v>
      </c>
      <c r="CV1146" s="166">
        <v>0</v>
      </c>
      <c r="CW1146" s="166">
        <v>0</v>
      </c>
      <c r="CX1146" s="166">
        <v>0</v>
      </c>
      <c r="CY1146" s="166">
        <v>0</v>
      </c>
      <c r="CZ1146" s="166">
        <v>0</v>
      </c>
    </row>
    <row r="1147" spans="1:104" x14ac:dyDescent="0.2">
      <c r="A1147" s="167" t="s">
        <v>117</v>
      </c>
      <c r="B1147" s="166">
        <v>0</v>
      </c>
      <c r="C1147" s="166">
        <v>0</v>
      </c>
      <c r="D1147" s="166">
        <v>0</v>
      </c>
      <c r="E1147" s="166">
        <v>0</v>
      </c>
      <c r="F1147" s="166">
        <v>0</v>
      </c>
      <c r="G1147" s="166">
        <v>0</v>
      </c>
      <c r="H1147" s="166">
        <v>0</v>
      </c>
      <c r="I1147" s="166">
        <v>0</v>
      </c>
      <c r="J1147" s="166">
        <v>0</v>
      </c>
      <c r="K1147" s="166">
        <v>0</v>
      </c>
      <c r="L1147" s="166">
        <v>0</v>
      </c>
      <c r="M1147" s="166">
        <v>0</v>
      </c>
      <c r="N1147" s="166">
        <v>0</v>
      </c>
      <c r="O1147" s="166">
        <v>0</v>
      </c>
      <c r="P1147" s="166">
        <v>0</v>
      </c>
      <c r="Q1147" s="166">
        <v>0</v>
      </c>
      <c r="R1147" s="166">
        <v>0</v>
      </c>
      <c r="S1147" s="166">
        <v>0</v>
      </c>
      <c r="T1147" s="166">
        <v>0</v>
      </c>
      <c r="U1147" s="166">
        <v>0</v>
      </c>
      <c r="V1147" s="166">
        <v>0</v>
      </c>
      <c r="W1147" s="166">
        <v>0</v>
      </c>
      <c r="X1147" s="166">
        <v>0</v>
      </c>
      <c r="Y1147" s="166">
        <v>0</v>
      </c>
      <c r="Z1147" s="166">
        <v>0</v>
      </c>
      <c r="AA1147" s="166">
        <v>0</v>
      </c>
      <c r="AB1147" s="166">
        <v>0</v>
      </c>
      <c r="AC1147" s="166">
        <v>0</v>
      </c>
      <c r="AD1147" s="166">
        <v>0</v>
      </c>
      <c r="AE1147" s="166">
        <v>0</v>
      </c>
      <c r="AF1147" s="166">
        <v>0</v>
      </c>
      <c r="AG1147" s="166">
        <v>0</v>
      </c>
      <c r="AH1147" s="166">
        <v>0</v>
      </c>
      <c r="AI1147" s="166">
        <v>0</v>
      </c>
      <c r="AJ1147" s="166">
        <v>0</v>
      </c>
      <c r="AK1147" s="166">
        <v>0</v>
      </c>
      <c r="AL1147" s="166">
        <v>0</v>
      </c>
      <c r="AM1147" s="166">
        <v>0</v>
      </c>
      <c r="AN1147" s="166">
        <v>0</v>
      </c>
      <c r="AO1147" s="166">
        <v>0</v>
      </c>
      <c r="AP1147" s="166">
        <v>0</v>
      </c>
      <c r="AQ1147" s="166">
        <v>0</v>
      </c>
      <c r="AR1147" s="166">
        <v>0</v>
      </c>
      <c r="AS1147" s="166">
        <v>0</v>
      </c>
      <c r="AT1147" s="166">
        <v>0</v>
      </c>
      <c r="AU1147" s="166">
        <v>0</v>
      </c>
      <c r="AV1147" s="166">
        <v>0</v>
      </c>
      <c r="AW1147" s="166">
        <v>0</v>
      </c>
      <c r="AX1147" s="166">
        <v>0</v>
      </c>
      <c r="AY1147" s="166">
        <v>0</v>
      </c>
      <c r="AZ1147" s="166">
        <v>0</v>
      </c>
      <c r="BA1147" s="166">
        <v>0</v>
      </c>
      <c r="BB1147" s="166">
        <v>0</v>
      </c>
      <c r="BC1147" s="166">
        <v>0</v>
      </c>
      <c r="BD1147" s="166">
        <v>0</v>
      </c>
      <c r="BE1147" s="166">
        <v>0</v>
      </c>
      <c r="BF1147" s="166">
        <v>0</v>
      </c>
      <c r="BG1147" s="166">
        <v>0</v>
      </c>
      <c r="BH1147" s="166">
        <v>0</v>
      </c>
      <c r="BI1147" s="166">
        <v>0</v>
      </c>
      <c r="BJ1147" s="166">
        <v>0</v>
      </c>
      <c r="BK1147" s="166">
        <v>0</v>
      </c>
      <c r="BL1147" s="166">
        <v>0</v>
      </c>
      <c r="BM1147" s="166">
        <v>0</v>
      </c>
      <c r="BN1147" s="166">
        <v>0</v>
      </c>
      <c r="BO1147" s="166">
        <v>0</v>
      </c>
      <c r="BP1147" s="166">
        <v>0</v>
      </c>
      <c r="BQ1147" s="166">
        <v>0</v>
      </c>
      <c r="BR1147" s="166">
        <v>0</v>
      </c>
      <c r="BS1147" s="166">
        <v>0</v>
      </c>
      <c r="BT1147" s="166">
        <v>0</v>
      </c>
      <c r="BU1147" s="166">
        <v>0</v>
      </c>
      <c r="BV1147" s="166">
        <v>0</v>
      </c>
      <c r="BW1147" s="166">
        <v>0</v>
      </c>
      <c r="BX1147" s="166">
        <v>0</v>
      </c>
      <c r="BY1147" s="166">
        <v>0</v>
      </c>
      <c r="BZ1147" s="166">
        <v>0</v>
      </c>
      <c r="CA1147" s="166">
        <v>0</v>
      </c>
      <c r="CB1147" s="166">
        <v>0</v>
      </c>
      <c r="CC1147" s="166">
        <v>0</v>
      </c>
      <c r="CD1147" s="166">
        <v>0</v>
      </c>
      <c r="CE1147" s="166">
        <v>0</v>
      </c>
      <c r="CF1147" s="166">
        <v>0</v>
      </c>
      <c r="CG1147" s="166">
        <v>0</v>
      </c>
      <c r="CH1147" s="166">
        <v>0</v>
      </c>
      <c r="CI1147" s="166">
        <v>0</v>
      </c>
      <c r="CJ1147" s="166">
        <v>0</v>
      </c>
      <c r="CK1147" s="166">
        <v>0</v>
      </c>
      <c r="CL1147" s="166">
        <v>0</v>
      </c>
      <c r="CM1147" s="166">
        <v>0</v>
      </c>
      <c r="CN1147" s="166">
        <v>0</v>
      </c>
      <c r="CO1147" s="166">
        <v>0</v>
      </c>
      <c r="CP1147" s="166">
        <v>0</v>
      </c>
      <c r="CQ1147" s="166">
        <v>0</v>
      </c>
      <c r="CR1147" s="166">
        <v>0</v>
      </c>
      <c r="CS1147" s="166">
        <v>0</v>
      </c>
      <c r="CT1147" s="166">
        <v>0</v>
      </c>
      <c r="CU1147" s="166">
        <v>0</v>
      </c>
      <c r="CV1147" s="166">
        <v>0</v>
      </c>
      <c r="CW1147" s="166">
        <v>0</v>
      </c>
      <c r="CX1147" s="166">
        <v>0</v>
      </c>
      <c r="CY1147" s="166">
        <v>0</v>
      </c>
      <c r="CZ1147" s="166">
        <v>0</v>
      </c>
    </row>
    <row r="1148" spans="1:104" x14ac:dyDescent="0.2">
      <c r="A1148" s="167" t="s">
        <v>118</v>
      </c>
      <c r="B1148" s="166">
        <v>0</v>
      </c>
      <c r="C1148" s="166">
        <v>0</v>
      </c>
      <c r="D1148" s="166">
        <v>0</v>
      </c>
      <c r="E1148" s="166">
        <v>0</v>
      </c>
      <c r="F1148" s="166">
        <v>0</v>
      </c>
      <c r="G1148" s="166">
        <v>0</v>
      </c>
      <c r="H1148" s="166">
        <v>0</v>
      </c>
      <c r="I1148" s="166">
        <v>0</v>
      </c>
      <c r="J1148" s="166">
        <v>0</v>
      </c>
      <c r="K1148" s="166">
        <v>0</v>
      </c>
      <c r="L1148" s="166">
        <v>0</v>
      </c>
      <c r="M1148" s="166">
        <v>0</v>
      </c>
      <c r="N1148" s="166">
        <v>0</v>
      </c>
      <c r="O1148" s="166">
        <v>0</v>
      </c>
      <c r="P1148" s="166">
        <v>0</v>
      </c>
      <c r="Q1148" s="166">
        <v>0</v>
      </c>
      <c r="R1148" s="166">
        <v>0</v>
      </c>
      <c r="S1148" s="166">
        <v>0</v>
      </c>
      <c r="T1148" s="166">
        <v>0</v>
      </c>
      <c r="U1148" s="166">
        <v>0</v>
      </c>
      <c r="V1148" s="166">
        <v>0</v>
      </c>
      <c r="W1148" s="166">
        <v>0</v>
      </c>
      <c r="X1148" s="166">
        <v>0</v>
      </c>
      <c r="Y1148" s="166">
        <v>0</v>
      </c>
      <c r="Z1148" s="166">
        <v>0</v>
      </c>
      <c r="AA1148" s="166">
        <v>0</v>
      </c>
      <c r="AB1148" s="166">
        <v>0</v>
      </c>
      <c r="AC1148" s="166">
        <v>0</v>
      </c>
      <c r="AD1148" s="166">
        <v>0</v>
      </c>
      <c r="AE1148" s="166">
        <v>0</v>
      </c>
      <c r="AF1148" s="166">
        <v>0</v>
      </c>
      <c r="AG1148" s="166">
        <v>0</v>
      </c>
      <c r="AH1148" s="166">
        <v>0</v>
      </c>
      <c r="AI1148" s="166">
        <v>0</v>
      </c>
      <c r="AJ1148" s="166">
        <v>0</v>
      </c>
      <c r="AK1148" s="166">
        <v>0</v>
      </c>
      <c r="AL1148" s="166">
        <v>0</v>
      </c>
      <c r="AM1148" s="166">
        <v>0</v>
      </c>
      <c r="AN1148" s="166">
        <v>0</v>
      </c>
      <c r="AO1148" s="166">
        <v>0</v>
      </c>
      <c r="AP1148" s="166">
        <v>0</v>
      </c>
      <c r="AQ1148" s="166">
        <v>0</v>
      </c>
      <c r="AR1148" s="166">
        <v>0</v>
      </c>
      <c r="AS1148" s="166">
        <v>0</v>
      </c>
      <c r="AT1148" s="166">
        <v>0</v>
      </c>
      <c r="AU1148" s="166">
        <v>0</v>
      </c>
      <c r="AV1148" s="166">
        <v>0</v>
      </c>
      <c r="AW1148" s="166">
        <v>0</v>
      </c>
      <c r="AX1148" s="166">
        <v>0</v>
      </c>
      <c r="AY1148" s="166">
        <v>0</v>
      </c>
      <c r="AZ1148" s="166">
        <v>0</v>
      </c>
      <c r="BA1148" s="166">
        <v>0</v>
      </c>
      <c r="BB1148" s="166">
        <v>0</v>
      </c>
      <c r="BC1148" s="166">
        <v>0</v>
      </c>
      <c r="BD1148" s="166">
        <v>0</v>
      </c>
      <c r="BE1148" s="166">
        <v>0</v>
      </c>
      <c r="BF1148" s="166">
        <v>0</v>
      </c>
      <c r="BG1148" s="166">
        <v>0</v>
      </c>
      <c r="BH1148" s="166">
        <v>0</v>
      </c>
      <c r="BI1148" s="166">
        <v>0</v>
      </c>
      <c r="BJ1148" s="166">
        <v>0</v>
      </c>
      <c r="BK1148" s="166">
        <v>0</v>
      </c>
      <c r="BL1148" s="166">
        <v>0</v>
      </c>
      <c r="BM1148" s="166">
        <v>0</v>
      </c>
      <c r="BN1148" s="166">
        <v>0</v>
      </c>
      <c r="BO1148" s="166">
        <v>0</v>
      </c>
      <c r="BP1148" s="166">
        <v>0</v>
      </c>
      <c r="BQ1148" s="166">
        <v>0</v>
      </c>
      <c r="BR1148" s="166">
        <v>0</v>
      </c>
      <c r="BS1148" s="166">
        <v>0</v>
      </c>
      <c r="BT1148" s="168">
        <v>0</v>
      </c>
      <c r="BU1148" s="166">
        <v>0</v>
      </c>
      <c r="BV1148" s="166">
        <v>0</v>
      </c>
      <c r="BW1148" s="166">
        <v>0</v>
      </c>
      <c r="BX1148" s="166">
        <v>0</v>
      </c>
      <c r="BY1148" s="166">
        <v>0</v>
      </c>
      <c r="BZ1148" s="166">
        <v>0</v>
      </c>
      <c r="CA1148" s="166">
        <v>0</v>
      </c>
      <c r="CB1148" s="166">
        <v>0</v>
      </c>
      <c r="CC1148" s="166">
        <v>0</v>
      </c>
      <c r="CD1148" s="166">
        <v>0</v>
      </c>
      <c r="CE1148" s="166">
        <v>0</v>
      </c>
      <c r="CF1148" s="166">
        <v>0</v>
      </c>
      <c r="CG1148" s="166">
        <v>0</v>
      </c>
      <c r="CH1148" s="166">
        <v>0</v>
      </c>
      <c r="CI1148" s="166">
        <v>0</v>
      </c>
      <c r="CJ1148" s="166">
        <v>0</v>
      </c>
      <c r="CK1148" s="166">
        <v>0</v>
      </c>
      <c r="CL1148" s="166">
        <v>0</v>
      </c>
      <c r="CM1148" s="166">
        <v>0</v>
      </c>
      <c r="CN1148" s="166">
        <v>0</v>
      </c>
      <c r="CO1148" s="166">
        <v>0</v>
      </c>
      <c r="CP1148" s="166">
        <v>0</v>
      </c>
      <c r="CQ1148" s="166">
        <v>0</v>
      </c>
      <c r="CR1148" s="166">
        <v>0</v>
      </c>
      <c r="CS1148" s="166">
        <v>0</v>
      </c>
      <c r="CT1148" s="166">
        <v>0</v>
      </c>
      <c r="CU1148" s="166">
        <v>0</v>
      </c>
      <c r="CV1148" s="166">
        <v>0</v>
      </c>
      <c r="CW1148" s="166">
        <v>0</v>
      </c>
      <c r="CX1148" s="166">
        <v>0</v>
      </c>
      <c r="CY1148" s="166">
        <v>0</v>
      </c>
      <c r="CZ1148" s="166">
        <v>0</v>
      </c>
    </row>
    <row r="1149" spans="1:104" x14ac:dyDescent="0.2">
      <c r="A1149" s="167" t="s">
        <v>119</v>
      </c>
      <c r="B1149" s="166">
        <v>0</v>
      </c>
      <c r="C1149" s="166">
        <v>0</v>
      </c>
      <c r="D1149" s="166">
        <v>0</v>
      </c>
      <c r="E1149" s="166">
        <v>0</v>
      </c>
      <c r="F1149" s="166">
        <v>0</v>
      </c>
      <c r="G1149" s="166">
        <v>0</v>
      </c>
      <c r="H1149" s="166">
        <v>0</v>
      </c>
      <c r="I1149" s="166">
        <v>0</v>
      </c>
      <c r="J1149" s="166">
        <v>0</v>
      </c>
      <c r="K1149" s="166">
        <v>0</v>
      </c>
      <c r="L1149" s="166">
        <v>0</v>
      </c>
      <c r="M1149" s="166">
        <v>0</v>
      </c>
      <c r="N1149" s="166">
        <v>0</v>
      </c>
      <c r="O1149" s="166">
        <v>0</v>
      </c>
      <c r="P1149" s="166">
        <v>0</v>
      </c>
      <c r="Q1149" s="166">
        <v>0</v>
      </c>
      <c r="R1149" s="166">
        <v>0</v>
      </c>
      <c r="S1149" s="166">
        <v>0</v>
      </c>
      <c r="T1149" s="166">
        <v>0</v>
      </c>
      <c r="U1149" s="166">
        <v>0</v>
      </c>
      <c r="V1149" s="166">
        <v>0</v>
      </c>
      <c r="W1149" s="166">
        <v>0</v>
      </c>
      <c r="X1149" s="166">
        <v>0</v>
      </c>
      <c r="Y1149" s="166">
        <v>0</v>
      </c>
      <c r="Z1149" s="166">
        <v>0</v>
      </c>
      <c r="AA1149" s="166">
        <v>0</v>
      </c>
      <c r="AB1149" s="166">
        <v>0</v>
      </c>
      <c r="AC1149" s="166">
        <v>0</v>
      </c>
      <c r="AD1149" s="166">
        <v>0</v>
      </c>
      <c r="AE1149" s="166">
        <v>0</v>
      </c>
      <c r="AF1149" s="166">
        <v>0</v>
      </c>
      <c r="AG1149" s="166">
        <v>0</v>
      </c>
      <c r="AH1149" s="166">
        <v>0</v>
      </c>
      <c r="AI1149" s="166">
        <v>0</v>
      </c>
      <c r="AJ1149" s="166">
        <v>0</v>
      </c>
      <c r="AK1149" s="166">
        <v>0</v>
      </c>
      <c r="AL1149" s="166">
        <v>0</v>
      </c>
      <c r="AM1149" s="166">
        <v>0</v>
      </c>
      <c r="AN1149" s="166">
        <v>0</v>
      </c>
      <c r="AO1149" s="166">
        <v>0</v>
      </c>
      <c r="AP1149" s="166">
        <v>0</v>
      </c>
      <c r="AQ1149" s="166">
        <v>0</v>
      </c>
      <c r="AR1149" s="166">
        <v>0</v>
      </c>
      <c r="AS1149" s="166">
        <v>0</v>
      </c>
      <c r="AT1149" s="166">
        <v>0</v>
      </c>
      <c r="AU1149" s="166">
        <v>0</v>
      </c>
      <c r="AV1149" s="166">
        <v>0</v>
      </c>
      <c r="AW1149" s="166">
        <v>0</v>
      </c>
      <c r="AX1149" s="166">
        <v>0</v>
      </c>
      <c r="AY1149" s="166">
        <v>0</v>
      </c>
      <c r="AZ1149" s="166">
        <v>0</v>
      </c>
      <c r="BA1149" s="166">
        <v>0</v>
      </c>
      <c r="BB1149" s="166">
        <v>0</v>
      </c>
      <c r="BC1149" s="166">
        <v>0</v>
      </c>
      <c r="BD1149" s="166">
        <v>0</v>
      </c>
      <c r="BE1149" s="166">
        <v>0</v>
      </c>
      <c r="BF1149" s="166">
        <v>0</v>
      </c>
      <c r="BG1149" s="166">
        <v>0</v>
      </c>
      <c r="BH1149" s="166">
        <v>0</v>
      </c>
      <c r="BI1149" s="166">
        <v>0</v>
      </c>
      <c r="BJ1149" s="166">
        <v>0</v>
      </c>
      <c r="BK1149" s="166">
        <v>0</v>
      </c>
      <c r="BL1149" s="166">
        <v>0</v>
      </c>
      <c r="BM1149" s="166">
        <v>0</v>
      </c>
      <c r="BN1149" s="166">
        <v>0</v>
      </c>
      <c r="BO1149" s="166">
        <v>0</v>
      </c>
      <c r="BP1149" s="166">
        <v>0</v>
      </c>
      <c r="BQ1149" s="166">
        <v>0</v>
      </c>
      <c r="BR1149" s="166">
        <v>0</v>
      </c>
      <c r="BS1149" s="166">
        <v>0</v>
      </c>
      <c r="BT1149" s="168">
        <v>0</v>
      </c>
      <c r="BU1149" s="166">
        <v>0</v>
      </c>
      <c r="BV1149" s="166">
        <v>0</v>
      </c>
      <c r="BW1149" s="166">
        <v>0</v>
      </c>
      <c r="BX1149" s="166">
        <v>0</v>
      </c>
      <c r="BY1149" s="166">
        <v>0</v>
      </c>
      <c r="BZ1149" s="166">
        <v>0</v>
      </c>
      <c r="CA1149" s="166">
        <v>0</v>
      </c>
      <c r="CB1149" s="166">
        <v>0</v>
      </c>
      <c r="CC1149" s="166">
        <v>0</v>
      </c>
      <c r="CD1149" s="166">
        <v>0</v>
      </c>
      <c r="CE1149" s="166">
        <v>0</v>
      </c>
      <c r="CF1149" s="166">
        <v>0</v>
      </c>
      <c r="CG1149" s="166">
        <v>0</v>
      </c>
      <c r="CH1149" s="166">
        <v>0</v>
      </c>
      <c r="CI1149" s="166">
        <v>0</v>
      </c>
      <c r="CJ1149" s="166">
        <v>0</v>
      </c>
      <c r="CK1149" s="166">
        <v>0</v>
      </c>
      <c r="CL1149" s="166">
        <v>0</v>
      </c>
      <c r="CM1149" s="166">
        <v>0</v>
      </c>
      <c r="CN1149" s="166">
        <v>0</v>
      </c>
      <c r="CO1149" s="166">
        <v>0</v>
      </c>
      <c r="CP1149" s="166">
        <v>0</v>
      </c>
      <c r="CQ1149" s="166">
        <v>0</v>
      </c>
      <c r="CR1149" s="166">
        <v>0</v>
      </c>
      <c r="CS1149" s="166">
        <v>0</v>
      </c>
      <c r="CT1149" s="166">
        <v>0</v>
      </c>
      <c r="CU1149" s="166">
        <v>0</v>
      </c>
      <c r="CV1149" s="166">
        <v>0</v>
      </c>
      <c r="CW1149" s="166">
        <v>0</v>
      </c>
      <c r="CX1149" s="166">
        <v>0</v>
      </c>
      <c r="CY1149" s="166">
        <v>0</v>
      </c>
      <c r="CZ1149" s="166">
        <v>0</v>
      </c>
    </row>
    <row r="1150" spans="1:104" x14ac:dyDescent="0.2">
      <c r="A1150" s="167" t="s">
        <v>120</v>
      </c>
      <c r="B1150" s="166">
        <v>0</v>
      </c>
      <c r="C1150" s="166">
        <v>0</v>
      </c>
      <c r="D1150" s="166">
        <v>0</v>
      </c>
      <c r="E1150" s="166">
        <v>0</v>
      </c>
      <c r="F1150" s="166">
        <v>0</v>
      </c>
      <c r="G1150" s="166">
        <v>0</v>
      </c>
      <c r="H1150" s="166">
        <v>0</v>
      </c>
      <c r="I1150" s="166">
        <v>0</v>
      </c>
      <c r="J1150" s="166">
        <v>0</v>
      </c>
      <c r="K1150" s="166">
        <v>0</v>
      </c>
      <c r="L1150" s="166">
        <v>0</v>
      </c>
      <c r="M1150" s="166">
        <v>0</v>
      </c>
      <c r="N1150" s="166">
        <v>0</v>
      </c>
      <c r="O1150" s="166">
        <v>0</v>
      </c>
      <c r="P1150" s="166">
        <v>0</v>
      </c>
      <c r="Q1150" s="166">
        <v>0</v>
      </c>
      <c r="R1150" s="166">
        <v>0</v>
      </c>
      <c r="S1150" s="166">
        <v>0</v>
      </c>
      <c r="T1150" s="166">
        <v>0</v>
      </c>
      <c r="U1150" s="166">
        <v>0</v>
      </c>
      <c r="V1150" s="166">
        <v>0</v>
      </c>
      <c r="W1150" s="166">
        <v>0</v>
      </c>
      <c r="X1150" s="166">
        <v>0</v>
      </c>
      <c r="Y1150" s="166">
        <v>0</v>
      </c>
      <c r="Z1150" s="166">
        <v>0</v>
      </c>
      <c r="AA1150" s="166">
        <v>0</v>
      </c>
      <c r="AB1150" s="166">
        <v>0</v>
      </c>
      <c r="AC1150" s="166">
        <v>0</v>
      </c>
      <c r="AD1150" s="166">
        <v>0</v>
      </c>
      <c r="AE1150" s="166">
        <v>0</v>
      </c>
      <c r="AF1150" s="166">
        <v>0</v>
      </c>
      <c r="AG1150" s="166">
        <v>0</v>
      </c>
      <c r="AH1150" s="166">
        <v>0</v>
      </c>
      <c r="AI1150" s="166">
        <v>0</v>
      </c>
      <c r="AJ1150" s="166">
        <v>0</v>
      </c>
      <c r="AK1150" s="166">
        <v>0</v>
      </c>
      <c r="AL1150" s="166">
        <v>0</v>
      </c>
      <c r="AM1150" s="166">
        <v>0</v>
      </c>
      <c r="AN1150" s="166">
        <v>0</v>
      </c>
      <c r="AO1150" s="166">
        <v>0</v>
      </c>
      <c r="AP1150" s="166">
        <v>0</v>
      </c>
      <c r="AQ1150" s="166">
        <v>0</v>
      </c>
      <c r="AR1150" s="166">
        <v>0</v>
      </c>
      <c r="AS1150" s="166">
        <v>0</v>
      </c>
      <c r="AT1150" s="166">
        <v>0</v>
      </c>
      <c r="AU1150" s="166">
        <v>0</v>
      </c>
      <c r="AV1150" s="166">
        <v>0</v>
      </c>
      <c r="AW1150" s="166">
        <v>0</v>
      </c>
      <c r="AX1150" s="166">
        <v>0</v>
      </c>
      <c r="AY1150" s="166">
        <v>0</v>
      </c>
      <c r="AZ1150" s="166">
        <v>0</v>
      </c>
      <c r="BA1150" s="166">
        <v>0</v>
      </c>
      <c r="BB1150" s="166">
        <v>0</v>
      </c>
      <c r="BC1150" s="166">
        <v>0</v>
      </c>
      <c r="BD1150" s="166">
        <v>0</v>
      </c>
      <c r="BE1150" s="166">
        <v>0</v>
      </c>
      <c r="BF1150" s="166">
        <v>0</v>
      </c>
      <c r="BG1150" s="166">
        <v>0</v>
      </c>
      <c r="BH1150" s="166">
        <v>0</v>
      </c>
      <c r="BI1150" s="166">
        <v>0</v>
      </c>
      <c r="BJ1150" s="166">
        <v>0</v>
      </c>
      <c r="BK1150" s="166">
        <v>0</v>
      </c>
      <c r="BL1150" s="166">
        <v>0</v>
      </c>
      <c r="BM1150" s="166">
        <v>0</v>
      </c>
      <c r="BN1150" s="166">
        <v>0</v>
      </c>
      <c r="BO1150" s="166">
        <v>0</v>
      </c>
      <c r="BP1150" s="166">
        <v>0</v>
      </c>
      <c r="BQ1150" s="166">
        <v>0</v>
      </c>
      <c r="BR1150" s="166">
        <v>0</v>
      </c>
      <c r="BS1150" s="166">
        <v>0</v>
      </c>
      <c r="BT1150" s="168">
        <v>0</v>
      </c>
      <c r="BU1150" s="166">
        <v>0</v>
      </c>
      <c r="BV1150" s="166">
        <v>0</v>
      </c>
      <c r="BW1150" s="166">
        <v>0</v>
      </c>
      <c r="BX1150" s="166">
        <v>0</v>
      </c>
      <c r="BY1150" s="166">
        <v>0</v>
      </c>
      <c r="BZ1150" s="166">
        <v>0</v>
      </c>
      <c r="CA1150" s="166">
        <v>0</v>
      </c>
      <c r="CB1150" s="166">
        <v>0</v>
      </c>
      <c r="CC1150" s="166">
        <v>0</v>
      </c>
      <c r="CD1150" s="166">
        <v>0</v>
      </c>
      <c r="CE1150" s="166">
        <v>0</v>
      </c>
      <c r="CF1150" s="166">
        <v>0</v>
      </c>
      <c r="CG1150" s="166">
        <v>0</v>
      </c>
      <c r="CH1150" s="166">
        <v>0</v>
      </c>
      <c r="CI1150" s="166">
        <v>0</v>
      </c>
      <c r="CJ1150" s="166">
        <v>0</v>
      </c>
      <c r="CK1150" s="166">
        <v>0</v>
      </c>
      <c r="CL1150" s="166">
        <v>0</v>
      </c>
      <c r="CM1150" s="166">
        <v>0</v>
      </c>
      <c r="CN1150" s="166">
        <v>0</v>
      </c>
      <c r="CO1150" s="166">
        <v>0</v>
      </c>
      <c r="CP1150" s="166">
        <v>0</v>
      </c>
      <c r="CQ1150" s="166">
        <v>0</v>
      </c>
      <c r="CR1150" s="166">
        <v>0</v>
      </c>
      <c r="CS1150" s="166">
        <v>0</v>
      </c>
      <c r="CT1150" s="166">
        <v>0</v>
      </c>
      <c r="CU1150" s="166">
        <v>0</v>
      </c>
      <c r="CV1150" s="166">
        <v>0</v>
      </c>
      <c r="CW1150" s="166">
        <v>0</v>
      </c>
      <c r="CX1150" s="166">
        <v>0</v>
      </c>
      <c r="CY1150" s="166">
        <v>0</v>
      </c>
      <c r="CZ1150" s="166">
        <v>0</v>
      </c>
    </row>
    <row r="1151" spans="1:104" x14ac:dyDescent="0.2">
      <c r="A1151" s="167" t="s">
        <v>121</v>
      </c>
      <c r="B1151" s="166">
        <v>0</v>
      </c>
      <c r="C1151" s="166">
        <v>0</v>
      </c>
      <c r="D1151" s="166">
        <v>0</v>
      </c>
      <c r="E1151" s="166">
        <v>0</v>
      </c>
      <c r="F1151" s="166">
        <v>0</v>
      </c>
      <c r="G1151" s="166">
        <v>0</v>
      </c>
      <c r="H1151" s="166">
        <v>0</v>
      </c>
      <c r="I1151" s="166">
        <v>0</v>
      </c>
      <c r="J1151" s="166">
        <v>0</v>
      </c>
      <c r="K1151" s="166">
        <v>0</v>
      </c>
      <c r="L1151" s="166">
        <v>0</v>
      </c>
      <c r="M1151" s="166">
        <v>0</v>
      </c>
      <c r="N1151" s="166">
        <v>0</v>
      </c>
      <c r="O1151" s="166">
        <v>0</v>
      </c>
      <c r="P1151" s="166">
        <v>0</v>
      </c>
      <c r="Q1151" s="166">
        <v>0</v>
      </c>
      <c r="R1151" s="166">
        <v>0</v>
      </c>
      <c r="S1151" s="166">
        <v>0</v>
      </c>
      <c r="T1151" s="166">
        <v>0</v>
      </c>
      <c r="U1151" s="166">
        <v>0</v>
      </c>
      <c r="V1151" s="166">
        <v>0</v>
      </c>
      <c r="W1151" s="166">
        <v>0</v>
      </c>
      <c r="X1151" s="166">
        <v>0</v>
      </c>
      <c r="Y1151" s="166">
        <v>0</v>
      </c>
      <c r="Z1151" s="166">
        <v>0</v>
      </c>
      <c r="AA1151" s="166">
        <v>0</v>
      </c>
      <c r="AB1151" s="166">
        <v>0</v>
      </c>
      <c r="AC1151" s="166">
        <v>0</v>
      </c>
      <c r="AD1151" s="166">
        <v>0</v>
      </c>
      <c r="AE1151" s="166">
        <v>0</v>
      </c>
      <c r="AF1151" s="166">
        <v>0</v>
      </c>
      <c r="AG1151" s="166">
        <v>0</v>
      </c>
      <c r="AH1151" s="166">
        <v>0</v>
      </c>
      <c r="AI1151" s="166">
        <v>0</v>
      </c>
      <c r="AJ1151" s="166">
        <v>0</v>
      </c>
      <c r="AK1151" s="166">
        <v>0</v>
      </c>
      <c r="AL1151" s="166">
        <v>0</v>
      </c>
      <c r="AM1151" s="166">
        <v>0</v>
      </c>
      <c r="AN1151" s="166">
        <v>0</v>
      </c>
      <c r="AO1151" s="166">
        <v>0</v>
      </c>
      <c r="AP1151" s="166">
        <v>0</v>
      </c>
      <c r="AQ1151" s="166">
        <v>0</v>
      </c>
      <c r="AR1151" s="166">
        <v>0</v>
      </c>
      <c r="AS1151" s="166">
        <v>0</v>
      </c>
      <c r="AT1151" s="166">
        <v>0</v>
      </c>
      <c r="AU1151" s="166">
        <v>0</v>
      </c>
      <c r="AV1151" s="166">
        <v>0</v>
      </c>
      <c r="AW1151" s="166">
        <v>0</v>
      </c>
      <c r="AX1151" s="166">
        <v>0</v>
      </c>
      <c r="AY1151" s="166">
        <v>0</v>
      </c>
      <c r="AZ1151" s="166">
        <v>0</v>
      </c>
      <c r="BA1151" s="166">
        <v>0</v>
      </c>
      <c r="BB1151" s="166">
        <v>0</v>
      </c>
      <c r="BC1151" s="166">
        <v>0</v>
      </c>
      <c r="BD1151" s="166">
        <v>0</v>
      </c>
      <c r="BE1151" s="166">
        <v>0</v>
      </c>
      <c r="BF1151" s="166">
        <v>0</v>
      </c>
      <c r="BG1151" s="166">
        <v>0</v>
      </c>
      <c r="BH1151" s="166">
        <v>0</v>
      </c>
      <c r="BI1151" s="166">
        <v>0</v>
      </c>
      <c r="BJ1151" s="166">
        <v>0</v>
      </c>
      <c r="BK1151" s="166">
        <v>0</v>
      </c>
      <c r="BL1151" s="166">
        <v>0</v>
      </c>
      <c r="BM1151" s="166">
        <v>0</v>
      </c>
      <c r="BN1151" s="166">
        <v>0</v>
      </c>
      <c r="BO1151" s="166">
        <v>0</v>
      </c>
      <c r="BP1151" s="166">
        <v>0</v>
      </c>
      <c r="BQ1151" s="166">
        <v>0</v>
      </c>
      <c r="BR1151" s="166">
        <v>0</v>
      </c>
      <c r="BS1151" s="166">
        <v>0</v>
      </c>
      <c r="BT1151" s="166">
        <v>0</v>
      </c>
      <c r="BU1151" s="166">
        <v>0</v>
      </c>
      <c r="BV1151" s="166">
        <v>0</v>
      </c>
      <c r="BW1151" s="166">
        <v>0</v>
      </c>
      <c r="BX1151" s="166">
        <v>0</v>
      </c>
      <c r="BY1151" s="166">
        <v>0</v>
      </c>
      <c r="BZ1151" s="166">
        <v>0</v>
      </c>
      <c r="CA1151" s="166">
        <v>0</v>
      </c>
      <c r="CB1151" s="166">
        <v>0</v>
      </c>
      <c r="CC1151" s="166">
        <v>0</v>
      </c>
      <c r="CD1151" s="166">
        <v>0</v>
      </c>
      <c r="CE1151" s="166">
        <v>0</v>
      </c>
      <c r="CF1151" s="166">
        <v>0</v>
      </c>
      <c r="CG1151" s="166">
        <v>0</v>
      </c>
      <c r="CH1151" s="166">
        <v>0</v>
      </c>
      <c r="CI1151" s="166">
        <v>0</v>
      </c>
      <c r="CJ1151" s="166">
        <v>0</v>
      </c>
      <c r="CK1151" s="166">
        <v>0</v>
      </c>
      <c r="CL1151" s="166">
        <v>0</v>
      </c>
      <c r="CM1151" s="166">
        <v>0</v>
      </c>
      <c r="CN1151" s="166">
        <v>0</v>
      </c>
      <c r="CO1151" s="166">
        <v>0</v>
      </c>
      <c r="CP1151" s="166">
        <v>0</v>
      </c>
      <c r="CQ1151" s="166">
        <v>0</v>
      </c>
      <c r="CR1151" s="166">
        <v>0</v>
      </c>
      <c r="CS1151" s="166">
        <v>0</v>
      </c>
      <c r="CT1151" s="166">
        <v>0</v>
      </c>
      <c r="CU1151" s="166">
        <v>0</v>
      </c>
      <c r="CV1151" s="166">
        <v>0</v>
      </c>
      <c r="CW1151" s="166">
        <v>0</v>
      </c>
      <c r="CX1151" s="166">
        <v>0</v>
      </c>
      <c r="CY1151" s="166">
        <v>0</v>
      </c>
      <c r="CZ1151" s="166">
        <v>0</v>
      </c>
    </row>
    <row r="1152" spans="1:104" x14ac:dyDescent="0.2">
      <c r="A1152" s="167" t="s">
        <v>122</v>
      </c>
      <c r="B1152" s="166">
        <v>0</v>
      </c>
      <c r="C1152" s="166">
        <v>0</v>
      </c>
      <c r="D1152" s="166">
        <v>0</v>
      </c>
      <c r="E1152" s="166">
        <v>0</v>
      </c>
      <c r="F1152" s="166">
        <v>0</v>
      </c>
      <c r="G1152" s="166">
        <v>0</v>
      </c>
      <c r="H1152" s="166">
        <v>0</v>
      </c>
      <c r="I1152" s="166">
        <v>0</v>
      </c>
      <c r="J1152" s="166">
        <v>0</v>
      </c>
      <c r="K1152" s="166">
        <v>0</v>
      </c>
      <c r="L1152" s="166">
        <v>0</v>
      </c>
      <c r="M1152" s="166">
        <v>0</v>
      </c>
      <c r="N1152" s="166">
        <v>0</v>
      </c>
      <c r="O1152" s="166">
        <v>0</v>
      </c>
      <c r="P1152" s="166">
        <v>0</v>
      </c>
      <c r="Q1152" s="166">
        <v>0</v>
      </c>
      <c r="R1152" s="166">
        <v>0</v>
      </c>
      <c r="S1152" s="166">
        <v>0</v>
      </c>
      <c r="T1152" s="166">
        <v>0</v>
      </c>
      <c r="U1152" s="166">
        <v>0</v>
      </c>
      <c r="V1152" s="166">
        <v>0</v>
      </c>
      <c r="W1152" s="166">
        <v>0</v>
      </c>
      <c r="X1152" s="166">
        <v>0</v>
      </c>
      <c r="Y1152" s="166">
        <v>0</v>
      </c>
      <c r="Z1152" s="166">
        <v>0</v>
      </c>
      <c r="AA1152" s="166">
        <v>0</v>
      </c>
      <c r="AB1152" s="166">
        <v>0</v>
      </c>
      <c r="AC1152" s="166">
        <v>0</v>
      </c>
      <c r="AD1152" s="166">
        <v>0</v>
      </c>
      <c r="AE1152" s="166">
        <v>0</v>
      </c>
      <c r="AF1152" s="166">
        <v>0</v>
      </c>
      <c r="AG1152" s="166">
        <v>0</v>
      </c>
      <c r="AH1152" s="166">
        <v>0</v>
      </c>
      <c r="AI1152" s="166">
        <v>0</v>
      </c>
      <c r="AJ1152" s="166">
        <v>0</v>
      </c>
      <c r="AK1152" s="166">
        <v>0</v>
      </c>
      <c r="AL1152" s="166">
        <v>0</v>
      </c>
      <c r="AM1152" s="166">
        <v>0</v>
      </c>
      <c r="AN1152" s="166">
        <v>0</v>
      </c>
      <c r="AO1152" s="166">
        <v>0</v>
      </c>
      <c r="AP1152" s="166">
        <v>0</v>
      </c>
      <c r="AQ1152" s="166">
        <v>0</v>
      </c>
      <c r="AR1152" s="166">
        <v>0</v>
      </c>
      <c r="AS1152" s="166">
        <v>0</v>
      </c>
      <c r="AT1152" s="166">
        <v>0</v>
      </c>
      <c r="AU1152" s="166">
        <v>0</v>
      </c>
      <c r="AV1152" s="166">
        <v>0</v>
      </c>
      <c r="AW1152" s="166">
        <v>0</v>
      </c>
      <c r="AX1152" s="166">
        <v>0</v>
      </c>
      <c r="AY1152" s="166">
        <v>0</v>
      </c>
      <c r="AZ1152" s="166">
        <v>0</v>
      </c>
      <c r="BA1152" s="166">
        <v>0</v>
      </c>
      <c r="BB1152" s="166">
        <v>0</v>
      </c>
      <c r="BC1152" s="166">
        <v>0</v>
      </c>
      <c r="BD1152" s="166">
        <v>0</v>
      </c>
      <c r="BE1152" s="166">
        <v>0</v>
      </c>
      <c r="BF1152" s="166">
        <v>0</v>
      </c>
      <c r="BG1152" s="166">
        <v>0</v>
      </c>
      <c r="BH1152" s="166">
        <v>0</v>
      </c>
      <c r="BI1152" s="166">
        <v>0</v>
      </c>
      <c r="BJ1152" s="166">
        <v>0</v>
      </c>
      <c r="BK1152" s="166">
        <v>0</v>
      </c>
      <c r="BL1152" s="166">
        <v>0</v>
      </c>
      <c r="BM1152" s="166">
        <v>0</v>
      </c>
      <c r="BN1152" s="166">
        <v>0</v>
      </c>
      <c r="BO1152" s="166">
        <v>0</v>
      </c>
      <c r="BP1152" s="166">
        <v>0</v>
      </c>
      <c r="BQ1152" s="166">
        <v>0</v>
      </c>
      <c r="BR1152" s="166">
        <v>0</v>
      </c>
      <c r="BS1152" s="166">
        <v>0</v>
      </c>
      <c r="BT1152" s="166">
        <v>0</v>
      </c>
      <c r="BU1152" s="166">
        <v>0</v>
      </c>
      <c r="BV1152" s="166">
        <v>0</v>
      </c>
      <c r="BW1152" s="166">
        <v>0</v>
      </c>
      <c r="BX1152" s="166">
        <v>0</v>
      </c>
      <c r="BY1152" s="166">
        <v>0</v>
      </c>
      <c r="BZ1152" s="166">
        <v>0</v>
      </c>
      <c r="CA1152" s="166">
        <v>0</v>
      </c>
      <c r="CB1152" s="166">
        <v>0</v>
      </c>
      <c r="CC1152" s="166">
        <v>0</v>
      </c>
      <c r="CD1152" s="166">
        <v>0</v>
      </c>
      <c r="CE1152" s="166">
        <v>0</v>
      </c>
      <c r="CF1152" s="166">
        <v>0</v>
      </c>
      <c r="CG1152" s="166">
        <v>0</v>
      </c>
      <c r="CH1152" s="166">
        <v>0</v>
      </c>
      <c r="CI1152" s="166">
        <v>0</v>
      </c>
      <c r="CJ1152" s="166">
        <v>0</v>
      </c>
      <c r="CK1152" s="166">
        <v>0</v>
      </c>
      <c r="CL1152" s="166">
        <v>0</v>
      </c>
      <c r="CM1152" s="166">
        <v>0</v>
      </c>
      <c r="CN1152" s="166">
        <v>0</v>
      </c>
      <c r="CO1152" s="166">
        <v>0</v>
      </c>
      <c r="CP1152" s="166">
        <v>0</v>
      </c>
      <c r="CQ1152" s="166">
        <v>0</v>
      </c>
      <c r="CR1152" s="166">
        <v>0</v>
      </c>
      <c r="CS1152" s="166">
        <v>0</v>
      </c>
      <c r="CT1152" s="166">
        <v>0</v>
      </c>
      <c r="CU1152" s="166">
        <v>0</v>
      </c>
      <c r="CV1152" s="166">
        <v>0</v>
      </c>
      <c r="CW1152" s="166">
        <v>0</v>
      </c>
      <c r="CX1152" s="166">
        <v>0</v>
      </c>
      <c r="CY1152" s="166">
        <v>0</v>
      </c>
      <c r="CZ1152" s="166">
        <v>0</v>
      </c>
    </row>
    <row r="1153" spans="1:104" x14ac:dyDescent="0.2">
      <c r="A1153" s="167" t="s">
        <v>123</v>
      </c>
      <c r="B1153" s="166">
        <v>0</v>
      </c>
      <c r="C1153" s="166">
        <v>0</v>
      </c>
      <c r="D1153" s="166">
        <v>0</v>
      </c>
      <c r="E1153" s="166">
        <v>0</v>
      </c>
      <c r="F1153" s="166">
        <v>0</v>
      </c>
      <c r="G1153" s="166">
        <v>0</v>
      </c>
      <c r="H1153" s="166">
        <v>0</v>
      </c>
      <c r="I1153" s="166">
        <v>0</v>
      </c>
      <c r="J1153" s="166">
        <v>0</v>
      </c>
      <c r="K1153" s="166">
        <v>0</v>
      </c>
      <c r="L1153" s="166">
        <v>0</v>
      </c>
      <c r="M1153" s="166">
        <v>0</v>
      </c>
      <c r="N1153" s="166">
        <v>0</v>
      </c>
      <c r="O1153" s="166">
        <v>0</v>
      </c>
      <c r="P1153" s="166">
        <v>0</v>
      </c>
      <c r="Q1153" s="166">
        <v>0</v>
      </c>
      <c r="R1153" s="166">
        <v>0</v>
      </c>
      <c r="S1153" s="166">
        <v>0</v>
      </c>
      <c r="T1153" s="166">
        <v>0</v>
      </c>
      <c r="U1153" s="166">
        <v>0</v>
      </c>
      <c r="V1153" s="166">
        <v>0</v>
      </c>
      <c r="W1153" s="166">
        <v>0</v>
      </c>
      <c r="X1153" s="166">
        <v>0</v>
      </c>
      <c r="Y1153" s="166">
        <v>0</v>
      </c>
      <c r="Z1153" s="166">
        <v>0</v>
      </c>
      <c r="AA1153" s="166">
        <v>0</v>
      </c>
      <c r="AB1153" s="166">
        <v>0</v>
      </c>
      <c r="AC1153" s="166">
        <v>0</v>
      </c>
      <c r="AD1153" s="166">
        <v>0</v>
      </c>
      <c r="AE1153" s="166">
        <v>0</v>
      </c>
      <c r="AF1153" s="166">
        <v>0</v>
      </c>
      <c r="AG1153" s="166">
        <v>0</v>
      </c>
      <c r="AH1153" s="166">
        <v>0</v>
      </c>
      <c r="AI1153" s="166">
        <v>0</v>
      </c>
      <c r="AJ1153" s="166">
        <v>0</v>
      </c>
      <c r="AK1153" s="166">
        <v>0</v>
      </c>
      <c r="AL1153" s="166">
        <v>0</v>
      </c>
      <c r="AM1153" s="166">
        <v>0</v>
      </c>
      <c r="AN1153" s="166">
        <v>0</v>
      </c>
      <c r="AO1153" s="166">
        <v>0</v>
      </c>
      <c r="AP1153" s="166">
        <v>0</v>
      </c>
      <c r="AQ1153" s="166">
        <v>0</v>
      </c>
      <c r="AR1153" s="166">
        <v>0</v>
      </c>
      <c r="AS1153" s="166">
        <v>0</v>
      </c>
      <c r="AT1153" s="166">
        <v>0</v>
      </c>
      <c r="AU1153" s="166">
        <v>0</v>
      </c>
      <c r="AV1153" s="166">
        <v>0</v>
      </c>
      <c r="AW1153" s="166">
        <v>0</v>
      </c>
      <c r="AX1153" s="166">
        <v>0</v>
      </c>
      <c r="AY1153" s="166">
        <v>0</v>
      </c>
      <c r="AZ1153" s="166">
        <v>0</v>
      </c>
      <c r="BA1153" s="166">
        <v>0</v>
      </c>
      <c r="BB1153" s="166">
        <v>0</v>
      </c>
      <c r="BC1153" s="166">
        <v>0</v>
      </c>
      <c r="BD1153" s="166">
        <v>0</v>
      </c>
      <c r="BE1153" s="166">
        <v>0</v>
      </c>
      <c r="BF1153" s="166">
        <v>0</v>
      </c>
      <c r="BG1153" s="166">
        <v>0</v>
      </c>
      <c r="BH1153" s="166">
        <v>0</v>
      </c>
      <c r="BI1153" s="166">
        <v>0</v>
      </c>
      <c r="BJ1153" s="166">
        <v>0</v>
      </c>
      <c r="BK1153" s="166">
        <v>0</v>
      </c>
      <c r="BL1153" s="166">
        <v>0</v>
      </c>
      <c r="BM1153" s="166">
        <v>0</v>
      </c>
      <c r="BN1153" s="166">
        <v>0</v>
      </c>
      <c r="BO1153" s="166">
        <v>0</v>
      </c>
      <c r="BP1153" s="166">
        <v>0</v>
      </c>
      <c r="BQ1153" s="166">
        <v>0</v>
      </c>
      <c r="BR1153" s="166">
        <v>0</v>
      </c>
      <c r="BS1153" s="166">
        <v>0</v>
      </c>
      <c r="BT1153" s="168">
        <v>0</v>
      </c>
      <c r="BU1153" s="166">
        <v>0</v>
      </c>
      <c r="BV1153" s="166">
        <v>0</v>
      </c>
      <c r="BW1153" s="166">
        <v>0</v>
      </c>
      <c r="BX1153" s="166">
        <v>0</v>
      </c>
      <c r="BY1153" s="166">
        <v>0</v>
      </c>
      <c r="BZ1153" s="166">
        <v>0</v>
      </c>
      <c r="CA1153" s="166">
        <v>0</v>
      </c>
      <c r="CB1153" s="166">
        <v>0</v>
      </c>
      <c r="CC1153" s="166">
        <v>0</v>
      </c>
      <c r="CD1153" s="166">
        <v>0</v>
      </c>
      <c r="CE1153" s="166">
        <v>0</v>
      </c>
      <c r="CF1153" s="166">
        <v>0</v>
      </c>
      <c r="CG1153" s="166">
        <v>0</v>
      </c>
      <c r="CH1153" s="166">
        <v>0</v>
      </c>
      <c r="CI1153" s="166">
        <v>0</v>
      </c>
      <c r="CJ1153" s="166">
        <v>0</v>
      </c>
      <c r="CK1153" s="166">
        <v>0</v>
      </c>
      <c r="CL1153" s="166">
        <v>0</v>
      </c>
      <c r="CM1153" s="166">
        <v>0</v>
      </c>
      <c r="CN1153" s="166">
        <v>0</v>
      </c>
      <c r="CO1153" s="166">
        <v>0</v>
      </c>
      <c r="CP1153" s="166">
        <v>0</v>
      </c>
      <c r="CQ1153" s="166">
        <v>0</v>
      </c>
      <c r="CR1153" s="166">
        <v>0</v>
      </c>
      <c r="CS1153" s="166">
        <v>0</v>
      </c>
      <c r="CT1153" s="166">
        <v>0</v>
      </c>
      <c r="CU1153" s="166">
        <v>0</v>
      </c>
      <c r="CV1153" s="166">
        <v>0</v>
      </c>
      <c r="CW1153" s="166">
        <v>0</v>
      </c>
      <c r="CX1153" s="166">
        <v>0</v>
      </c>
      <c r="CY1153" s="166">
        <v>0</v>
      </c>
      <c r="CZ1153" s="166">
        <v>0</v>
      </c>
    </row>
    <row r="1154" spans="1:104" x14ac:dyDescent="0.2">
      <c r="A1154" s="167" t="s">
        <v>124</v>
      </c>
      <c r="B1154" s="166">
        <v>0</v>
      </c>
      <c r="C1154" s="166">
        <v>0</v>
      </c>
      <c r="D1154" s="166">
        <v>0</v>
      </c>
      <c r="E1154" s="166">
        <v>0</v>
      </c>
      <c r="F1154" s="166">
        <v>0</v>
      </c>
      <c r="G1154" s="166">
        <v>0</v>
      </c>
      <c r="H1154" s="166">
        <v>0</v>
      </c>
      <c r="I1154" s="166">
        <v>0</v>
      </c>
      <c r="J1154" s="166">
        <v>0</v>
      </c>
      <c r="K1154" s="166">
        <v>0</v>
      </c>
      <c r="L1154" s="166">
        <v>0</v>
      </c>
      <c r="M1154" s="166">
        <v>0</v>
      </c>
      <c r="N1154" s="166">
        <v>0</v>
      </c>
      <c r="O1154" s="166">
        <v>0</v>
      </c>
      <c r="P1154" s="166">
        <v>0</v>
      </c>
      <c r="Q1154" s="166">
        <v>0</v>
      </c>
      <c r="R1154" s="166">
        <v>0</v>
      </c>
      <c r="S1154" s="166">
        <v>0</v>
      </c>
      <c r="T1154" s="166">
        <v>0</v>
      </c>
      <c r="U1154" s="166">
        <v>0</v>
      </c>
      <c r="V1154" s="166">
        <v>0</v>
      </c>
      <c r="W1154" s="166">
        <v>0</v>
      </c>
      <c r="X1154" s="166">
        <v>0</v>
      </c>
      <c r="Y1154" s="166">
        <v>0</v>
      </c>
      <c r="Z1154" s="166">
        <v>0</v>
      </c>
      <c r="AA1154" s="166">
        <v>0</v>
      </c>
      <c r="AB1154" s="166">
        <v>0</v>
      </c>
      <c r="AC1154" s="166">
        <v>0</v>
      </c>
      <c r="AD1154" s="166">
        <v>0</v>
      </c>
      <c r="AE1154" s="166">
        <v>0</v>
      </c>
      <c r="AF1154" s="166">
        <v>0</v>
      </c>
      <c r="AG1154" s="166">
        <v>0</v>
      </c>
      <c r="AH1154" s="166">
        <v>0</v>
      </c>
      <c r="AI1154" s="166">
        <v>0</v>
      </c>
      <c r="AJ1154" s="166">
        <v>0</v>
      </c>
      <c r="AK1154" s="166">
        <v>0</v>
      </c>
      <c r="AL1154" s="166">
        <v>0</v>
      </c>
      <c r="AM1154" s="166">
        <v>0</v>
      </c>
      <c r="AN1154" s="166">
        <v>0</v>
      </c>
      <c r="AO1154" s="166">
        <v>0</v>
      </c>
      <c r="AP1154" s="166">
        <v>0</v>
      </c>
      <c r="AQ1154" s="166">
        <v>0</v>
      </c>
      <c r="AR1154" s="166">
        <v>0</v>
      </c>
      <c r="AS1154" s="166">
        <v>0</v>
      </c>
      <c r="AT1154" s="166">
        <v>0</v>
      </c>
      <c r="AU1154" s="166">
        <v>0</v>
      </c>
      <c r="AV1154" s="166">
        <v>0</v>
      </c>
      <c r="AW1154" s="166">
        <v>0</v>
      </c>
      <c r="AX1154" s="166">
        <v>0</v>
      </c>
      <c r="AY1154" s="166">
        <v>0</v>
      </c>
      <c r="AZ1154" s="166">
        <v>0</v>
      </c>
      <c r="BA1154" s="166">
        <v>0</v>
      </c>
      <c r="BB1154" s="166">
        <v>0</v>
      </c>
      <c r="BC1154" s="166">
        <v>0</v>
      </c>
      <c r="BD1154" s="166">
        <v>0</v>
      </c>
      <c r="BE1154" s="166">
        <v>0</v>
      </c>
      <c r="BF1154" s="166">
        <v>0</v>
      </c>
      <c r="BG1154" s="166">
        <v>0</v>
      </c>
      <c r="BH1154" s="166">
        <v>0</v>
      </c>
      <c r="BI1154" s="166">
        <v>0</v>
      </c>
      <c r="BJ1154" s="166">
        <v>0</v>
      </c>
      <c r="BK1154" s="166">
        <v>0</v>
      </c>
      <c r="BL1154" s="166">
        <v>0</v>
      </c>
      <c r="BM1154" s="166">
        <v>0</v>
      </c>
      <c r="BN1154" s="166">
        <v>0</v>
      </c>
      <c r="BO1154" s="166">
        <v>0</v>
      </c>
      <c r="BP1154" s="166">
        <v>0</v>
      </c>
      <c r="BQ1154" s="166">
        <v>0</v>
      </c>
      <c r="BR1154" s="166">
        <v>0</v>
      </c>
      <c r="BS1154" s="166">
        <v>0</v>
      </c>
      <c r="BT1154" s="168">
        <v>0</v>
      </c>
      <c r="BU1154" s="166">
        <v>0</v>
      </c>
      <c r="BV1154" s="166">
        <v>0</v>
      </c>
      <c r="BW1154" s="166">
        <v>0</v>
      </c>
      <c r="BX1154" s="166">
        <v>0</v>
      </c>
      <c r="BY1154" s="166">
        <v>0</v>
      </c>
      <c r="BZ1154" s="166">
        <v>0</v>
      </c>
      <c r="CA1154" s="166">
        <v>0</v>
      </c>
      <c r="CB1154" s="166">
        <v>0</v>
      </c>
      <c r="CC1154" s="166">
        <v>0</v>
      </c>
      <c r="CD1154" s="166">
        <v>0</v>
      </c>
      <c r="CE1154" s="166">
        <v>0</v>
      </c>
      <c r="CF1154" s="166">
        <v>0</v>
      </c>
      <c r="CG1154" s="166">
        <v>0</v>
      </c>
      <c r="CH1154" s="166">
        <v>0</v>
      </c>
      <c r="CI1154" s="166">
        <v>0</v>
      </c>
      <c r="CJ1154" s="166">
        <v>0</v>
      </c>
      <c r="CK1154" s="166">
        <v>0</v>
      </c>
      <c r="CL1154" s="166">
        <v>0</v>
      </c>
      <c r="CM1154" s="166">
        <v>0</v>
      </c>
      <c r="CN1154" s="166">
        <v>0</v>
      </c>
      <c r="CO1154" s="166">
        <v>0</v>
      </c>
      <c r="CP1154" s="166">
        <v>0</v>
      </c>
      <c r="CQ1154" s="166">
        <v>0</v>
      </c>
      <c r="CR1154" s="166">
        <v>0</v>
      </c>
      <c r="CS1154" s="166">
        <v>0</v>
      </c>
      <c r="CT1154" s="166">
        <v>0</v>
      </c>
      <c r="CU1154" s="166">
        <v>0</v>
      </c>
      <c r="CV1154" s="166">
        <v>0</v>
      </c>
      <c r="CW1154" s="166">
        <v>0</v>
      </c>
      <c r="CX1154" s="166">
        <v>0</v>
      </c>
      <c r="CY1154" s="166">
        <v>0</v>
      </c>
      <c r="CZ1154" s="166">
        <v>0</v>
      </c>
    </row>
    <row r="1155" spans="1:104" x14ac:dyDescent="0.2">
      <c r="A1155" s="167" t="s">
        <v>125</v>
      </c>
      <c r="B1155" s="166">
        <v>0</v>
      </c>
      <c r="C1155" s="166">
        <v>0</v>
      </c>
      <c r="D1155" s="166">
        <v>0</v>
      </c>
      <c r="E1155" s="166">
        <v>0</v>
      </c>
      <c r="F1155" s="166">
        <v>0</v>
      </c>
      <c r="G1155" s="166">
        <v>0</v>
      </c>
      <c r="H1155" s="166">
        <v>0</v>
      </c>
      <c r="I1155" s="166">
        <v>0</v>
      </c>
      <c r="J1155" s="166">
        <v>0</v>
      </c>
      <c r="K1155" s="166">
        <v>0</v>
      </c>
      <c r="L1155" s="166">
        <v>0</v>
      </c>
      <c r="M1155" s="166">
        <v>0</v>
      </c>
      <c r="N1155" s="166">
        <v>0</v>
      </c>
      <c r="O1155" s="166">
        <v>0</v>
      </c>
      <c r="P1155" s="166">
        <v>0</v>
      </c>
      <c r="Q1155" s="166">
        <v>0</v>
      </c>
      <c r="R1155" s="166">
        <v>0</v>
      </c>
      <c r="S1155" s="166">
        <v>0</v>
      </c>
      <c r="T1155" s="166">
        <v>0</v>
      </c>
      <c r="U1155" s="166">
        <v>0</v>
      </c>
      <c r="V1155" s="166">
        <v>0</v>
      </c>
      <c r="W1155" s="166">
        <v>0</v>
      </c>
      <c r="X1155" s="166">
        <v>0</v>
      </c>
      <c r="Y1155" s="166">
        <v>0</v>
      </c>
      <c r="Z1155" s="166">
        <v>0</v>
      </c>
      <c r="AA1155" s="166">
        <v>0</v>
      </c>
      <c r="AB1155" s="166">
        <v>0</v>
      </c>
      <c r="AC1155" s="166">
        <v>0</v>
      </c>
      <c r="AD1155" s="166">
        <v>0</v>
      </c>
      <c r="AE1155" s="166">
        <v>0</v>
      </c>
      <c r="AF1155" s="166">
        <v>0</v>
      </c>
      <c r="AG1155" s="166">
        <v>0</v>
      </c>
      <c r="AH1155" s="166">
        <v>0</v>
      </c>
      <c r="AI1155" s="166">
        <v>0</v>
      </c>
      <c r="AJ1155" s="166">
        <v>0</v>
      </c>
      <c r="AK1155" s="166">
        <v>0</v>
      </c>
      <c r="AL1155" s="166">
        <v>0</v>
      </c>
      <c r="AM1155" s="166">
        <v>0</v>
      </c>
      <c r="AN1155" s="166">
        <v>0</v>
      </c>
      <c r="AO1155" s="166">
        <v>0</v>
      </c>
      <c r="AP1155" s="166">
        <v>0</v>
      </c>
      <c r="AQ1155" s="166">
        <v>0</v>
      </c>
      <c r="AR1155" s="166">
        <v>0</v>
      </c>
      <c r="AS1155" s="166">
        <v>0</v>
      </c>
      <c r="AT1155" s="166">
        <v>0</v>
      </c>
      <c r="AU1155" s="166">
        <v>0</v>
      </c>
      <c r="AV1155" s="166">
        <v>0</v>
      </c>
      <c r="AW1155" s="166">
        <v>0</v>
      </c>
      <c r="AX1155" s="166">
        <v>0</v>
      </c>
      <c r="AY1155" s="166">
        <v>0</v>
      </c>
      <c r="AZ1155" s="166">
        <v>0</v>
      </c>
      <c r="BA1155" s="166">
        <v>0</v>
      </c>
      <c r="BB1155" s="166">
        <v>0</v>
      </c>
      <c r="BC1155" s="166">
        <v>0</v>
      </c>
      <c r="BD1155" s="166">
        <v>0</v>
      </c>
      <c r="BE1155" s="166">
        <v>0</v>
      </c>
      <c r="BF1155" s="166">
        <v>0</v>
      </c>
      <c r="BG1155" s="166">
        <v>0</v>
      </c>
      <c r="BH1155" s="166">
        <v>0</v>
      </c>
      <c r="BI1155" s="166">
        <v>0</v>
      </c>
      <c r="BJ1155" s="166">
        <v>0</v>
      </c>
      <c r="BK1155" s="166">
        <v>0</v>
      </c>
      <c r="BL1155" s="166">
        <v>0</v>
      </c>
      <c r="BM1155" s="166">
        <v>0</v>
      </c>
      <c r="BN1155" s="166">
        <v>0</v>
      </c>
      <c r="BO1155" s="166">
        <v>0</v>
      </c>
      <c r="BP1155" s="166">
        <v>0</v>
      </c>
      <c r="BQ1155" s="166">
        <v>0</v>
      </c>
      <c r="BR1155" s="166">
        <v>0</v>
      </c>
      <c r="BS1155" s="166">
        <v>0</v>
      </c>
      <c r="BT1155" s="168">
        <v>0</v>
      </c>
      <c r="BU1155" s="166">
        <v>0</v>
      </c>
      <c r="BV1155" s="166">
        <v>0</v>
      </c>
      <c r="BW1155" s="166">
        <v>0</v>
      </c>
      <c r="BX1155" s="166">
        <v>0</v>
      </c>
      <c r="BY1155" s="166">
        <v>0</v>
      </c>
      <c r="BZ1155" s="166">
        <v>0</v>
      </c>
      <c r="CA1155" s="166">
        <v>0</v>
      </c>
      <c r="CB1155" s="166">
        <v>0</v>
      </c>
      <c r="CC1155" s="166">
        <v>0</v>
      </c>
      <c r="CD1155" s="166">
        <v>0</v>
      </c>
      <c r="CE1155" s="166">
        <v>0</v>
      </c>
      <c r="CF1155" s="166">
        <v>0</v>
      </c>
      <c r="CG1155" s="166">
        <v>0</v>
      </c>
      <c r="CH1155" s="166">
        <v>0</v>
      </c>
      <c r="CI1155" s="166">
        <v>0</v>
      </c>
      <c r="CJ1155" s="166">
        <v>0</v>
      </c>
      <c r="CK1155" s="166">
        <v>0</v>
      </c>
      <c r="CL1155" s="166">
        <v>0</v>
      </c>
      <c r="CM1155" s="166">
        <v>0</v>
      </c>
      <c r="CN1155" s="166">
        <v>0</v>
      </c>
      <c r="CO1155" s="166">
        <v>0</v>
      </c>
      <c r="CP1155" s="166">
        <v>0</v>
      </c>
      <c r="CQ1155" s="166">
        <v>0</v>
      </c>
      <c r="CR1155" s="166">
        <v>0</v>
      </c>
      <c r="CS1155" s="166">
        <v>0</v>
      </c>
      <c r="CT1155" s="166">
        <v>0</v>
      </c>
      <c r="CU1155" s="166">
        <v>0</v>
      </c>
      <c r="CV1155" s="166">
        <v>0</v>
      </c>
      <c r="CW1155" s="166">
        <v>0</v>
      </c>
      <c r="CX1155" s="166">
        <v>0</v>
      </c>
      <c r="CY1155" s="166">
        <v>0</v>
      </c>
      <c r="CZ1155" s="166">
        <v>0</v>
      </c>
    </row>
    <row r="1156" spans="1:104" x14ac:dyDescent="0.2">
      <c r="A1156" s="167" t="s">
        <v>126</v>
      </c>
      <c r="B1156" s="166">
        <v>0</v>
      </c>
      <c r="C1156" s="166">
        <v>0</v>
      </c>
      <c r="D1156" s="166">
        <v>0</v>
      </c>
      <c r="E1156" s="166">
        <v>0</v>
      </c>
      <c r="F1156" s="166">
        <v>0</v>
      </c>
      <c r="G1156" s="166">
        <v>0</v>
      </c>
      <c r="H1156" s="166">
        <v>0</v>
      </c>
      <c r="I1156" s="166">
        <v>0</v>
      </c>
      <c r="J1156" s="166">
        <v>0</v>
      </c>
      <c r="K1156" s="166">
        <v>0</v>
      </c>
      <c r="L1156" s="166">
        <v>0</v>
      </c>
      <c r="M1156" s="166">
        <v>0</v>
      </c>
      <c r="N1156" s="166">
        <v>0</v>
      </c>
      <c r="O1156" s="166">
        <v>0</v>
      </c>
      <c r="P1156" s="166">
        <v>0</v>
      </c>
      <c r="Q1156" s="166">
        <v>0</v>
      </c>
      <c r="R1156" s="166">
        <v>0</v>
      </c>
      <c r="S1156" s="166">
        <v>0</v>
      </c>
      <c r="T1156" s="166">
        <v>0</v>
      </c>
      <c r="U1156" s="166">
        <v>0</v>
      </c>
      <c r="V1156" s="166">
        <v>0</v>
      </c>
      <c r="W1156" s="166">
        <v>0</v>
      </c>
      <c r="X1156" s="166">
        <v>0</v>
      </c>
      <c r="Y1156" s="166">
        <v>0</v>
      </c>
      <c r="Z1156" s="166">
        <v>0</v>
      </c>
      <c r="AA1156" s="166">
        <v>0</v>
      </c>
      <c r="AB1156" s="166">
        <v>0</v>
      </c>
      <c r="AC1156" s="166">
        <v>0</v>
      </c>
      <c r="AD1156" s="166">
        <v>0</v>
      </c>
      <c r="AE1156" s="166">
        <v>0</v>
      </c>
      <c r="AF1156" s="166">
        <v>0</v>
      </c>
      <c r="AG1156" s="166">
        <v>0</v>
      </c>
      <c r="AH1156" s="166">
        <v>0</v>
      </c>
      <c r="AI1156" s="166">
        <v>0</v>
      </c>
      <c r="AJ1156" s="166">
        <v>0</v>
      </c>
      <c r="AK1156" s="166">
        <v>0</v>
      </c>
      <c r="AL1156" s="166">
        <v>0</v>
      </c>
      <c r="AM1156" s="166">
        <v>0</v>
      </c>
      <c r="AN1156" s="166">
        <v>0</v>
      </c>
      <c r="AO1156" s="166">
        <v>0</v>
      </c>
      <c r="AP1156" s="166">
        <v>0</v>
      </c>
      <c r="AQ1156" s="166">
        <v>0</v>
      </c>
      <c r="AR1156" s="166">
        <v>0</v>
      </c>
      <c r="AS1156" s="166">
        <v>0</v>
      </c>
      <c r="AT1156" s="166">
        <v>0</v>
      </c>
      <c r="AU1156" s="166">
        <v>0</v>
      </c>
      <c r="AV1156" s="166">
        <v>0</v>
      </c>
      <c r="AW1156" s="166">
        <v>0</v>
      </c>
      <c r="AX1156" s="166">
        <v>0</v>
      </c>
      <c r="AY1156" s="166">
        <v>0</v>
      </c>
      <c r="AZ1156" s="166">
        <v>0</v>
      </c>
      <c r="BA1156" s="166">
        <v>0</v>
      </c>
      <c r="BB1156" s="166">
        <v>0</v>
      </c>
      <c r="BC1156" s="166">
        <v>0</v>
      </c>
      <c r="BD1156" s="166">
        <v>0</v>
      </c>
      <c r="BE1156" s="166">
        <v>0</v>
      </c>
      <c r="BF1156" s="166">
        <v>0</v>
      </c>
      <c r="BG1156" s="166">
        <v>0</v>
      </c>
      <c r="BH1156" s="166">
        <v>0</v>
      </c>
      <c r="BI1156" s="166">
        <v>0</v>
      </c>
      <c r="BJ1156" s="166">
        <v>0</v>
      </c>
      <c r="BK1156" s="166">
        <v>0</v>
      </c>
      <c r="BL1156" s="166">
        <v>0</v>
      </c>
      <c r="BM1156" s="166">
        <v>0</v>
      </c>
      <c r="BN1156" s="166">
        <v>0</v>
      </c>
      <c r="BO1156" s="166">
        <v>0</v>
      </c>
      <c r="BP1156" s="166">
        <v>0</v>
      </c>
      <c r="BQ1156" s="166">
        <v>0</v>
      </c>
      <c r="BR1156" s="166">
        <v>0</v>
      </c>
      <c r="BS1156" s="166">
        <v>0</v>
      </c>
      <c r="BT1156" s="168">
        <v>0</v>
      </c>
      <c r="BU1156" s="166">
        <v>0</v>
      </c>
      <c r="BV1156" s="166">
        <v>0</v>
      </c>
      <c r="BW1156" s="166">
        <v>0</v>
      </c>
      <c r="BX1156" s="166">
        <v>0</v>
      </c>
      <c r="BY1156" s="166">
        <v>0</v>
      </c>
      <c r="BZ1156" s="166">
        <v>0</v>
      </c>
      <c r="CA1156" s="166">
        <v>0</v>
      </c>
      <c r="CB1156" s="166">
        <v>0</v>
      </c>
      <c r="CC1156" s="166">
        <v>0</v>
      </c>
      <c r="CD1156" s="166">
        <v>0</v>
      </c>
      <c r="CE1156" s="166">
        <v>0</v>
      </c>
      <c r="CF1156" s="166">
        <v>0</v>
      </c>
      <c r="CG1156" s="166">
        <v>0</v>
      </c>
      <c r="CH1156" s="166">
        <v>0</v>
      </c>
      <c r="CI1156" s="166">
        <v>0</v>
      </c>
      <c r="CJ1156" s="166">
        <v>0</v>
      </c>
      <c r="CK1156" s="166">
        <v>0</v>
      </c>
      <c r="CL1156" s="166">
        <v>0</v>
      </c>
      <c r="CM1156" s="166">
        <v>0</v>
      </c>
      <c r="CN1156" s="166">
        <v>0</v>
      </c>
      <c r="CO1156" s="166">
        <v>0</v>
      </c>
      <c r="CP1156" s="166">
        <v>0</v>
      </c>
      <c r="CQ1156" s="166">
        <v>0</v>
      </c>
      <c r="CR1156" s="166">
        <v>0</v>
      </c>
      <c r="CS1156" s="166">
        <v>0</v>
      </c>
      <c r="CT1156" s="166">
        <v>0</v>
      </c>
      <c r="CU1156" s="166">
        <v>0</v>
      </c>
      <c r="CV1156" s="166">
        <v>0</v>
      </c>
      <c r="CW1156" s="166">
        <v>0</v>
      </c>
      <c r="CX1156" s="166">
        <v>0</v>
      </c>
      <c r="CY1156" s="166">
        <v>0</v>
      </c>
      <c r="CZ1156" s="166">
        <v>0</v>
      </c>
    </row>
    <row r="1157" spans="1:104" x14ac:dyDescent="0.2">
      <c r="A1157" s="167" t="s">
        <v>127</v>
      </c>
      <c r="B1157" s="166">
        <v>0</v>
      </c>
      <c r="C1157" s="166">
        <v>0</v>
      </c>
      <c r="D1157" s="166">
        <v>0</v>
      </c>
      <c r="E1157" s="166">
        <v>0</v>
      </c>
      <c r="F1157" s="166">
        <v>0</v>
      </c>
      <c r="G1157" s="166">
        <v>0</v>
      </c>
      <c r="H1157" s="166">
        <v>0</v>
      </c>
      <c r="I1157" s="166">
        <v>0</v>
      </c>
      <c r="J1157" s="166">
        <v>0</v>
      </c>
      <c r="K1157" s="166">
        <v>0</v>
      </c>
      <c r="L1157" s="166">
        <v>0</v>
      </c>
      <c r="M1157" s="166">
        <v>0</v>
      </c>
      <c r="N1157" s="166">
        <v>0</v>
      </c>
      <c r="O1157" s="166">
        <v>0</v>
      </c>
      <c r="P1157" s="166">
        <v>0</v>
      </c>
      <c r="Q1157" s="166">
        <v>0</v>
      </c>
      <c r="R1157" s="166">
        <v>0</v>
      </c>
      <c r="S1157" s="166">
        <v>0</v>
      </c>
      <c r="T1157" s="166">
        <v>0</v>
      </c>
      <c r="U1157" s="166">
        <v>0</v>
      </c>
      <c r="V1157" s="166">
        <v>0</v>
      </c>
      <c r="W1157" s="166">
        <v>0</v>
      </c>
      <c r="X1157" s="166">
        <v>0</v>
      </c>
      <c r="Y1157" s="166">
        <v>0</v>
      </c>
      <c r="Z1157" s="166">
        <v>0</v>
      </c>
      <c r="AA1157" s="166">
        <v>0</v>
      </c>
      <c r="AB1157" s="166">
        <v>0</v>
      </c>
      <c r="AC1157" s="166">
        <v>0</v>
      </c>
      <c r="AD1157" s="166">
        <v>0</v>
      </c>
      <c r="AE1157" s="166">
        <v>0</v>
      </c>
      <c r="AF1157" s="166">
        <v>0</v>
      </c>
      <c r="AG1157" s="166">
        <v>0</v>
      </c>
      <c r="AH1157" s="166">
        <v>0</v>
      </c>
      <c r="AI1157" s="166">
        <v>0</v>
      </c>
      <c r="AJ1157" s="166">
        <v>0</v>
      </c>
      <c r="AK1157" s="166">
        <v>0</v>
      </c>
      <c r="AL1157" s="166">
        <v>0</v>
      </c>
      <c r="AM1157" s="166">
        <v>0</v>
      </c>
      <c r="AN1157" s="166">
        <v>0</v>
      </c>
      <c r="AO1157" s="166">
        <v>0</v>
      </c>
      <c r="AP1157" s="166">
        <v>0</v>
      </c>
      <c r="AQ1157" s="166">
        <v>0</v>
      </c>
      <c r="AR1157" s="166">
        <v>0</v>
      </c>
      <c r="AS1157" s="166">
        <v>0</v>
      </c>
      <c r="AT1157" s="166">
        <v>0</v>
      </c>
      <c r="AU1157" s="166">
        <v>0</v>
      </c>
      <c r="AV1157" s="166">
        <v>0</v>
      </c>
      <c r="AW1157" s="166">
        <v>0</v>
      </c>
      <c r="AX1157" s="166">
        <v>0</v>
      </c>
      <c r="AY1157" s="166">
        <v>0</v>
      </c>
      <c r="AZ1157" s="166">
        <v>0</v>
      </c>
      <c r="BA1157" s="166">
        <v>0</v>
      </c>
      <c r="BB1157" s="166">
        <v>0</v>
      </c>
      <c r="BC1157" s="166">
        <v>0</v>
      </c>
      <c r="BD1157" s="166">
        <v>0</v>
      </c>
      <c r="BE1157" s="166">
        <v>0</v>
      </c>
      <c r="BF1157" s="166">
        <v>0</v>
      </c>
      <c r="BG1157" s="166">
        <v>0</v>
      </c>
      <c r="BH1157" s="166">
        <v>0</v>
      </c>
      <c r="BI1157" s="166">
        <v>0</v>
      </c>
      <c r="BJ1157" s="166">
        <v>0</v>
      </c>
      <c r="BK1157" s="166">
        <v>0</v>
      </c>
      <c r="BL1157" s="166">
        <v>0</v>
      </c>
      <c r="BM1157" s="166">
        <v>0</v>
      </c>
      <c r="BN1157" s="166">
        <v>0</v>
      </c>
      <c r="BO1157" s="166">
        <v>0</v>
      </c>
      <c r="BP1157" s="166">
        <v>0</v>
      </c>
      <c r="BQ1157" s="166">
        <v>0</v>
      </c>
      <c r="BR1157" s="166">
        <v>0</v>
      </c>
      <c r="BS1157" s="166">
        <v>0</v>
      </c>
      <c r="BT1157" s="168">
        <v>0</v>
      </c>
      <c r="BU1157" s="166">
        <v>0</v>
      </c>
      <c r="BV1157" s="166">
        <v>0</v>
      </c>
      <c r="BW1157" s="166">
        <v>0</v>
      </c>
      <c r="BX1157" s="166">
        <v>0</v>
      </c>
      <c r="BY1157" s="166">
        <v>0</v>
      </c>
      <c r="BZ1157" s="166">
        <v>0</v>
      </c>
      <c r="CA1157" s="166">
        <v>0</v>
      </c>
      <c r="CB1157" s="166">
        <v>0</v>
      </c>
      <c r="CC1157" s="166">
        <v>0</v>
      </c>
      <c r="CD1157" s="166">
        <v>0</v>
      </c>
      <c r="CE1157" s="166">
        <v>0</v>
      </c>
      <c r="CF1157" s="166">
        <v>0</v>
      </c>
      <c r="CG1157" s="166">
        <v>0</v>
      </c>
      <c r="CH1157" s="166">
        <v>0</v>
      </c>
      <c r="CI1157" s="166">
        <v>0</v>
      </c>
      <c r="CJ1157" s="166">
        <v>0</v>
      </c>
      <c r="CK1157" s="166">
        <v>0</v>
      </c>
      <c r="CL1157" s="166">
        <v>0</v>
      </c>
      <c r="CM1157" s="166">
        <v>0</v>
      </c>
      <c r="CN1157" s="166">
        <v>0</v>
      </c>
      <c r="CO1157" s="166">
        <v>0</v>
      </c>
      <c r="CP1157" s="166">
        <v>0</v>
      </c>
      <c r="CQ1157" s="166">
        <v>0</v>
      </c>
      <c r="CR1157" s="166">
        <v>0</v>
      </c>
      <c r="CS1157" s="166">
        <v>0</v>
      </c>
      <c r="CT1157" s="166">
        <v>0</v>
      </c>
      <c r="CU1157" s="166">
        <v>0</v>
      </c>
      <c r="CV1157" s="166">
        <v>0</v>
      </c>
      <c r="CW1157" s="166">
        <v>0</v>
      </c>
      <c r="CX1157" s="166">
        <v>0</v>
      </c>
      <c r="CY1157" s="166">
        <v>0</v>
      </c>
      <c r="CZ1157" s="166">
        <v>0</v>
      </c>
    </row>
    <row r="1158" spans="1:104" x14ac:dyDescent="0.2">
      <c r="A1158" s="167" t="s">
        <v>128</v>
      </c>
      <c r="B1158" s="166">
        <v>0</v>
      </c>
      <c r="C1158" s="166">
        <v>25823054136.253201</v>
      </c>
      <c r="D1158" s="166">
        <v>0</v>
      </c>
      <c r="E1158" s="166">
        <v>0</v>
      </c>
      <c r="F1158" s="166">
        <v>0</v>
      </c>
      <c r="G1158" s="166">
        <v>0</v>
      </c>
      <c r="H1158" s="166">
        <v>0</v>
      </c>
      <c r="I1158" s="166">
        <v>0</v>
      </c>
      <c r="J1158" s="166">
        <v>0</v>
      </c>
      <c r="K1158" s="166">
        <v>0</v>
      </c>
      <c r="L1158" s="166">
        <v>0</v>
      </c>
      <c r="M1158" s="166">
        <v>0</v>
      </c>
      <c r="N1158" s="166">
        <v>0</v>
      </c>
      <c r="O1158" s="166">
        <v>0</v>
      </c>
      <c r="P1158" s="166">
        <v>0</v>
      </c>
      <c r="Q1158" s="166">
        <v>0</v>
      </c>
      <c r="R1158" s="166">
        <v>0</v>
      </c>
      <c r="S1158" s="166">
        <v>0</v>
      </c>
      <c r="T1158" s="166">
        <v>0</v>
      </c>
      <c r="U1158" s="166">
        <v>0</v>
      </c>
      <c r="V1158" s="166">
        <v>0</v>
      </c>
      <c r="W1158" s="166">
        <v>0</v>
      </c>
      <c r="X1158" s="166">
        <v>0</v>
      </c>
      <c r="Y1158" s="166">
        <v>0</v>
      </c>
      <c r="Z1158" s="166">
        <v>0</v>
      </c>
      <c r="AA1158" s="166">
        <v>0</v>
      </c>
      <c r="AB1158" s="166">
        <v>0</v>
      </c>
      <c r="AC1158" s="166">
        <v>0</v>
      </c>
      <c r="AD1158" s="166">
        <v>0</v>
      </c>
      <c r="AE1158" s="166">
        <v>0</v>
      </c>
      <c r="AF1158" s="166">
        <v>0</v>
      </c>
      <c r="AG1158" s="166">
        <v>0</v>
      </c>
      <c r="AH1158" s="166">
        <v>0</v>
      </c>
      <c r="AI1158" s="166">
        <v>0</v>
      </c>
      <c r="AJ1158" s="166">
        <v>0</v>
      </c>
      <c r="AK1158" s="166">
        <v>0</v>
      </c>
      <c r="AL1158" s="166">
        <v>0</v>
      </c>
      <c r="AM1158" s="166">
        <v>0</v>
      </c>
      <c r="AN1158" s="166">
        <v>0</v>
      </c>
      <c r="AO1158" s="166">
        <v>0</v>
      </c>
      <c r="AP1158" s="166">
        <v>0</v>
      </c>
      <c r="AQ1158" s="166">
        <v>0</v>
      </c>
      <c r="AR1158" s="166">
        <v>0</v>
      </c>
      <c r="AS1158" s="166">
        <v>0</v>
      </c>
      <c r="AT1158" s="166">
        <v>0</v>
      </c>
      <c r="AU1158" s="166">
        <v>0</v>
      </c>
      <c r="AV1158" s="166">
        <v>0</v>
      </c>
      <c r="AW1158" s="166">
        <v>0</v>
      </c>
      <c r="AX1158" s="166">
        <v>0</v>
      </c>
      <c r="AY1158" s="166">
        <v>0</v>
      </c>
      <c r="AZ1158" s="166">
        <v>0</v>
      </c>
      <c r="BA1158" s="166">
        <v>0</v>
      </c>
      <c r="BB1158" s="166">
        <v>0</v>
      </c>
      <c r="BC1158" s="166">
        <v>0</v>
      </c>
      <c r="BD1158" s="166">
        <v>0</v>
      </c>
      <c r="BE1158" s="166">
        <v>0</v>
      </c>
      <c r="BF1158" s="166">
        <v>0</v>
      </c>
      <c r="BG1158" s="166">
        <v>0</v>
      </c>
      <c r="BH1158" s="166">
        <v>0</v>
      </c>
      <c r="BI1158" s="166">
        <v>0</v>
      </c>
      <c r="BJ1158" s="166">
        <v>0</v>
      </c>
      <c r="BK1158" s="166">
        <v>0</v>
      </c>
      <c r="BL1158" s="166">
        <v>0</v>
      </c>
      <c r="BM1158" s="166">
        <v>0</v>
      </c>
      <c r="BN1158" s="166">
        <v>0</v>
      </c>
      <c r="BO1158" s="166">
        <v>0</v>
      </c>
      <c r="BP1158" s="166">
        <v>0</v>
      </c>
      <c r="BQ1158" s="166">
        <v>0</v>
      </c>
      <c r="BR1158" s="166">
        <v>1903614584.50527</v>
      </c>
      <c r="BS1158" s="166">
        <v>0</v>
      </c>
      <c r="BT1158" s="166">
        <v>0</v>
      </c>
      <c r="BU1158" s="166">
        <v>0</v>
      </c>
      <c r="BV1158" s="166">
        <v>0</v>
      </c>
      <c r="BW1158" s="166">
        <v>0</v>
      </c>
      <c r="BX1158" s="166">
        <v>0</v>
      </c>
      <c r="BY1158" s="166">
        <v>0</v>
      </c>
      <c r="BZ1158" s="166">
        <v>0</v>
      </c>
      <c r="CA1158" s="166">
        <v>0</v>
      </c>
      <c r="CB1158" s="166">
        <v>0</v>
      </c>
      <c r="CC1158" s="166">
        <v>0</v>
      </c>
      <c r="CD1158" s="166">
        <v>0</v>
      </c>
      <c r="CE1158" s="166">
        <v>0</v>
      </c>
      <c r="CF1158" s="166">
        <v>0</v>
      </c>
      <c r="CG1158" s="166">
        <v>0</v>
      </c>
      <c r="CH1158" s="166">
        <v>0</v>
      </c>
      <c r="CI1158" s="166">
        <v>0</v>
      </c>
      <c r="CJ1158" s="166">
        <v>0</v>
      </c>
      <c r="CK1158" s="166">
        <v>0</v>
      </c>
      <c r="CL1158" s="166">
        <v>0</v>
      </c>
      <c r="CM1158" s="166">
        <v>0</v>
      </c>
      <c r="CN1158" s="166">
        <v>0</v>
      </c>
      <c r="CO1158" s="166">
        <v>0</v>
      </c>
      <c r="CP1158" s="166">
        <v>0</v>
      </c>
      <c r="CQ1158" s="166">
        <v>0</v>
      </c>
      <c r="CR1158" s="166">
        <v>0</v>
      </c>
      <c r="CS1158" s="166">
        <v>0</v>
      </c>
      <c r="CT1158" s="166">
        <v>0</v>
      </c>
      <c r="CU1158" s="166">
        <v>0</v>
      </c>
      <c r="CV1158" s="166">
        <v>0</v>
      </c>
      <c r="CW1158" s="166">
        <v>0</v>
      </c>
      <c r="CX1158" s="166">
        <v>0</v>
      </c>
      <c r="CY1158" s="166">
        <v>0</v>
      </c>
      <c r="CZ1158" s="166">
        <v>0</v>
      </c>
    </row>
    <row r="1159" spans="1:104" x14ac:dyDescent="0.2">
      <c r="A1159" s="167" t="s">
        <v>129</v>
      </c>
    </row>
    <row r="1160" spans="1:104" x14ac:dyDescent="0.2">
      <c r="A1160" s="167" t="s">
        <v>130</v>
      </c>
    </row>
    <row r="1161" spans="1:104" ht="10.8" thickBot="1" x14ac:dyDescent="0.25">
      <c r="A1161" s="169" t="s">
        <v>131</v>
      </c>
    </row>
    <row r="1162" spans="1:104" x14ac:dyDescent="0.2">
      <c r="A1162" s="170" t="s">
        <v>132</v>
      </c>
    </row>
    <row r="1163" spans="1:104" x14ac:dyDescent="0.2">
      <c r="A1163" s="167" t="s">
        <v>133</v>
      </c>
      <c r="B1163" s="166">
        <v>11600921.169172401</v>
      </c>
      <c r="C1163" s="166">
        <v>11600921.169172401</v>
      </c>
      <c r="D1163" s="166">
        <v>0</v>
      </c>
      <c r="E1163" s="166">
        <v>0</v>
      </c>
      <c r="F1163" s="166">
        <v>0</v>
      </c>
      <c r="G1163" s="166">
        <v>0</v>
      </c>
      <c r="H1163" s="166">
        <v>0</v>
      </c>
      <c r="I1163" s="166">
        <v>0</v>
      </c>
      <c r="J1163" s="166">
        <v>0</v>
      </c>
      <c r="K1163" s="166">
        <v>0</v>
      </c>
      <c r="L1163" s="166">
        <v>0</v>
      </c>
      <c r="M1163" s="166">
        <v>0</v>
      </c>
      <c r="N1163" s="166">
        <v>0</v>
      </c>
      <c r="O1163" s="166">
        <v>0</v>
      </c>
      <c r="P1163" s="166">
        <v>0</v>
      </c>
      <c r="Q1163" s="166">
        <v>0</v>
      </c>
      <c r="R1163" s="166">
        <v>0</v>
      </c>
      <c r="S1163" s="166">
        <v>0</v>
      </c>
      <c r="T1163" s="166">
        <v>0</v>
      </c>
      <c r="U1163" s="166">
        <v>0</v>
      </c>
      <c r="V1163" s="166">
        <v>0</v>
      </c>
      <c r="W1163" s="166">
        <v>0</v>
      </c>
      <c r="X1163" s="166">
        <v>0</v>
      </c>
      <c r="Y1163" s="166">
        <v>0</v>
      </c>
      <c r="Z1163" s="166">
        <v>0</v>
      </c>
      <c r="AA1163" s="166">
        <v>0</v>
      </c>
      <c r="AB1163" s="166">
        <v>0</v>
      </c>
      <c r="AC1163" s="166">
        <v>0</v>
      </c>
      <c r="AD1163" s="166">
        <v>0</v>
      </c>
      <c r="AE1163" s="166">
        <v>0</v>
      </c>
      <c r="AF1163" s="166">
        <v>0</v>
      </c>
      <c r="AG1163" s="166">
        <v>0</v>
      </c>
      <c r="AH1163" s="166">
        <v>0</v>
      </c>
      <c r="AI1163" s="166">
        <v>0</v>
      </c>
      <c r="AJ1163" s="166">
        <v>0</v>
      </c>
      <c r="AK1163" s="166">
        <v>0</v>
      </c>
      <c r="AL1163" s="166">
        <v>0</v>
      </c>
      <c r="AM1163" s="166">
        <v>0</v>
      </c>
      <c r="AN1163" s="166">
        <v>0</v>
      </c>
      <c r="AO1163" s="166">
        <v>0</v>
      </c>
      <c r="AP1163" s="166">
        <v>0</v>
      </c>
      <c r="AQ1163" s="166">
        <v>0</v>
      </c>
      <c r="AR1163" s="166">
        <v>0</v>
      </c>
      <c r="AS1163" s="166">
        <v>0</v>
      </c>
      <c r="AT1163" s="166">
        <v>0</v>
      </c>
      <c r="AU1163" s="166">
        <v>0</v>
      </c>
      <c r="AV1163" s="166">
        <v>0</v>
      </c>
      <c r="AW1163" s="166">
        <v>0</v>
      </c>
      <c r="AX1163" s="166">
        <v>0</v>
      </c>
      <c r="AY1163" s="166">
        <v>0</v>
      </c>
      <c r="AZ1163" s="166">
        <v>0</v>
      </c>
      <c r="BA1163" s="166">
        <v>0</v>
      </c>
      <c r="BB1163" s="166">
        <v>0</v>
      </c>
      <c r="BC1163" s="166">
        <v>0</v>
      </c>
      <c r="BD1163" s="166">
        <v>0</v>
      </c>
      <c r="BE1163" s="166">
        <v>0</v>
      </c>
      <c r="BF1163" s="166">
        <v>0</v>
      </c>
      <c r="BG1163" s="166">
        <v>0</v>
      </c>
      <c r="BH1163" s="166">
        <v>0</v>
      </c>
      <c r="BI1163" s="166">
        <v>0</v>
      </c>
      <c r="BJ1163" s="166">
        <v>0</v>
      </c>
      <c r="BK1163" s="166">
        <v>0</v>
      </c>
      <c r="BL1163" s="166">
        <v>0</v>
      </c>
      <c r="BM1163" s="166">
        <v>0</v>
      </c>
      <c r="BN1163" s="166">
        <v>0</v>
      </c>
      <c r="BO1163" s="166">
        <v>0</v>
      </c>
      <c r="BP1163" s="166">
        <v>0</v>
      </c>
      <c r="BQ1163" s="166">
        <v>0</v>
      </c>
      <c r="BR1163" s="166">
        <v>11600921.169172401</v>
      </c>
      <c r="BS1163" s="166">
        <v>11600921.169172401</v>
      </c>
      <c r="BT1163" s="168">
        <v>0.999998128641303</v>
      </c>
      <c r="BU1163" s="166">
        <v>975090.15106962004</v>
      </c>
      <c r="BV1163" s="166">
        <v>11600899.4596877</v>
      </c>
      <c r="BW1163" s="166">
        <v>0</v>
      </c>
      <c r="BX1163" s="166">
        <v>0</v>
      </c>
      <c r="BY1163" s="166">
        <v>0</v>
      </c>
      <c r="BZ1163" s="166">
        <v>0</v>
      </c>
      <c r="CA1163" s="166">
        <v>0</v>
      </c>
      <c r="CB1163" s="166">
        <v>0</v>
      </c>
      <c r="CC1163" s="166">
        <v>0</v>
      </c>
      <c r="CD1163" s="166">
        <v>0</v>
      </c>
      <c r="CE1163" s="166">
        <v>0</v>
      </c>
      <c r="CF1163" s="166">
        <v>0</v>
      </c>
      <c r="CG1163" s="166">
        <v>0</v>
      </c>
      <c r="CH1163" s="166">
        <v>0</v>
      </c>
      <c r="CI1163" s="166">
        <v>0</v>
      </c>
      <c r="CJ1163" s="166">
        <v>0</v>
      </c>
      <c r="CK1163" s="166">
        <v>0</v>
      </c>
      <c r="CL1163" s="166">
        <v>0</v>
      </c>
      <c r="CM1163" s="166">
        <v>0</v>
      </c>
      <c r="CN1163" s="166">
        <v>0</v>
      </c>
      <c r="CO1163" s="166">
        <v>0</v>
      </c>
      <c r="CP1163" s="166">
        <v>0</v>
      </c>
      <c r="CQ1163" s="166">
        <v>0</v>
      </c>
      <c r="CR1163" s="166">
        <v>0</v>
      </c>
      <c r="CS1163" s="166">
        <v>0</v>
      </c>
      <c r="CT1163" s="166">
        <v>0</v>
      </c>
      <c r="CU1163" s="166">
        <v>0</v>
      </c>
      <c r="CV1163" s="166">
        <v>0</v>
      </c>
      <c r="CW1163" s="166">
        <v>0</v>
      </c>
      <c r="CX1163" s="166">
        <v>0</v>
      </c>
      <c r="CY1163" s="166">
        <v>11600899.4596877</v>
      </c>
      <c r="CZ1163" s="166">
        <v>11600899.4596877</v>
      </c>
    </row>
    <row r="1164" spans="1:104" x14ac:dyDescent="0.2">
      <c r="A1164" s="167" t="s">
        <v>134</v>
      </c>
      <c r="B1164" s="166">
        <v>7382344.1169610899</v>
      </c>
      <c r="C1164" s="166">
        <v>7382344.1169610899</v>
      </c>
      <c r="D1164" s="166">
        <v>0</v>
      </c>
      <c r="E1164" s="166">
        <v>0</v>
      </c>
      <c r="F1164" s="166">
        <v>0</v>
      </c>
      <c r="G1164" s="166">
        <v>0</v>
      </c>
      <c r="H1164" s="166">
        <v>0</v>
      </c>
      <c r="I1164" s="166">
        <v>0</v>
      </c>
      <c r="J1164" s="166">
        <v>0</v>
      </c>
      <c r="K1164" s="166">
        <v>0</v>
      </c>
      <c r="L1164" s="166">
        <v>0</v>
      </c>
      <c r="M1164" s="166">
        <v>0</v>
      </c>
      <c r="N1164" s="166">
        <v>0</v>
      </c>
      <c r="O1164" s="166">
        <v>0</v>
      </c>
      <c r="P1164" s="166">
        <v>0</v>
      </c>
      <c r="Q1164" s="166">
        <v>0</v>
      </c>
      <c r="R1164" s="166">
        <v>0</v>
      </c>
      <c r="S1164" s="166">
        <v>0</v>
      </c>
      <c r="T1164" s="166">
        <v>0</v>
      </c>
      <c r="U1164" s="166">
        <v>0</v>
      </c>
      <c r="V1164" s="166">
        <v>0</v>
      </c>
      <c r="W1164" s="166">
        <v>0</v>
      </c>
      <c r="X1164" s="166">
        <v>0</v>
      </c>
      <c r="Y1164" s="166">
        <v>0</v>
      </c>
      <c r="Z1164" s="166">
        <v>0</v>
      </c>
      <c r="AA1164" s="166">
        <v>0</v>
      </c>
      <c r="AB1164" s="166">
        <v>0</v>
      </c>
      <c r="AC1164" s="166">
        <v>0</v>
      </c>
      <c r="AD1164" s="166">
        <v>0</v>
      </c>
      <c r="AE1164" s="166">
        <v>0</v>
      </c>
      <c r="AF1164" s="166">
        <v>0</v>
      </c>
      <c r="AG1164" s="166">
        <v>0</v>
      </c>
      <c r="AH1164" s="166">
        <v>0</v>
      </c>
      <c r="AI1164" s="166">
        <v>0</v>
      </c>
      <c r="AJ1164" s="166">
        <v>0</v>
      </c>
      <c r="AK1164" s="166">
        <v>0</v>
      </c>
      <c r="AL1164" s="166">
        <v>0</v>
      </c>
      <c r="AM1164" s="166">
        <v>0</v>
      </c>
      <c r="AN1164" s="166">
        <v>0</v>
      </c>
      <c r="AO1164" s="166">
        <v>0</v>
      </c>
      <c r="AP1164" s="166">
        <v>0</v>
      </c>
      <c r="AQ1164" s="166">
        <v>0</v>
      </c>
      <c r="AR1164" s="166">
        <v>0</v>
      </c>
      <c r="AS1164" s="166">
        <v>0</v>
      </c>
      <c r="AT1164" s="166">
        <v>0</v>
      </c>
      <c r="AU1164" s="166">
        <v>0</v>
      </c>
      <c r="AV1164" s="166">
        <v>0</v>
      </c>
      <c r="AW1164" s="166">
        <v>0</v>
      </c>
      <c r="AX1164" s="166">
        <v>0</v>
      </c>
      <c r="AY1164" s="166">
        <v>0</v>
      </c>
      <c r="AZ1164" s="166">
        <v>0</v>
      </c>
      <c r="BA1164" s="166">
        <v>0</v>
      </c>
      <c r="BB1164" s="166">
        <v>0</v>
      </c>
      <c r="BC1164" s="166">
        <v>0</v>
      </c>
      <c r="BD1164" s="166">
        <v>0</v>
      </c>
      <c r="BE1164" s="166">
        <v>0</v>
      </c>
      <c r="BF1164" s="166">
        <v>0</v>
      </c>
      <c r="BG1164" s="166">
        <v>0</v>
      </c>
      <c r="BH1164" s="166">
        <v>0</v>
      </c>
      <c r="BI1164" s="166">
        <v>0</v>
      </c>
      <c r="BJ1164" s="166">
        <v>0</v>
      </c>
      <c r="BK1164" s="166">
        <v>0</v>
      </c>
      <c r="BL1164" s="166">
        <v>0</v>
      </c>
      <c r="BM1164" s="166">
        <v>0</v>
      </c>
      <c r="BN1164" s="166">
        <v>0</v>
      </c>
      <c r="BO1164" s="166">
        <v>0</v>
      </c>
      <c r="BP1164" s="166">
        <v>0</v>
      </c>
      <c r="BQ1164" s="166">
        <v>0</v>
      </c>
      <c r="BR1164" s="166">
        <v>7382344.1169610899</v>
      </c>
      <c r="BS1164" s="166">
        <v>7382344.1169610899</v>
      </c>
      <c r="BT1164" s="168">
        <v>0.95155251885650005</v>
      </c>
      <c r="BU1164" s="166">
        <v>587187.17298006895</v>
      </c>
      <c r="BV1164" s="166">
        <v>7024688.1395597896</v>
      </c>
      <c r="BW1164" s="166">
        <v>0</v>
      </c>
      <c r="BX1164" s="166">
        <v>0</v>
      </c>
      <c r="BY1164" s="166">
        <v>0</v>
      </c>
      <c r="BZ1164" s="166">
        <v>0</v>
      </c>
      <c r="CA1164" s="166">
        <v>0</v>
      </c>
      <c r="CB1164" s="166">
        <v>0</v>
      </c>
      <c r="CC1164" s="166">
        <v>0</v>
      </c>
      <c r="CD1164" s="166">
        <v>0</v>
      </c>
      <c r="CE1164" s="166">
        <v>0</v>
      </c>
      <c r="CF1164" s="166">
        <v>0</v>
      </c>
      <c r="CG1164" s="166">
        <v>0</v>
      </c>
      <c r="CH1164" s="166">
        <v>0</v>
      </c>
      <c r="CI1164" s="166">
        <v>0</v>
      </c>
      <c r="CJ1164" s="166">
        <v>0</v>
      </c>
      <c r="CK1164" s="166">
        <v>0</v>
      </c>
      <c r="CL1164" s="166">
        <v>0</v>
      </c>
      <c r="CM1164" s="166">
        <v>0</v>
      </c>
      <c r="CN1164" s="166">
        <v>0</v>
      </c>
      <c r="CO1164" s="166">
        <v>0</v>
      </c>
      <c r="CP1164" s="166">
        <v>0</v>
      </c>
      <c r="CQ1164" s="166">
        <v>0</v>
      </c>
      <c r="CR1164" s="166">
        <v>0</v>
      </c>
      <c r="CS1164" s="166">
        <v>0</v>
      </c>
      <c r="CT1164" s="166">
        <v>0</v>
      </c>
      <c r="CU1164" s="166">
        <v>0</v>
      </c>
      <c r="CV1164" s="166">
        <v>0</v>
      </c>
      <c r="CW1164" s="166">
        <v>0</v>
      </c>
      <c r="CX1164" s="166">
        <v>0</v>
      </c>
      <c r="CY1164" s="166">
        <v>7024688.1395597896</v>
      </c>
      <c r="CZ1164" s="166">
        <v>7024688.1395597896</v>
      </c>
    </row>
    <row r="1165" spans="1:104" x14ac:dyDescent="0.2">
      <c r="A1165" s="167" t="s">
        <v>135</v>
      </c>
      <c r="B1165" s="166">
        <v>1090020.76386647</v>
      </c>
      <c r="C1165" s="166">
        <v>1090020.76386647</v>
      </c>
      <c r="D1165" s="166">
        <v>0</v>
      </c>
      <c r="E1165" s="166">
        <v>0</v>
      </c>
      <c r="F1165" s="166">
        <v>0</v>
      </c>
      <c r="G1165" s="166">
        <v>0</v>
      </c>
      <c r="H1165" s="166">
        <v>0</v>
      </c>
      <c r="I1165" s="166">
        <v>0</v>
      </c>
      <c r="J1165" s="166">
        <v>0</v>
      </c>
      <c r="K1165" s="166">
        <v>0</v>
      </c>
      <c r="L1165" s="166">
        <v>0</v>
      </c>
      <c r="M1165" s="166">
        <v>0</v>
      </c>
      <c r="N1165" s="166">
        <v>0</v>
      </c>
      <c r="O1165" s="166">
        <v>0</v>
      </c>
      <c r="P1165" s="166">
        <v>0</v>
      </c>
      <c r="Q1165" s="166">
        <v>0</v>
      </c>
      <c r="R1165" s="166">
        <v>0</v>
      </c>
      <c r="S1165" s="166">
        <v>0</v>
      </c>
      <c r="T1165" s="166">
        <v>0</v>
      </c>
      <c r="U1165" s="166">
        <v>0</v>
      </c>
      <c r="V1165" s="166">
        <v>0</v>
      </c>
      <c r="W1165" s="166">
        <v>0</v>
      </c>
      <c r="X1165" s="166">
        <v>0</v>
      </c>
      <c r="Y1165" s="166">
        <v>0</v>
      </c>
      <c r="Z1165" s="166">
        <v>0</v>
      </c>
      <c r="AA1165" s="166">
        <v>0</v>
      </c>
      <c r="AB1165" s="166">
        <v>0</v>
      </c>
      <c r="AC1165" s="166">
        <v>0</v>
      </c>
      <c r="AD1165" s="166">
        <v>0</v>
      </c>
      <c r="AE1165" s="166">
        <v>0</v>
      </c>
      <c r="AF1165" s="166">
        <v>0</v>
      </c>
      <c r="AG1165" s="166">
        <v>0</v>
      </c>
      <c r="AH1165" s="166">
        <v>0</v>
      </c>
      <c r="AI1165" s="166">
        <v>0</v>
      </c>
      <c r="AJ1165" s="166">
        <v>0</v>
      </c>
      <c r="AK1165" s="166">
        <v>0</v>
      </c>
      <c r="AL1165" s="166">
        <v>0</v>
      </c>
      <c r="AM1165" s="166">
        <v>0</v>
      </c>
      <c r="AN1165" s="166">
        <v>0</v>
      </c>
      <c r="AO1165" s="166">
        <v>0</v>
      </c>
      <c r="AP1165" s="166">
        <v>0</v>
      </c>
      <c r="AQ1165" s="166">
        <v>0</v>
      </c>
      <c r="AR1165" s="166">
        <v>0</v>
      </c>
      <c r="AS1165" s="166">
        <v>0</v>
      </c>
      <c r="AT1165" s="166">
        <v>0</v>
      </c>
      <c r="AU1165" s="166">
        <v>0</v>
      </c>
      <c r="AV1165" s="166">
        <v>0</v>
      </c>
      <c r="AW1165" s="166">
        <v>0</v>
      </c>
      <c r="AX1165" s="166">
        <v>0</v>
      </c>
      <c r="AY1165" s="166">
        <v>0</v>
      </c>
      <c r="AZ1165" s="166">
        <v>0</v>
      </c>
      <c r="BA1165" s="166">
        <v>0</v>
      </c>
      <c r="BB1165" s="166">
        <v>0</v>
      </c>
      <c r="BC1165" s="166">
        <v>0</v>
      </c>
      <c r="BD1165" s="166">
        <v>0</v>
      </c>
      <c r="BE1165" s="166">
        <v>0</v>
      </c>
      <c r="BF1165" s="166">
        <v>0</v>
      </c>
      <c r="BG1165" s="166">
        <v>0</v>
      </c>
      <c r="BH1165" s="166">
        <v>0</v>
      </c>
      <c r="BI1165" s="166">
        <v>0</v>
      </c>
      <c r="BJ1165" s="166">
        <v>0</v>
      </c>
      <c r="BK1165" s="166">
        <v>0</v>
      </c>
      <c r="BL1165" s="166">
        <v>0</v>
      </c>
      <c r="BM1165" s="166">
        <v>0</v>
      </c>
      <c r="BN1165" s="166">
        <v>0</v>
      </c>
      <c r="BO1165" s="166">
        <v>0</v>
      </c>
      <c r="BP1165" s="166">
        <v>0</v>
      </c>
      <c r="BQ1165" s="166">
        <v>0</v>
      </c>
      <c r="BR1165" s="166">
        <v>1090020.76386647</v>
      </c>
      <c r="BS1165" s="166">
        <v>1090020.76386647</v>
      </c>
      <c r="BT1165" s="168">
        <v>0.97633653435224499</v>
      </c>
      <c r="BU1165" s="166">
        <v>95029.372809491004</v>
      </c>
      <c r="BV1165" s="166">
        <v>1064227.0949653799</v>
      </c>
      <c r="BW1165" s="166">
        <v>0</v>
      </c>
      <c r="BX1165" s="166">
        <v>0</v>
      </c>
      <c r="BY1165" s="166">
        <v>0</v>
      </c>
      <c r="BZ1165" s="166">
        <v>0</v>
      </c>
      <c r="CA1165" s="166">
        <v>0</v>
      </c>
      <c r="CB1165" s="166">
        <v>0</v>
      </c>
      <c r="CC1165" s="166">
        <v>0</v>
      </c>
      <c r="CD1165" s="166">
        <v>0</v>
      </c>
      <c r="CE1165" s="166">
        <v>0</v>
      </c>
      <c r="CF1165" s="166">
        <v>0</v>
      </c>
      <c r="CG1165" s="166">
        <v>0</v>
      </c>
      <c r="CH1165" s="166">
        <v>0</v>
      </c>
      <c r="CI1165" s="166">
        <v>0</v>
      </c>
      <c r="CJ1165" s="166">
        <v>0</v>
      </c>
      <c r="CK1165" s="166">
        <v>0</v>
      </c>
      <c r="CL1165" s="166">
        <v>0</v>
      </c>
      <c r="CM1165" s="166">
        <v>0</v>
      </c>
      <c r="CN1165" s="166">
        <v>0</v>
      </c>
      <c r="CO1165" s="166">
        <v>0</v>
      </c>
      <c r="CP1165" s="166">
        <v>0</v>
      </c>
      <c r="CQ1165" s="166">
        <v>0</v>
      </c>
      <c r="CR1165" s="166">
        <v>0</v>
      </c>
      <c r="CS1165" s="166">
        <v>0</v>
      </c>
      <c r="CT1165" s="166">
        <v>0</v>
      </c>
      <c r="CU1165" s="166">
        <v>0</v>
      </c>
      <c r="CV1165" s="166">
        <v>0</v>
      </c>
      <c r="CW1165" s="166">
        <v>0</v>
      </c>
      <c r="CX1165" s="166">
        <v>0</v>
      </c>
      <c r="CY1165" s="166">
        <v>1064227.0949653799</v>
      </c>
      <c r="CZ1165" s="166">
        <v>1064227.0949653799</v>
      </c>
    </row>
    <row r="1166" spans="1:104" x14ac:dyDescent="0.2">
      <c r="A1166" s="167" t="s">
        <v>136</v>
      </c>
      <c r="B1166" s="166">
        <v>20073286.0499999</v>
      </c>
      <c r="C1166" s="166">
        <v>20073286.0499999</v>
      </c>
      <c r="D1166" s="166">
        <v>0</v>
      </c>
      <c r="E1166" s="166">
        <v>0</v>
      </c>
      <c r="F1166" s="166">
        <v>0</v>
      </c>
      <c r="G1166" s="166">
        <v>0</v>
      </c>
      <c r="H1166" s="166">
        <v>0</v>
      </c>
      <c r="I1166" s="166">
        <v>0</v>
      </c>
      <c r="J1166" s="166">
        <v>0</v>
      </c>
      <c r="K1166" s="166">
        <v>0</v>
      </c>
      <c r="L1166" s="166">
        <v>0</v>
      </c>
      <c r="M1166" s="166">
        <v>0</v>
      </c>
      <c r="N1166" s="166">
        <v>0</v>
      </c>
      <c r="O1166" s="166">
        <v>0</v>
      </c>
      <c r="P1166" s="166">
        <v>0</v>
      </c>
      <c r="Q1166" s="166">
        <v>0</v>
      </c>
      <c r="R1166" s="166">
        <v>0</v>
      </c>
      <c r="S1166" s="166">
        <v>0</v>
      </c>
      <c r="T1166" s="166">
        <v>0</v>
      </c>
      <c r="U1166" s="166">
        <v>0</v>
      </c>
      <c r="V1166" s="166">
        <v>0</v>
      </c>
      <c r="W1166" s="166">
        <v>0</v>
      </c>
      <c r="X1166" s="166">
        <v>0</v>
      </c>
      <c r="Y1166" s="166">
        <v>0</v>
      </c>
      <c r="Z1166" s="166">
        <v>0</v>
      </c>
      <c r="AA1166" s="166">
        <v>0</v>
      </c>
      <c r="AB1166" s="166">
        <v>0</v>
      </c>
      <c r="AC1166" s="166">
        <v>0</v>
      </c>
      <c r="AD1166" s="166">
        <v>0</v>
      </c>
      <c r="AE1166" s="166">
        <v>0</v>
      </c>
      <c r="AF1166" s="166">
        <v>0</v>
      </c>
      <c r="AG1166" s="166">
        <v>0</v>
      </c>
      <c r="AH1166" s="166">
        <v>0</v>
      </c>
      <c r="AI1166" s="166">
        <v>0</v>
      </c>
      <c r="AJ1166" s="166">
        <v>0</v>
      </c>
      <c r="AK1166" s="166">
        <v>0</v>
      </c>
      <c r="AL1166" s="166">
        <v>0</v>
      </c>
      <c r="AM1166" s="166">
        <v>0</v>
      </c>
      <c r="AN1166" s="166">
        <v>0</v>
      </c>
      <c r="AO1166" s="166">
        <v>0</v>
      </c>
      <c r="AP1166" s="166">
        <v>0</v>
      </c>
      <c r="AQ1166" s="166">
        <v>0</v>
      </c>
      <c r="AR1166" s="166">
        <v>0</v>
      </c>
      <c r="AS1166" s="166">
        <v>0</v>
      </c>
      <c r="AT1166" s="166">
        <v>0</v>
      </c>
      <c r="AU1166" s="166">
        <v>0</v>
      </c>
      <c r="AV1166" s="166">
        <v>0</v>
      </c>
      <c r="AW1166" s="166">
        <v>0</v>
      </c>
      <c r="AX1166" s="166">
        <v>0</v>
      </c>
      <c r="AY1166" s="166">
        <v>0</v>
      </c>
      <c r="AZ1166" s="166">
        <v>0</v>
      </c>
      <c r="BA1166" s="166">
        <v>0</v>
      </c>
      <c r="BB1166" s="166">
        <v>0</v>
      </c>
      <c r="BC1166" s="166">
        <v>0</v>
      </c>
      <c r="BD1166" s="166">
        <v>0</v>
      </c>
      <c r="BE1166" s="166">
        <v>0</v>
      </c>
      <c r="BF1166" s="166">
        <v>0</v>
      </c>
      <c r="BG1166" s="166">
        <v>0</v>
      </c>
      <c r="BH1166" s="166">
        <v>0</v>
      </c>
      <c r="BI1166" s="166">
        <v>0</v>
      </c>
      <c r="BJ1166" s="166">
        <v>0</v>
      </c>
      <c r="BK1166" s="166">
        <v>0</v>
      </c>
      <c r="BL1166" s="166">
        <v>0</v>
      </c>
      <c r="BM1166" s="166">
        <v>0</v>
      </c>
      <c r="BN1166" s="166">
        <v>0</v>
      </c>
      <c r="BO1166" s="166">
        <v>0</v>
      </c>
      <c r="BP1166" s="166">
        <v>0</v>
      </c>
      <c r="BQ1166" s="166">
        <v>0</v>
      </c>
      <c r="BR1166" s="166">
        <v>20073286.0499999</v>
      </c>
      <c r="BS1166" s="166">
        <v>20073286.0499999</v>
      </c>
      <c r="BT1166" s="168">
        <v>0</v>
      </c>
      <c r="BU1166" s="166">
        <v>1657306.69685918</v>
      </c>
      <c r="BV1166" s="166">
        <v>19689814.694212802</v>
      </c>
      <c r="BW1166" s="166">
        <v>0</v>
      </c>
      <c r="BX1166" s="166">
        <v>0</v>
      </c>
      <c r="BY1166" s="166">
        <v>0</v>
      </c>
      <c r="BZ1166" s="166">
        <v>0</v>
      </c>
      <c r="CA1166" s="166">
        <v>0</v>
      </c>
      <c r="CB1166" s="166">
        <v>0</v>
      </c>
      <c r="CC1166" s="166">
        <v>0</v>
      </c>
      <c r="CD1166" s="166">
        <v>0</v>
      </c>
      <c r="CE1166" s="166">
        <v>0</v>
      </c>
      <c r="CF1166" s="166">
        <v>0</v>
      </c>
      <c r="CG1166" s="166">
        <v>0</v>
      </c>
      <c r="CH1166" s="166">
        <v>0</v>
      </c>
      <c r="CI1166" s="166">
        <v>0</v>
      </c>
      <c r="CJ1166" s="166">
        <v>0</v>
      </c>
      <c r="CK1166" s="166">
        <v>0</v>
      </c>
      <c r="CL1166" s="166">
        <v>0</v>
      </c>
      <c r="CM1166" s="166">
        <v>0</v>
      </c>
      <c r="CN1166" s="166">
        <v>0</v>
      </c>
      <c r="CO1166" s="166">
        <v>0</v>
      </c>
      <c r="CP1166" s="166">
        <v>0</v>
      </c>
      <c r="CQ1166" s="166">
        <v>0</v>
      </c>
      <c r="CR1166" s="166">
        <v>0</v>
      </c>
      <c r="CS1166" s="166">
        <v>0</v>
      </c>
      <c r="CT1166" s="166">
        <v>0</v>
      </c>
      <c r="CU1166" s="166">
        <v>0</v>
      </c>
      <c r="CV1166" s="166">
        <v>0</v>
      </c>
      <c r="CW1166" s="166">
        <v>0</v>
      </c>
      <c r="CX1166" s="166">
        <v>0</v>
      </c>
      <c r="CY1166" s="166">
        <v>19689814.694212802</v>
      </c>
      <c r="CZ1166" s="166">
        <v>19689814.694212802</v>
      </c>
    </row>
    <row r="1167" spans="1:104" x14ac:dyDescent="0.2">
      <c r="A1167" s="167" t="s">
        <v>137</v>
      </c>
    </row>
    <row r="1168" spans="1:104" x14ac:dyDescent="0.2">
      <c r="A1168" s="167" t="s">
        <v>138</v>
      </c>
      <c r="B1168" s="166">
        <v>49301617.405798502</v>
      </c>
      <c r="C1168" s="166">
        <v>49301617.405798502</v>
      </c>
      <c r="D1168" s="166">
        <v>0</v>
      </c>
      <c r="E1168" s="166">
        <v>0</v>
      </c>
      <c r="F1168" s="166">
        <v>0</v>
      </c>
      <c r="G1168" s="166">
        <v>0</v>
      </c>
      <c r="H1168" s="166">
        <v>0</v>
      </c>
      <c r="I1168" s="166">
        <v>0</v>
      </c>
      <c r="J1168" s="166">
        <v>0</v>
      </c>
      <c r="K1168" s="166">
        <v>0</v>
      </c>
      <c r="L1168" s="166">
        <v>0</v>
      </c>
      <c r="M1168" s="166">
        <v>0</v>
      </c>
      <c r="N1168" s="166">
        <v>0</v>
      </c>
      <c r="O1168" s="166">
        <v>0</v>
      </c>
      <c r="P1168" s="166">
        <v>0</v>
      </c>
      <c r="Q1168" s="166">
        <v>0</v>
      </c>
      <c r="R1168" s="166">
        <v>0</v>
      </c>
      <c r="S1168" s="166">
        <v>0</v>
      </c>
      <c r="T1168" s="166">
        <v>0</v>
      </c>
      <c r="U1168" s="166">
        <v>0</v>
      </c>
      <c r="V1168" s="166">
        <v>0</v>
      </c>
      <c r="W1168" s="166">
        <v>0</v>
      </c>
      <c r="X1168" s="166">
        <v>0</v>
      </c>
      <c r="Y1168" s="166">
        <v>0</v>
      </c>
      <c r="Z1168" s="166">
        <v>0</v>
      </c>
      <c r="AA1168" s="166">
        <v>0</v>
      </c>
      <c r="AB1168" s="166">
        <v>0</v>
      </c>
      <c r="AC1168" s="166">
        <v>0</v>
      </c>
      <c r="AD1168" s="166">
        <v>0</v>
      </c>
      <c r="AE1168" s="166">
        <v>0</v>
      </c>
      <c r="AF1168" s="166">
        <v>0</v>
      </c>
      <c r="AG1168" s="166">
        <v>0</v>
      </c>
      <c r="AH1168" s="166">
        <v>0</v>
      </c>
      <c r="AI1168" s="166">
        <v>0</v>
      </c>
      <c r="AJ1168" s="166">
        <v>0</v>
      </c>
      <c r="AK1168" s="166">
        <v>0</v>
      </c>
      <c r="AL1168" s="166">
        <v>0</v>
      </c>
      <c r="AM1168" s="166">
        <v>0</v>
      </c>
      <c r="AN1168" s="166">
        <v>0</v>
      </c>
      <c r="AO1168" s="166">
        <v>0</v>
      </c>
      <c r="AP1168" s="166">
        <v>0</v>
      </c>
      <c r="AQ1168" s="166">
        <v>0</v>
      </c>
      <c r="AR1168" s="166">
        <v>0</v>
      </c>
      <c r="AS1168" s="166">
        <v>0</v>
      </c>
      <c r="AT1168" s="166">
        <v>0</v>
      </c>
      <c r="AU1168" s="166">
        <v>0</v>
      </c>
      <c r="AV1168" s="166">
        <v>0</v>
      </c>
      <c r="AW1168" s="166">
        <v>0</v>
      </c>
      <c r="AX1168" s="166">
        <v>0</v>
      </c>
      <c r="AY1168" s="166">
        <v>0</v>
      </c>
      <c r="AZ1168" s="166">
        <v>0</v>
      </c>
      <c r="BA1168" s="166">
        <v>0</v>
      </c>
      <c r="BB1168" s="166">
        <v>0</v>
      </c>
      <c r="BC1168" s="166">
        <v>0</v>
      </c>
      <c r="BD1168" s="166">
        <v>0</v>
      </c>
      <c r="BE1168" s="166">
        <v>0</v>
      </c>
      <c r="BF1168" s="166">
        <v>0</v>
      </c>
      <c r="BG1168" s="166">
        <v>0</v>
      </c>
      <c r="BH1168" s="166">
        <v>0</v>
      </c>
      <c r="BI1168" s="166">
        <v>0</v>
      </c>
      <c r="BJ1168" s="166">
        <v>0</v>
      </c>
      <c r="BK1168" s="166">
        <v>0</v>
      </c>
      <c r="BL1168" s="166">
        <v>0</v>
      </c>
      <c r="BM1168" s="166">
        <v>0</v>
      </c>
      <c r="BN1168" s="166">
        <v>0</v>
      </c>
      <c r="BO1168" s="166">
        <v>0</v>
      </c>
      <c r="BP1168" s="166">
        <v>0</v>
      </c>
      <c r="BQ1168" s="166">
        <v>0</v>
      </c>
      <c r="BR1168" s="166">
        <v>49301617.405798502</v>
      </c>
      <c r="BS1168" s="166">
        <v>49301617.405798502</v>
      </c>
      <c r="BT1168" s="168">
        <v>0.99999526481343304</v>
      </c>
      <c r="BU1168" s="166">
        <v>4151752.1392453699</v>
      </c>
      <c r="BV1168" s="166">
        <v>49301383.953442</v>
      </c>
      <c r="BW1168" s="166">
        <v>0</v>
      </c>
      <c r="BX1168" s="166">
        <v>0</v>
      </c>
      <c r="BY1168" s="166">
        <v>0</v>
      </c>
      <c r="BZ1168" s="166">
        <v>0</v>
      </c>
      <c r="CA1168" s="166">
        <v>0</v>
      </c>
      <c r="CB1168" s="166">
        <v>0</v>
      </c>
      <c r="CC1168" s="166">
        <v>0</v>
      </c>
      <c r="CD1168" s="166">
        <v>0</v>
      </c>
      <c r="CE1168" s="166">
        <v>0</v>
      </c>
      <c r="CF1168" s="166">
        <v>0</v>
      </c>
      <c r="CG1168" s="166">
        <v>0</v>
      </c>
      <c r="CH1168" s="166">
        <v>0</v>
      </c>
      <c r="CI1168" s="166">
        <v>0</v>
      </c>
      <c r="CJ1168" s="166">
        <v>0</v>
      </c>
      <c r="CK1168" s="166">
        <v>0</v>
      </c>
      <c r="CL1168" s="166">
        <v>0</v>
      </c>
      <c r="CM1168" s="166">
        <v>0</v>
      </c>
      <c r="CN1168" s="166">
        <v>0</v>
      </c>
      <c r="CO1168" s="166">
        <v>0</v>
      </c>
      <c r="CP1168" s="166">
        <v>0</v>
      </c>
      <c r="CQ1168" s="166">
        <v>0</v>
      </c>
      <c r="CR1168" s="166">
        <v>0</v>
      </c>
      <c r="CS1168" s="166">
        <v>0</v>
      </c>
      <c r="CT1168" s="166">
        <v>0</v>
      </c>
      <c r="CU1168" s="166">
        <v>0</v>
      </c>
      <c r="CV1168" s="166">
        <v>0</v>
      </c>
      <c r="CW1168" s="166">
        <v>0</v>
      </c>
      <c r="CX1168" s="166">
        <v>0</v>
      </c>
      <c r="CY1168" s="166">
        <v>49301383.953442</v>
      </c>
      <c r="CZ1168" s="166">
        <v>49301383.953442</v>
      </c>
    </row>
    <row r="1169" spans="1:104" x14ac:dyDescent="0.2">
      <c r="A1169" s="167" t="s">
        <v>139</v>
      </c>
      <c r="B1169" s="166">
        <v>5962550.0509733399</v>
      </c>
      <c r="C1169" s="166">
        <v>5962550.0509733399</v>
      </c>
      <c r="D1169" s="166">
        <v>0</v>
      </c>
      <c r="E1169" s="166">
        <v>0</v>
      </c>
      <c r="F1169" s="166">
        <v>0</v>
      </c>
      <c r="G1169" s="166">
        <v>0</v>
      </c>
      <c r="H1169" s="166">
        <v>0</v>
      </c>
      <c r="I1169" s="166">
        <v>0</v>
      </c>
      <c r="J1169" s="166">
        <v>0</v>
      </c>
      <c r="K1169" s="166">
        <v>0</v>
      </c>
      <c r="L1169" s="166">
        <v>0</v>
      </c>
      <c r="M1169" s="166">
        <v>0</v>
      </c>
      <c r="N1169" s="166">
        <v>0</v>
      </c>
      <c r="O1169" s="166">
        <v>0</v>
      </c>
      <c r="P1169" s="166">
        <v>0</v>
      </c>
      <c r="Q1169" s="166">
        <v>0</v>
      </c>
      <c r="R1169" s="166">
        <v>0</v>
      </c>
      <c r="S1169" s="166">
        <v>0</v>
      </c>
      <c r="T1169" s="166">
        <v>0</v>
      </c>
      <c r="U1169" s="166">
        <v>0</v>
      </c>
      <c r="V1169" s="166">
        <v>0</v>
      </c>
      <c r="W1169" s="166">
        <v>0</v>
      </c>
      <c r="X1169" s="166">
        <v>0</v>
      </c>
      <c r="Y1169" s="166">
        <v>0</v>
      </c>
      <c r="Z1169" s="166">
        <v>0</v>
      </c>
      <c r="AA1169" s="166">
        <v>0</v>
      </c>
      <c r="AB1169" s="166">
        <v>0</v>
      </c>
      <c r="AC1169" s="166">
        <v>0</v>
      </c>
      <c r="AD1169" s="166">
        <v>0</v>
      </c>
      <c r="AE1169" s="166">
        <v>0</v>
      </c>
      <c r="AF1169" s="166">
        <v>0</v>
      </c>
      <c r="AG1169" s="166">
        <v>0</v>
      </c>
      <c r="AH1169" s="166">
        <v>0</v>
      </c>
      <c r="AI1169" s="166">
        <v>0</v>
      </c>
      <c r="AJ1169" s="166">
        <v>0</v>
      </c>
      <c r="AK1169" s="166">
        <v>0</v>
      </c>
      <c r="AL1169" s="166">
        <v>0</v>
      </c>
      <c r="AM1169" s="166">
        <v>0</v>
      </c>
      <c r="AN1169" s="166">
        <v>0</v>
      </c>
      <c r="AO1169" s="166">
        <v>0</v>
      </c>
      <c r="AP1169" s="166">
        <v>0</v>
      </c>
      <c r="AQ1169" s="166">
        <v>0</v>
      </c>
      <c r="AR1169" s="166">
        <v>0</v>
      </c>
      <c r="AS1169" s="166">
        <v>0</v>
      </c>
      <c r="AT1169" s="166">
        <v>0</v>
      </c>
      <c r="AU1169" s="166">
        <v>0</v>
      </c>
      <c r="AV1169" s="166">
        <v>0</v>
      </c>
      <c r="AW1169" s="166">
        <v>0</v>
      </c>
      <c r="AX1169" s="166">
        <v>0</v>
      </c>
      <c r="AY1169" s="166">
        <v>0</v>
      </c>
      <c r="AZ1169" s="166">
        <v>0</v>
      </c>
      <c r="BA1169" s="166">
        <v>0</v>
      </c>
      <c r="BB1169" s="166">
        <v>0</v>
      </c>
      <c r="BC1169" s="166">
        <v>0</v>
      </c>
      <c r="BD1169" s="166">
        <v>0</v>
      </c>
      <c r="BE1169" s="166">
        <v>0</v>
      </c>
      <c r="BF1169" s="166">
        <v>0</v>
      </c>
      <c r="BG1169" s="166">
        <v>0</v>
      </c>
      <c r="BH1169" s="166">
        <v>0</v>
      </c>
      <c r="BI1169" s="166">
        <v>0</v>
      </c>
      <c r="BJ1169" s="166">
        <v>0</v>
      </c>
      <c r="BK1169" s="166">
        <v>0</v>
      </c>
      <c r="BL1169" s="166">
        <v>0</v>
      </c>
      <c r="BM1169" s="166">
        <v>0</v>
      </c>
      <c r="BN1169" s="166">
        <v>0</v>
      </c>
      <c r="BO1169" s="166">
        <v>0</v>
      </c>
      <c r="BP1169" s="166">
        <v>0</v>
      </c>
      <c r="BQ1169" s="166">
        <v>0</v>
      </c>
      <c r="BR1169" s="166">
        <v>5962550.0509733399</v>
      </c>
      <c r="BS1169" s="166">
        <v>5962550.0509733399</v>
      </c>
      <c r="BT1169" s="168">
        <v>0.93083533845459898</v>
      </c>
      <c r="BU1169" s="166">
        <v>279292.32095970301</v>
      </c>
      <c r="BV1169" s="166">
        <v>5550152.2947502499</v>
      </c>
      <c r="BW1169" s="166">
        <v>0</v>
      </c>
      <c r="BX1169" s="166">
        <v>0</v>
      </c>
      <c r="BY1169" s="166">
        <v>0</v>
      </c>
      <c r="BZ1169" s="166">
        <v>0</v>
      </c>
      <c r="CA1169" s="166">
        <v>0</v>
      </c>
      <c r="CB1169" s="166">
        <v>0</v>
      </c>
      <c r="CC1169" s="166">
        <v>0</v>
      </c>
      <c r="CD1169" s="166">
        <v>0</v>
      </c>
      <c r="CE1169" s="166">
        <v>0</v>
      </c>
      <c r="CF1169" s="166">
        <v>0</v>
      </c>
      <c r="CG1169" s="166">
        <v>0</v>
      </c>
      <c r="CH1169" s="166">
        <v>0</v>
      </c>
      <c r="CI1169" s="166">
        <v>0</v>
      </c>
      <c r="CJ1169" s="166">
        <v>0</v>
      </c>
      <c r="CK1169" s="166">
        <v>0</v>
      </c>
      <c r="CL1169" s="166">
        <v>0</v>
      </c>
      <c r="CM1169" s="166">
        <v>0</v>
      </c>
      <c r="CN1169" s="166">
        <v>0</v>
      </c>
      <c r="CO1169" s="166">
        <v>0</v>
      </c>
      <c r="CP1169" s="166">
        <v>0</v>
      </c>
      <c r="CQ1169" s="166">
        <v>0</v>
      </c>
      <c r="CR1169" s="166">
        <v>0</v>
      </c>
      <c r="CS1169" s="166">
        <v>0</v>
      </c>
      <c r="CT1169" s="166">
        <v>0</v>
      </c>
      <c r="CU1169" s="166">
        <v>0</v>
      </c>
      <c r="CV1169" s="166">
        <v>0</v>
      </c>
      <c r="CW1169" s="166">
        <v>0</v>
      </c>
      <c r="CX1169" s="166">
        <v>0</v>
      </c>
      <c r="CY1169" s="166">
        <v>5550152.2947502499</v>
      </c>
      <c r="CZ1169" s="166">
        <v>5550152.2947502499</v>
      </c>
    </row>
    <row r="1170" spans="1:104" x14ac:dyDescent="0.2">
      <c r="A1170" s="167" t="s">
        <v>140</v>
      </c>
      <c r="B1170" s="166">
        <v>1049221.76528682</v>
      </c>
      <c r="C1170" s="166">
        <v>1049221.76528682</v>
      </c>
      <c r="D1170" s="166">
        <v>0</v>
      </c>
      <c r="E1170" s="166">
        <v>0</v>
      </c>
      <c r="F1170" s="166">
        <v>0</v>
      </c>
      <c r="G1170" s="166">
        <v>0</v>
      </c>
      <c r="H1170" s="166">
        <v>0</v>
      </c>
      <c r="I1170" s="166">
        <v>0</v>
      </c>
      <c r="J1170" s="166">
        <v>0</v>
      </c>
      <c r="K1170" s="166">
        <v>0</v>
      </c>
      <c r="L1170" s="166">
        <v>0</v>
      </c>
      <c r="M1170" s="166">
        <v>0</v>
      </c>
      <c r="N1170" s="166">
        <v>0</v>
      </c>
      <c r="O1170" s="166">
        <v>0</v>
      </c>
      <c r="P1170" s="166">
        <v>0</v>
      </c>
      <c r="Q1170" s="166">
        <v>0</v>
      </c>
      <c r="R1170" s="166">
        <v>0</v>
      </c>
      <c r="S1170" s="166">
        <v>0</v>
      </c>
      <c r="T1170" s="166">
        <v>0</v>
      </c>
      <c r="U1170" s="166">
        <v>0</v>
      </c>
      <c r="V1170" s="166">
        <v>0</v>
      </c>
      <c r="W1170" s="166">
        <v>0</v>
      </c>
      <c r="X1170" s="166">
        <v>0</v>
      </c>
      <c r="Y1170" s="166">
        <v>0</v>
      </c>
      <c r="Z1170" s="166">
        <v>0</v>
      </c>
      <c r="AA1170" s="166">
        <v>0</v>
      </c>
      <c r="AB1170" s="166">
        <v>0</v>
      </c>
      <c r="AC1170" s="166">
        <v>0</v>
      </c>
      <c r="AD1170" s="166">
        <v>0</v>
      </c>
      <c r="AE1170" s="166">
        <v>0</v>
      </c>
      <c r="AF1170" s="166">
        <v>0</v>
      </c>
      <c r="AG1170" s="166">
        <v>0</v>
      </c>
      <c r="AH1170" s="166">
        <v>0</v>
      </c>
      <c r="AI1170" s="166">
        <v>0</v>
      </c>
      <c r="AJ1170" s="166">
        <v>0</v>
      </c>
      <c r="AK1170" s="166">
        <v>0</v>
      </c>
      <c r="AL1170" s="166">
        <v>0</v>
      </c>
      <c r="AM1170" s="166">
        <v>0</v>
      </c>
      <c r="AN1170" s="166">
        <v>0</v>
      </c>
      <c r="AO1170" s="166">
        <v>0</v>
      </c>
      <c r="AP1170" s="166">
        <v>0</v>
      </c>
      <c r="AQ1170" s="166">
        <v>0</v>
      </c>
      <c r="AR1170" s="166">
        <v>0</v>
      </c>
      <c r="AS1170" s="166">
        <v>0</v>
      </c>
      <c r="AT1170" s="166">
        <v>0</v>
      </c>
      <c r="AU1170" s="166">
        <v>0</v>
      </c>
      <c r="AV1170" s="166">
        <v>0</v>
      </c>
      <c r="AW1170" s="166">
        <v>0</v>
      </c>
      <c r="AX1170" s="166">
        <v>0</v>
      </c>
      <c r="AY1170" s="166">
        <v>0</v>
      </c>
      <c r="AZ1170" s="166">
        <v>0</v>
      </c>
      <c r="BA1170" s="166">
        <v>0</v>
      </c>
      <c r="BB1170" s="166">
        <v>0</v>
      </c>
      <c r="BC1170" s="166">
        <v>0</v>
      </c>
      <c r="BD1170" s="166">
        <v>0</v>
      </c>
      <c r="BE1170" s="166">
        <v>0</v>
      </c>
      <c r="BF1170" s="166">
        <v>0</v>
      </c>
      <c r="BG1170" s="166">
        <v>0</v>
      </c>
      <c r="BH1170" s="166">
        <v>0</v>
      </c>
      <c r="BI1170" s="166">
        <v>0</v>
      </c>
      <c r="BJ1170" s="166">
        <v>0</v>
      </c>
      <c r="BK1170" s="166">
        <v>0</v>
      </c>
      <c r="BL1170" s="166">
        <v>0</v>
      </c>
      <c r="BM1170" s="166">
        <v>0</v>
      </c>
      <c r="BN1170" s="166">
        <v>0</v>
      </c>
      <c r="BO1170" s="166">
        <v>0</v>
      </c>
      <c r="BP1170" s="166">
        <v>0</v>
      </c>
      <c r="BQ1170" s="166">
        <v>0</v>
      </c>
      <c r="BR1170" s="166">
        <v>1049221.76528682</v>
      </c>
      <c r="BS1170" s="166">
        <v>1049221.76528682</v>
      </c>
      <c r="BT1170" s="168">
        <v>0.98433591600457504</v>
      </c>
      <c r="BU1170" s="166">
        <v>99830.491908520897</v>
      </c>
      <c r="BV1170" s="166">
        <v>1032786.66742554</v>
      </c>
      <c r="BW1170" s="166">
        <v>0</v>
      </c>
      <c r="BX1170" s="166">
        <v>0</v>
      </c>
      <c r="BY1170" s="166">
        <v>0</v>
      </c>
      <c r="BZ1170" s="166">
        <v>0</v>
      </c>
      <c r="CA1170" s="166">
        <v>0</v>
      </c>
      <c r="CB1170" s="166">
        <v>0</v>
      </c>
      <c r="CC1170" s="166">
        <v>0</v>
      </c>
      <c r="CD1170" s="166">
        <v>0</v>
      </c>
      <c r="CE1170" s="166">
        <v>0</v>
      </c>
      <c r="CF1170" s="166">
        <v>0</v>
      </c>
      <c r="CG1170" s="166">
        <v>0</v>
      </c>
      <c r="CH1170" s="166">
        <v>0</v>
      </c>
      <c r="CI1170" s="166">
        <v>0</v>
      </c>
      <c r="CJ1170" s="166">
        <v>0</v>
      </c>
      <c r="CK1170" s="166">
        <v>0</v>
      </c>
      <c r="CL1170" s="166">
        <v>0</v>
      </c>
      <c r="CM1170" s="166">
        <v>0</v>
      </c>
      <c r="CN1170" s="166">
        <v>0</v>
      </c>
      <c r="CO1170" s="166">
        <v>0</v>
      </c>
      <c r="CP1170" s="166">
        <v>0</v>
      </c>
      <c r="CQ1170" s="166">
        <v>0</v>
      </c>
      <c r="CR1170" s="166">
        <v>0</v>
      </c>
      <c r="CS1170" s="166">
        <v>0</v>
      </c>
      <c r="CT1170" s="166">
        <v>0</v>
      </c>
      <c r="CU1170" s="166">
        <v>0</v>
      </c>
      <c r="CV1170" s="166">
        <v>0</v>
      </c>
      <c r="CW1170" s="166">
        <v>0</v>
      </c>
      <c r="CX1170" s="166">
        <v>0</v>
      </c>
      <c r="CY1170" s="166">
        <v>1032786.66742554</v>
      </c>
      <c r="CZ1170" s="166">
        <v>1032786.66742554</v>
      </c>
    </row>
    <row r="1171" spans="1:104" x14ac:dyDescent="0.2">
      <c r="A1171" s="167" t="s">
        <v>141</v>
      </c>
      <c r="B1171" s="166">
        <v>56313389.222058602</v>
      </c>
      <c r="C1171" s="166">
        <v>56313389.222058602</v>
      </c>
      <c r="D1171" s="166">
        <v>0</v>
      </c>
      <c r="E1171" s="166">
        <v>0</v>
      </c>
      <c r="F1171" s="166">
        <v>0</v>
      </c>
      <c r="G1171" s="166">
        <v>0</v>
      </c>
      <c r="H1171" s="166">
        <v>0</v>
      </c>
      <c r="I1171" s="166">
        <v>0</v>
      </c>
      <c r="J1171" s="166">
        <v>0</v>
      </c>
      <c r="K1171" s="166">
        <v>0</v>
      </c>
      <c r="L1171" s="166">
        <v>0</v>
      </c>
      <c r="M1171" s="166">
        <v>0</v>
      </c>
      <c r="N1171" s="166">
        <v>0</v>
      </c>
      <c r="O1171" s="166">
        <v>0</v>
      </c>
      <c r="P1171" s="166">
        <v>0</v>
      </c>
      <c r="Q1171" s="166">
        <v>0</v>
      </c>
      <c r="R1171" s="166">
        <v>0</v>
      </c>
      <c r="S1171" s="166">
        <v>0</v>
      </c>
      <c r="T1171" s="166">
        <v>0</v>
      </c>
      <c r="U1171" s="166">
        <v>0</v>
      </c>
      <c r="V1171" s="166">
        <v>0</v>
      </c>
      <c r="W1171" s="166">
        <v>0</v>
      </c>
      <c r="X1171" s="166">
        <v>0</v>
      </c>
      <c r="Y1171" s="166">
        <v>0</v>
      </c>
      <c r="Z1171" s="166">
        <v>0</v>
      </c>
      <c r="AA1171" s="166">
        <v>0</v>
      </c>
      <c r="AB1171" s="166">
        <v>0</v>
      </c>
      <c r="AC1171" s="166">
        <v>0</v>
      </c>
      <c r="AD1171" s="166">
        <v>0</v>
      </c>
      <c r="AE1171" s="166">
        <v>0</v>
      </c>
      <c r="AF1171" s="166">
        <v>0</v>
      </c>
      <c r="AG1171" s="166">
        <v>0</v>
      </c>
      <c r="AH1171" s="166">
        <v>0</v>
      </c>
      <c r="AI1171" s="166">
        <v>0</v>
      </c>
      <c r="AJ1171" s="166">
        <v>0</v>
      </c>
      <c r="AK1171" s="166">
        <v>0</v>
      </c>
      <c r="AL1171" s="166">
        <v>0</v>
      </c>
      <c r="AM1171" s="166">
        <v>0</v>
      </c>
      <c r="AN1171" s="166">
        <v>0</v>
      </c>
      <c r="AO1171" s="166">
        <v>0</v>
      </c>
      <c r="AP1171" s="166">
        <v>0</v>
      </c>
      <c r="AQ1171" s="166">
        <v>0</v>
      </c>
      <c r="AR1171" s="166">
        <v>0</v>
      </c>
      <c r="AS1171" s="166">
        <v>0</v>
      </c>
      <c r="AT1171" s="166">
        <v>0</v>
      </c>
      <c r="AU1171" s="166">
        <v>0</v>
      </c>
      <c r="AV1171" s="166">
        <v>0</v>
      </c>
      <c r="AW1171" s="166">
        <v>0</v>
      </c>
      <c r="AX1171" s="166">
        <v>0</v>
      </c>
      <c r="AY1171" s="166">
        <v>0</v>
      </c>
      <c r="AZ1171" s="166">
        <v>0</v>
      </c>
      <c r="BA1171" s="166">
        <v>0</v>
      </c>
      <c r="BB1171" s="166">
        <v>0</v>
      </c>
      <c r="BC1171" s="166">
        <v>0</v>
      </c>
      <c r="BD1171" s="166">
        <v>0</v>
      </c>
      <c r="BE1171" s="166">
        <v>0</v>
      </c>
      <c r="BF1171" s="166">
        <v>0</v>
      </c>
      <c r="BG1171" s="166">
        <v>0</v>
      </c>
      <c r="BH1171" s="166">
        <v>0</v>
      </c>
      <c r="BI1171" s="166">
        <v>0</v>
      </c>
      <c r="BJ1171" s="166">
        <v>0</v>
      </c>
      <c r="BK1171" s="166">
        <v>0</v>
      </c>
      <c r="BL1171" s="166">
        <v>0</v>
      </c>
      <c r="BM1171" s="166">
        <v>0</v>
      </c>
      <c r="BN1171" s="166">
        <v>0</v>
      </c>
      <c r="BO1171" s="166">
        <v>0</v>
      </c>
      <c r="BP1171" s="166">
        <v>0</v>
      </c>
      <c r="BQ1171" s="166">
        <v>0</v>
      </c>
      <c r="BR1171" s="166">
        <v>56313389.222058602</v>
      </c>
      <c r="BS1171" s="166">
        <v>56313389.222058602</v>
      </c>
      <c r="BT1171" s="168">
        <v>0</v>
      </c>
      <c r="BU1171" s="166">
        <v>4530874.9521136004</v>
      </c>
      <c r="BV1171" s="166">
        <v>55884322.915617801</v>
      </c>
      <c r="BW1171" s="166">
        <v>0</v>
      </c>
      <c r="BX1171" s="166">
        <v>0</v>
      </c>
      <c r="BY1171" s="166">
        <v>0</v>
      </c>
      <c r="BZ1171" s="166">
        <v>0</v>
      </c>
      <c r="CA1171" s="166">
        <v>0</v>
      </c>
      <c r="CB1171" s="166">
        <v>0</v>
      </c>
      <c r="CC1171" s="166">
        <v>0</v>
      </c>
      <c r="CD1171" s="166">
        <v>0</v>
      </c>
      <c r="CE1171" s="166">
        <v>0</v>
      </c>
      <c r="CF1171" s="166">
        <v>0</v>
      </c>
      <c r="CG1171" s="166">
        <v>0</v>
      </c>
      <c r="CH1171" s="166">
        <v>0</v>
      </c>
      <c r="CI1171" s="166">
        <v>0</v>
      </c>
      <c r="CJ1171" s="166">
        <v>0</v>
      </c>
      <c r="CK1171" s="166">
        <v>0</v>
      </c>
      <c r="CL1171" s="166">
        <v>0</v>
      </c>
      <c r="CM1171" s="166">
        <v>0</v>
      </c>
      <c r="CN1171" s="166">
        <v>0</v>
      </c>
      <c r="CO1171" s="166">
        <v>0</v>
      </c>
      <c r="CP1171" s="166">
        <v>0</v>
      </c>
      <c r="CQ1171" s="166">
        <v>0</v>
      </c>
      <c r="CR1171" s="166">
        <v>0</v>
      </c>
      <c r="CS1171" s="166">
        <v>0</v>
      </c>
      <c r="CT1171" s="166">
        <v>0</v>
      </c>
      <c r="CU1171" s="166">
        <v>0</v>
      </c>
      <c r="CV1171" s="166">
        <v>0</v>
      </c>
      <c r="CW1171" s="166">
        <v>0</v>
      </c>
      <c r="CX1171" s="166">
        <v>0</v>
      </c>
      <c r="CY1171" s="166">
        <v>55884322.915617801</v>
      </c>
      <c r="CZ1171" s="166">
        <v>55884322.915617801</v>
      </c>
    </row>
    <row r="1172" spans="1:104" x14ac:dyDescent="0.2">
      <c r="A1172" s="170" t="s">
        <v>142</v>
      </c>
      <c r="B1172" s="166">
        <v>76386675.272058606</v>
      </c>
      <c r="C1172" s="166">
        <v>76386675.272058606</v>
      </c>
      <c r="D1172" s="166">
        <v>0</v>
      </c>
      <c r="E1172" s="166">
        <v>0</v>
      </c>
      <c r="F1172" s="166">
        <v>0</v>
      </c>
      <c r="G1172" s="166">
        <v>0</v>
      </c>
      <c r="H1172" s="166">
        <v>0</v>
      </c>
      <c r="I1172" s="166">
        <v>0</v>
      </c>
      <c r="J1172" s="166">
        <v>0</v>
      </c>
      <c r="K1172" s="166">
        <v>0</v>
      </c>
      <c r="L1172" s="166">
        <v>0</v>
      </c>
      <c r="M1172" s="166">
        <v>0</v>
      </c>
      <c r="N1172" s="166">
        <v>0</v>
      </c>
      <c r="O1172" s="166">
        <v>0</v>
      </c>
      <c r="P1172" s="166">
        <v>0</v>
      </c>
      <c r="Q1172" s="166">
        <v>0</v>
      </c>
      <c r="R1172" s="166">
        <v>0</v>
      </c>
      <c r="S1172" s="166">
        <v>0</v>
      </c>
      <c r="T1172" s="166">
        <v>0</v>
      </c>
      <c r="U1172" s="166">
        <v>0</v>
      </c>
      <c r="V1172" s="166">
        <v>0</v>
      </c>
      <c r="W1172" s="166">
        <v>0</v>
      </c>
      <c r="X1172" s="166">
        <v>0</v>
      </c>
      <c r="Y1172" s="166">
        <v>0</v>
      </c>
      <c r="Z1172" s="166">
        <v>0</v>
      </c>
      <c r="AA1172" s="166">
        <v>0</v>
      </c>
      <c r="AB1172" s="166">
        <v>0</v>
      </c>
      <c r="AC1172" s="166">
        <v>0</v>
      </c>
      <c r="AD1172" s="166">
        <v>0</v>
      </c>
      <c r="AE1172" s="166">
        <v>0</v>
      </c>
      <c r="AF1172" s="166">
        <v>0</v>
      </c>
      <c r="AG1172" s="166">
        <v>0</v>
      </c>
      <c r="AH1172" s="166">
        <v>0</v>
      </c>
      <c r="AI1172" s="166">
        <v>0</v>
      </c>
      <c r="AJ1172" s="166">
        <v>0</v>
      </c>
      <c r="AK1172" s="166">
        <v>0</v>
      </c>
      <c r="AL1172" s="166">
        <v>0</v>
      </c>
      <c r="AM1172" s="166">
        <v>0</v>
      </c>
      <c r="AN1172" s="166">
        <v>0</v>
      </c>
      <c r="AO1172" s="166">
        <v>0</v>
      </c>
      <c r="AP1172" s="166">
        <v>0</v>
      </c>
      <c r="AQ1172" s="166">
        <v>0</v>
      </c>
      <c r="AR1172" s="166">
        <v>0</v>
      </c>
      <c r="AS1172" s="166">
        <v>0</v>
      </c>
      <c r="AT1172" s="166">
        <v>0</v>
      </c>
      <c r="AU1172" s="166">
        <v>0</v>
      </c>
      <c r="AV1172" s="166">
        <v>0</v>
      </c>
      <c r="AW1172" s="166">
        <v>0</v>
      </c>
      <c r="AX1172" s="166">
        <v>0</v>
      </c>
      <c r="AY1172" s="166">
        <v>0</v>
      </c>
      <c r="AZ1172" s="166">
        <v>0</v>
      </c>
      <c r="BA1172" s="166">
        <v>0</v>
      </c>
      <c r="BB1172" s="166">
        <v>0</v>
      </c>
      <c r="BC1172" s="166">
        <v>0</v>
      </c>
      <c r="BD1172" s="166">
        <v>0</v>
      </c>
      <c r="BE1172" s="166">
        <v>0</v>
      </c>
      <c r="BF1172" s="166">
        <v>0</v>
      </c>
      <c r="BG1172" s="166">
        <v>0</v>
      </c>
      <c r="BH1172" s="166">
        <v>0</v>
      </c>
      <c r="BI1172" s="166">
        <v>0</v>
      </c>
      <c r="BJ1172" s="166">
        <v>0</v>
      </c>
      <c r="BK1172" s="166">
        <v>0</v>
      </c>
      <c r="BL1172" s="166">
        <v>0</v>
      </c>
      <c r="BM1172" s="166">
        <v>0</v>
      </c>
      <c r="BN1172" s="166">
        <v>0</v>
      </c>
      <c r="BO1172" s="166">
        <v>0</v>
      </c>
      <c r="BP1172" s="166">
        <v>0</v>
      </c>
      <c r="BQ1172" s="166">
        <v>0</v>
      </c>
      <c r="BR1172" s="166">
        <v>152773350.544117</v>
      </c>
      <c r="BS1172" s="166">
        <v>76386675.272058606</v>
      </c>
      <c r="BT1172" s="168">
        <v>0</v>
      </c>
      <c r="BU1172" s="166">
        <v>6188181.6489727804</v>
      </c>
      <c r="BV1172" s="166">
        <v>75574137.609830707</v>
      </c>
      <c r="BW1172" s="166">
        <v>0</v>
      </c>
      <c r="BX1172" s="166">
        <v>0</v>
      </c>
      <c r="BY1172" s="166">
        <v>0</v>
      </c>
      <c r="BZ1172" s="166">
        <v>0</v>
      </c>
      <c r="CA1172" s="166">
        <v>0</v>
      </c>
      <c r="CB1172" s="166">
        <v>0</v>
      </c>
      <c r="CC1172" s="166">
        <v>0</v>
      </c>
      <c r="CD1172" s="166">
        <v>0</v>
      </c>
      <c r="CE1172" s="166">
        <v>0</v>
      </c>
      <c r="CF1172" s="166">
        <v>0</v>
      </c>
      <c r="CG1172" s="166">
        <v>0</v>
      </c>
      <c r="CH1172" s="166">
        <v>0</v>
      </c>
      <c r="CI1172" s="166">
        <v>0</v>
      </c>
      <c r="CJ1172" s="166">
        <v>0</v>
      </c>
      <c r="CK1172" s="166">
        <v>0</v>
      </c>
      <c r="CL1172" s="166">
        <v>0</v>
      </c>
      <c r="CM1172" s="166">
        <v>0</v>
      </c>
      <c r="CN1172" s="166">
        <v>0</v>
      </c>
      <c r="CO1172" s="166">
        <v>0</v>
      </c>
      <c r="CP1172" s="166">
        <v>0</v>
      </c>
      <c r="CQ1172" s="166">
        <v>0</v>
      </c>
      <c r="CR1172" s="166">
        <v>0</v>
      </c>
      <c r="CS1172" s="166">
        <v>0</v>
      </c>
      <c r="CT1172" s="166">
        <v>0</v>
      </c>
      <c r="CU1172" s="166">
        <v>0</v>
      </c>
      <c r="CV1172" s="166">
        <v>0</v>
      </c>
      <c r="CW1172" s="166">
        <v>0</v>
      </c>
      <c r="CX1172" s="166">
        <v>0</v>
      </c>
      <c r="CY1172" s="166">
        <v>75574137.609830707</v>
      </c>
      <c r="CZ1172" s="166">
        <v>75574137.609830707</v>
      </c>
    </row>
    <row r="1173" spans="1:104" x14ac:dyDescent="0.2">
      <c r="A1173" s="167" t="s">
        <v>143</v>
      </c>
    </row>
    <row r="1174" spans="1:104" x14ac:dyDescent="0.2">
      <c r="A1174" s="170" t="s">
        <v>144</v>
      </c>
    </row>
    <row r="1175" spans="1:104" x14ac:dyDescent="0.2">
      <c r="A1175" s="167" t="s">
        <v>1050</v>
      </c>
      <c r="B1175" s="166">
        <v>-2513029</v>
      </c>
      <c r="C1175" s="166">
        <v>-2513029</v>
      </c>
      <c r="D1175" s="166">
        <v>0</v>
      </c>
      <c r="E1175" s="166">
        <v>0</v>
      </c>
      <c r="F1175" s="166">
        <v>0</v>
      </c>
      <c r="G1175" s="166">
        <v>0</v>
      </c>
      <c r="H1175" s="166">
        <v>0</v>
      </c>
      <c r="I1175" s="166">
        <v>0</v>
      </c>
      <c r="J1175" s="166">
        <v>0</v>
      </c>
      <c r="K1175" s="166">
        <v>0</v>
      </c>
      <c r="L1175" s="166">
        <v>0</v>
      </c>
      <c r="M1175" s="166">
        <v>0</v>
      </c>
      <c r="N1175" s="166">
        <v>0</v>
      </c>
      <c r="O1175" s="166">
        <v>0</v>
      </c>
      <c r="P1175" s="166">
        <v>0</v>
      </c>
      <c r="Q1175" s="166">
        <v>0</v>
      </c>
      <c r="R1175" s="166">
        <v>0</v>
      </c>
      <c r="S1175" s="166">
        <v>0</v>
      </c>
      <c r="T1175" s="166">
        <v>0</v>
      </c>
      <c r="U1175" s="166">
        <v>0</v>
      </c>
      <c r="V1175" s="166">
        <v>0</v>
      </c>
      <c r="W1175" s="166">
        <v>0</v>
      </c>
      <c r="X1175" s="166">
        <v>0</v>
      </c>
      <c r="Y1175" s="166">
        <v>0</v>
      </c>
      <c r="Z1175" s="166">
        <v>0</v>
      </c>
      <c r="AA1175" s="166">
        <v>0</v>
      </c>
      <c r="AB1175" s="166">
        <v>0</v>
      </c>
      <c r="AC1175" s="166">
        <v>0</v>
      </c>
      <c r="AD1175" s="166">
        <v>0</v>
      </c>
      <c r="AE1175" s="166">
        <v>0</v>
      </c>
      <c r="AF1175" s="166">
        <v>0</v>
      </c>
      <c r="AG1175" s="166">
        <v>0</v>
      </c>
      <c r="AH1175" s="166">
        <v>0</v>
      </c>
      <c r="AI1175" s="166">
        <v>0</v>
      </c>
      <c r="AJ1175" s="166">
        <v>0</v>
      </c>
      <c r="AK1175" s="166">
        <v>0</v>
      </c>
      <c r="AL1175" s="166">
        <v>0</v>
      </c>
      <c r="AM1175" s="166">
        <v>0</v>
      </c>
      <c r="AN1175" s="166">
        <v>0</v>
      </c>
      <c r="AO1175" s="166">
        <v>0</v>
      </c>
      <c r="AP1175" s="166">
        <v>0</v>
      </c>
      <c r="AQ1175" s="166">
        <v>0</v>
      </c>
      <c r="AR1175" s="166">
        <v>0</v>
      </c>
      <c r="AS1175" s="166">
        <v>0</v>
      </c>
      <c r="AT1175" s="166">
        <v>0</v>
      </c>
      <c r="AU1175" s="166">
        <v>0</v>
      </c>
      <c r="AV1175" s="166">
        <v>0</v>
      </c>
      <c r="AW1175" s="166">
        <v>0</v>
      </c>
      <c r="AX1175" s="166">
        <v>0</v>
      </c>
      <c r="AY1175" s="166">
        <v>0</v>
      </c>
      <c r="AZ1175" s="166">
        <v>0</v>
      </c>
      <c r="BA1175" s="166">
        <v>0</v>
      </c>
      <c r="BB1175" s="166">
        <v>0</v>
      </c>
      <c r="BC1175" s="166">
        <v>0</v>
      </c>
      <c r="BD1175" s="166">
        <v>0</v>
      </c>
      <c r="BE1175" s="166">
        <v>0</v>
      </c>
      <c r="BF1175" s="166">
        <v>0</v>
      </c>
      <c r="BG1175" s="166">
        <v>0</v>
      </c>
      <c r="BH1175" s="166">
        <v>0</v>
      </c>
      <c r="BI1175" s="166">
        <v>0</v>
      </c>
      <c r="BJ1175" s="166">
        <v>0</v>
      </c>
      <c r="BK1175" s="166">
        <v>0</v>
      </c>
      <c r="BL1175" s="166">
        <v>0</v>
      </c>
      <c r="BM1175" s="166">
        <v>0</v>
      </c>
      <c r="BN1175" s="166">
        <v>0</v>
      </c>
      <c r="BO1175" s="166">
        <v>0</v>
      </c>
      <c r="BP1175" s="166">
        <v>0</v>
      </c>
      <c r="BQ1175" s="166">
        <v>0</v>
      </c>
      <c r="BR1175" s="166">
        <v>-2513029</v>
      </c>
      <c r="BS1175" s="166">
        <v>-2513029</v>
      </c>
      <c r="BT1175" s="168">
        <v>0.999998128641303</v>
      </c>
      <c r="BU1175" s="166">
        <v>-2003129.8714184701</v>
      </c>
      <c r="BV1175" s="166">
        <v>-2513024.2972213202</v>
      </c>
      <c r="BW1175" s="166">
        <v>0</v>
      </c>
      <c r="BX1175" s="166">
        <v>0</v>
      </c>
      <c r="BY1175" s="166">
        <v>0</v>
      </c>
      <c r="BZ1175" s="166">
        <v>0</v>
      </c>
      <c r="CA1175" s="166">
        <v>0</v>
      </c>
      <c r="CB1175" s="166">
        <v>0</v>
      </c>
      <c r="CC1175" s="166">
        <v>0</v>
      </c>
      <c r="CD1175" s="166">
        <v>0</v>
      </c>
      <c r="CE1175" s="166">
        <v>0</v>
      </c>
      <c r="CF1175" s="166">
        <v>0</v>
      </c>
      <c r="CG1175" s="166">
        <v>0</v>
      </c>
      <c r="CH1175" s="166">
        <v>0</v>
      </c>
      <c r="CI1175" s="166">
        <v>0</v>
      </c>
      <c r="CJ1175" s="166">
        <v>0</v>
      </c>
      <c r="CK1175" s="166">
        <v>0</v>
      </c>
      <c r="CL1175" s="166">
        <v>0</v>
      </c>
      <c r="CM1175" s="166">
        <v>0</v>
      </c>
      <c r="CN1175" s="166">
        <v>0</v>
      </c>
      <c r="CO1175" s="166">
        <v>0</v>
      </c>
      <c r="CP1175" s="166">
        <v>0</v>
      </c>
      <c r="CQ1175" s="166">
        <v>0</v>
      </c>
      <c r="CR1175" s="166">
        <v>0</v>
      </c>
      <c r="CS1175" s="166">
        <v>0</v>
      </c>
      <c r="CT1175" s="166">
        <v>0</v>
      </c>
      <c r="CU1175" s="166">
        <v>0</v>
      </c>
      <c r="CV1175" s="166">
        <v>0</v>
      </c>
      <c r="CW1175" s="166">
        <v>0</v>
      </c>
      <c r="CX1175" s="166">
        <v>0</v>
      </c>
      <c r="CY1175" s="166">
        <v>-2513024.2972213202</v>
      </c>
      <c r="CZ1175" s="166">
        <v>-2513024.2972213202</v>
      </c>
    </row>
    <row r="1176" spans="1:104" x14ac:dyDescent="0.2">
      <c r="A1176" s="167" t="s">
        <v>146</v>
      </c>
      <c r="B1176" s="166">
        <v>0</v>
      </c>
      <c r="C1176" s="166">
        <v>0</v>
      </c>
      <c r="D1176" s="166">
        <v>0</v>
      </c>
      <c r="E1176" s="166">
        <v>0</v>
      </c>
      <c r="F1176" s="166">
        <v>0</v>
      </c>
      <c r="G1176" s="166">
        <v>0</v>
      </c>
      <c r="H1176" s="166">
        <v>0</v>
      </c>
      <c r="I1176" s="166">
        <v>0</v>
      </c>
      <c r="J1176" s="166">
        <v>0</v>
      </c>
      <c r="K1176" s="166">
        <v>0</v>
      </c>
      <c r="L1176" s="166">
        <v>0</v>
      </c>
      <c r="M1176" s="166">
        <v>0</v>
      </c>
      <c r="N1176" s="166">
        <v>0</v>
      </c>
      <c r="O1176" s="166">
        <v>0</v>
      </c>
      <c r="P1176" s="166">
        <v>0</v>
      </c>
      <c r="Q1176" s="166">
        <v>0</v>
      </c>
      <c r="R1176" s="166">
        <v>0</v>
      </c>
      <c r="S1176" s="166">
        <v>0</v>
      </c>
      <c r="T1176" s="166">
        <v>0</v>
      </c>
      <c r="U1176" s="166">
        <v>0</v>
      </c>
      <c r="V1176" s="166">
        <v>0</v>
      </c>
      <c r="W1176" s="166">
        <v>0</v>
      </c>
      <c r="X1176" s="166">
        <v>0</v>
      </c>
      <c r="Y1176" s="166">
        <v>0</v>
      </c>
      <c r="Z1176" s="166">
        <v>0</v>
      </c>
      <c r="AA1176" s="166">
        <v>0</v>
      </c>
      <c r="AB1176" s="166">
        <v>0</v>
      </c>
      <c r="AC1176" s="166">
        <v>0</v>
      </c>
      <c r="AD1176" s="166">
        <v>0</v>
      </c>
      <c r="AE1176" s="166">
        <v>0</v>
      </c>
      <c r="AF1176" s="166">
        <v>0</v>
      </c>
      <c r="AG1176" s="166">
        <v>0</v>
      </c>
      <c r="AH1176" s="166">
        <v>0</v>
      </c>
      <c r="AI1176" s="166">
        <v>0</v>
      </c>
      <c r="AJ1176" s="166">
        <v>0</v>
      </c>
      <c r="AK1176" s="166">
        <v>0</v>
      </c>
      <c r="AL1176" s="166">
        <v>0</v>
      </c>
      <c r="AM1176" s="166">
        <v>0</v>
      </c>
      <c r="AN1176" s="166">
        <v>0</v>
      </c>
      <c r="AO1176" s="166">
        <v>0</v>
      </c>
      <c r="AP1176" s="166">
        <v>0</v>
      </c>
      <c r="AQ1176" s="166">
        <v>0</v>
      </c>
      <c r="AR1176" s="166">
        <v>0</v>
      </c>
      <c r="AS1176" s="166">
        <v>0</v>
      </c>
      <c r="AT1176" s="166">
        <v>0</v>
      </c>
      <c r="AU1176" s="166">
        <v>0</v>
      </c>
      <c r="AV1176" s="166">
        <v>0</v>
      </c>
      <c r="AW1176" s="166">
        <v>0</v>
      </c>
      <c r="AX1176" s="166">
        <v>0</v>
      </c>
      <c r="AY1176" s="166">
        <v>0</v>
      </c>
      <c r="AZ1176" s="166">
        <v>0</v>
      </c>
      <c r="BA1176" s="166">
        <v>0</v>
      </c>
      <c r="BB1176" s="166">
        <v>0</v>
      </c>
      <c r="BC1176" s="166">
        <v>0</v>
      </c>
      <c r="BD1176" s="166">
        <v>0</v>
      </c>
      <c r="BE1176" s="166">
        <v>0</v>
      </c>
      <c r="BF1176" s="166">
        <v>0</v>
      </c>
      <c r="BG1176" s="166">
        <v>0</v>
      </c>
      <c r="BH1176" s="166">
        <v>0</v>
      </c>
      <c r="BI1176" s="166">
        <v>0</v>
      </c>
      <c r="BJ1176" s="166">
        <v>0</v>
      </c>
      <c r="BK1176" s="166">
        <v>0</v>
      </c>
      <c r="BL1176" s="166">
        <v>0</v>
      </c>
      <c r="BM1176" s="166">
        <v>0</v>
      </c>
      <c r="BN1176" s="166">
        <v>0</v>
      </c>
      <c r="BO1176" s="166">
        <v>0</v>
      </c>
      <c r="BP1176" s="166">
        <v>0</v>
      </c>
      <c r="BQ1176" s="166">
        <v>0</v>
      </c>
      <c r="BR1176" s="166">
        <v>0</v>
      </c>
      <c r="BS1176" s="166">
        <v>0</v>
      </c>
      <c r="BT1176" s="168">
        <v>0.99999526481343304</v>
      </c>
      <c r="BU1176" s="166">
        <v>0</v>
      </c>
      <c r="BV1176" s="166">
        <v>0</v>
      </c>
      <c r="BW1176" s="166">
        <v>0</v>
      </c>
      <c r="BX1176" s="166">
        <v>0</v>
      </c>
      <c r="BY1176" s="166">
        <v>0</v>
      </c>
      <c r="BZ1176" s="166">
        <v>0</v>
      </c>
      <c r="CA1176" s="166">
        <v>0</v>
      </c>
      <c r="CB1176" s="166">
        <v>0</v>
      </c>
      <c r="CC1176" s="166">
        <v>0</v>
      </c>
      <c r="CD1176" s="166">
        <v>0</v>
      </c>
      <c r="CE1176" s="166">
        <v>0</v>
      </c>
      <c r="CF1176" s="166">
        <v>0</v>
      </c>
      <c r="CG1176" s="166">
        <v>0</v>
      </c>
      <c r="CH1176" s="166">
        <v>0</v>
      </c>
      <c r="CI1176" s="166">
        <v>0</v>
      </c>
      <c r="CJ1176" s="166">
        <v>0</v>
      </c>
      <c r="CK1176" s="166">
        <v>0</v>
      </c>
      <c r="CL1176" s="166">
        <v>0</v>
      </c>
      <c r="CM1176" s="166">
        <v>0</v>
      </c>
      <c r="CN1176" s="166">
        <v>0</v>
      </c>
      <c r="CO1176" s="166">
        <v>0</v>
      </c>
      <c r="CP1176" s="166">
        <v>0</v>
      </c>
      <c r="CQ1176" s="166">
        <v>0</v>
      </c>
      <c r="CR1176" s="166">
        <v>0</v>
      </c>
      <c r="CS1176" s="166">
        <v>0</v>
      </c>
      <c r="CT1176" s="166">
        <v>0</v>
      </c>
      <c r="CU1176" s="166">
        <v>0</v>
      </c>
      <c r="CV1176" s="166">
        <v>0</v>
      </c>
      <c r="CW1176" s="166">
        <v>0</v>
      </c>
      <c r="CX1176" s="166">
        <v>0</v>
      </c>
      <c r="CY1176" s="166">
        <v>0</v>
      </c>
      <c r="CZ1176" s="166">
        <v>0</v>
      </c>
    </row>
    <row r="1177" spans="1:104" x14ac:dyDescent="0.2">
      <c r="A1177" s="170" t="s">
        <v>147</v>
      </c>
      <c r="B1177" s="166">
        <v>-2513029</v>
      </c>
      <c r="C1177" s="166">
        <v>-2513029</v>
      </c>
      <c r="D1177" s="166">
        <v>0</v>
      </c>
      <c r="E1177" s="166">
        <v>0</v>
      </c>
      <c r="F1177" s="166">
        <v>0</v>
      </c>
      <c r="G1177" s="166">
        <v>0</v>
      </c>
      <c r="H1177" s="166">
        <v>0</v>
      </c>
      <c r="I1177" s="166">
        <v>0</v>
      </c>
      <c r="J1177" s="166">
        <v>0</v>
      </c>
      <c r="K1177" s="166">
        <v>0</v>
      </c>
      <c r="L1177" s="166">
        <v>0</v>
      </c>
      <c r="M1177" s="166">
        <v>0</v>
      </c>
      <c r="N1177" s="166">
        <v>0</v>
      </c>
      <c r="O1177" s="166">
        <v>0</v>
      </c>
      <c r="P1177" s="166">
        <v>0</v>
      </c>
      <c r="Q1177" s="166">
        <v>0</v>
      </c>
      <c r="R1177" s="166">
        <v>0</v>
      </c>
      <c r="S1177" s="166">
        <v>0</v>
      </c>
      <c r="T1177" s="166">
        <v>0</v>
      </c>
      <c r="U1177" s="166">
        <v>0</v>
      </c>
      <c r="V1177" s="166">
        <v>0</v>
      </c>
      <c r="W1177" s="166">
        <v>0</v>
      </c>
      <c r="X1177" s="166">
        <v>0</v>
      </c>
      <c r="Y1177" s="166">
        <v>0</v>
      </c>
      <c r="Z1177" s="166">
        <v>0</v>
      </c>
      <c r="AA1177" s="166">
        <v>0</v>
      </c>
      <c r="AB1177" s="166">
        <v>0</v>
      </c>
      <c r="AC1177" s="166">
        <v>0</v>
      </c>
      <c r="AD1177" s="166">
        <v>0</v>
      </c>
      <c r="AE1177" s="166">
        <v>0</v>
      </c>
      <c r="AF1177" s="166">
        <v>0</v>
      </c>
      <c r="AG1177" s="166">
        <v>0</v>
      </c>
      <c r="AH1177" s="166">
        <v>0</v>
      </c>
      <c r="AI1177" s="166">
        <v>0</v>
      </c>
      <c r="AJ1177" s="166">
        <v>0</v>
      </c>
      <c r="AK1177" s="166">
        <v>0</v>
      </c>
      <c r="AL1177" s="166">
        <v>0</v>
      </c>
      <c r="AM1177" s="166">
        <v>0</v>
      </c>
      <c r="AN1177" s="166">
        <v>0</v>
      </c>
      <c r="AO1177" s="166">
        <v>0</v>
      </c>
      <c r="AP1177" s="166">
        <v>0</v>
      </c>
      <c r="AQ1177" s="166">
        <v>0</v>
      </c>
      <c r="AR1177" s="166">
        <v>0</v>
      </c>
      <c r="AS1177" s="166">
        <v>0</v>
      </c>
      <c r="AT1177" s="166">
        <v>0</v>
      </c>
      <c r="AU1177" s="166">
        <v>0</v>
      </c>
      <c r="AV1177" s="166">
        <v>0</v>
      </c>
      <c r="AW1177" s="166">
        <v>0</v>
      </c>
      <c r="AX1177" s="166">
        <v>0</v>
      </c>
      <c r="AY1177" s="166">
        <v>0</v>
      </c>
      <c r="AZ1177" s="166">
        <v>0</v>
      </c>
      <c r="BA1177" s="166">
        <v>0</v>
      </c>
      <c r="BB1177" s="166">
        <v>0</v>
      </c>
      <c r="BC1177" s="166">
        <v>0</v>
      </c>
      <c r="BD1177" s="166">
        <v>0</v>
      </c>
      <c r="BE1177" s="166">
        <v>0</v>
      </c>
      <c r="BF1177" s="166">
        <v>0</v>
      </c>
      <c r="BG1177" s="166">
        <v>0</v>
      </c>
      <c r="BH1177" s="166">
        <v>0</v>
      </c>
      <c r="BI1177" s="166">
        <v>0</v>
      </c>
      <c r="BJ1177" s="166">
        <v>0</v>
      </c>
      <c r="BK1177" s="166">
        <v>0</v>
      </c>
      <c r="BL1177" s="166">
        <v>0</v>
      </c>
      <c r="BM1177" s="166">
        <v>0</v>
      </c>
      <c r="BN1177" s="166">
        <v>0</v>
      </c>
      <c r="BO1177" s="166">
        <v>0</v>
      </c>
      <c r="BP1177" s="166">
        <v>0</v>
      </c>
      <c r="BQ1177" s="166">
        <v>0</v>
      </c>
      <c r="BR1177" s="166">
        <v>-2513029</v>
      </c>
      <c r="BS1177" s="166">
        <v>-2513029</v>
      </c>
      <c r="BT1177" s="168">
        <v>0</v>
      </c>
      <c r="BU1177" s="166">
        <v>-2003129.8714184701</v>
      </c>
      <c r="BV1177" s="166">
        <v>-2513024.2972213202</v>
      </c>
      <c r="BW1177" s="166">
        <v>0</v>
      </c>
      <c r="BX1177" s="166">
        <v>0</v>
      </c>
      <c r="BY1177" s="166">
        <v>0</v>
      </c>
      <c r="BZ1177" s="166">
        <v>0</v>
      </c>
      <c r="CA1177" s="166">
        <v>0</v>
      </c>
      <c r="CB1177" s="166">
        <v>0</v>
      </c>
      <c r="CC1177" s="166">
        <v>0</v>
      </c>
      <c r="CD1177" s="166">
        <v>0</v>
      </c>
      <c r="CE1177" s="166">
        <v>0</v>
      </c>
      <c r="CF1177" s="166">
        <v>0</v>
      </c>
      <c r="CG1177" s="166">
        <v>0</v>
      </c>
      <c r="CH1177" s="166">
        <v>0</v>
      </c>
      <c r="CI1177" s="166">
        <v>0</v>
      </c>
      <c r="CJ1177" s="166">
        <v>0</v>
      </c>
      <c r="CK1177" s="166">
        <v>0</v>
      </c>
      <c r="CL1177" s="166">
        <v>0</v>
      </c>
      <c r="CM1177" s="166">
        <v>0</v>
      </c>
      <c r="CN1177" s="166">
        <v>0</v>
      </c>
      <c r="CO1177" s="166">
        <v>0</v>
      </c>
      <c r="CP1177" s="166">
        <v>0</v>
      </c>
      <c r="CQ1177" s="166">
        <v>0</v>
      </c>
      <c r="CR1177" s="166">
        <v>0</v>
      </c>
      <c r="CS1177" s="166">
        <v>0</v>
      </c>
      <c r="CT1177" s="166">
        <v>0</v>
      </c>
      <c r="CU1177" s="166">
        <v>0</v>
      </c>
      <c r="CV1177" s="166">
        <v>0</v>
      </c>
      <c r="CW1177" s="166">
        <v>0</v>
      </c>
      <c r="CX1177" s="166">
        <v>0</v>
      </c>
      <c r="CY1177" s="166">
        <v>-2513024.2972213202</v>
      </c>
      <c r="CZ1177" s="166">
        <v>-2513024.2972213202</v>
      </c>
    </row>
    <row r="1178" spans="1:104" x14ac:dyDescent="0.2">
      <c r="A1178" s="167" t="s">
        <v>148</v>
      </c>
    </row>
    <row r="1179" spans="1:104" x14ac:dyDescent="0.2">
      <c r="A1179" s="170" t="s">
        <v>149</v>
      </c>
    </row>
    <row r="1180" spans="1:104" x14ac:dyDescent="0.2">
      <c r="A1180" s="167" t="s">
        <v>1051</v>
      </c>
      <c r="B1180" s="166">
        <v>11755259.5287569</v>
      </c>
      <c r="C1180" s="166">
        <v>11755259.5287569</v>
      </c>
      <c r="D1180" s="166">
        <v>0</v>
      </c>
      <c r="E1180" s="166">
        <v>0</v>
      </c>
      <c r="F1180" s="166">
        <v>0</v>
      </c>
      <c r="G1180" s="166">
        <v>0</v>
      </c>
      <c r="H1180" s="166">
        <v>0</v>
      </c>
      <c r="I1180" s="166">
        <v>0</v>
      </c>
      <c r="J1180" s="166">
        <v>0</v>
      </c>
      <c r="K1180" s="166">
        <v>0</v>
      </c>
      <c r="L1180" s="166">
        <v>0</v>
      </c>
      <c r="M1180" s="166">
        <v>0</v>
      </c>
      <c r="N1180" s="166">
        <v>0</v>
      </c>
      <c r="O1180" s="166">
        <v>0</v>
      </c>
      <c r="P1180" s="166">
        <v>0</v>
      </c>
      <c r="Q1180" s="166">
        <v>0</v>
      </c>
      <c r="R1180" s="166">
        <v>0</v>
      </c>
      <c r="S1180" s="166">
        <v>0</v>
      </c>
      <c r="T1180" s="166">
        <v>0</v>
      </c>
      <c r="U1180" s="166">
        <v>0</v>
      </c>
      <c r="V1180" s="166">
        <v>0</v>
      </c>
      <c r="W1180" s="166">
        <v>0</v>
      </c>
      <c r="X1180" s="166">
        <v>0</v>
      </c>
      <c r="Y1180" s="166">
        <v>0</v>
      </c>
      <c r="Z1180" s="166">
        <v>0</v>
      </c>
      <c r="AA1180" s="166">
        <v>0</v>
      </c>
      <c r="AB1180" s="166">
        <v>0</v>
      </c>
      <c r="AC1180" s="166">
        <v>0</v>
      </c>
      <c r="AD1180" s="166">
        <v>0</v>
      </c>
      <c r="AE1180" s="166">
        <v>0</v>
      </c>
      <c r="AF1180" s="166">
        <v>0</v>
      </c>
      <c r="AG1180" s="166">
        <v>0</v>
      </c>
      <c r="AH1180" s="166">
        <v>0</v>
      </c>
      <c r="AI1180" s="166">
        <v>0</v>
      </c>
      <c r="AJ1180" s="166">
        <v>0</v>
      </c>
      <c r="AK1180" s="166">
        <v>0</v>
      </c>
      <c r="AL1180" s="166">
        <v>0</v>
      </c>
      <c r="AM1180" s="166">
        <v>0</v>
      </c>
      <c r="AN1180" s="166">
        <v>0</v>
      </c>
      <c r="AO1180" s="166">
        <v>0</v>
      </c>
      <c r="AP1180" s="166">
        <v>0</v>
      </c>
      <c r="AQ1180" s="166">
        <v>0</v>
      </c>
      <c r="AR1180" s="166">
        <v>0</v>
      </c>
      <c r="AS1180" s="166">
        <v>0</v>
      </c>
      <c r="AT1180" s="166">
        <v>0</v>
      </c>
      <c r="AU1180" s="166">
        <v>0</v>
      </c>
      <c r="AV1180" s="166">
        <v>0</v>
      </c>
      <c r="AW1180" s="166">
        <v>0</v>
      </c>
      <c r="AX1180" s="166">
        <v>0</v>
      </c>
      <c r="AY1180" s="166">
        <v>0</v>
      </c>
      <c r="AZ1180" s="166">
        <v>0</v>
      </c>
      <c r="BA1180" s="166">
        <v>0</v>
      </c>
      <c r="BB1180" s="166">
        <v>0</v>
      </c>
      <c r="BC1180" s="166">
        <v>0</v>
      </c>
      <c r="BD1180" s="166">
        <v>0</v>
      </c>
      <c r="BE1180" s="166">
        <v>0</v>
      </c>
      <c r="BF1180" s="166">
        <v>0</v>
      </c>
      <c r="BG1180" s="166">
        <v>0</v>
      </c>
      <c r="BH1180" s="166">
        <v>0</v>
      </c>
      <c r="BI1180" s="166">
        <v>0</v>
      </c>
      <c r="BJ1180" s="166">
        <v>0</v>
      </c>
      <c r="BK1180" s="166">
        <v>0</v>
      </c>
      <c r="BL1180" s="166">
        <v>0</v>
      </c>
      <c r="BM1180" s="166">
        <v>0</v>
      </c>
      <c r="BN1180" s="166">
        <v>0</v>
      </c>
      <c r="BO1180" s="166">
        <v>0</v>
      </c>
      <c r="BP1180" s="166">
        <v>0</v>
      </c>
      <c r="BQ1180" s="166">
        <v>0</v>
      </c>
      <c r="BR1180" s="166">
        <v>11755259.5287569</v>
      </c>
      <c r="BS1180" s="166">
        <v>11755259.5287569</v>
      </c>
      <c r="BT1180" s="168">
        <v>0.999998128641303</v>
      </c>
      <c r="BU1180" s="166">
        <v>926023.34229995299</v>
      </c>
      <c r="BV1180" s="166">
        <v>11755237.5304498</v>
      </c>
      <c r="BW1180" s="166">
        <v>0</v>
      </c>
      <c r="BX1180" s="166">
        <v>0</v>
      </c>
      <c r="BY1180" s="166">
        <v>0</v>
      </c>
      <c r="BZ1180" s="166">
        <v>0</v>
      </c>
      <c r="CA1180" s="166">
        <v>0</v>
      </c>
      <c r="CB1180" s="166">
        <v>0</v>
      </c>
      <c r="CC1180" s="166">
        <v>0</v>
      </c>
      <c r="CD1180" s="166">
        <v>0</v>
      </c>
      <c r="CE1180" s="166">
        <v>0</v>
      </c>
      <c r="CF1180" s="166">
        <v>0</v>
      </c>
      <c r="CG1180" s="166">
        <v>0</v>
      </c>
      <c r="CH1180" s="166">
        <v>0</v>
      </c>
      <c r="CI1180" s="166">
        <v>0</v>
      </c>
      <c r="CJ1180" s="166">
        <v>0</v>
      </c>
      <c r="CK1180" s="166">
        <v>0</v>
      </c>
      <c r="CL1180" s="166">
        <v>0</v>
      </c>
      <c r="CM1180" s="166">
        <v>0</v>
      </c>
      <c r="CN1180" s="166">
        <v>0</v>
      </c>
      <c r="CO1180" s="166">
        <v>0</v>
      </c>
      <c r="CP1180" s="166">
        <v>0</v>
      </c>
      <c r="CQ1180" s="166">
        <v>0</v>
      </c>
      <c r="CR1180" s="166">
        <v>0</v>
      </c>
      <c r="CS1180" s="166">
        <v>0</v>
      </c>
      <c r="CT1180" s="166">
        <v>0</v>
      </c>
      <c r="CU1180" s="166">
        <v>0</v>
      </c>
      <c r="CV1180" s="166">
        <v>0</v>
      </c>
      <c r="CW1180" s="166">
        <v>0</v>
      </c>
      <c r="CX1180" s="166">
        <v>0</v>
      </c>
      <c r="CY1180" s="166">
        <v>11755237.5304498</v>
      </c>
      <c r="CZ1180" s="166">
        <v>11755237.5304498</v>
      </c>
    </row>
    <row r="1181" spans="1:104" x14ac:dyDescent="0.2">
      <c r="A1181" s="167" t="s">
        <v>1052</v>
      </c>
      <c r="B1181" s="166">
        <v>-36208.4294640273</v>
      </c>
      <c r="C1181" s="166">
        <v>-36208.4294640273</v>
      </c>
      <c r="D1181" s="166">
        <v>0</v>
      </c>
      <c r="E1181" s="166">
        <v>0</v>
      </c>
      <c r="F1181" s="166">
        <v>0</v>
      </c>
      <c r="G1181" s="166">
        <v>0</v>
      </c>
      <c r="H1181" s="166">
        <v>0</v>
      </c>
      <c r="I1181" s="166">
        <v>0</v>
      </c>
      <c r="J1181" s="166">
        <v>0</v>
      </c>
      <c r="K1181" s="166">
        <v>0</v>
      </c>
      <c r="L1181" s="166">
        <v>0</v>
      </c>
      <c r="M1181" s="166">
        <v>0</v>
      </c>
      <c r="N1181" s="166">
        <v>0</v>
      </c>
      <c r="O1181" s="166">
        <v>0</v>
      </c>
      <c r="P1181" s="166">
        <v>0</v>
      </c>
      <c r="Q1181" s="166">
        <v>0</v>
      </c>
      <c r="R1181" s="166">
        <v>0</v>
      </c>
      <c r="S1181" s="166">
        <v>0</v>
      </c>
      <c r="T1181" s="166">
        <v>0</v>
      </c>
      <c r="U1181" s="166">
        <v>0</v>
      </c>
      <c r="V1181" s="166">
        <v>0</v>
      </c>
      <c r="W1181" s="166">
        <v>0</v>
      </c>
      <c r="X1181" s="166">
        <v>0</v>
      </c>
      <c r="Y1181" s="166">
        <v>0</v>
      </c>
      <c r="Z1181" s="166">
        <v>0</v>
      </c>
      <c r="AA1181" s="166">
        <v>0</v>
      </c>
      <c r="AB1181" s="166">
        <v>0</v>
      </c>
      <c r="AC1181" s="166">
        <v>0</v>
      </c>
      <c r="AD1181" s="166">
        <v>0</v>
      </c>
      <c r="AE1181" s="166">
        <v>0</v>
      </c>
      <c r="AF1181" s="166">
        <v>0</v>
      </c>
      <c r="AG1181" s="166">
        <v>0</v>
      </c>
      <c r="AH1181" s="166">
        <v>0</v>
      </c>
      <c r="AI1181" s="166">
        <v>0</v>
      </c>
      <c r="AJ1181" s="166">
        <v>0</v>
      </c>
      <c r="AK1181" s="166">
        <v>0</v>
      </c>
      <c r="AL1181" s="166">
        <v>0</v>
      </c>
      <c r="AM1181" s="166">
        <v>0</v>
      </c>
      <c r="AN1181" s="166">
        <v>0</v>
      </c>
      <c r="AO1181" s="166">
        <v>0</v>
      </c>
      <c r="AP1181" s="166">
        <v>0</v>
      </c>
      <c r="AQ1181" s="166">
        <v>0</v>
      </c>
      <c r="AR1181" s="166">
        <v>0</v>
      </c>
      <c r="AS1181" s="166">
        <v>0</v>
      </c>
      <c r="AT1181" s="166">
        <v>0</v>
      </c>
      <c r="AU1181" s="166">
        <v>0</v>
      </c>
      <c r="AV1181" s="166">
        <v>0</v>
      </c>
      <c r="AW1181" s="166">
        <v>0</v>
      </c>
      <c r="AX1181" s="166">
        <v>0</v>
      </c>
      <c r="AY1181" s="166">
        <v>0</v>
      </c>
      <c r="AZ1181" s="166">
        <v>0</v>
      </c>
      <c r="BA1181" s="166">
        <v>0</v>
      </c>
      <c r="BB1181" s="166">
        <v>0</v>
      </c>
      <c r="BC1181" s="166">
        <v>0</v>
      </c>
      <c r="BD1181" s="166">
        <v>0</v>
      </c>
      <c r="BE1181" s="166">
        <v>0</v>
      </c>
      <c r="BF1181" s="166">
        <v>0</v>
      </c>
      <c r="BG1181" s="166">
        <v>0</v>
      </c>
      <c r="BH1181" s="166">
        <v>0</v>
      </c>
      <c r="BI1181" s="166">
        <v>0</v>
      </c>
      <c r="BJ1181" s="166">
        <v>0</v>
      </c>
      <c r="BK1181" s="166">
        <v>0</v>
      </c>
      <c r="BL1181" s="166">
        <v>0</v>
      </c>
      <c r="BM1181" s="166">
        <v>0</v>
      </c>
      <c r="BN1181" s="166">
        <v>0</v>
      </c>
      <c r="BO1181" s="166">
        <v>0</v>
      </c>
      <c r="BP1181" s="166">
        <v>0</v>
      </c>
      <c r="BQ1181" s="166">
        <v>0</v>
      </c>
      <c r="BR1181" s="166">
        <v>-36208.4294640273</v>
      </c>
      <c r="BS1181" s="166">
        <v>-36208.4294640273</v>
      </c>
      <c r="BT1181" s="168">
        <v>0.95155251885650005</v>
      </c>
      <c r="BU1181" s="166">
        <v>-1593.3207335084201</v>
      </c>
      <c r="BV1181" s="166">
        <v>-34454.222260333103</v>
      </c>
      <c r="BW1181" s="166">
        <v>0</v>
      </c>
      <c r="BX1181" s="166">
        <v>0</v>
      </c>
      <c r="BY1181" s="166">
        <v>0</v>
      </c>
      <c r="BZ1181" s="166">
        <v>0</v>
      </c>
      <c r="CA1181" s="166">
        <v>0</v>
      </c>
      <c r="CB1181" s="166">
        <v>0</v>
      </c>
      <c r="CC1181" s="166">
        <v>0</v>
      </c>
      <c r="CD1181" s="166">
        <v>0</v>
      </c>
      <c r="CE1181" s="166">
        <v>0</v>
      </c>
      <c r="CF1181" s="166">
        <v>0</v>
      </c>
      <c r="CG1181" s="166">
        <v>0</v>
      </c>
      <c r="CH1181" s="166">
        <v>0</v>
      </c>
      <c r="CI1181" s="166">
        <v>0</v>
      </c>
      <c r="CJ1181" s="166">
        <v>0</v>
      </c>
      <c r="CK1181" s="166">
        <v>0</v>
      </c>
      <c r="CL1181" s="166">
        <v>0</v>
      </c>
      <c r="CM1181" s="166">
        <v>0</v>
      </c>
      <c r="CN1181" s="166">
        <v>0</v>
      </c>
      <c r="CO1181" s="166">
        <v>0</v>
      </c>
      <c r="CP1181" s="166">
        <v>0</v>
      </c>
      <c r="CQ1181" s="166">
        <v>0</v>
      </c>
      <c r="CR1181" s="166">
        <v>0</v>
      </c>
      <c r="CS1181" s="166">
        <v>0</v>
      </c>
      <c r="CT1181" s="166">
        <v>0</v>
      </c>
      <c r="CU1181" s="166">
        <v>0</v>
      </c>
      <c r="CV1181" s="166">
        <v>0</v>
      </c>
      <c r="CW1181" s="166">
        <v>0</v>
      </c>
      <c r="CX1181" s="166">
        <v>0</v>
      </c>
      <c r="CY1181" s="166">
        <v>-34454.222260333103</v>
      </c>
      <c r="CZ1181" s="166">
        <v>-34454.222260333103</v>
      </c>
    </row>
    <row r="1182" spans="1:104" x14ac:dyDescent="0.2">
      <c r="A1182" s="167" t="s">
        <v>1053</v>
      </c>
      <c r="B1182" s="166">
        <v>5082059.4034271101</v>
      </c>
      <c r="C1182" s="166">
        <v>5082059.4034271101</v>
      </c>
      <c r="D1182" s="166">
        <v>0</v>
      </c>
      <c r="E1182" s="166">
        <v>0</v>
      </c>
      <c r="F1182" s="166">
        <v>0</v>
      </c>
      <c r="G1182" s="166">
        <v>0</v>
      </c>
      <c r="H1182" s="166">
        <v>0</v>
      </c>
      <c r="I1182" s="166">
        <v>0</v>
      </c>
      <c r="J1182" s="166">
        <v>0</v>
      </c>
      <c r="K1182" s="166">
        <v>0</v>
      </c>
      <c r="L1182" s="166">
        <v>0</v>
      </c>
      <c r="M1182" s="166">
        <v>0</v>
      </c>
      <c r="N1182" s="166">
        <v>0</v>
      </c>
      <c r="O1182" s="166">
        <v>0</v>
      </c>
      <c r="P1182" s="166">
        <v>0</v>
      </c>
      <c r="Q1182" s="166">
        <v>0</v>
      </c>
      <c r="R1182" s="166">
        <v>0</v>
      </c>
      <c r="S1182" s="166">
        <v>0</v>
      </c>
      <c r="T1182" s="166">
        <v>0</v>
      </c>
      <c r="U1182" s="166">
        <v>0</v>
      </c>
      <c r="V1182" s="166">
        <v>0</v>
      </c>
      <c r="W1182" s="166">
        <v>0</v>
      </c>
      <c r="X1182" s="166">
        <v>0</v>
      </c>
      <c r="Y1182" s="166">
        <v>0</v>
      </c>
      <c r="Z1182" s="166">
        <v>0</v>
      </c>
      <c r="AA1182" s="166">
        <v>0</v>
      </c>
      <c r="AB1182" s="166">
        <v>0</v>
      </c>
      <c r="AC1182" s="166">
        <v>0</v>
      </c>
      <c r="AD1182" s="166">
        <v>0</v>
      </c>
      <c r="AE1182" s="166">
        <v>0</v>
      </c>
      <c r="AF1182" s="166">
        <v>0</v>
      </c>
      <c r="AG1182" s="166">
        <v>0</v>
      </c>
      <c r="AH1182" s="166">
        <v>0</v>
      </c>
      <c r="AI1182" s="166">
        <v>0</v>
      </c>
      <c r="AJ1182" s="166">
        <v>0</v>
      </c>
      <c r="AK1182" s="166">
        <v>0</v>
      </c>
      <c r="AL1182" s="166">
        <v>0</v>
      </c>
      <c r="AM1182" s="166">
        <v>0</v>
      </c>
      <c r="AN1182" s="166">
        <v>0</v>
      </c>
      <c r="AO1182" s="166">
        <v>0</v>
      </c>
      <c r="AP1182" s="166">
        <v>0</v>
      </c>
      <c r="AQ1182" s="166">
        <v>0</v>
      </c>
      <c r="AR1182" s="166">
        <v>0</v>
      </c>
      <c r="AS1182" s="166">
        <v>0</v>
      </c>
      <c r="AT1182" s="166">
        <v>0</v>
      </c>
      <c r="AU1182" s="166">
        <v>0</v>
      </c>
      <c r="AV1182" s="166">
        <v>0</v>
      </c>
      <c r="AW1182" s="166">
        <v>0</v>
      </c>
      <c r="AX1182" s="166">
        <v>0</v>
      </c>
      <c r="AY1182" s="166">
        <v>0</v>
      </c>
      <c r="AZ1182" s="166">
        <v>0</v>
      </c>
      <c r="BA1182" s="166">
        <v>0</v>
      </c>
      <c r="BB1182" s="166">
        <v>0</v>
      </c>
      <c r="BC1182" s="166">
        <v>0</v>
      </c>
      <c r="BD1182" s="166">
        <v>0</v>
      </c>
      <c r="BE1182" s="166">
        <v>0</v>
      </c>
      <c r="BF1182" s="166">
        <v>0</v>
      </c>
      <c r="BG1182" s="166">
        <v>0</v>
      </c>
      <c r="BH1182" s="166">
        <v>0</v>
      </c>
      <c r="BI1182" s="166">
        <v>0</v>
      </c>
      <c r="BJ1182" s="166">
        <v>0</v>
      </c>
      <c r="BK1182" s="166">
        <v>0</v>
      </c>
      <c r="BL1182" s="166">
        <v>0</v>
      </c>
      <c r="BM1182" s="166">
        <v>0</v>
      </c>
      <c r="BN1182" s="166">
        <v>0</v>
      </c>
      <c r="BO1182" s="166">
        <v>0</v>
      </c>
      <c r="BP1182" s="166">
        <v>0</v>
      </c>
      <c r="BQ1182" s="166">
        <v>0</v>
      </c>
      <c r="BR1182" s="166">
        <v>5082059.4034271101</v>
      </c>
      <c r="BS1182" s="166">
        <v>5082059.4034271101</v>
      </c>
      <c r="BT1182" s="168">
        <v>0.97633653435224499</v>
      </c>
      <c r="BU1182" s="166">
        <v>475869.504255298</v>
      </c>
      <c r="BV1182" s="166">
        <v>4961800.2653142698</v>
      </c>
      <c r="BW1182" s="166">
        <v>0</v>
      </c>
      <c r="BX1182" s="166">
        <v>0</v>
      </c>
      <c r="BY1182" s="166">
        <v>0</v>
      </c>
      <c r="BZ1182" s="166">
        <v>0</v>
      </c>
      <c r="CA1182" s="166">
        <v>0</v>
      </c>
      <c r="CB1182" s="166">
        <v>0</v>
      </c>
      <c r="CC1182" s="166">
        <v>0</v>
      </c>
      <c r="CD1182" s="166">
        <v>0</v>
      </c>
      <c r="CE1182" s="166">
        <v>0</v>
      </c>
      <c r="CF1182" s="166">
        <v>0</v>
      </c>
      <c r="CG1182" s="166">
        <v>0</v>
      </c>
      <c r="CH1182" s="166">
        <v>0</v>
      </c>
      <c r="CI1182" s="166">
        <v>0</v>
      </c>
      <c r="CJ1182" s="166">
        <v>0</v>
      </c>
      <c r="CK1182" s="166">
        <v>0</v>
      </c>
      <c r="CL1182" s="166">
        <v>0</v>
      </c>
      <c r="CM1182" s="166">
        <v>0</v>
      </c>
      <c r="CN1182" s="166">
        <v>0</v>
      </c>
      <c r="CO1182" s="166">
        <v>0</v>
      </c>
      <c r="CP1182" s="166">
        <v>0</v>
      </c>
      <c r="CQ1182" s="166">
        <v>0</v>
      </c>
      <c r="CR1182" s="166">
        <v>0</v>
      </c>
      <c r="CS1182" s="166">
        <v>0</v>
      </c>
      <c r="CT1182" s="166">
        <v>0</v>
      </c>
      <c r="CU1182" s="166">
        <v>0</v>
      </c>
      <c r="CV1182" s="166">
        <v>0</v>
      </c>
      <c r="CW1182" s="166">
        <v>0</v>
      </c>
      <c r="CX1182" s="166">
        <v>0</v>
      </c>
      <c r="CY1182" s="166">
        <v>4961800.2653142698</v>
      </c>
      <c r="CZ1182" s="166">
        <v>4961800.2653142698</v>
      </c>
    </row>
    <row r="1183" spans="1:104" x14ac:dyDescent="0.2">
      <c r="A1183" s="167" t="s">
        <v>153</v>
      </c>
      <c r="B1183" s="166">
        <v>6898724.2472799299</v>
      </c>
      <c r="C1183" s="166">
        <v>6898724.2472799299</v>
      </c>
      <c r="D1183" s="166">
        <v>0</v>
      </c>
      <c r="E1183" s="166">
        <v>0</v>
      </c>
      <c r="F1183" s="166">
        <v>0</v>
      </c>
      <c r="G1183" s="166">
        <v>0</v>
      </c>
      <c r="H1183" s="166">
        <v>0</v>
      </c>
      <c r="I1183" s="166">
        <v>0</v>
      </c>
      <c r="J1183" s="166">
        <v>0</v>
      </c>
      <c r="K1183" s="166">
        <v>0</v>
      </c>
      <c r="L1183" s="166">
        <v>0</v>
      </c>
      <c r="M1183" s="166">
        <v>0</v>
      </c>
      <c r="N1183" s="166">
        <v>0</v>
      </c>
      <c r="O1183" s="166">
        <v>0</v>
      </c>
      <c r="P1183" s="166">
        <v>0</v>
      </c>
      <c r="Q1183" s="166">
        <v>0</v>
      </c>
      <c r="R1183" s="166">
        <v>0</v>
      </c>
      <c r="S1183" s="166">
        <v>0</v>
      </c>
      <c r="T1183" s="166">
        <v>0</v>
      </c>
      <c r="U1183" s="166">
        <v>0</v>
      </c>
      <c r="V1183" s="166">
        <v>0</v>
      </c>
      <c r="W1183" s="166">
        <v>0</v>
      </c>
      <c r="X1183" s="166">
        <v>0</v>
      </c>
      <c r="Y1183" s="166">
        <v>0</v>
      </c>
      <c r="Z1183" s="166">
        <v>0</v>
      </c>
      <c r="AA1183" s="166">
        <v>0</v>
      </c>
      <c r="AB1183" s="166">
        <v>0</v>
      </c>
      <c r="AC1183" s="166">
        <v>0</v>
      </c>
      <c r="AD1183" s="166">
        <v>0</v>
      </c>
      <c r="AE1183" s="166">
        <v>0</v>
      </c>
      <c r="AF1183" s="166">
        <v>0</v>
      </c>
      <c r="AG1183" s="166">
        <v>0</v>
      </c>
      <c r="AH1183" s="166">
        <v>0</v>
      </c>
      <c r="AI1183" s="166">
        <v>0</v>
      </c>
      <c r="AJ1183" s="166">
        <v>0</v>
      </c>
      <c r="AK1183" s="166">
        <v>0</v>
      </c>
      <c r="AL1183" s="166">
        <v>0</v>
      </c>
      <c r="AM1183" s="166">
        <v>0</v>
      </c>
      <c r="AN1183" s="166">
        <v>0</v>
      </c>
      <c r="AO1183" s="166">
        <v>0</v>
      </c>
      <c r="AP1183" s="166">
        <v>0</v>
      </c>
      <c r="AQ1183" s="166">
        <v>0</v>
      </c>
      <c r="AR1183" s="166">
        <v>0</v>
      </c>
      <c r="AS1183" s="166">
        <v>0</v>
      </c>
      <c r="AT1183" s="166">
        <v>0</v>
      </c>
      <c r="AU1183" s="166">
        <v>0</v>
      </c>
      <c r="AV1183" s="166">
        <v>0</v>
      </c>
      <c r="AW1183" s="166">
        <v>0</v>
      </c>
      <c r="AX1183" s="166">
        <v>0</v>
      </c>
      <c r="AY1183" s="166">
        <v>0</v>
      </c>
      <c r="AZ1183" s="166">
        <v>0</v>
      </c>
      <c r="BA1183" s="166">
        <v>0</v>
      </c>
      <c r="BB1183" s="166">
        <v>0</v>
      </c>
      <c r="BC1183" s="166">
        <v>0</v>
      </c>
      <c r="BD1183" s="166">
        <v>0</v>
      </c>
      <c r="BE1183" s="166">
        <v>0</v>
      </c>
      <c r="BF1183" s="166">
        <v>0</v>
      </c>
      <c r="BG1183" s="166">
        <v>0</v>
      </c>
      <c r="BH1183" s="166">
        <v>0</v>
      </c>
      <c r="BI1183" s="166">
        <v>0</v>
      </c>
      <c r="BJ1183" s="166">
        <v>0</v>
      </c>
      <c r="BK1183" s="166">
        <v>0</v>
      </c>
      <c r="BL1183" s="166">
        <v>0</v>
      </c>
      <c r="BM1183" s="166">
        <v>0</v>
      </c>
      <c r="BN1183" s="166">
        <v>0</v>
      </c>
      <c r="BO1183" s="166">
        <v>0</v>
      </c>
      <c r="BP1183" s="166">
        <v>0</v>
      </c>
      <c r="BQ1183" s="166">
        <v>0</v>
      </c>
      <c r="BR1183" s="166">
        <v>6898724.2472799299</v>
      </c>
      <c r="BS1183" s="166">
        <v>6898724.2472799299</v>
      </c>
      <c r="BT1183" s="168">
        <v>0.999998128641303</v>
      </c>
      <c r="BU1183" s="166">
        <v>210016.7030518</v>
      </c>
      <c r="BV1183" s="166">
        <v>6898711.3372923099</v>
      </c>
      <c r="BW1183" s="166">
        <v>0</v>
      </c>
      <c r="BX1183" s="166">
        <v>0</v>
      </c>
      <c r="BY1183" s="166">
        <v>0</v>
      </c>
      <c r="BZ1183" s="166">
        <v>0</v>
      </c>
      <c r="CA1183" s="166">
        <v>0</v>
      </c>
      <c r="CB1183" s="166">
        <v>0</v>
      </c>
      <c r="CC1183" s="166">
        <v>0</v>
      </c>
      <c r="CD1183" s="166">
        <v>0</v>
      </c>
      <c r="CE1183" s="166">
        <v>0</v>
      </c>
      <c r="CF1183" s="166">
        <v>0</v>
      </c>
      <c r="CG1183" s="166">
        <v>0</v>
      </c>
      <c r="CH1183" s="166">
        <v>0</v>
      </c>
      <c r="CI1183" s="166">
        <v>0</v>
      </c>
      <c r="CJ1183" s="166">
        <v>0</v>
      </c>
      <c r="CK1183" s="166">
        <v>0</v>
      </c>
      <c r="CL1183" s="166">
        <v>0</v>
      </c>
      <c r="CM1183" s="166">
        <v>0</v>
      </c>
      <c r="CN1183" s="166">
        <v>0</v>
      </c>
      <c r="CO1183" s="166">
        <v>0</v>
      </c>
      <c r="CP1183" s="166">
        <v>0</v>
      </c>
      <c r="CQ1183" s="166">
        <v>0</v>
      </c>
      <c r="CR1183" s="166">
        <v>0</v>
      </c>
      <c r="CS1183" s="166">
        <v>0</v>
      </c>
      <c r="CT1183" s="166">
        <v>0</v>
      </c>
      <c r="CU1183" s="166">
        <v>0</v>
      </c>
      <c r="CV1183" s="166">
        <v>0</v>
      </c>
      <c r="CW1183" s="166">
        <v>0</v>
      </c>
      <c r="CX1183" s="166">
        <v>0</v>
      </c>
      <c r="CY1183" s="166">
        <v>6898711.3372923099</v>
      </c>
      <c r="CZ1183" s="166">
        <v>6898711.3372923099</v>
      </c>
    </row>
    <row r="1184" spans="1:104" x14ac:dyDescent="0.2">
      <c r="A1184" s="167" t="s">
        <v>154</v>
      </c>
      <c r="B1184" s="166">
        <v>23699834.75</v>
      </c>
      <c r="C1184" s="166">
        <v>23699834.75</v>
      </c>
      <c r="D1184" s="166">
        <v>0</v>
      </c>
      <c r="E1184" s="166">
        <v>0</v>
      </c>
      <c r="F1184" s="166">
        <v>0</v>
      </c>
      <c r="G1184" s="166">
        <v>0</v>
      </c>
      <c r="H1184" s="166">
        <v>0</v>
      </c>
      <c r="I1184" s="166">
        <v>0</v>
      </c>
      <c r="J1184" s="166">
        <v>0</v>
      </c>
      <c r="K1184" s="166">
        <v>0</v>
      </c>
      <c r="L1184" s="166">
        <v>0</v>
      </c>
      <c r="M1184" s="166">
        <v>0</v>
      </c>
      <c r="N1184" s="166">
        <v>0</v>
      </c>
      <c r="O1184" s="166">
        <v>0</v>
      </c>
      <c r="P1184" s="166">
        <v>0</v>
      </c>
      <c r="Q1184" s="166">
        <v>0</v>
      </c>
      <c r="R1184" s="166">
        <v>0</v>
      </c>
      <c r="S1184" s="166">
        <v>0</v>
      </c>
      <c r="T1184" s="166">
        <v>0</v>
      </c>
      <c r="U1184" s="166">
        <v>0</v>
      </c>
      <c r="V1184" s="166">
        <v>0</v>
      </c>
      <c r="W1184" s="166">
        <v>0</v>
      </c>
      <c r="X1184" s="166">
        <v>0</v>
      </c>
      <c r="Y1184" s="166">
        <v>0</v>
      </c>
      <c r="Z1184" s="166">
        <v>0</v>
      </c>
      <c r="AA1184" s="166">
        <v>0</v>
      </c>
      <c r="AB1184" s="166">
        <v>0</v>
      </c>
      <c r="AC1184" s="166">
        <v>0</v>
      </c>
      <c r="AD1184" s="166">
        <v>0</v>
      </c>
      <c r="AE1184" s="166">
        <v>0</v>
      </c>
      <c r="AF1184" s="166">
        <v>0</v>
      </c>
      <c r="AG1184" s="166">
        <v>0</v>
      </c>
      <c r="AH1184" s="166">
        <v>0</v>
      </c>
      <c r="AI1184" s="166">
        <v>0</v>
      </c>
      <c r="AJ1184" s="166">
        <v>0</v>
      </c>
      <c r="AK1184" s="166">
        <v>0</v>
      </c>
      <c r="AL1184" s="166">
        <v>0</v>
      </c>
      <c r="AM1184" s="166">
        <v>0</v>
      </c>
      <c r="AN1184" s="166">
        <v>0</v>
      </c>
      <c r="AO1184" s="166">
        <v>0</v>
      </c>
      <c r="AP1184" s="166">
        <v>0</v>
      </c>
      <c r="AQ1184" s="166">
        <v>0</v>
      </c>
      <c r="AR1184" s="166">
        <v>0</v>
      </c>
      <c r="AS1184" s="166">
        <v>0</v>
      </c>
      <c r="AT1184" s="166">
        <v>0</v>
      </c>
      <c r="AU1184" s="166">
        <v>0</v>
      </c>
      <c r="AV1184" s="166">
        <v>0</v>
      </c>
      <c r="AW1184" s="166">
        <v>0</v>
      </c>
      <c r="AX1184" s="166">
        <v>0</v>
      </c>
      <c r="AY1184" s="166">
        <v>0</v>
      </c>
      <c r="AZ1184" s="166">
        <v>0</v>
      </c>
      <c r="BA1184" s="166">
        <v>0</v>
      </c>
      <c r="BB1184" s="166">
        <v>0</v>
      </c>
      <c r="BC1184" s="166">
        <v>0</v>
      </c>
      <c r="BD1184" s="166">
        <v>0</v>
      </c>
      <c r="BE1184" s="166">
        <v>0</v>
      </c>
      <c r="BF1184" s="166">
        <v>0</v>
      </c>
      <c r="BG1184" s="166">
        <v>0</v>
      </c>
      <c r="BH1184" s="166">
        <v>0</v>
      </c>
      <c r="BI1184" s="166">
        <v>0</v>
      </c>
      <c r="BJ1184" s="166">
        <v>0</v>
      </c>
      <c r="BK1184" s="166">
        <v>0</v>
      </c>
      <c r="BL1184" s="166">
        <v>0</v>
      </c>
      <c r="BM1184" s="166">
        <v>0</v>
      </c>
      <c r="BN1184" s="166">
        <v>0</v>
      </c>
      <c r="BO1184" s="166">
        <v>0</v>
      </c>
      <c r="BP1184" s="166">
        <v>0</v>
      </c>
      <c r="BQ1184" s="166">
        <v>0</v>
      </c>
      <c r="BR1184" s="166">
        <v>23699834.75</v>
      </c>
      <c r="BS1184" s="166">
        <v>23699834.75</v>
      </c>
      <c r="BT1184" s="168">
        <v>0</v>
      </c>
      <c r="BU1184" s="166">
        <v>1610316.2288735399</v>
      </c>
      <c r="BV1184" s="166">
        <v>23581294.910796002</v>
      </c>
      <c r="BW1184" s="166">
        <v>0</v>
      </c>
      <c r="BX1184" s="166">
        <v>0</v>
      </c>
      <c r="BY1184" s="166">
        <v>0</v>
      </c>
      <c r="BZ1184" s="166">
        <v>0</v>
      </c>
      <c r="CA1184" s="166">
        <v>0</v>
      </c>
      <c r="CB1184" s="166">
        <v>0</v>
      </c>
      <c r="CC1184" s="166">
        <v>0</v>
      </c>
      <c r="CD1184" s="166">
        <v>0</v>
      </c>
      <c r="CE1184" s="166">
        <v>0</v>
      </c>
      <c r="CF1184" s="166">
        <v>0</v>
      </c>
      <c r="CG1184" s="166">
        <v>0</v>
      </c>
      <c r="CH1184" s="166">
        <v>0</v>
      </c>
      <c r="CI1184" s="166">
        <v>0</v>
      </c>
      <c r="CJ1184" s="166">
        <v>0</v>
      </c>
      <c r="CK1184" s="166">
        <v>0</v>
      </c>
      <c r="CL1184" s="166">
        <v>0</v>
      </c>
      <c r="CM1184" s="166">
        <v>0</v>
      </c>
      <c r="CN1184" s="166">
        <v>0</v>
      </c>
      <c r="CO1184" s="166">
        <v>0</v>
      </c>
      <c r="CP1184" s="166">
        <v>0</v>
      </c>
      <c r="CQ1184" s="166">
        <v>0</v>
      </c>
      <c r="CR1184" s="166">
        <v>0</v>
      </c>
      <c r="CS1184" s="166">
        <v>0</v>
      </c>
      <c r="CT1184" s="166">
        <v>0</v>
      </c>
      <c r="CU1184" s="166">
        <v>0</v>
      </c>
      <c r="CV1184" s="166">
        <v>0</v>
      </c>
      <c r="CW1184" s="166">
        <v>0</v>
      </c>
      <c r="CX1184" s="166">
        <v>0</v>
      </c>
      <c r="CY1184" s="166">
        <v>23581294.910796002</v>
      </c>
      <c r="CZ1184" s="166">
        <v>23581294.910796002</v>
      </c>
    </row>
    <row r="1185" spans="1:104" x14ac:dyDescent="0.2">
      <c r="A1185" s="167" t="s">
        <v>1054</v>
      </c>
    </row>
    <row r="1186" spans="1:104" x14ac:dyDescent="0.2">
      <c r="A1186" s="167" t="s">
        <v>1055</v>
      </c>
      <c r="B1186" s="166">
        <v>55874961.922508501</v>
      </c>
      <c r="C1186" s="166">
        <v>55874961.922508501</v>
      </c>
      <c r="D1186" s="166">
        <v>0</v>
      </c>
      <c r="E1186" s="166">
        <v>0</v>
      </c>
      <c r="F1186" s="166">
        <v>0</v>
      </c>
      <c r="G1186" s="166">
        <v>0</v>
      </c>
      <c r="H1186" s="166">
        <v>0</v>
      </c>
      <c r="I1186" s="166">
        <v>0</v>
      </c>
      <c r="J1186" s="166">
        <v>0</v>
      </c>
      <c r="K1186" s="166">
        <v>0</v>
      </c>
      <c r="L1186" s="166">
        <v>0</v>
      </c>
      <c r="M1186" s="166">
        <v>0</v>
      </c>
      <c r="N1186" s="166">
        <v>0</v>
      </c>
      <c r="O1186" s="166">
        <v>0</v>
      </c>
      <c r="P1186" s="166">
        <v>0</v>
      </c>
      <c r="Q1186" s="166">
        <v>0</v>
      </c>
      <c r="R1186" s="166">
        <v>0</v>
      </c>
      <c r="S1186" s="166">
        <v>0</v>
      </c>
      <c r="T1186" s="166">
        <v>0</v>
      </c>
      <c r="U1186" s="166">
        <v>0</v>
      </c>
      <c r="V1186" s="166">
        <v>0</v>
      </c>
      <c r="W1186" s="166">
        <v>0</v>
      </c>
      <c r="X1186" s="166">
        <v>0</v>
      </c>
      <c r="Y1186" s="166">
        <v>0</v>
      </c>
      <c r="Z1186" s="166">
        <v>0</v>
      </c>
      <c r="AA1186" s="166">
        <v>0</v>
      </c>
      <c r="AB1186" s="166">
        <v>0</v>
      </c>
      <c r="AC1186" s="166">
        <v>0</v>
      </c>
      <c r="AD1186" s="166">
        <v>0</v>
      </c>
      <c r="AE1186" s="166">
        <v>0</v>
      </c>
      <c r="AF1186" s="166">
        <v>0</v>
      </c>
      <c r="AG1186" s="166">
        <v>0</v>
      </c>
      <c r="AH1186" s="166">
        <v>0</v>
      </c>
      <c r="AI1186" s="166">
        <v>0</v>
      </c>
      <c r="AJ1186" s="166">
        <v>0</v>
      </c>
      <c r="AK1186" s="166">
        <v>0</v>
      </c>
      <c r="AL1186" s="166">
        <v>0</v>
      </c>
      <c r="AM1186" s="166">
        <v>0</v>
      </c>
      <c r="AN1186" s="166">
        <v>0</v>
      </c>
      <c r="AO1186" s="166">
        <v>0</v>
      </c>
      <c r="AP1186" s="166">
        <v>0</v>
      </c>
      <c r="AQ1186" s="166">
        <v>0</v>
      </c>
      <c r="AR1186" s="166">
        <v>0</v>
      </c>
      <c r="AS1186" s="166">
        <v>0</v>
      </c>
      <c r="AT1186" s="166">
        <v>0</v>
      </c>
      <c r="AU1186" s="166">
        <v>0</v>
      </c>
      <c r="AV1186" s="166">
        <v>0</v>
      </c>
      <c r="AW1186" s="166">
        <v>0</v>
      </c>
      <c r="AX1186" s="166">
        <v>0</v>
      </c>
      <c r="AY1186" s="166">
        <v>0</v>
      </c>
      <c r="AZ1186" s="166">
        <v>0</v>
      </c>
      <c r="BA1186" s="166">
        <v>0</v>
      </c>
      <c r="BB1186" s="166">
        <v>0</v>
      </c>
      <c r="BC1186" s="166">
        <v>0</v>
      </c>
      <c r="BD1186" s="166">
        <v>0</v>
      </c>
      <c r="BE1186" s="166">
        <v>0</v>
      </c>
      <c r="BF1186" s="166">
        <v>0</v>
      </c>
      <c r="BG1186" s="166">
        <v>0</v>
      </c>
      <c r="BH1186" s="166">
        <v>0</v>
      </c>
      <c r="BI1186" s="166">
        <v>0</v>
      </c>
      <c r="BJ1186" s="166">
        <v>0</v>
      </c>
      <c r="BK1186" s="166">
        <v>0</v>
      </c>
      <c r="BL1186" s="166">
        <v>0</v>
      </c>
      <c r="BM1186" s="166">
        <v>0</v>
      </c>
      <c r="BN1186" s="166">
        <v>0</v>
      </c>
      <c r="BO1186" s="166">
        <v>0</v>
      </c>
      <c r="BP1186" s="166">
        <v>0</v>
      </c>
      <c r="BQ1186" s="166">
        <v>0</v>
      </c>
      <c r="BR1186" s="166">
        <v>55874961.922508501</v>
      </c>
      <c r="BS1186" s="166">
        <v>55874961.922508501</v>
      </c>
      <c r="BT1186" s="168">
        <v>0.99999526481343304</v>
      </c>
      <c r="BU1186" s="166">
        <v>3075033.0050519002</v>
      </c>
      <c r="BV1186" s="166">
        <v>55874697.3441393</v>
      </c>
      <c r="BW1186" s="166">
        <v>0</v>
      </c>
      <c r="BX1186" s="166">
        <v>0</v>
      </c>
      <c r="BY1186" s="166">
        <v>0</v>
      </c>
      <c r="BZ1186" s="166">
        <v>0</v>
      </c>
      <c r="CA1186" s="166">
        <v>0</v>
      </c>
      <c r="CB1186" s="166">
        <v>0</v>
      </c>
      <c r="CC1186" s="166">
        <v>0</v>
      </c>
      <c r="CD1186" s="166">
        <v>0</v>
      </c>
      <c r="CE1186" s="166">
        <v>0</v>
      </c>
      <c r="CF1186" s="166">
        <v>0</v>
      </c>
      <c r="CG1186" s="166">
        <v>0</v>
      </c>
      <c r="CH1186" s="166">
        <v>0</v>
      </c>
      <c r="CI1186" s="166">
        <v>0</v>
      </c>
      <c r="CJ1186" s="166">
        <v>0</v>
      </c>
      <c r="CK1186" s="166">
        <v>0</v>
      </c>
      <c r="CL1186" s="166">
        <v>0</v>
      </c>
      <c r="CM1186" s="166">
        <v>0</v>
      </c>
      <c r="CN1186" s="166">
        <v>0</v>
      </c>
      <c r="CO1186" s="166">
        <v>0</v>
      </c>
      <c r="CP1186" s="166">
        <v>0</v>
      </c>
      <c r="CQ1186" s="166">
        <v>0</v>
      </c>
      <c r="CR1186" s="166">
        <v>0</v>
      </c>
      <c r="CS1186" s="166">
        <v>0</v>
      </c>
      <c r="CT1186" s="166">
        <v>0</v>
      </c>
      <c r="CU1186" s="166">
        <v>0</v>
      </c>
      <c r="CV1186" s="166">
        <v>0</v>
      </c>
      <c r="CW1186" s="166">
        <v>0</v>
      </c>
      <c r="CX1186" s="166">
        <v>0</v>
      </c>
      <c r="CY1186" s="166">
        <v>55874697.3441393</v>
      </c>
      <c r="CZ1186" s="166">
        <v>55874697.3441393</v>
      </c>
    </row>
    <row r="1187" spans="1:104" x14ac:dyDescent="0.2">
      <c r="A1187" s="167" t="s">
        <v>1056</v>
      </c>
      <c r="B1187" s="166">
        <v>609491.07720145094</v>
      </c>
      <c r="C1187" s="166">
        <v>609491.07720145094</v>
      </c>
      <c r="D1187" s="166">
        <v>0</v>
      </c>
      <c r="E1187" s="166">
        <v>0</v>
      </c>
      <c r="F1187" s="166">
        <v>0</v>
      </c>
      <c r="G1187" s="166">
        <v>0</v>
      </c>
      <c r="H1187" s="166">
        <v>0</v>
      </c>
      <c r="I1187" s="166">
        <v>0</v>
      </c>
      <c r="J1187" s="166">
        <v>0</v>
      </c>
      <c r="K1187" s="166">
        <v>0</v>
      </c>
      <c r="L1187" s="166">
        <v>0</v>
      </c>
      <c r="M1187" s="166">
        <v>0</v>
      </c>
      <c r="N1187" s="166">
        <v>0</v>
      </c>
      <c r="O1187" s="166">
        <v>0</v>
      </c>
      <c r="P1187" s="166">
        <v>0</v>
      </c>
      <c r="Q1187" s="166">
        <v>0</v>
      </c>
      <c r="R1187" s="166">
        <v>0</v>
      </c>
      <c r="S1187" s="166">
        <v>0</v>
      </c>
      <c r="T1187" s="166">
        <v>0</v>
      </c>
      <c r="U1187" s="166">
        <v>0</v>
      </c>
      <c r="V1187" s="166">
        <v>0</v>
      </c>
      <c r="W1187" s="166">
        <v>0</v>
      </c>
      <c r="X1187" s="166">
        <v>0</v>
      </c>
      <c r="Y1187" s="166">
        <v>0</v>
      </c>
      <c r="Z1187" s="166">
        <v>0</v>
      </c>
      <c r="AA1187" s="166">
        <v>0</v>
      </c>
      <c r="AB1187" s="166">
        <v>0</v>
      </c>
      <c r="AC1187" s="166">
        <v>0</v>
      </c>
      <c r="AD1187" s="166">
        <v>0</v>
      </c>
      <c r="AE1187" s="166">
        <v>0</v>
      </c>
      <c r="AF1187" s="166">
        <v>0</v>
      </c>
      <c r="AG1187" s="166">
        <v>0</v>
      </c>
      <c r="AH1187" s="166">
        <v>0</v>
      </c>
      <c r="AI1187" s="166">
        <v>0</v>
      </c>
      <c r="AJ1187" s="166">
        <v>0</v>
      </c>
      <c r="AK1187" s="166">
        <v>0</v>
      </c>
      <c r="AL1187" s="166">
        <v>0</v>
      </c>
      <c r="AM1187" s="166">
        <v>0</v>
      </c>
      <c r="AN1187" s="166">
        <v>0</v>
      </c>
      <c r="AO1187" s="166">
        <v>0</v>
      </c>
      <c r="AP1187" s="166">
        <v>0</v>
      </c>
      <c r="AQ1187" s="166">
        <v>0</v>
      </c>
      <c r="AR1187" s="166">
        <v>0</v>
      </c>
      <c r="AS1187" s="166">
        <v>0</v>
      </c>
      <c r="AT1187" s="166">
        <v>0</v>
      </c>
      <c r="AU1187" s="166">
        <v>0</v>
      </c>
      <c r="AV1187" s="166">
        <v>0</v>
      </c>
      <c r="AW1187" s="166">
        <v>0</v>
      </c>
      <c r="AX1187" s="166">
        <v>0</v>
      </c>
      <c r="AY1187" s="166">
        <v>0</v>
      </c>
      <c r="AZ1187" s="166">
        <v>0</v>
      </c>
      <c r="BA1187" s="166">
        <v>0</v>
      </c>
      <c r="BB1187" s="166">
        <v>0</v>
      </c>
      <c r="BC1187" s="166">
        <v>0</v>
      </c>
      <c r="BD1187" s="166">
        <v>0</v>
      </c>
      <c r="BE1187" s="166">
        <v>0</v>
      </c>
      <c r="BF1187" s="166">
        <v>0</v>
      </c>
      <c r="BG1187" s="166">
        <v>0</v>
      </c>
      <c r="BH1187" s="166">
        <v>0</v>
      </c>
      <c r="BI1187" s="166">
        <v>0</v>
      </c>
      <c r="BJ1187" s="166">
        <v>0</v>
      </c>
      <c r="BK1187" s="166">
        <v>0</v>
      </c>
      <c r="BL1187" s="166">
        <v>0</v>
      </c>
      <c r="BM1187" s="166">
        <v>0</v>
      </c>
      <c r="BN1187" s="166">
        <v>0</v>
      </c>
      <c r="BO1187" s="166">
        <v>0</v>
      </c>
      <c r="BP1187" s="166">
        <v>0</v>
      </c>
      <c r="BQ1187" s="166">
        <v>0</v>
      </c>
      <c r="BR1187" s="166">
        <v>609491.07720145094</v>
      </c>
      <c r="BS1187" s="166">
        <v>609491.07720145094</v>
      </c>
      <c r="BT1187" s="168">
        <v>0.93083533845459898</v>
      </c>
      <c r="BU1187" s="166">
        <v>19239.685581730901</v>
      </c>
      <c r="BV1187" s="166">
        <v>567335.83313187095</v>
      </c>
      <c r="BW1187" s="166">
        <v>0</v>
      </c>
      <c r="BX1187" s="166">
        <v>0</v>
      </c>
      <c r="BY1187" s="166">
        <v>0</v>
      </c>
      <c r="BZ1187" s="166">
        <v>0</v>
      </c>
      <c r="CA1187" s="166">
        <v>0</v>
      </c>
      <c r="CB1187" s="166">
        <v>0</v>
      </c>
      <c r="CC1187" s="166">
        <v>0</v>
      </c>
      <c r="CD1187" s="166">
        <v>0</v>
      </c>
      <c r="CE1187" s="166">
        <v>0</v>
      </c>
      <c r="CF1187" s="166">
        <v>0</v>
      </c>
      <c r="CG1187" s="166">
        <v>0</v>
      </c>
      <c r="CH1187" s="166">
        <v>0</v>
      </c>
      <c r="CI1187" s="166">
        <v>0</v>
      </c>
      <c r="CJ1187" s="166">
        <v>0</v>
      </c>
      <c r="CK1187" s="166">
        <v>0</v>
      </c>
      <c r="CL1187" s="166">
        <v>0</v>
      </c>
      <c r="CM1187" s="166">
        <v>0</v>
      </c>
      <c r="CN1187" s="166">
        <v>0</v>
      </c>
      <c r="CO1187" s="166">
        <v>0</v>
      </c>
      <c r="CP1187" s="166">
        <v>0</v>
      </c>
      <c r="CQ1187" s="166">
        <v>0</v>
      </c>
      <c r="CR1187" s="166">
        <v>0</v>
      </c>
      <c r="CS1187" s="166">
        <v>0</v>
      </c>
      <c r="CT1187" s="166">
        <v>0</v>
      </c>
      <c r="CU1187" s="166">
        <v>0</v>
      </c>
      <c r="CV1187" s="166">
        <v>0</v>
      </c>
      <c r="CW1187" s="166">
        <v>0</v>
      </c>
      <c r="CX1187" s="166">
        <v>0</v>
      </c>
      <c r="CY1187" s="166">
        <v>567335.83313187095</v>
      </c>
      <c r="CZ1187" s="166">
        <v>567335.83313187095</v>
      </c>
    </row>
    <row r="1188" spans="1:104" x14ac:dyDescent="0.2">
      <c r="A1188" s="167" t="s">
        <v>1057</v>
      </c>
      <c r="B1188" s="166">
        <v>2779974.1928344499</v>
      </c>
      <c r="C1188" s="166">
        <v>2779974.1928344499</v>
      </c>
      <c r="D1188" s="166">
        <v>0</v>
      </c>
      <c r="E1188" s="166">
        <v>0</v>
      </c>
      <c r="F1188" s="166">
        <v>0</v>
      </c>
      <c r="G1188" s="166">
        <v>0</v>
      </c>
      <c r="H1188" s="166">
        <v>0</v>
      </c>
      <c r="I1188" s="166">
        <v>0</v>
      </c>
      <c r="J1188" s="166">
        <v>0</v>
      </c>
      <c r="K1188" s="166">
        <v>0</v>
      </c>
      <c r="L1188" s="166">
        <v>0</v>
      </c>
      <c r="M1188" s="166">
        <v>0</v>
      </c>
      <c r="N1188" s="166">
        <v>0</v>
      </c>
      <c r="O1188" s="166">
        <v>0</v>
      </c>
      <c r="P1188" s="166">
        <v>0</v>
      </c>
      <c r="Q1188" s="166">
        <v>0</v>
      </c>
      <c r="R1188" s="166">
        <v>0</v>
      </c>
      <c r="S1188" s="166">
        <v>0</v>
      </c>
      <c r="T1188" s="166">
        <v>0</v>
      </c>
      <c r="U1188" s="166">
        <v>0</v>
      </c>
      <c r="V1188" s="166">
        <v>0</v>
      </c>
      <c r="W1188" s="166">
        <v>0</v>
      </c>
      <c r="X1188" s="166">
        <v>0</v>
      </c>
      <c r="Y1188" s="166">
        <v>0</v>
      </c>
      <c r="Z1188" s="166">
        <v>0</v>
      </c>
      <c r="AA1188" s="166">
        <v>0</v>
      </c>
      <c r="AB1188" s="166">
        <v>0</v>
      </c>
      <c r="AC1188" s="166">
        <v>0</v>
      </c>
      <c r="AD1188" s="166">
        <v>0</v>
      </c>
      <c r="AE1188" s="166">
        <v>0</v>
      </c>
      <c r="AF1188" s="166">
        <v>0</v>
      </c>
      <c r="AG1188" s="166">
        <v>0</v>
      </c>
      <c r="AH1188" s="166">
        <v>0</v>
      </c>
      <c r="AI1188" s="166">
        <v>0</v>
      </c>
      <c r="AJ1188" s="166">
        <v>0</v>
      </c>
      <c r="AK1188" s="166">
        <v>0</v>
      </c>
      <c r="AL1188" s="166">
        <v>0</v>
      </c>
      <c r="AM1188" s="166">
        <v>0</v>
      </c>
      <c r="AN1188" s="166">
        <v>0</v>
      </c>
      <c r="AO1188" s="166">
        <v>0</v>
      </c>
      <c r="AP1188" s="166">
        <v>0</v>
      </c>
      <c r="AQ1188" s="166">
        <v>0</v>
      </c>
      <c r="AR1188" s="166">
        <v>0</v>
      </c>
      <c r="AS1188" s="166">
        <v>0</v>
      </c>
      <c r="AT1188" s="166">
        <v>0</v>
      </c>
      <c r="AU1188" s="166">
        <v>0</v>
      </c>
      <c r="AV1188" s="166">
        <v>0</v>
      </c>
      <c r="AW1188" s="166">
        <v>0</v>
      </c>
      <c r="AX1188" s="166">
        <v>0</v>
      </c>
      <c r="AY1188" s="166">
        <v>0</v>
      </c>
      <c r="AZ1188" s="166">
        <v>0</v>
      </c>
      <c r="BA1188" s="166">
        <v>0</v>
      </c>
      <c r="BB1188" s="166">
        <v>0</v>
      </c>
      <c r="BC1188" s="166">
        <v>0</v>
      </c>
      <c r="BD1188" s="166">
        <v>0</v>
      </c>
      <c r="BE1188" s="166">
        <v>0</v>
      </c>
      <c r="BF1188" s="166">
        <v>0</v>
      </c>
      <c r="BG1188" s="166">
        <v>0</v>
      </c>
      <c r="BH1188" s="166">
        <v>0</v>
      </c>
      <c r="BI1188" s="166">
        <v>0</v>
      </c>
      <c r="BJ1188" s="166">
        <v>0</v>
      </c>
      <c r="BK1188" s="166">
        <v>0</v>
      </c>
      <c r="BL1188" s="166">
        <v>0</v>
      </c>
      <c r="BM1188" s="166">
        <v>0</v>
      </c>
      <c r="BN1188" s="166">
        <v>0</v>
      </c>
      <c r="BO1188" s="166">
        <v>0</v>
      </c>
      <c r="BP1188" s="166">
        <v>0</v>
      </c>
      <c r="BQ1188" s="166">
        <v>0</v>
      </c>
      <c r="BR1188" s="166">
        <v>2779974.1928344499</v>
      </c>
      <c r="BS1188" s="166">
        <v>2779974.1928344499</v>
      </c>
      <c r="BT1188" s="168">
        <v>0.98433591600457504</v>
      </c>
      <c r="BU1188" s="166">
        <v>179940.14885861601</v>
      </c>
      <c r="BV1188" s="166">
        <v>2736428.4435727801</v>
      </c>
      <c r="BW1188" s="166">
        <v>0</v>
      </c>
      <c r="BX1188" s="166">
        <v>0</v>
      </c>
      <c r="BY1188" s="166">
        <v>0</v>
      </c>
      <c r="BZ1188" s="166">
        <v>0</v>
      </c>
      <c r="CA1188" s="166">
        <v>0</v>
      </c>
      <c r="CB1188" s="166">
        <v>0</v>
      </c>
      <c r="CC1188" s="166">
        <v>0</v>
      </c>
      <c r="CD1188" s="166">
        <v>0</v>
      </c>
      <c r="CE1188" s="166">
        <v>0</v>
      </c>
      <c r="CF1188" s="166">
        <v>0</v>
      </c>
      <c r="CG1188" s="166">
        <v>0</v>
      </c>
      <c r="CH1188" s="166">
        <v>0</v>
      </c>
      <c r="CI1188" s="166">
        <v>0</v>
      </c>
      <c r="CJ1188" s="166">
        <v>0</v>
      </c>
      <c r="CK1188" s="166">
        <v>0</v>
      </c>
      <c r="CL1188" s="166">
        <v>0</v>
      </c>
      <c r="CM1188" s="166">
        <v>0</v>
      </c>
      <c r="CN1188" s="166">
        <v>0</v>
      </c>
      <c r="CO1188" s="166">
        <v>0</v>
      </c>
      <c r="CP1188" s="166">
        <v>0</v>
      </c>
      <c r="CQ1188" s="166">
        <v>0</v>
      </c>
      <c r="CR1188" s="166">
        <v>0</v>
      </c>
      <c r="CS1188" s="166">
        <v>0</v>
      </c>
      <c r="CT1188" s="166">
        <v>0</v>
      </c>
      <c r="CU1188" s="166">
        <v>0</v>
      </c>
      <c r="CV1188" s="166">
        <v>0</v>
      </c>
      <c r="CW1188" s="166">
        <v>0</v>
      </c>
      <c r="CX1188" s="166">
        <v>0</v>
      </c>
      <c r="CY1188" s="166">
        <v>2736428.4435727801</v>
      </c>
      <c r="CZ1188" s="166">
        <v>2736428.4435727801</v>
      </c>
    </row>
    <row r="1189" spans="1:104" x14ac:dyDescent="0.2">
      <c r="A1189" s="167" t="s">
        <v>159</v>
      </c>
      <c r="B1189" s="166">
        <v>10926614.8374555</v>
      </c>
      <c r="C1189" s="166">
        <v>10926614.8374555</v>
      </c>
      <c r="D1189" s="166">
        <v>0</v>
      </c>
      <c r="E1189" s="166">
        <v>0</v>
      </c>
      <c r="F1189" s="166">
        <v>0</v>
      </c>
      <c r="G1189" s="166">
        <v>0</v>
      </c>
      <c r="H1189" s="166">
        <v>0</v>
      </c>
      <c r="I1189" s="166">
        <v>0</v>
      </c>
      <c r="J1189" s="166">
        <v>0</v>
      </c>
      <c r="K1189" s="166">
        <v>0</v>
      </c>
      <c r="L1189" s="166">
        <v>0</v>
      </c>
      <c r="M1189" s="166">
        <v>0</v>
      </c>
      <c r="N1189" s="166">
        <v>0</v>
      </c>
      <c r="O1189" s="166">
        <v>0</v>
      </c>
      <c r="P1189" s="166">
        <v>0</v>
      </c>
      <c r="Q1189" s="166">
        <v>0</v>
      </c>
      <c r="R1189" s="166">
        <v>0</v>
      </c>
      <c r="S1189" s="166">
        <v>0</v>
      </c>
      <c r="T1189" s="166">
        <v>0</v>
      </c>
      <c r="U1189" s="166">
        <v>0</v>
      </c>
      <c r="V1189" s="166">
        <v>0</v>
      </c>
      <c r="W1189" s="166">
        <v>0</v>
      </c>
      <c r="X1189" s="166">
        <v>0</v>
      </c>
      <c r="Y1189" s="166">
        <v>0</v>
      </c>
      <c r="Z1189" s="166">
        <v>0</v>
      </c>
      <c r="AA1189" s="166">
        <v>0</v>
      </c>
      <c r="AB1189" s="166">
        <v>0</v>
      </c>
      <c r="AC1189" s="166">
        <v>0</v>
      </c>
      <c r="AD1189" s="166">
        <v>0</v>
      </c>
      <c r="AE1189" s="166">
        <v>0</v>
      </c>
      <c r="AF1189" s="166">
        <v>0</v>
      </c>
      <c r="AG1189" s="166">
        <v>0</v>
      </c>
      <c r="AH1189" s="166">
        <v>0</v>
      </c>
      <c r="AI1189" s="166">
        <v>0</v>
      </c>
      <c r="AJ1189" s="166">
        <v>0</v>
      </c>
      <c r="AK1189" s="166">
        <v>0</v>
      </c>
      <c r="AL1189" s="166">
        <v>0</v>
      </c>
      <c r="AM1189" s="166">
        <v>0</v>
      </c>
      <c r="AN1189" s="166">
        <v>0</v>
      </c>
      <c r="AO1189" s="166">
        <v>0</v>
      </c>
      <c r="AP1189" s="166">
        <v>0</v>
      </c>
      <c r="AQ1189" s="166">
        <v>0</v>
      </c>
      <c r="AR1189" s="166">
        <v>0</v>
      </c>
      <c r="AS1189" s="166">
        <v>0</v>
      </c>
      <c r="AT1189" s="166">
        <v>0</v>
      </c>
      <c r="AU1189" s="166">
        <v>0</v>
      </c>
      <c r="AV1189" s="166">
        <v>0</v>
      </c>
      <c r="AW1189" s="166">
        <v>0</v>
      </c>
      <c r="AX1189" s="166">
        <v>0</v>
      </c>
      <c r="AY1189" s="166">
        <v>0</v>
      </c>
      <c r="AZ1189" s="166">
        <v>0</v>
      </c>
      <c r="BA1189" s="166">
        <v>0</v>
      </c>
      <c r="BB1189" s="166">
        <v>0</v>
      </c>
      <c r="BC1189" s="166">
        <v>0</v>
      </c>
      <c r="BD1189" s="166">
        <v>0</v>
      </c>
      <c r="BE1189" s="166">
        <v>0</v>
      </c>
      <c r="BF1189" s="166">
        <v>0</v>
      </c>
      <c r="BG1189" s="166">
        <v>0</v>
      </c>
      <c r="BH1189" s="166">
        <v>0</v>
      </c>
      <c r="BI1189" s="166">
        <v>0</v>
      </c>
      <c r="BJ1189" s="166">
        <v>0</v>
      </c>
      <c r="BK1189" s="166">
        <v>0</v>
      </c>
      <c r="BL1189" s="166">
        <v>0</v>
      </c>
      <c r="BM1189" s="166">
        <v>0</v>
      </c>
      <c r="BN1189" s="166">
        <v>0</v>
      </c>
      <c r="BO1189" s="166">
        <v>0</v>
      </c>
      <c r="BP1189" s="166">
        <v>0</v>
      </c>
      <c r="BQ1189" s="166">
        <v>0</v>
      </c>
      <c r="BR1189" s="166">
        <v>10926614.8374555</v>
      </c>
      <c r="BS1189" s="166">
        <v>10926614.8374555</v>
      </c>
      <c r="BT1189" s="168">
        <v>0.99999526481343304</v>
      </c>
      <c r="BU1189" s="166">
        <v>700597.298203944</v>
      </c>
      <c r="BV1189" s="166">
        <v>10926563.0978957</v>
      </c>
      <c r="BW1189" s="166">
        <v>0</v>
      </c>
      <c r="BX1189" s="166">
        <v>0</v>
      </c>
      <c r="BY1189" s="166">
        <v>0</v>
      </c>
      <c r="BZ1189" s="166">
        <v>0</v>
      </c>
      <c r="CA1189" s="166">
        <v>0</v>
      </c>
      <c r="CB1189" s="166">
        <v>0</v>
      </c>
      <c r="CC1189" s="166">
        <v>0</v>
      </c>
      <c r="CD1189" s="166">
        <v>0</v>
      </c>
      <c r="CE1189" s="166">
        <v>0</v>
      </c>
      <c r="CF1189" s="166">
        <v>0</v>
      </c>
      <c r="CG1189" s="166">
        <v>0</v>
      </c>
      <c r="CH1189" s="166">
        <v>0</v>
      </c>
      <c r="CI1189" s="166">
        <v>0</v>
      </c>
      <c r="CJ1189" s="166">
        <v>0</v>
      </c>
      <c r="CK1189" s="166">
        <v>0</v>
      </c>
      <c r="CL1189" s="166">
        <v>0</v>
      </c>
      <c r="CM1189" s="166">
        <v>0</v>
      </c>
      <c r="CN1189" s="166">
        <v>0</v>
      </c>
      <c r="CO1189" s="166">
        <v>0</v>
      </c>
      <c r="CP1189" s="166">
        <v>0</v>
      </c>
      <c r="CQ1189" s="166">
        <v>0</v>
      </c>
      <c r="CR1189" s="166">
        <v>0</v>
      </c>
      <c r="CS1189" s="166">
        <v>0</v>
      </c>
      <c r="CT1189" s="166">
        <v>0</v>
      </c>
      <c r="CU1189" s="166">
        <v>0</v>
      </c>
      <c r="CV1189" s="166">
        <v>0</v>
      </c>
      <c r="CW1189" s="166">
        <v>0</v>
      </c>
      <c r="CX1189" s="166">
        <v>0</v>
      </c>
      <c r="CY1189" s="166">
        <v>10926563.0978957</v>
      </c>
      <c r="CZ1189" s="166">
        <v>10926563.0978957</v>
      </c>
    </row>
    <row r="1190" spans="1:104" x14ac:dyDescent="0.2">
      <c r="A1190" s="167" t="s">
        <v>160</v>
      </c>
      <c r="B1190" s="166">
        <v>70191042.030000001</v>
      </c>
      <c r="C1190" s="166">
        <v>70191042.030000001</v>
      </c>
      <c r="D1190" s="166">
        <v>0</v>
      </c>
      <c r="E1190" s="166">
        <v>0</v>
      </c>
      <c r="F1190" s="166">
        <v>0</v>
      </c>
      <c r="G1190" s="166">
        <v>0</v>
      </c>
      <c r="H1190" s="166">
        <v>0</v>
      </c>
      <c r="I1190" s="166">
        <v>0</v>
      </c>
      <c r="J1190" s="166">
        <v>0</v>
      </c>
      <c r="K1190" s="166">
        <v>0</v>
      </c>
      <c r="L1190" s="166">
        <v>0</v>
      </c>
      <c r="M1190" s="166">
        <v>0</v>
      </c>
      <c r="N1190" s="166">
        <v>0</v>
      </c>
      <c r="O1190" s="166">
        <v>0</v>
      </c>
      <c r="P1190" s="166">
        <v>0</v>
      </c>
      <c r="Q1190" s="166">
        <v>0</v>
      </c>
      <c r="R1190" s="166">
        <v>0</v>
      </c>
      <c r="S1190" s="166">
        <v>0</v>
      </c>
      <c r="T1190" s="166">
        <v>0</v>
      </c>
      <c r="U1190" s="166">
        <v>0</v>
      </c>
      <c r="V1190" s="166">
        <v>0</v>
      </c>
      <c r="W1190" s="166">
        <v>0</v>
      </c>
      <c r="X1190" s="166">
        <v>0</v>
      </c>
      <c r="Y1190" s="166">
        <v>0</v>
      </c>
      <c r="Z1190" s="166">
        <v>0</v>
      </c>
      <c r="AA1190" s="166">
        <v>0</v>
      </c>
      <c r="AB1190" s="166">
        <v>0</v>
      </c>
      <c r="AC1190" s="166">
        <v>0</v>
      </c>
      <c r="AD1190" s="166">
        <v>0</v>
      </c>
      <c r="AE1190" s="166">
        <v>0</v>
      </c>
      <c r="AF1190" s="166">
        <v>0</v>
      </c>
      <c r="AG1190" s="166">
        <v>0</v>
      </c>
      <c r="AH1190" s="166">
        <v>0</v>
      </c>
      <c r="AI1190" s="166">
        <v>0</v>
      </c>
      <c r="AJ1190" s="166">
        <v>0</v>
      </c>
      <c r="AK1190" s="166">
        <v>0</v>
      </c>
      <c r="AL1190" s="166">
        <v>0</v>
      </c>
      <c r="AM1190" s="166">
        <v>0</v>
      </c>
      <c r="AN1190" s="166">
        <v>0</v>
      </c>
      <c r="AO1190" s="166">
        <v>0</v>
      </c>
      <c r="AP1190" s="166">
        <v>0</v>
      </c>
      <c r="AQ1190" s="166">
        <v>0</v>
      </c>
      <c r="AR1190" s="166">
        <v>0</v>
      </c>
      <c r="AS1190" s="166">
        <v>0</v>
      </c>
      <c r="AT1190" s="166">
        <v>0</v>
      </c>
      <c r="AU1190" s="166">
        <v>0</v>
      </c>
      <c r="AV1190" s="166">
        <v>0</v>
      </c>
      <c r="AW1190" s="166">
        <v>0</v>
      </c>
      <c r="AX1190" s="166">
        <v>0</v>
      </c>
      <c r="AY1190" s="166">
        <v>0</v>
      </c>
      <c r="AZ1190" s="166">
        <v>0</v>
      </c>
      <c r="BA1190" s="166">
        <v>0</v>
      </c>
      <c r="BB1190" s="166">
        <v>0</v>
      </c>
      <c r="BC1190" s="166">
        <v>0</v>
      </c>
      <c r="BD1190" s="166">
        <v>0</v>
      </c>
      <c r="BE1190" s="166">
        <v>0</v>
      </c>
      <c r="BF1190" s="166">
        <v>0</v>
      </c>
      <c r="BG1190" s="166">
        <v>0</v>
      </c>
      <c r="BH1190" s="166">
        <v>0</v>
      </c>
      <c r="BI1190" s="166">
        <v>0</v>
      </c>
      <c r="BJ1190" s="166">
        <v>0</v>
      </c>
      <c r="BK1190" s="166">
        <v>0</v>
      </c>
      <c r="BL1190" s="166">
        <v>0</v>
      </c>
      <c r="BM1190" s="166">
        <v>0</v>
      </c>
      <c r="BN1190" s="166">
        <v>0</v>
      </c>
      <c r="BO1190" s="166">
        <v>0</v>
      </c>
      <c r="BP1190" s="166">
        <v>0</v>
      </c>
      <c r="BQ1190" s="166">
        <v>0</v>
      </c>
      <c r="BR1190" s="166">
        <v>70191042.030000001</v>
      </c>
      <c r="BS1190" s="166">
        <v>70191042.030000001</v>
      </c>
      <c r="BT1190" s="168">
        <v>0</v>
      </c>
      <c r="BU1190" s="166">
        <v>3974810.1376961898</v>
      </c>
      <c r="BV1190" s="166">
        <v>70105024.718739793</v>
      </c>
      <c r="BW1190" s="166">
        <v>0</v>
      </c>
      <c r="BX1190" s="166">
        <v>0</v>
      </c>
      <c r="BY1190" s="166">
        <v>0</v>
      </c>
      <c r="BZ1190" s="166">
        <v>0</v>
      </c>
      <c r="CA1190" s="166">
        <v>0</v>
      </c>
      <c r="CB1190" s="166">
        <v>0</v>
      </c>
      <c r="CC1190" s="166">
        <v>0</v>
      </c>
      <c r="CD1190" s="166">
        <v>0</v>
      </c>
      <c r="CE1190" s="166">
        <v>0</v>
      </c>
      <c r="CF1190" s="166">
        <v>0</v>
      </c>
      <c r="CG1190" s="166">
        <v>0</v>
      </c>
      <c r="CH1190" s="166">
        <v>0</v>
      </c>
      <c r="CI1190" s="166">
        <v>0</v>
      </c>
      <c r="CJ1190" s="166">
        <v>0</v>
      </c>
      <c r="CK1190" s="166">
        <v>0</v>
      </c>
      <c r="CL1190" s="166">
        <v>0</v>
      </c>
      <c r="CM1190" s="166">
        <v>0</v>
      </c>
      <c r="CN1190" s="166">
        <v>0</v>
      </c>
      <c r="CO1190" s="166">
        <v>0</v>
      </c>
      <c r="CP1190" s="166">
        <v>0</v>
      </c>
      <c r="CQ1190" s="166">
        <v>0</v>
      </c>
      <c r="CR1190" s="166">
        <v>0</v>
      </c>
      <c r="CS1190" s="166">
        <v>0</v>
      </c>
      <c r="CT1190" s="166">
        <v>0</v>
      </c>
      <c r="CU1190" s="166">
        <v>0</v>
      </c>
      <c r="CV1190" s="166">
        <v>0</v>
      </c>
      <c r="CW1190" s="166">
        <v>0</v>
      </c>
      <c r="CX1190" s="166">
        <v>0</v>
      </c>
      <c r="CY1190" s="166">
        <v>70105024.718739793</v>
      </c>
      <c r="CZ1190" s="166">
        <v>70105024.718739793</v>
      </c>
    </row>
    <row r="1191" spans="1:104" x14ac:dyDescent="0.2">
      <c r="A1191" s="170" t="s">
        <v>161</v>
      </c>
      <c r="B1191" s="166">
        <v>93890876.779999897</v>
      </c>
      <c r="C1191" s="166">
        <v>93890876.779999897</v>
      </c>
      <c r="D1191" s="166">
        <v>0</v>
      </c>
      <c r="E1191" s="166">
        <v>0</v>
      </c>
      <c r="F1191" s="166">
        <v>0</v>
      </c>
      <c r="G1191" s="166">
        <v>0</v>
      </c>
      <c r="H1191" s="166">
        <v>0</v>
      </c>
      <c r="I1191" s="166">
        <v>0</v>
      </c>
      <c r="J1191" s="166">
        <v>0</v>
      </c>
      <c r="K1191" s="166">
        <v>0</v>
      </c>
      <c r="L1191" s="166">
        <v>0</v>
      </c>
      <c r="M1191" s="166">
        <v>0</v>
      </c>
      <c r="N1191" s="166">
        <v>0</v>
      </c>
      <c r="O1191" s="166">
        <v>0</v>
      </c>
      <c r="P1191" s="166">
        <v>0</v>
      </c>
      <c r="Q1191" s="166">
        <v>0</v>
      </c>
      <c r="R1191" s="166">
        <v>0</v>
      </c>
      <c r="S1191" s="166">
        <v>0</v>
      </c>
      <c r="T1191" s="166">
        <v>0</v>
      </c>
      <c r="U1191" s="166">
        <v>0</v>
      </c>
      <c r="V1191" s="166">
        <v>0</v>
      </c>
      <c r="W1191" s="166">
        <v>0</v>
      </c>
      <c r="X1191" s="166">
        <v>0</v>
      </c>
      <c r="Y1191" s="166">
        <v>0</v>
      </c>
      <c r="Z1191" s="166">
        <v>0</v>
      </c>
      <c r="AA1191" s="166">
        <v>0</v>
      </c>
      <c r="AB1191" s="166">
        <v>0</v>
      </c>
      <c r="AC1191" s="166">
        <v>0</v>
      </c>
      <c r="AD1191" s="166">
        <v>0</v>
      </c>
      <c r="AE1191" s="166">
        <v>0</v>
      </c>
      <c r="AF1191" s="166">
        <v>0</v>
      </c>
      <c r="AG1191" s="166">
        <v>0</v>
      </c>
      <c r="AH1191" s="166">
        <v>0</v>
      </c>
      <c r="AI1191" s="166">
        <v>0</v>
      </c>
      <c r="AJ1191" s="166">
        <v>0</v>
      </c>
      <c r="AK1191" s="166">
        <v>0</v>
      </c>
      <c r="AL1191" s="166">
        <v>0</v>
      </c>
      <c r="AM1191" s="166">
        <v>0</v>
      </c>
      <c r="AN1191" s="166">
        <v>0</v>
      </c>
      <c r="AO1191" s="166">
        <v>0</v>
      </c>
      <c r="AP1191" s="166">
        <v>0</v>
      </c>
      <c r="AQ1191" s="166">
        <v>0</v>
      </c>
      <c r="AR1191" s="166">
        <v>0</v>
      </c>
      <c r="AS1191" s="166">
        <v>0</v>
      </c>
      <c r="AT1191" s="166">
        <v>0</v>
      </c>
      <c r="AU1191" s="166">
        <v>0</v>
      </c>
      <c r="AV1191" s="166">
        <v>0</v>
      </c>
      <c r="AW1191" s="166">
        <v>0</v>
      </c>
      <c r="AX1191" s="166">
        <v>0</v>
      </c>
      <c r="AY1191" s="166">
        <v>0</v>
      </c>
      <c r="AZ1191" s="166">
        <v>0</v>
      </c>
      <c r="BA1191" s="166">
        <v>0</v>
      </c>
      <c r="BB1191" s="166">
        <v>0</v>
      </c>
      <c r="BC1191" s="166">
        <v>0</v>
      </c>
      <c r="BD1191" s="166">
        <v>0</v>
      </c>
      <c r="BE1191" s="166">
        <v>0</v>
      </c>
      <c r="BF1191" s="166">
        <v>0</v>
      </c>
      <c r="BG1191" s="166">
        <v>0</v>
      </c>
      <c r="BH1191" s="166">
        <v>0</v>
      </c>
      <c r="BI1191" s="166">
        <v>0</v>
      </c>
      <c r="BJ1191" s="166">
        <v>0</v>
      </c>
      <c r="BK1191" s="166">
        <v>0</v>
      </c>
      <c r="BL1191" s="166">
        <v>0</v>
      </c>
      <c r="BM1191" s="166">
        <v>0</v>
      </c>
      <c r="BN1191" s="166">
        <v>0</v>
      </c>
      <c r="BO1191" s="166">
        <v>0</v>
      </c>
      <c r="BP1191" s="166">
        <v>0</v>
      </c>
      <c r="BQ1191" s="166">
        <v>0</v>
      </c>
      <c r="BR1191" s="166">
        <v>93890876.779999897</v>
      </c>
      <c r="BS1191" s="166">
        <v>93890876.780000001</v>
      </c>
      <c r="BT1191" s="168">
        <v>0</v>
      </c>
      <c r="BU1191" s="166">
        <v>5585126.3665697398</v>
      </c>
      <c r="BV1191" s="166">
        <v>93686319.629535794</v>
      </c>
      <c r="BW1191" s="166">
        <v>0</v>
      </c>
      <c r="BX1191" s="166">
        <v>0</v>
      </c>
      <c r="BY1191" s="166">
        <v>0</v>
      </c>
      <c r="BZ1191" s="166">
        <v>0</v>
      </c>
      <c r="CA1191" s="166">
        <v>0</v>
      </c>
      <c r="CB1191" s="166">
        <v>0</v>
      </c>
      <c r="CC1191" s="166">
        <v>0</v>
      </c>
      <c r="CD1191" s="166">
        <v>0</v>
      </c>
      <c r="CE1191" s="166">
        <v>0</v>
      </c>
      <c r="CF1191" s="166">
        <v>0</v>
      </c>
      <c r="CG1191" s="166">
        <v>0</v>
      </c>
      <c r="CH1191" s="166">
        <v>0</v>
      </c>
      <c r="CI1191" s="166">
        <v>0</v>
      </c>
      <c r="CJ1191" s="166">
        <v>0</v>
      </c>
      <c r="CK1191" s="166">
        <v>0</v>
      </c>
      <c r="CL1191" s="166">
        <v>0</v>
      </c>
      <c r="CM1191" s="166">
        <v>0</v>
      </c>
      <c r="CN1191" s="166">
        <v>0</v>
      </c>
      <c r="CO1191" s="166">
        <v>0</v>
      </c>
      <c r="CP1191" s="166">
        <v>0</v>
      </c>
      <c r="CQ1191" s="166">
        <v>0</v>
      </c>
      <c r="CR1191" s="166">
        <v>0</v>
      </c>
      <c r="CS1191" s="166">
        <v>0</v>
      </c>
      <c r="CT1191" s="166">
        <v>0</v>
      </c>
      <c r="CU1191" s="166">
        <v>0</v>
      </c>
      <c r="CV1191" s="166">
        <v>0</v>
      </c>
      <c r="CW1191" s="166">
        <v>0</v>
      </c>
      <c r="CX1191" s="166">
        <v>0</v>
      </c>
      <c r="CY1191" s="166">
        <v>93686319.629535899</v>
      </c>
      <c r="CZ1191" s="166">
        <v>93686319.629535794</v>
      </c>
    </row>
    <row r="1192" spans="1:104" x14ac:dyDescent="0.2">
      <c r="A1192" s="167" t="s">
        <v>162</v>
      </c>
    </row>
    <row r="1193" spans="1:104" x14ac:dyDescent="0.2">
      <c r="A1193" s="170" t="s">
        <v>163</v>
      </c>
    </row>
    <row r="1194" spans="1:104" x14ac:dyDescent="0.2">
      <c r="A1194" s="167" t="s">
        <v>164</v>
      </c>
      <c r="B1194" s="166">
        <v>0</v>
      </c>
      <c r="C1194" s="166">
        <v>0</v>
      </c>
      <c r="D1194" s="166">
        <v>0</v>
      </c>
      <c r="E1194" s="166">
        <v>0</v>
      </c>
      <c r="F1194" s="166">
        <v>0</v>
      </c>
      <c r="G1194" s="166">
        <v>0</v>
      </c>
      <c r="H1194" s="166">
        <v>0</v>
      </c>
      <c r="I1194" s="166">
        <v>0</v>
      </c>
      <c r="J1194" s="166">
        <v>0</v>
      </c>
      <c r="K1194" s="166">
        <v>0</v>
      </c>
      <c r="L1194" s="166">
        <v>0</v>
      </c>
      <c r="M1194" s="166">
        <v>0</v>
      </c>
      <c r="N1194" s="166">
        <v>0</v>
      </c>
      <c r="O1194" s="166">
        <v>0</v>
      </c>
      <c r="P1194" s="166">
        <v>0</v>
      </c>
      <c r="Q1194" s="166">
        <v>0</v>
      </c>
      <c r="R1194" s="166">
        <v>0</v>
      </c>
      <c r="S1194" s="166">
        <v>0</v>
      </c>
      <c r="T1194" s="166">
        <v>0</v>
      </c>
      <c r="U1194" s="166">
        <v>0</v>
      </c>
      <c r="V1194" s="166">
        <v>0</v>
      </c>
      <c r="W1194" s="166">
        <v>0</v>
      </c>
      <c r="X1194" s="166">
        <v>0</v>
      </c>
      <c r="Y1194" s="166">
        <v>0</v>
      </c>
      <c r="Z1194" s="166">
        <v>0</v>
      </c>
      <c r="AA1194" s="166">
        <v>0</v>
      </c>
      <c r="AB1194" s="166">
        <v>0</v>
      </c>
      <c r="AC1194" s="166">
        <v>0</v>
      </c>
      <c r="AD1194" s="166">
        <v>0</v>
      </c>
      <c r="AE1194" s="166">
        <v>0</v>
      </c>
      <c r="AF1194" s="166">
        <v>0</v>
      </c>
      <c r="AG1194" s="166">
        <v>0</v>
      </c>
      <c r="AH1194" s="166">
        <v>0</v>
      </c>
      <c r="AI1194" s="166">
        <v>0</v>
      </c>
      <c r="AJ1194" s="166">
        <v>0</v>
      </c>
      <c r="AK1194" s="166">
        <v>0</v>
      </c>
      <c r="AL1194" s="166">
        <v>0</v>
      </c>
      <c r="AM1194" s="166">
        <v>0</v>
      </c>
      <c r="AN1194" s="166">
        <v>0</v>
      </c>
      <c r="AO1194" s="166">
        <v>0</v>
      </c>
      <c r="AP1194" s="166">
        <v>0</v>
      </c>
      <c r="AQ1194" s="166">
        <v>0</v>
      </c>
      <c r="AR1194" s="166">
        <v>0</v>
      </c>
      <c r="AS1194" s="166">
        <v>0</v>
      </c>
      <c r="AT1194" s="166">
        <v>0</v>
      </c>
      <c r="AU1194" s="166">
        <v>0</v>
      </c>
      <c r="AV1194" s="166">
        <v>0</v>
      </c>
      <c r="AW1194" s="166">
        <v>0</v>
      </c>
      <c r="AX1194" s="166">
        <v>0</v>
      </c>
      <c r="AY1194" s="166">
        <v>0</v>
      </c>
      <c r="AZ1194" s="166">
        <v>0</v>
      </c>
      <c r="BA1194" s="166">
        <v>0</v>
      </c>
      <c r="BB1194" s="166">
        <v>0</v>
      </c>
      <c r="BC1194" s="166">
        <v>0</v>
      </c>
      <c r="BD1194" s="166">
        <v>0</v>
      </c>
      <c r="BE1194" s="166">
        <v>0</v>
      </c>
      <c r="BF1194" s="166">
        <v>0</v>
      </c>
      <c r="BG1194" s="166">
        <v>0</v>
      </c>
      <c r="BH1194" s="166">
        <v>0</v>
      </c>
      <c r="BI1194" s="166">
        <v>0</v>
      </c>
      <c r="BJ1194" s="166">
        <v>0</v>
      </c>
      <c r="BK1194" s="166">
        <v>0</v>
      </c>
      <c r="BL1194" s="166">
        <v>0</v>
      </c>
      <c r="BM1194" s="166">
        <v>0</v>
      </c>
      <c r="BN1194" s="166">
        <v>0</v>
      </c>
      <c r="BO1194" s="166">
        <v>0</v>
      </c>
      <c r="BP1194" s="166">
        <v>0</v>
      </c>
      <c r="BQ1194" s="166">
        <v>0</v>
      </c>
      <c r="BR1194" s="166">
        <v>0</v>
      </c>
      <c r="BS1194" s="166">
        <v>0</v>
      </c>
      <c r="BT1194" s="168">
        <v>0.99999526481343304</v>
      </c>
      <c r="BU1194" s="166">
        <v>0</v>
      </c>
      <c r="BV1194" s="166">
        <v>0</v>
      </c>
      <c r="BW1194" s="166">
        <v>0</v>
      </c>
      <c r="BX1194" s="166">
        <v>0</v>
      </c>
      <c r="BY1194" s="166">
        <v>0</v>
      </c>
      <c r="BZ1194" s="166">
        <v>0</v>
      </c>
      <c r="CA1194" s="166">
        <v>0</v>
      </c>
      <c r="CB1194" s="166">
        <v>0</v>
      </c>
      <c r="CC1194" s="166">
        <v>0</v>
      </c>
      <c r="CD1194" s="166">
        <v>0</v>
      </c>
      <c r="CE1194" s="166">
        <v>0</v>
      </c>
      <c r="CF1194" s="166">
        <v>0</v>
      </c>
      <c r="CG1194" s="166">
        <v>0</v>
      </c>
      <c r="CH1194" s="166">
        <v>0</v>
      </c>
      <c r="CI1194" s="166">
        <v>0</v>
      </c>
      <c r="CJ1194" s="166">
        <v>0</v>
      </c>
      <c r="CK1194" s="166">
        <v>0</v>
      </c>
      <c r="CL1194" s="166">
        <v>0</v>
      </c>
      <c r="CM1194" s="166">
        <v>0</v>
      </c>
      <c r="CN1194" s="166">
        <v>0</v>
      </c>
      <c r="CO1194" s="166">
        <v>0</v>
      </c>
      <c r="CP1194" s="166">
        <v>0</v>
      </c>
      <c r="CQ1194" s="166">
        <v>0</v>
      </c>
      <c r="CR1194" s="166">
        <v>0</v>
      </c>
      <c r="CS1194" s="166">
        <v>0</v>
      </c>
      <c r="CT1194" s="166">
        <v>0</v>
      </c>
      <c r="CU1194" s="166">
        <v>0</v>
      </c>
      <c r="CV1194" s="166">
        <v>0</v>
      </c>
      <c r="CW1194" s="166">
        <v>0</v>
      </c>
      <c r="CX1194" s="166">
        <v>0</v>
      </c>
      <c r="CY1194" s="166">
        <v>0</v>
      </c>
      <c r="CZ1194" s="166">
        <v>0</v>
      </c>
    </row>
    <row r="1195" spans="1:104" x14ac:dyDescent="0.2">
      <c r="A1195" s="167" t="s">
        <v>165</v>
      </c>
    </row>
    <row r="1196" spans="1:104" x14ac:dyDescent="0.2">
      <c r="A1196" s="167" t="s">
        <v>1058</v>
      </c>
      <c r="B1196" s="166">
        <v>5106634.0106730498</v>
      </c>
      <c r="C1196" s="166">
        <v>5106634.0106730498</v>
      </c>
      <c r="D1196" s="166">
        <v>0</v>
      </c>
      <c r="E1196" s="166">
        <v>0</v>
      </c>
      <c r="F1196" s="166">
        <v>0</v>
      </c>
      <c r="G1196" s="166">
        <v>0</v>
      </c>
      <c r="H1196" s="166">
        <v>0</v>
      </c>
      <c r="I1196" s="166">
        <v>0</v>
      </c>
      <c r="J1196" s="166">
        <v>0</v>
      </c>
      <c r="K1196" s="166">
        <v>0</v>
      </c>
      <c r="L1196" s="166">
        <v>0</v>
      </c>
      <c r="M1196" s="166">
        <v>0</v>
      </c>
      <c r="N1196" s="166">
        <v>0</v>
      </c>
      <c r="O1196" s="166">
        <v>0</v>
      </c>
      <c r="P1196" s="166">
        <v>0</v>
      </c>
      <c r="Q1196" s="166">
        <v>0</v>
      </c>
      <c r="R1196" s="166">
        <v>0</v>
      </c>
      <c r="S1196" s="166">
        <v>0</v>
      </c>
      <c r="T1196" s="166">
        <v>0</v>
      </c>
      <c r="U1196" s="166">
        <v>0</v>
      </c>
      <c r="V1196" s="166">
        <v>0</v>
      </c>
      <c r="W1196" s="166">
        <v>0</v>
      </c>
      <c r="X1196" s="166">
        <v>0</v>
      </c>
      <c r="Y1196" s="166">
        <v>0</v>
      </c>
      <c r="Z1196" s="166">
        <v>0</v>
      </c>
      <c r="AA1196" s="166">
        <v>0</v>
      </c>
      <c r="AB1196" s="166">
        <v>0</v>
      </c>
      <c r="AC1196" s="166">
        <v>0</v>
      </c>
      <c r="AD1196" s="166">
        <v>0</v>
      </c>
      <c r="AE1196" s="166">
        <v>0</v>
      </c>
      <c r="AF1196" s="166">
        <v>0</v>
      </c>
      <c r="AG1196" s="166">
        <v>0</v>
      </c>
      <c r="AH1196" s="166">
        <v>0</v>
      </c>
      <c r="AI1196" s="166">
        <v>0</v>
      </c>
      <c r="AJ1196" s="166">
        <v>0</v>
      </c>
      <c r="AK1196" s="166">
        <v>0</v>
      </c>
      <c r="AL1196" s="166">
        <v>0</v>
      </c>
      <c r="AM1196" s="166">
        <v>0</v>
      </c>
      <c r="AN1196" s="166">
        <v>0</v>
      </c>
      <c r="AO1196" s="166">
        <v>0</v>
      </c>
      <c r="AP1196" s="166">
        <v>0</v>
      </c>
      <c r="AQ1196" s="166">
        <v>0</v>
      </c>
      <c r="AR1196" s="166">
        <v>0</v>
      </c>
      <c r="AS1196" s="166">
        <v>0</v>
      </c>
      <c r="AT1196" s="166">
        <v>0</v>
      </c>
      <c r="AU1196" s="166">
        <v>0</v>
      </c>
      <c r="AV1196" s="166">
        <v>0</v>
      </c>
      <c r="AW1196" s="166">
        <v>0</v>
      </c>
      <c r="AX1196" s="166">
        <v>0</v>
      </c>
      <c r="AY1196" s="166">
        <v>0</v>
      </c>
      <c r="AZ1196" s="166">
        <v>0</v>
      </c>
      <c r="BA1196" s="166">
        <v>0</v>
      </c>
      <c r="BB1196" s="166">
        <v>0</v>
      </c>
      <c r="BC1196" s="166">
        <v>0</v>
      </c>
      <c r="BD1196" s="166">
        <v>0</v>
      </c>
      <c r="BE1196" s="166">
        <v>0</v>
      </c>
      <c r="BF1196" s="166">
        <v>0</v>
      </c>
      <c r="BG1196" s="166">
        <v>0</v>
      </c>
      <c r="BH1196" s="166">
        <v>0</v>
      </c>
      <c r="BI1196" s="166">
        <v>0</v>
      </c>
      <c r="BJ1196" s="166">
        <v>0</v>
      </c>
      <c r="BK1196" s="166">
        <v>0</v>
      </c>
      <c r="BL1196" s="166">
        <v>0</v>
      </c>
      <c r="BM1196" s="166">
        <v>0</v>
      </c>
      <c r="BN1196" s="166">
        <v>0</v>
      </c>
      <c r="BO1196" s="166">
        <v>0</v>
      </c>
      <c r="BP1196" s="166">
        <v>0</v>
      </c>
      <c r="BQ1196" s="166">
        <v>0</v>
      </c>
      <c r="BR1196" s="166">
        <v>5106634.0106730498</v>
      </c>
      <c r="BS1196" s="166">
        <v>5106634.0106730498</v>
      </c>
      <c r="BT1196" s="168">
        <v>0.999998128641303</v>
      </c>
      <c r="BU1196" s="166">
        <v>553088.71436823194</v>
      </c>
      <c r="BV1196" s="166">
        <v>5106624.4543290799</v>
      </c>
      <c r="BW1196" s="166">
        <v>0</v>
      </c>
      <c r="BX1196" s="166">
        <v>0</v>
      </c>
      <c r="BY1196" s="166">
        <v>0</v>
      </c>
      <c r="BZ1196" s="166">
        <v>0</v>
      </c>
      <c r="CA1196" s="166">
        <v>0</v>
      </c>
      <c r="CB1196" s="166">
        <v>0</v>
      </c>
      <c r="CC1196" s="166">
        <v>0</v>
      </c>
      <c r="CD1196" s="166">
        <v>0</v>
      </c>
      <c r="CE1196" s="166">
        <v>0</v>
      </c>
      <c r="CF1196" s="166">
        <v>0</v>
      </c>
      <c r="CG1196" s="166">
        <v>0</v>
      </c>
      <c r="CH1196" s="166">
        <v>0</v>
      </c>
      <c r="CI1196" s="166">
        <v>0</v>
      </c>
      <c r="CJ1196" s="166">
        <v>0</v>
      </c>
      <c r="CK1196" s="166">
        <v>0</v>
      </c>
      <c r="CL1196" s="166">
        <v>0</v>
      </c>
      <c r="CM1196" s="166">
        <v>0</v>
      </c>
      <c r="CN1196" s="166">
        <v>0</v>
      </c>
      <c r="CO1196" s="166">
        <v>0</v>
      </c>
      <c r="CP1196" s="166">
        <v>0</v>
      </c>
      <c r="CQ1196" s="166">
        <v>0</v>
      </c>
      <c r="CR1196" s="166">
        <v>0</v>
      </c>
      <c r="CS1196" s="166">
        <v>0</v>
      </c>
      <c r="CT1196" s="166">
        <v>0</v>
      </c>
      <c r="CU1196" s="166">
        <v>0</v>
      </c>
      <c r="CV1196" s="166">
        <v>0</v>
      </c>
      <c r="CW1196" s="166">
        <v>0</v>
      </c>
      <c r="CX1196" s="166">
        <v>0</v>
      </c>
      <c r="CY1196" s="166">
        <v>5106624.4543290799</v>
      </c>
      <c r="CZ1196" s="166">
        <v>5106624.4543290799</v>
      </c>
    </row>
    <row r="1197" spans="1:104" x14ac:dyDescent="0.2">
      <c r="A1197" s="167" t="s">
        <v>1059</v>
      </c>
      <c r="B1197" s="166">
        <v>439239.25402783399</v>
      </c>
      <c r="C1197" s="166">
        <v>439239.25402783399</v>
      </c>
      <c r="D1197" s="166">
        <v>0</v>
      </c>
      <c r="E1197" s="166">
        <v>0</v>
      </c>
      <c r="F1197" s="166">
        <v>0</v>
      </c>
      <c r="G1197" s="166">
        <v>0</v>
      </c>
      <c r="H1197" s="166">
        <v>0</v>
      </c>
      <c r="I1197" s="166">
        <v>0</v>
      </c>
      <c r="J1197" s="166">
        <v>0</v>
      </c>
      <c r="K1197" s="166">
        <v>0</v>
      </c>
      <c r="L1197" s="166">
        <v>0</v>
      </c>
      <c r="M1197" s="166">
        <v>0</v>
      </c>
      <c r="N1197" s="166">
        <v>0</v>
      </c>
      <c r="O1197" s="166">
        <v>0</v>
      </c>
      <c r="P1197" s="166">
        <v>0</v>
      </c>
      <c r="Q1197" s="166">
        <v>0</v>
      </c>
      <c r="R1197" s="166">
        <v>0</v>
      </c>
      <c r="S1197" s="166">
        <v>0</v>
      </c>
      <c r="T1197" s="166">
        <v>0</v>
      </c>
      <c r="U1197" s="166">
        <v>0</v>
      </c>
      <c r="V1197" s="166">
        <v>0</v>
      </c>
      <c r="W1197" s="166">
        <v>0</v>
      </c>
      <c r="X1197" s="166">
        <v>0</v>
      </c>
      <c r="Y1197" s="166">
        <v>0</v>
      </c>
      <c r="Z1197" s="166">
        <v>0</v>
      </c>
      <c r="AA1197" s="166">
        <v>0</v>
      </c>
      <c r="AB1197" s="166">
        <v>0</v>
      </c>
      <c r="AC1197" s="166">
        <v>0</v>
      </c>
      <c r="AD1197" s="166">
        <v>0</v>
      </c>
      <c r="AE1197" s="166">
        <v>0</v>
      </c>
      <c r="AF1197" s="166">
        <v>0</v>
      </c>
      <c r="AG1197" s="166">
        <v>0</v>
      </c>
      <c r="AH1197" s="166">
        <v>0</v>
      </c>
      <c r="AI1197" s="166">
        <v>0</v>
      </c>
      <c r="AJ1197" s="166">
        <v>0</v>
      </c>
      <c r="AK1197" s="166">
        <v>0</v>
      </c>
      <c r="AL1197" s="166">
        <v>0</v>
      </c>
      <c r="AM1197" s="166">
        <v>0</v>
      </c>
      <c r="AN1197" s="166">
        <v>0</v>
      </c>
      <c r="AO1197" s="166">
        <v>0</v>
      </c>
      <c r="AP1197" s="166">
        <v>0</v>
      </c>
      <c r="AQ1197" s="166">
        <v>0</v>
      </c>
      <c r="AR1197" s="166">
        <v>0</v>
      </c>
      <c r="AS1197" s="166">
        <v>0</v>
      </c>
      <c r="AT1197" s="166">
        <v>0</v>
      </c>
      <c r="AU1197" s="166">
        <v>0</v>
      </c>
      <c r="AV1197" s="166">
        <v>0</v>
      </c>
      <c r="AW1197" s="166">
        <v>0</v>
      </c>
      <c r="AX1197" s="166">
        <v>0</v>
      </c>
      <c r="AY1197" s="166">
        <v>0</v>
      </c>
      <c r="AZ1197" s="166">
        <v>0</v>
      </c>
      <c r="BA1197" s="166">
        <v>0</v>
      </c>
      <c r="BB1197" s="166">
        <v>0</v>
      </c>
      <c r="BC1197" s="166">
        <v>0</v>
      </c>
      <c r="BD1197" s="166">
        <v>0</v>
      </c>
      <c r="BE1197" s="166">
        <v>0</v>
      </c>
      <c r="BF1197" s="166">
        <v>0</v>
      </c>
      <c r="BG1197" s="166">
        <v>0</v>
      </c>
      <c r="BH1197" s="166">
        <v>0</v>
      </c>
      <c r="BI1197" s="166">
        <v>0</v>
      </c>
      <c r="BJ1197" s="166">
        <v>0</v>
      </c>
      <c r="BK1197" s="166">
        <v>0</v>
      </c>
      <c r="BL1197" s="166">
        <v>0</v>
      </c>
      <c r="BM1197" s="166">
        <v>0</v>
      </c>
      <c r="BN1197" s="166">
        <v>0</v>
      </c>
      <c r="BO1197" s="166">
        <v>0</v>
      </c>
      <c r="BP1197" s="166">
        <v>0</v>
      </c>
      <c r="BQ1197" s="166">
        <v>0</v>
      </c>
      <c r="BR1197" s="166">
        <v>439239.25402783399</v>
      </c>
      <c r="BS1197" s="166">
        <v>439239.25402783399</v>
      </c>
      <c r="BT1197" s="168">
        <v>0.95155251885650005</v>
      </c>
      <c r="BU1197" s="166">
        <v>45373.972968836497</v>
      </c>
      <c r="BV1197" s="166">
        <v>417959.21855083498</v>
      </c>
      <c r="BW1197" s="166">
        <v>0</v>
      </c>
      <c r="BX1197" s="166">
        <v>0</v>
      </c>
      <c r="BY1197" s="166">
        <v>0</v>
      </c>
      <c r="BZ1197" s="166">
        <v>0</v>
      </c>
      <c r="CA1197" s="166">
        <v>0</v>
      </c>
      <c r="CB1197" s="166">
        <v>0</v>
      </c>
      <c r="CC1197" s="166">
        <v>0</v>
      </c>
      <c r="CD1197" s="166">
        <v>0</v>
      </c>
      <c r="CE1197" s="166">
        <v>0</v>
      </c>
      <c r="CF1197" s="166">
        <v>0</v>
      </c>
      <c r="CG1197" s="166">
        <v>0</v>
      </c>
      <c r="CH1197" s="166">
        <v>0</v>
      </c>
      <c r="CI1197" s="166">
        <v>0</v>
      </c>
      <c r="CJ1197" s="166">
        <v>0</v>
      </c>
      <c r="CK1197" s="166">
        <v>0</v>
      </c>
      <c r="CL1197" s="166">
        <v>0</v>
      </c>
      <c r="CM1197" s="166">
        <v>0</v>
      </c>
      <c r="CN1197" s="166">
        <v>0</v>
      </c>
      <c r="CO1197" s="166">
        <v>0</v>
      </c>
      <c r="CP1197" s="166">
        <v>0</v>
      </c>
      <c r="CQ1197" s="166">
        <v>0</v>
      </c>
      <c r="CR1197" s="166">
        <v>0</v>
      </c>
      <c r="CS1197" s="166">
        <v>0</v>
      </c>
      <c r="CT1197" s="166">
        <v>0</v>
      </c>
      <c r="CU1197" s="166">
        <v>0</v>
      </c>
      <c r="CV1197" s="166">
        <v>0</v>
      </c>
      <c r="CW1197" s="166">
        <v>0</v>
      </c>
      <c r="CX1197" s="166">
        <v>0</v>
      </c>
      <c r="CY1197" s="166">
        <v>417959.21855083498</v>
      </c>
      <c r="CZ1197" s="166">
        <v>417959.21855083498</v>
      </c>
    </row>
    <row r="1198" spans="1:104" x14ac:dyDescent="0.2">
      <c r="A1198" s="167" t="s">
        <v>1060</v>
      </c>
      <c r="B1198" s="166">
        <v>471455.47608851898</v>
      </c>
      <c r="C1198" s="166">
        <v>471455.47608851898</v>
      </c>
      <c r="D1198" s="166">
        <v>0</v>
      </c>
      <c r="E1198" s="166">
        <v>0</v>
      </c>
      <c r="F1198" s="166">
        <v>0</v>
      </c>
      <c r="G1198" s="166">
        <v>0</v>
      </c>
      <c r="H1198" s="166">
        <v>0</v>
      </c>
      <c r="I1198" s="166">
        <v>0</v>
      </c>
      <c r="J1198" s="166">
        <v>0</v>
      </c>
      <c r="K1198" s="166">
        <v>0</v>
      </c>
      <c r="L1198" s="166">
        <v>0</v>
      </c>
      <c r="M1198" s="166">
        <v>0</v>
      </c>
      <c r="N1198" s="166">
        <v>0</v>
      </c>
      <c r="O1198" s="166">
        <v>0</v>
      </c>
      <c r="P1198" s="166">
        <v>0</v>
      </c>
      <c r="Q1198" s="166">
        <v>0</v>
      </c>
      <c r="R1198" s="166">
        <v>0</v>
      </c>
      <c r="S1198" s="166">
        <v>0</v>
      </c>
      <c r="T1198" s="166">
        <v>0</v>
      </c>
      <c r="U1198" s="166">
        <v>0</v>
      </c>
      <c r="V1198" s="166">
        <v>0</v>
      </c>
      <c r="W1198" s="166">
        <v>0</v>
      </c>
      <c r="X1198" s="166">
        <v>0</v>
      </c>
      <c r="Y1198" s="166">
        <v>0</v>
      </c>
      <c r="Z1198" s="166">
        <v>0</v>
      </c>
      <c r="AA1198" s="166">
        <v>0</v>
      </c>
      <c r="AB1198" s="166">
        <v>0</v>
      </c>
      <c r="AC1198" s="166">
        <v>0</v>
      </c>
      <c r="AD1198" s="166">
        <v>0</v>
      </c>
      <c r="AE1198" s="166">
        <v>0</v>
      </c>
      <c r="AF1198" s="166">
        <v>0</v>
      </c>
      <c r="AG1198" s="166">
        <v>0</v>
      </c>
      <c r="AH1198" s="166">
        <v>0</v>
      </c>
      <c r="AI1198" s="166">
        <v>0</v>
      </c>
      <c r="AJ1198" s="166">
        <v>0</v>
      </c>
      <c r="AK1198" s="166">
        <v>0</v>
      </c>
      <c r="AL1198" s="166">
        <v>0</v>
      </c>
      <c r="AM1198" s="166">
        <v>0</v>
      </c>
      <c r="AN1198" s="166">
        <v>0</v>
      </c>
      <c r="AO1198" s="166">
        <v>0</v>
      </c>
      <c r="AP1198" s="166">
        <v>0</v>
      </c>
      <c r="AQ1198" s="166">
        <v>0</v>
      </c>
      <c r="AR1198" s="166">
        <v>0</v>
      </c>
      <c r="AS1198" s="166">
        <v>0</v>
      </c>
      <c r="AT1198" s="166">
        <v>0</v>
      </c>
      <c r="AU1198" s="166">
        <v>0</v>
      </c>
      <c r="AV1198" s="166">
        <v>0</v>
      </c>
      <c r="AW1198" s="166">
        <v>0</v>
      </c>
      <c r="AX1198" s="166">
        <v>0</v>
      </c>
      <c r="AY1198" s="166">
        <v>0</v>
      </c>
      <c r="AZ1198" s="166">
        <v>0</v>
      </c>
      <c r="BA1198" s="166">
        <v>0</v>
      </c>
      <c r="BB1198" s="166">
        <v>0</v>
      </c>
      <c r="BC1198" s="166">
        <v>0</v>
      </c>
      <c r="BD1198" s="166">
        <v>0</v>
      </c>
      <c r="BE1198" s="166">
        <v>0</v>
      </c>
      <c r="BF1198" s="166">
        <v>0</v>
      </c>
      <c r="BG1198" s="166">
        <v>0</v>
      </c>
      <c r="BH1198" s="166">
        <v>0</v>
      </c>
      <c r="BI1198" s="166">
        <v>0</v>
      </c>
      <c r="BJ1198" s="166">
        <v>0</v>
      </c>
      <c r="BK1198" s="166">
        <v>0</v>
      </c>
      <c r="BL1198" s="166">
        <v>0</v>
      </c>
      <c r="BM1198" s="166">
        <v>0</v>
      </c>
      <c r="BN1198" s="166">
        <v>0</v>
      </c>
      <c r="BO1198" s="166">
        <v>0</v>
      </c>
      <c r="BP1198" s="166">
        <v>0</v>
      </c>
      <c r="BQ1198" s="166">
        <v>0</v>
      </c>
      <c r="BR1198" s="166">
        <v>471455.47608851898</v>
      </c>
      <c r="BS1198" s="166">
        <v>471455.47608851898</v>
      </c>
      <c r="BT1198" s="168">
        <v>0.97633653435224499</v>
      </c>
      <c r="BU1198" s="166">
        <v>49835.592799672901</v>
      </c>
      <c r="BV1198" s="166">
        <v>460299.20562565298</v>
      </c>
      <c r="BW1198" s="166">
        <v>0</v>
      </c>
      <c r="BX1198" s="166">
        <v>0</v>
      </c>
      <c r="BY1198" s="166">
        <v>0</v>
      </c>
      <c r="BZ1198" s="166">
        <v>0</v>
      </c>
      <c r="CA1198" s="166">
        <v>0</v>
      </c>
      <c r="CB1198" s="166">
        <v>0</v>
      </c>
      <c r="CC1198" s="166">
        <v>0</v>
      </c>
      <c r="CD1198" s="166">
        <v>0</v>
      </c>
      <c r="CE1198" s="166">
        <v>0</v>
      </c>
      <c r="CF1198" s="166">
        <v>0</v>
      </c>
      <c r="CG1198" s="166">
        <v>0</v>
      </c>
      <c r="CH1198" s="166">
        <v>0</v>
      </c>
      <c r="CI1198" s="166">
        <v>0</v>
      </c>
      <c r="CJ1198" s="166">
        <v>0</v>
      </c>
      <c r="CK1198" s="166">
        <v>0</v>
      </c>
      <c r="CL1198" s="166">
        <v>0</v>
      </c>
      <c r="CM1198" s="166">
        <v>0</v>
      </c>
      <c r="CN1198" s="166">
        <v>0</v>
      </c>
      <c r="CO1198" s="166">
        <v>0</v>
      </c>
      <c r="CP1198" s="166">
        <v>0</v>
      </c>
      <c r="CQ1198" s="166">
        <v>0</v>
      </c>
      <c r="CR1198" s="166">
        <v>0</v>
      </c>
      <c r="CS1198" s="166">
        <v>0</v>
      </c>
      <c r="CT1198" s="166">
        <v>0</v>
      </c>
      <c r="CU1198" s="166">
        <v>0</v>
      </c>
      <c r="CV1198" s="166">
        <v>0</v>
      </c>
      <c r="CW1198" s="166">
        <v>0</v>
      </c>
      <c r="CX1198" s="166">
        <v>0</v>
      </c>
      <c r="CY1198" s="166">
        <v>460299.20562565298</v>
      </c>
      <c r="CZ1198" s="166">
        <v>460299.20562565298</v>
      </c>
    </row>
    <row r="1199" spans="1:104" x14ac:dyDescent="0.2">
      <c r="A1199" s="167" t="s">
        <v>169</v>
      </c>
      <c r="B1199" s="166">
        <v>1501755.37421158</v>
      </c>
      <c r="C1199" s="166">
        <v>1501755.37421158</v>
      </c>
      <c r="D1199" s="166">
        <v>0</v>
      </c>
      <c r="E1199" s="166">
        <v>0</v>
      </c>
      <c r="F1199" s="166">
        <v>0</v>
      </c>
      <c r="G1199" s="166">
        <v>0</v>
      </c>
      <c r="H1199" s="166">
        <v>0</v>
      </c>
      <c r="I1199" s="166">
        <v>0</v>
      </c>
      <c r="J1199" s="166">
        <v>0</v>
      </c>
      <c r="K1199" s="166">
        <v>0</v>
      </c>
      <c r="L1199" s="166">
        <v>0</v>
      </c>
      <c r="M1199" s="166">
        <v>0</v>
      </c>
      <c r="N1199" s="166">
        <v>0</v>
      </c>
      <c r="O1199" s="166">
        <v>0</v>
      </c>
      <c r="P1199" s="166">
        <v>0</v>
      </c>
      <c r="Q1199" s="166">
        <v>0</v>
      </c>
      <c r="R1199" s="166">
        <v>0</v>
      </c>
      <c r="S1199" s="166">
        <v>0</v>
      </c>
      <c r="T1199" s="166">
        <v>0</v>
      </c>
      <c r="U1199" s="166">
        <v>0</v>
      </c>
      <c r="V1199" s="166">
        <v>0</v>
      </c>
      <c r="W1199" s="166">
        <v>0</v>
      </c>
      <c r="X1199" s="166">
        <v>0</v>
      </c>
      <c r="Y1199" s="166">
        <v>0</v>
      </c>
      <c r="Z1199" s="166">
        <v>0</v>
      </c>
      <c r="AA1199" s="166">
        <v>0</v>
      </c>
      <c r="AB1199" s="166">
        <v>0</v>
      </c>
      <c r="AC1199" s="166">
        <v>0</v>
      </c>
      <c r="AD1199" s="166">
        <v>0</v>
      </c>
      <c r="AE1199" s="166">
        <v>0</v>
      </c>
      <c r="AF1199" s="166">
        <v>0</v>
      </c>
      <c r="AG1199" s="166">
        <v>0</v>
      </c>
      <c r="AH1199" s="166">
        <v>0</v>
      </c>
      <c r="AI1199" s="166">
        <v>0</v>
      </c>
      <c r="AJ1199" s="166">
        <v>0</v>
      </c>
      <c r="AK1199" s="166">
        <v>0</v>
      </c>
      <c r="AL1199" s="166">
        <v>0</v>
      </c>
      <c r="AM1199" s="166">
        <v>0</v>
      </c>
      <c r="AN1199" s="166">
        <v>0</v>
      </c>
      <c r="AO1199" s="166">
        <v>0</v>
      </c>
      <c r="AP1199" s="166">
        <v>0</v>
      </c>
      <c r="AQ1199" s="166">
        <v>0</v>
      </c>
      <c r="AR1199" s="166">
        <v>0</v>
      </c>
      <c r="AS1199" s="166">
        <v>0</v>
      </c>
      <c r="AT1199" s="166">
        <v>0</v>
      </c>
      <c r="AU1199" s="166">
        <v>0</v>
      </c>
      <c r="AV1199" s="166">
        <v>0</v>
      </c>
      <c r="AW1199" s="166">
        <v>0</v>
      </c>
      <c r="AX1199" s="166">
        <v>0</v>
      </c>
      <c r="AY1199" s="166">
        <v>0</v>
      </c>
      <c r="AZ1199" s="166">
        <v>0</v>
      </c>
      <c r="BA1199" s="166">
        <v>0</v>
      </c>
      <c r="BB1199" s="166">
        <v>0</v>
      </c>
      <c r="BC1199" s="166">
        <v>0</v>
      </c>
      <c r="BD1199" s="166">
        <v>0</v>
      </c>
      <c r="BE1199" s="166">
        <v>0</v>
      </c>
      <c r="BF1199" s="166">
        <v>0</v>
      </c>
      <c r="BG1199" s="166">
        <v>0</v>
      </c>
      <c r="BH1199" s="166">
        <v>0</v>
      </c>
      <c r="BI1199" s="166">
        <v>0</v>
      </c>
      <c r="BJ1199" s="166">
        <v>0</v>
      </c>
      <c r="BK1199" s="166">
        <v>0</v>
      </c>
      <c r="BL1199" s="166">
        <v>0</v>
      </c>
      <c r="BM1199" s="166">
        <v>0</v>
      </c>
      <c r="BN1199" s="166">
        <v>0</v>
      </c>
      <c r="BO1199" s="166">
        <v>0</v>
      </c>
      <c r="BP1199" s="166">
        <v>0</v>
      </c>
      <c r="BQ1199" s="166">
        <v>0</v>
      </c>
      <c r="BR1199" s="166">
        <v>1501755.37421158</v>
      </c>
      <c r="BS1199" s="166">
        <v>1501755.37421158</v>
      </c>
      <c r="BT1199" s="168">
        <v>0.999998128641303</v>
      </c>
      <c r="BU1199" s="166">
        <v>170966.840742717</v>
      </c>
      <c r="BV1199" s="166">
        <v>1501752.5638886001</v>
      </c>
      <c r="BW1199" s="166">
        <v>0</v>
      </c>
      <c r="BX1199" s="166">
        <v>0</v>
      </c>
      <c r="BY1199" s="166">
        <v>0</v>
      </c>
      <c r="BZ1199" s="166">
        <v>0</v>
      </c>
      <c r="CA1199" s="166">
        <v>0</v>
      </c>
      <c r="CB1199" s="166">
        <v>0</v>
      </c>
      <c r="CC1199" s="166">
        <v>0</v>
      </c>
      <c r="CD1199" s="166">
        <v>0</v>
      </c>
      <c r="CE1199" s="166">
        <v>0</v>
      </c>
      <c r="CF1199" s="166">
        <v>0</v>
      </c>
      <c r="CG1199" s="166">
        <v>0</v>
      </c>
      <c r="CH1199" s="166">
        <v>0</v>
      </c>
      <c r="CI1199" s="166">
        <v>0</v>
      </c>
      <c r="CJ1199" s="166">
        <v>0</v>
      </c>
      <c r="CK1199" s="166">
        <v>0</v>
      </c>
      <c r="CL1199" s="166">
        <v>0</v>
      </c>
      <c r="CM1199" s="166">
        <v>0</v>
      </c>
      <c r="CN1199" s="166">
        <v>0</v>
      </c>
      <c r="CO1199" s="166">
        <v>0</v>
      </c>
      <c r="CP1199" s="166">
        <v>0</v>
      </c>
      <c r="CQ1199" s="166">
        <v>0</v>
      </c>
      <c r="CR1199" s="166">
        <v>0</v>
      </c>
      <c r="CS1199" s="166">
        <v>0</v>
      </c>
      <c r="CT1199" s="166">
        <v>0</v>
      </c>
      <c r="CU1199" s="166">
        <v>0</v>
      </c>
      <c r="CV1199" s="166">
        <v>0</v>
      </c>
      <c r="CW1199" s="166">
        <v>0</v>
      </c>
      <c r="CX1199" s="166">
        <v>0</v>
      </c>
      <c r="CY1199" s="166">
        <v>1501752.5638886001</v>
      </c>
      <c r="CZ1199" s="166">
        <v>1501752.5638886001</v>
      </c>
    </row>
    <row r="1200" spans="1:104" x14ac:dyDescent="0.2">
      <c r="A1200" s="170" t="s">
        <v>170</v>
      </c>
      <c r="B1200" s="166">
        <v>7519084.1150010005</v>
      </c>
      <c r="C1200" s="166">
        <v>7519084.1150010005</v>
      </c>
      <c r="D1200" s="166">
        <v>0</v>
      </c>
      <c r="E1200" s="166">
        <v>0</v>
      </c>
      <c r="F1200" s="166">
        <v>0</v>
      </c>
      <c r="G1200" s="166">
        <v>0</v>
      </c>
      <c r="H1200" s="166">
        <v>0</v>
      </c>
      <c r="I1200" s="166">
        <v>0</v>
      </c>
      <c r="J1200" s="166">
        <v>0</v>
      </c>
      <c r="K1200" s="166">
        <v>0</v>
      </c>
      <c r="L1200" s="166">
        <v>0</v>
      </c>
      <c r="M1200" s="166">
        <v>0</v>
      </c>
      <c r="N1200" s="166">
        <v>0</v>
      </c>
      <c r="O1200" s="166">
        <v>0</v>
      </c>
      <c r="P1200" s="166">
        <v>0</v>
      </c>
      <c r="Q1200" s="166">
        <v>0</v>
      </c>
      <c r="R1200" s="166">
        <v>0</v>
      </c>
      <c r="S1200" s="166">
        <v>0</v>
      </c>
      <c r="T1200" s="166">
        <v>0</v>
      </c>
      <c r="U1200" s="166">
        <v>0</v>
      </c>
      <c r="V1200" s="166">
        <v>0</v>
      </c>
      <c r="W1200" s="166">
        <v>0</v>
      </c>
      <c r="X1200" s="166">
        <v>0</v>
      </c>
      <c r="Y1200" s="166">
        <v>0</v>
      </c>
      <c r="Z1200" s="166">
        <v>0</v>
      </c>
      <c r="AA1200" s="166">
        <v>0</v>
      </c>
      <c r="AB1200" s="166">
        <v>0</v>
      </c>
      <c r="AC1200" s="166">
        <v>0</v>
      </c>
      <c r="AD1200" s="166">
        <v>0</v>
      </c>
      <c r="AE1200" s="166">
        <v>0</v>
      </c>
      <c r="AF1200" s="166">
        <v>0</v>
      </c>
      <c r="AG1200" s="166">
        <v>0</v>
      </c>
      <c r="AH1200" s="166">
        <v>0</v>
      </c>
      <c r="AI1200" s="166">
        <v>0</v>
      </c>
      <c r="AJ1200" s="166">
        <v>0</v>
      </c>
      <c r="AK1200" s="166">
        <v>0</v>
      </c>
      <c r="AL1200" s="166">
        <v>0</v>
      </c>
      <c r="AM1200" s="166">
        <v>0</v>
      </c>
      <c r="AN1200" s="166">
        <v>0</v>
      </c>
      <c r="AO1200" s="166">
        <v>0</v>
      </c>
      <c r="AP1200" s="166">
        <v>0</v>
      </c>
      <c r="AQ1200" s="166">
        <v>0</v>
      </c>
      <c r="AR1200" s="166">
        <v>0</v>
      </c>
      <c r="AS1200" s="166">
        <v>0</v>
      </c>
      <c r="AT1200" s="166">
        <v>0</v>
      </c>
      <c r="AU1200" s="166">
        <v>0</v>
      </c>
      <c r="AV1200" s="166">
        <v>0</v>
      </c>
      <c r="AW1200" s="166">
        <v>0</v>
      </c>
      <c r="AX1200" s="166">
        <v>0</v>
      </c>
      <c r="AY1200" s="166">
        <v>0</v>
      </c>
      <c r="AZ1200" s="166">
        <v>0</v>
      </c>
      <c r="BA1200" s="166">
        <v>0</v>
      </c>
      <c r="BB1200" s="166">
        <v>0</v>
      </c>
      <c r="BC1200" s="166">
        <v>0</v>
      </c>
      <c r="BD1200" s="166">
        <v>0</v>
      </c>
      <c r="BE1200" s="166">
        <v>0</v>
      </c>
      <c r="BF1200" s="166">
        <v>0</v>
      </c>
      <c r="BG1200" s="166">
        <v>0</v>
      </c>
      <c r="BH1200" s="166">
        <v>0</v>
      </c>
      <c r="BI1200" s="166">
        <v>0</v>
      </c>
      <c r="BJ1200" s="166">
        <v>0</v>
      </c>
      <c r="BK1200" s="166">
        <v>0</v>
      </c>
      <c r="BL1200" s="166">
        <v>0</v>
      </c>
      <c r="BM1200" s="166">
        <v>0</v>
      </c>
      <c r="BN1200" s="166">
        <v>0</v>
      </c>
      <c r="BO1200" s="166">
        <v>0</v>
      </c>
      <c r="BP1200" s="166">
        <v>0</v>
      </c>
      <c r="BQ1200" s="166">
        <v>0</v>
      </c>
      <c r="BR1200" s="166">
        <v>7519084.1150010005</v>
      </c>
      <c r="BS1200" s="166">
        <v>7519084.1150010005</v>
      </c>
      <c r="BT1200" s="168">
        <v>0</v>
      </c>
      <c r="BU1200" s="166">
        <v>819265.12087945803</v>
      </c>
      <c r="BV1200" s="166">
        <v>7486635.4423941802</v>
      </c>
      <c r="BW1200" s="166">
        <v>0</v>
      </c>
      <c r="BX1200" s="166">
        <v>0</v>
      </c>
      <c r="BY1200" s="166">
        <v>0</v>
      </c>
      <c r="BZ1200" s="166">
        <v>0</v>
      </c>
      <c r="CA1200" s="166">
        <v>0</v>
      </c>
      <c r="CB1200" s="166">
        <v>0</v>
      </c>
      <c r="CC1200" s="166">
        <v>0</v>
      </c>
      <c r="CD1200" s="166">
        <v>0</v>
      </c>
      <c r="CE1200" s="166">
        <v>0</v>
      </c>
      <c r="CF1200" s="166">
        <v>0</v>
      </c>
      <c r="CG1200" s="166">
        <v>0</v>
      </c>
      <c r="CH1200" s="166">
        <v>0</v>
      </c>
      <c r="CI1200" s="166">
        <v>0</v>
      </c>
      <c r="CJ1200" s="166">
        <v>0</v>
      </c>
      <c r="CK1200" s="166">
        <v>0</v>
      </c>
      <c r="CL1200" s="166">
        <v>0</v>
      </c>
      <c r="CM1200" s="166">
        <v>0</v>
      </c>
      <c r="CN1200" s="166">
        <v>0</v>
      </c>
      <c r="CO1200" s="166">
        <v>0</v>
      </c>
      <c r="CP1200" s="166">
        <v>0</v>
      </c>
      <c r="CQ1200" s="166">
        <v>0</v>
      </c>
      <c r="CR1200" s="166">
        <v>0</v>
      </c>
      <c r="CS1200" s="166">
        <v>0</v>
      </c>
      <c r="CT1200" s="166">
        <v>0</v>
      </c>
      <c r="CU1200" s="166">
        <v>0</v>
      </c>
      <c r="CV1200" s="166">
        <v>0</v>
      </c>
      <c r="CW1200" s="166">
        <v>0</v>
      </c>
      <c r="CX1200" s="166">
        <v>0</v>
      </c>
      <c r="CY1200" s="166">
        <v>7486635.4423941895</v>
      </c>
      <c r="CZ1200" s="166">
        <v>7486635.4423941802</v>
      </c>
    </row>
    <row r="1201" spans="1:104" x14ac:dyDescent="0.2">
      <c r="A1201" s="167" t="s">
        <v>1061</v>
      </c>
    </row>
    <row r="1202" spans="1:104" x14ac:dyDescent="0.2">
      <c r="A1202" s="170" t="s">
        <v>172</v>
      </c>
    </row>
    <row r="1203" spans="1:104" x14ac:dyDescent="0.2">
      <c r="A1203" s="167" t="s">
        <v>173</v>
      </c>
      <c r="B1203" s="166">
        <v>0</v>
      </c>
      <c r="C1203" s="166">
        <v>0</v>
      </c>
      <c r="D1203" s="166">
        <v>0</v>
      </c>
      <c r="E1203" s="166">
        <v>0</v>
      </c>
      <c r="F1203" s="166">
        <v>0</v>
      </c>
      <c r="G1203" s="166">
        <v>0</v>
      </c>
      <c r="H1203" s="166">
        <v>0</v>
      </c>
      <c r="I1203" s="166">
        <v>0</v>
      </c>
      <c r="J1203" s="166">
        <v>0</v>
      </c>
      <c r="K1203" s="166">
        <v>0</v>
      </c>
      <c r="L1203" s="166">
        <v>0</v>
      </c>
      <c r="M1203" s="166">
        <v>0</v>
      </c>
      <c r="N1203" s="166">
        <v>0</v>
      </c>
      <c r="O1203" s="166">
        <v>0</v>
      </c>
      <c r="P1203" s="166">
        <v>0</v>
      </c>
      <c r="Q1203" s="166">
        <v>0</v>
      </c>
      <c r="R1203" s="166">
        <v>0</v>
      </c>
      <c r="S1203" s="166">
        <v>0</v>
      </c>
      <c r="T1203" s="166">
        <v>0</v>
      </c>
      <c r="U1203" s="166">
        <v>0</v>
      </c>
      <c r="V1203" s="166">
        <v>0</v>
      </c>
      <c r="W1203" s="166">
        <v>0</v>
      </c>
      <c r="X1203" s="166">
        <v>0</v>
      </c>
      <c r="Y1203" s="166">
        <v>0</v>
      </c>
      <c r="Z1203" s="166">
        <v>0</v>
      </c>
      <c r="AA1203" s="166">
        <v>0</v>
      </c>
      <c r="AB1203" s="166">
        <v>0</v>
      </c>
      <c r="AC1203" s="166">
        <v>0</v>
      </c>
      <c r="AD1203" s="166">
        <v>0</v>
      </c>
      <c r="AE1203" s="166">
        <v>0</v>
      </c>
      <c r="AF1203" s="166">
        <v>0</v>
      </c>
      <c r="AG1203" s="166">
        <v>0</v>
      </c>
      <c r="AH1203" s="166">
        <v>0</v>
      </c>
      <c r="AI1203" s="166">
        <v>0</v>
      </c>
      <c r="AJ1203" s="166">
        <v>0</v>
      </c>
      <c r="AK1203" s="166">
        <v>0</v>
      </c>
      <c r="AL1203" s="166">
        <v>0</v>
      </c>
      <c r="AM1203" s="166">
        <v>0</v>
      </c>
      <c r="AN1203" s="166">
        <v>0</v>
      </c>
      <c r="AO1203" s="166">
        <v>0</v>
      </c>
      <c r="AP1203" s="166">
        <v>0</v>
      </c>
      <c r="AQ1203" s="166">
        <v>0</v>
      </c>
      <c r="AR1203" s="166">
        <v>0</v>
      </c>
      <c r="AS1203" s="166">
        <v>0</v>
      </c>
      <c r="AT1203" s="166">
        <v>0</v>
      </c>
      <c r="AU1203" s="166">
        <v>0</v>
      </c>
      <c r="AV1203" s="166">
        <v>0</v>
      </c>
      <c r="AW1203" s="166">
        <v>0</v>
      </c>
      <c r="AX1203" s="166">
        <v>0</v>
      </c>
      <c r="AY1203" s="166">
        <v>0</v>
      </c>
      <c r="AZ1203" s="166">
        <v>0</v>
      </c>
      <c r="BA1203" s="166">
        <v>0</v>
      </c>
      <c r="BB1203" s="166">
        <v>0</v>
      </c>
      <c r="BC1203" s="166">
        <v>0</v>
      </c>
      <c r="BD1203" s="166">
        <v>0</v>
      </c>
      <c r="BE1203" s="166">
        <v>0</v>
      </c>
      <c r="BF1203" s="166">
        <v>0</v>
      </c>
      <c r="BG1203" s="166">
        <v>0</v>
      </c>
      <c r="BH1203" s="166">
        <v>0</v>
      </c>
      <c r="BI1203" s="166">
        <v>0</v>
      </c>
      <c r="BJ1203" s="166">
        <v>0</v>
      </c>
      <c r="BK1203" s="166">
        <v>0</v>
      </c>
      <c r="BL1203" s="166">
        <v>0</v>
      </c>
      <c r="BM1203" s="166">
        <v>0</v>
      </c>
      <c r="BN1203" s="166">
        <v>0</v>
      </c>
      <c r="BO1203" s="166">
        <v>0</v>
      </c>
      <c r="BP1203" s="166">
        <v>0</v>
      </c>
      <c r="BQ1203" s="166">
        <v>0</v>
      </c>
      <c r="BR1203" s="166">
        <v>0</v>
      </c>
      <c r="BS1203" s="166">
        <v>0</v>
      </c>
      <c r="BT1203" s="168">
        <v>0</v>
      </c>
      <c r="BU1203" s="166">
        <v>0</v>
      </c>
      <c r="BV1203" s="166">
        <v>0</v>
      </c>
      <c r="BW1203" s="166">
        <v>0</v>
      </c>
      <c r="BX1203" s="166">
        <v>0</v>
      </c>
      <c r="BY1203" s="166">
        <v>0</v>
      </c>
      <c r="BZ1203" s="166">
        <v>0</v>
      </c>
      <c r="CA1203" s="166">
        <v>0</v>
      </c>
      <c r="CB1203" s="166">
        <v>0</v>
      </c>
      <c r="CC1203" s="166">
        <v>0</v>
      </c>
      <c r="CD1203" s="166">
        <v>0</v>
      </c>
      <c r="CE1203" s="166">
        <v>0</v>
      </c>
      <c r="CF1203" s="166">
        <v>0</v>
      </c>
      <c r="CG1203" s="166">
        <v>0</v>
      </c>
      <c r="CH1203" s="166">
        <v>0</v>
      </c>
      <c r="CI1203" s="166">
        <v>0</v>
      </c>
      <c r="CJ1203" s="166">
        <v>0</v>
      </c>
      <c r="CK1203" s="166">
        <v>0</v>
      </c>
      <c r="CL1203" s="166">
        <v>0</v>
      </c>
      <c r="CM1203" s="166">
        <v>0</v>
      </c>
      <c r="CN1203" s="166">
        <v>0</v>
      </c>
      <c r="CO1203" s="166">
        <v>0</v>
      </c>
      <c r="CP1203" s="166">
        <v>0</v>
      </c>
      <c r="CQ1203" s="166">
        <v>0</v>
      </c>
      <c r="CR1203" s="166">
        <v>0</v>
      </c>
      <c r="CS1203" s="166">
        <v>0</v>
      </c>
      <c r="CT1203" s="166">
        <v>0</v>
      </c>
      <c r="CU1203" s="166">
        <v>0</v>
      </c>
      <c r="CV1203" s="166">
        <v>0</v>
      </c>
      <c r="CW1203" s="166">
        <v>0</v>
      </c>
      <c r="CX1203" s="166">
        <v>0</v>
      </c>
      <c r="CY1203" s="166">
        <v>0</v>
      </c>
      <c r="CZ1203" s="166">
        <v>0</v>
      </c>
    </row>
    <row r="1204" spans="1:104" x14ac:dyDescent="0.2">
      <c r="A1204" s="167" t="s">
        <v>174</v>
      </c>
    </row>
    <row r="1205" spans="1:104" x14ac:dyDescent="0.2">
      <c r="A1205" s="170" t="s">
        <v>175</v>
      </c>
    </row>
    <row r="1206" spans="1:104" x14ac:dyDescent="0.2">
      <c r="A1206" s="167" t="s">
        <v>1062</v>
      </c>
      <c r="B1206" s="166">
        <v>759762.74</v>
      </c>
      <c r="C1206" s="166">
        <v>759762.74</v>
      </c>
      <c r="D1206" s="166">
        <v>0</v>
      </c>
      <c r="E1206" s="166">
        <v>0</v>
      </c>
      <c r="F1206" s="166">
        <v>0</v>
      </c>
      <c r="G1206" s="166">
        <v>0</v>
      </c>
      <c r="H1206" s="166">
        <v>0</v>
      </c>
      <c r="I1206" s="166">
        <v>0</v>
      </c>
      <c r="J1206" s="166">
        <v>0</v>
      </c>
      <c r="K1206" s="166">
        <v>0</v>
      </c>
      <c r="L1206" s="166">
        <v>0</v>
      </c>
      <c r="M1206" s="166">
        <v>0</v>
      </c>
      <c r="N1206" s="166">
        <v>0</v>
      </c>
      <c r="O1206" s="166">
        <v>0</v>
      </c>
      <c r="P1206" s="166">
        <v>0</v>
      </c>
      <c r="Q1206" s="166">
        <v>0</v>
      </c>
      <c r="R1206" s="166">
        <v>0</v>
      </c>
      <c r="S1206" s="166">
        <v>0</v>
      </c>
      <c r="T1206" s="166">
        <v>0</v>
      </c>
      <c r="U1206" s="166">
        <v>0</v>
      </c>
      <c r="V1206" s="166">
        <v>0</v>
      </c>
      <c r="W1206" s="166">
        <v>0</v>
      </c>
      <c r="X1206" s="166">
        <v>0</v>
      </c>
      <c r="Y1206" s="166">
        <v>0</v>
      </c>
      <c r="Z1206" s="166">
        <v>0</v>
      </c>
      <c r="AA1206" s="166">
        <v>0</v>
      </c>
      <c r="AB1206" s="166">
        <v>0</v>
      </c>
      <c r="AC1206" s="166">
        <v>0</v>
      </c>
      <c r="AD1206" s="166">
        <v>0</v>
      </c>
      <c r="AE1206" s="166">
        <v>0</v>
      </c>
      <c r="AF1206" s="166">
        <v>0</v>
      </c>
      <c r="AG1206" s="166">
        <v>0</v>
      </c>
      <c r="AH1206" s="166">
        <v>0</v>
      </c>
      <c r="AI1206" s="166">
        <v>0</v>
      </c>
      <c r="AJ1206" s="166">
        <v>0</v>
      </c>
      <c r="AK1206" s="166">
        <v>0</v>
      </c>
      <c r="AL1206" s="166">
        <v>0</v>
      </c>
      <c r="AM1206" s="166">
        <v>0</v>
      </c>
      <c r="AN1206" s="166">
        <v>0</v>
      </c>
      <c r="AO1206" s="166">
        <v>0</v>
      </c>
      <c r="AP1206" s="166">
        <v>0</v>
      </c>
      <c r="AQ1206" s="166">
        <v>0</v>
      </c>
      <c r="AR1206" s="166">
        <v>0</v>
      </c>
      <c r="AS1206" s="166">
        <v>0</v>
      </c>
      <c r="AT1206" s="166">
        <v>0</v>
      </c>
      <c r="AU1206" s="166">
        <v>0</v>
      </c>
      <c r="AV1206" s="166">
        <v>0</v>
      </c>
      <c r="AW1206" s="166">
        <v>0</v>
      </c>
      <c r="AX1206" s="166">
        <v>0</v>
      </c>
      <c r="AY1206" s="166">
        <v>0</v>
      </c>
      <c r="AZ1206" s="166">
        <v>0</v>
      </c>
      <c r="BA1206" s="166">
        <v>0</v>
      </c>
      <c r="BB1206" s="166">
        <v>0</v>
      </c>
      <c r="BC1206" s="166">
        <v>0</v>
      </c>
      <c r="BD1206" s="166">
        <v>0</v>
      </c>
      <c r="BE1206" s="166">
        <v>0</v>
      </c>
      <c r="BF1206" s="166">
        <v>0</v>
      </c>
      <c r="BG1206" s="166">
        <v>0</v>
      </c>
      <c r="BH1206" s="166">
        <v>0</v>
      </c>
      <c r="BI1206" s="166">
        <v>0</v>
      </c>
      <c r="BJ1206" s="166">
        <v>0</v>
      </c>
      <c r="BK1206" s="166">
        <v>0</v>
      </c>
      <c r="BL1206" s="166">
        <v>0</v>
      </c>
      <c r="BM1206" s="166">
        <v>0</v>
      </c>
      <c r="BN1206" s="166">
        <v>0</v>
      </c>
      <c r="BO1206" s="166">
        <v>0</v>
      </c>
      <c r="BP1206" s="166">
        <v>0</v>
      </c>
      <c r="BQ1206" s="166">
        <v>0</v>
      </c>
      <c r="BR1206" s="166">
        <v>759762.74</v>
      </c>
      <c r="BS1206" s="166">
        <v>759762.74</v>
      </c>
      <c r="BT1206" s="168">
        <v>0.99999526481343304</v>
      </c>
      <c r="BU1206" s="166">
        <v>63690.0084144996</v>
      </c>
      <c r="BV1206" s="166">
        <v>759759.14238167903</v>
      </c>
      <c r="BW1206" s="166">
        <v>0</v>
      </c>
      <c r="BX1206" s="166">
        <v>0</v>
      </c>
      <c r="BY1206" s="166">
        <v>0</v>
      </c>
      <c r="BZ1206" s="166">
        <v>0</v>
      </c>
      <c r="CA1206" s="166">
        <v>0</v>
      </c>
      <c r="CB1206" s="166">
        <v>0</v>
      </c>
      <c r="CC1206" s="166">
        <v>0</v>
      </c>
      <c r="CD1206" s="166">
        <v>0</v>
      </c>
      <c r="CE1206" s="166">
        <v>0</v>
      </c>
      <c r="CF1206" s="166">
        <v>0</v>
      </c>
      <c r="CG1206" s="166">
        <v>0</v>
      </c>
      <c r="CH1206" s="166">
        <v>0</v>
      </c>
      <c r="CI1206" s="166">
        <v>0</v>
      </c>
      <c r="CJ1206" s="166">
        <v>0</v>
      </c>
      <c r="CK1206" s="166">
        <v>0</v>
      </c>
      <c r="CL1206" s="166">
        <v>0</v>
      </c>
      <c r="CM1206" s="166">
        <v>0</v>
      </c>
      <c r="CN1206" s="166">
        <v>0</v>
      </c>
      <c r="CO1206" s="166">
        <v>0</v>
      </c>
      <c r="CP1206" s="166">
        <v>0</v>
      </c>
      <c r="CQ1206" s="166">
        <v>0</v>
      </c>
      <c r="CR1206" s="166">
        <v>0</v>
      </c>
      <c r="CS1206" s="166">
        <v>0</v>
      </c>
      <c r="CT1206" s="166">
        <v>0</v>
      </c>
      <c r="CU1206" s="166">
        <v>0</v>
      </c>
      <c r="CV1206" s="166">
        <v>0</v>
      </c>
      <c r="CW1206" s="166">
        <v>0</v>
      </c>
      <c r="CX1206" s="166">
        <v>0</v>
      </c>
      <c r="CY1206" s="166">
        <v>759759.14238167903</v>
      </c>
      <c r="CZ1206" s="166">
        <v>759759.14238167903</v>
      </c>
    </row>
    <row r="1207" spans="1:104" x14ac:dyDescent="0.2">
      <c r="A1207" s="167" t="s">
        <v>1063</v>
      </c>
      <c r="B1207" s="166">
        <v>0</v>
      </c>
      <c r="C1207" s="166">
        <v>0</v>
      </c>
      <c r="D1207" s="166">
        <v>0</v>
      </c>
      <c r="E1207" s="166">
        <v>0</v>
      </c>
      <c r="F1207" s="166">
        <v>0</v>
      </c>
      <c r="G1207" s="166">
        <v>0</v>
      </c>
      <c r="H1207" s="166">
        <v>0</v>
      </c>
      <c r="I1207" s="166">
        <v>0</v>
      </c>
      <c r="J1207" s="166">
        <v>0</v>
      </c>
      <c r="K1207" s="166">
        <v>0</v>
      </c>
      <c r="L1207" s="166">
        <v>0</v>
      </c>
      <c r="M1207" s="166">
        <v>0</v>
      </c>
      <c r="N1207" s="166">
        <v>0</v>
      </c>
      <c r="O1207" s="166">
        <v>0</v>
      </c>
      <c r="P1207" s="166">
        <v>0</v>
      </c>
      <c r="Q1207" s="166">
        <v>0</v>
      </c>
      <c r="R1207" s="166">
        <v>0</v>
      </c>
      <c r="S1207" s="166">
        <v>0</v>
      </c>
      <c r="T1207" s="166">
        <v>0</v>
      </c>
      <c r="U1207" s="166">
        <v>0</v>
      </c>
      <c r="V1207" s="166">
        <v>0</v>
      </c>
      <c r="W1207" s="166">
        <v>0</v>
      </c>
      <c r="X1207" s="166">
        <v>0</v>
      </c>
      <c r="Y1207" s="166">
        <v>0</v>
      </c>
      <c r="Z1207" s="166">
        <v>0</v>
      </c>
      <c r="AA1207" s="166">
        <v>0</v>
      </c>
      <c r="AB1207" s="166">
        <v>0</v>
      </c>
      <c r="AC1207" s="166">
        <v>0</v>
      </c>
      <c r="AD1207" s="166">
        <v>0</v>
      </c>
      <c r="AE1207" s="166">
        <v>0</v>
      </c>
      <c r="AF1207" s="166">
        <v>0</v>
      </c>
      <c r="AG1207" s="166">
        <v>0</v>
      </c>
      <c r="AH1207" s="166">
        <v>0</v>
      </c>
      <c r="AI1207" s="166">
        <v>0</v>
      </c>
      <c r="AJ1207" s="166">
        <v>0</v>
      </c>
      <c r="AK1207" s="166">
        <v>0</v>
      </c>
      <c r="AL1207" s="166">
        <v>0</v>
      </c>
      <c r="AM1207" s="166">
        <v>0</v>
      </c>
      <c r="AN1207" s="166">
        <v>0</v>
      </c>
      <c r="AO1207" s="166">
        <v>0</v>
      </c>
      <c r="AP1207" s="166">
        <v>0</v>
      </c>
      <c r="AQ1207" s="166">
        <v>0</v>
      </c>
      <c r="AR1207" s="166">
        <v>0</v>
      </c>
      <c r="AS1207" s="166">
        <v>0</v>
      </c>
      <c r="AT1207" s="166">
        <v>0</v>
      </c>
      <c r="AU1207" s="166">
        <v>0</v>
      </c>
      <c r="AV1207" s="166">
        <v>0</v>
      </c>
      <c r="AW1207" s="166">
        <v>0</v>
      </c>
      <c r="AX1207" s="166">
        <v>0</v>
      </c>
      <c r="AY1207" s="166">
        <v>0</v>
      </c>
      <c r="AZ1207" s="166">
        <v>0</v>
      </c>
      <c r="BA1207" s="166">
        <v>0</v>
      </c>
      <c r="BB1207" s="166">
        <v>0</v>
      </c>
      <c r="BC1207" s="166">
        <v>0</v>
      </c>
      <c r="BD1207" s="166">
        <v>0</v>
      </c>
      <c r="BE1207" s="166">
        <v>0</v>
      </c>
      <c r="BF1207" s="166">
        <v>0</v>
      </c>
      <c r="BG1207" s="166">
        <v>0</v>
      </c>
      <c r="BH1207" s="166">
        <v>0</v>
      </c>
      <c r="BI1207" s="166">
        <v>0</v>
      </c>
      <c r="BJ1207" s="166">
        <v>0</v>
      </c>
      <c r="BK1207" s="166">
        <v>0</v>
      </c>
      <c r="BL1207" s="166">
        <v>0</v>
      </c>
      <c r="BM1207" s="166">
        <v>0</v>
      </c>
      <c r="BN1207" s="166">
        <v>0</v>
      </c>
      <c r="BO1207" s="166">
        <v>0</v>
      </c>
      <c r="BP1207" s="166">
        <v>0</v>
      </c>
      <c r="BQ1207" s="166">
        <v>0</v>
      </c>
      <c r="BR1207" s="166">
        <v>0</v>
      </c>
      <c r="BS1207" s="166">
        <v>0</v>
      </c>
      <c r="BT1207" s="168">
        <v>0.99999526481343304</v>
      </c>
      <c r="BU1207" s="166">
        <v>0</v>
      </c>
      <c r="BV1207" s="166">
        <v>0</v>
      </c>
      <c r="BW1207" s="166">
        <v>0</v>
      </c>
      <c r="BX1207" s="166">
        <v>0</v>
      </c>
      <c r="BY1207" s="166">
        <v>0</v>
      </c>
      <c r="BZ1207" s="166">
        <v>0</v>
      </c>
      <c r="CA1207" s="166">
        <v>0</v>
      </c>
      <c r="CB1207" s="166">
        <v>0</v>
      </c>
      <c r="CC1207" s="166">
        <v>0</v>
      </c>
      <c r="CD1207" s="166">
        <v>0</v>
      </c>
      <c r="CE1207" s="166">
        <v>0</v>
      </c>
      <c r="CF1207" s="166">
        <v>0</v>
      </c>
      <c r="CG1207" s="166">
        <v>0</v>
      </c>
      <c r="CH1207" s="166">
        <v>0</v>
      </c>
      <c r="CI1207" s="166">
        <v>0</v>
      </c>
      <c r="CJ1207" s="166">
        <v>0</v>
      </c>
      <c r="CK1207" s="166">
        <v>0</v>
      </c>
      <c r="CL1207" s="166">
        <v>0</v>
      </c>
      <c r="CM1207" s="166">
        <v>0</v>
      </c>
      <c r="CN1207" s="166">
        <v>0</v>
      </c>
      <c r="CO1207" s="166">
        <v>0</v>
      </c>
      <c r="CP1207" s="166">
        <v>0</v>
      </c>
      <c r="CQ1207" s="166">
        <v>0</v>
      </c>
      <c r="CR1207" s="166">
        <v>0</v>
      </c>
      <c r="CS1207" s="166">
        <v>0</v>
      </c>
      <c r="CT1207" s="166">
        <v>0</v>
      </c>
      <c r="CU1207" s="166">
        <v>0</v>
      </c>
      <c r="CV1207" s="166">
        <v>0</v>
      </c>
      <c r="CW1207" s="166">
        <v>0</v>
      </c>
      <c r="CX1207" s="166">
        <v>0</v>
      </c>
      <c r="CY1207" s="166">
        <v>0</v>
      </c>
      <c r="CZ1207" s="166">
        <v>0</v>
      </c>
    </row>
    <row r="1208" spans="1:104" x14ac:dyDescent="0.2">
      <c r="A1208" s="167" t="s">
        <v>178</v>
      </c>
      <c r="B1208" s="166">
        <v>0</v>
      </c>
      <c r="C1208" s="166">
        <v>0</v>
      </c>
      <c r="D1208" s="166">
        <v>0</v>
      </c>
      <c r="E1208" s="166">
        <v>0</v>
      </c>
      <c r="F1208" s="166">
        <v>0</v>
      </c>
      <c r="G1208" s="166">
        <v>0</v>
      </c>
      <c r="H1208" s="166">
        <v>0</v>
      </c>
      <c r="I1208" s="166">
        <v>0</v>
      </c>
      <c r="J1208" s="166">
        <v>0</v>
      </c>
      <c r="K1208" s="166">
        <v>0</v>
      </c>
      <c r="L1208" s="166">
        <v>0</v>
      </c>
      <c r="M1208" s="166">
        <v>0</v>
      </c>
      <c r="N1208" s="166">
        <v>0</v>
      </c>
      <c r="O1208" s="166">
        <v>0</v>
      </c>
      <c r="P1208" s="166">
        <v>0</v>
      </c>
      <c r="Q1208" s="166">
        <v>0</v>
      </c>
      <c r="R1208" s="166">
        <v>0</v>
      </c>
      <c r="S1208" s="166">
        <v>0</v>
      </c>
      <c r="T1208" s="166">
        <v>0</v>
      </c>
      <c r="U1208" s="166">
        <v>0</v>
      </c>
      <c r="V1208" s="166">
        <v>0</v>
      </c>
      <c r="W1208" s="166">
        <v>0</v>
      </c>
      <c r="X1208" s="166">
        <v>0</v>
      </c>
      <c r="Y1208" s="166">
        <v>0</v>
      </c>
      <c r="Z1208" s="166">
        <v>0</v>
      </c>
      <c r="AA1208" s="166">
        <v>0</v>
      </c>
      <c r="AB1208" s="166">
        <v>0</v>
      </c>
      <c r="AC1208" s="166">
        <v>0</v>
      </c>
      <c r="AD1208" s="166">
        <v>0</v>
      </c>
      <c r="AE1208" s="166">
        <v>0</v>
      </c>
      <c r="AF1208" s="166">
        <v>0</v>
      </c>
      <c r="AG1208" s="166">
        <v>0</v>
      </c>
      <c r="AH1208" s="166">
        <v>0</v>
      </c>
      <c r="AI1208" s="166">
        <v>0</v>
      </c>
      <c r="AJ1208" s="166">
        <v>0</v>
      </c>
      <c r="AK1208" s="166">
        <v>0</v>
      </c>
      <c r="AL1208" s="166">
        <v>0</v>
      </c>
      <c r="AM1208" s="166">
        <v>0</v>
      </c>
      <c r="AN1208" s="166">
        <v>0</v>
      </c>
      <c r="AO1208" s="166">
        <v>0</v>
      </c>
      <c r="AP1208" s="166">
        <v>0</v>
      </c>
      <c r="AQ1208" s="166">
        <v>0</v>
      </c>
      <c r="AR1208" s="166">
        <v>0</v>
      </c>
      <c r="AS1208" s="166">
        <v>0</v>
      </c>
      <c r="AT1208" s="166">
        <v>0</v>
      </c>
      <c r="AU1208" s="166">
        <v>0</v>
      </c>
      <c r="AV1208" s="166">
        <v>0</v>
      </c>
      <c r="AW1208" s="166">
        <v>0</v>
      </c>
      <c r="AX1208" s="166">
        <v>0</v>
      </c>
      <c r="AY1208" s="166">
        <v>0</v>
      </c>
      <c r="AZ1208" s="166">
        <v>0</v>
      </c>
      <c r="BA1208" s="166">
        <v>0</v>
      </c>
      <c r="BB1208" s="166">
        <v>0</v>
      </c>
      <c r="BC1208" s="166">
        <v>0</v>
      </c>
      <c r="BD1208" s="166">
        <v>0</v>
      </c>
      <c r="BE1208" s="166">
        <v>0</v>
      </c>
      <c r="BF1208" s="166">
        <v>0</v>
      </c>
      <c r="BG1208" s="166">
        <v>0</v>
      </c>
      <c r="BH1208" s="166">
        <v>0</v>
      </c>
      <c r="BI1208" s="166">
        <v>0</v>
      </c>
      <c r="BJ1208" s="166">
        <v>0</v>
      </c>
      <c r="BK1208" s="166">
        <v>0</v>
      </c>
      <c r="BL1208" s="166">
        <v>0</v>
      </c>
      <c r="BM1208" s="166">
        <v>0</v>
      </c>
      <c r="BN1208" s="166">
        <v>0</v>
      </c>
      <c r="BO1208" s="166">
        <v>0</v>
      </c>
      <c r="BP1208" s="166">
        <v>0</v>
      </c>
      <c r="BQ1208" s="166">
        <v>0</v>
      </c>
      <c r="BR1208" s="166">
        <v>0</v>
      </c>
      <c r="BS1208" s="166">
        <v>0</v>
      </c>
      <c r="BT1208" s="166">
        <v>999.99526481343298</v>
      </c>
      <c r="BU1208" s="166">
        <v>0</v>
      </c>
      <c r="BV1208" s="166">
        <v>0</v>
      </c>
      <c r="BW1208" s="166">
        <v>0</v>
      </c>
      <c r="BX1208" s="166">
        <v>0</v>
      </c>
      <c r="BY1208" s="166">
        <v>0</v>
      </c>
      <c r="BZ1208" s="166">
        <v>0</v>
      </c>
      <c r="CA1208" s="166">
        <v>0</v>
      </c>
      <c r="CB1208" s="166">
        <v>0</v>
      </c>
      <c r="CC1208" s="166">
        <v>0</v>
      </c>
      <c r="CD1208" s="166">
        <v>0</v>
      </c>
      <c r="CE1208" s="166">
        <v>0</v>
      </c>
      <c r="CF1208" s="166">
        <v>0</v>
      </c>
      <c r="CG1208" s="166">
        <v>0</v>
      </c>
      <c r="CH1208" s="166">
        <v>0</v>
      </c>
      <c r="CI1208" s="166">
        <v>0</v>
      </c>
      <c r="CJ1208" s="166">
        <v>0</v>
      </c>
      <c r="CK1208" s="166">
        <v>0</v>
      </c>
      <c r="CL1208" s="166">
        <v>0</v>
      </c>
      <c r="CM1208" s="166">
        <v>0</v>
      </c>
      <c r="CN1208" s="166">
        <v>0</v>
      </c>
      <c r="CO1208" s="166">
        <v>0</v>
      </c>
      <c r="CP1208" s="166">
        <v>0</v>
      </c>
      <c r="CQ1208" s="166">
        <v>0</v>
      </c>
      <c r="CR1208" s="166">
        <v>0</v>
      </c>
      <c r="CS1208" s="166">
        <v>0</v>
      </c>
      <c r="CT1208" s="166">
        <v>0</v>
      </c>
      <c r="CU1208" s="166">
        <v>0</v>
      </c>
      <c r="CV1208" s="166">
        <v>0</v>
      </c>
      <c r="CW1208" s="166">
        <v>0</v>
      </c>
      <c r="CX1208" s="166">
        <v>0</v>
      </c>
      <c r="CY1208" s="166">
        <v>0</v>
      </c>
      <c r="CZ1208" s="166">
        <v>0</v>
      </c>
    </row>
    <row r="1209" spans="1:104" x14ac:dyDescent="0.2">
      <c r="A1209" s="167" t="s">
        <v>179</v>
      </c>
      <c r="B1209" s="166">
        <v>0</v>
      </c>
      <c r="C1209" s="166">
        <v>0</v>
      </c>
      <c r="D1209" s="166">
        <v>0</v>
      </c>
      <c r="E1209" s="166">
        <v>0</v>
      </c>
      <c r="F1209" s="166">
        <v>0</v>
      </c>
      <c r="G1209" s="166">
        <v>0</v>
      </c>
      <c r="H1209" s="166">
        <v>0</v>
      </c>
      <c r="I1209" s="166">
        <v>0</v>
      </c>
      <c r="J1209" s="166">
        <v>0</v>
      </c>
      <c r="K1209" s="166">
        <v>0</v>
      </c>
      <c r="L1209" s="166">
        <v>0</v>
      </c>
      <c r="M1209" s="166">
        <v>0</v>
      </c>
      <c r="N1209" s="166">
        <v>0</v>
      </c>
      <c r="O1209" s="166">
        <v>0</v>
      </c>
      <c r="P1209" s="166">
        <v>0</v>
      </c>
      <c r="Q1209" s="166">
        <v>0</v>
      </c>
      <c r="R1209" s="166">
        <v>0</v>
      </c>
      <c r="S1209" s="166">
        <v>0</v>
      </c>
      <c r="T1209" s="166">
        <v>0</v>
      </c>
      <c r="U1209" s="166">
        <v>0</v>
      </c>
      <c r="V1209" s="166">
        <v>0</v>
      </c>
      <c r="W1209" s="166">
        <v>0</v>
      </c>
      <c r="X1209" s="166">
        <v>0</v>
      </c>
      <c r="Y1209" s="166">
        <v>0</v>
      </c>
      <c r="Z1209" s="166">
        <v>0</v>
      </c>
      <c r="AA1209" s="166">
        <v>0</v>
      </c>
      <c r="AB1209" s="166">
        <v>0</v>
      </c>
      <c r="AC1209" s="166">
        <v>0</v>
      </c>
      <c r="AD1209" s="166">
        <v>0</v>
      </c>
      <c r="AE1209" s="166">
        <v>0</v>
      </c>
      <c r="AF1209" s="166">
        <v>0</v>
      </c>
      <c r="AG1209" s="166">
        <v>0</v>
      </c>
      <c r="AH1209" s="166">
        <v>0</v>
      </c>
      <c r="AI1209" s="166">
        <v>0</v>
      </c>
      <c r="AJ1209" s="166">
        <v>0</v>
      </c>
      <c r="AK1209" s="166">
        <v>0</v>
      </c>
      <c r="AL1209" s="166">
        <v>0</v>
      </c>
      <c r="AM1209" s="166">
        <v>0</v>
      </c>
      <c r="AN1209" s="166">
        <v>0</v>
      </c>
      <c r="AO1209" s="166">
        <v>0</v>
      </c>
      <c r="AP1209" s="166">
        <v>0</v>
      </c>
      <c r="AQ1209" s="166">
        <v>0</v>
      </c>
      <c r="AR1209" s="166">
        <v>0</v>
      </c>
      <c r="AS1209" s="166">
        <v>0</v>
      </c>
      <c r="AT1209" s="166">
        <v>0</v>
      </c>
      <c r="AU1209" s="166">
        <v>0</v>
      </c>
      <c r="AV1209" s="166">
        <v>0</v>
      </c>
      <c r="AW1209" s="166">
        <v>0</v>
      </c>
      <c r="AX1209" s="166">
        <v>0</v>
      </c>
      <c r="AY1209" s="166">
        <v>0</v>
      </c>
      <c r="AZ1209" s="166">
        <v>0</v>
      </c>
      <c r="BA1209" s="166">
        <v>0</v>
      </c>
      <c r="BB1209" s="166">
        <v>0</v>
      </c>
      <c r="BC1209" s="166">
        <v>0</v>
      </c>
      <c r="BD1209" s="166">
        <v>0</v>
      </c>
      <c r="BE1209" s="166">
        <v>0</v>
      </c>
      <c r="BF1209" s="166">
        <v>0</v>
      </c>
      <c r="BG1209" s="166">
        <v>0</v>
      </c>
      <c r="BH1209" s="166">
        <v>0</v>
      </c>
      <c r="BI1209" s="166">
        <v>0</v>
      </c>
      <c r="BJ1209" s="166">
        <v>0</v>
      </c>
      <c r="BK1209" s="166">
        <v>0</v>
      </c>
      <c r="BL1209" s="166">
        <v>0</v>
      </c>
      <c r="BM1209" s="166">
        <v>0</v>
      </c>
      <c r="BN1209" s="166">
        <v>0</v>
      </c>
      <c r="BO1209" s="166">
        <v>0</v>
      </c>
      <c r="BP1209" s="166">
        <v>0</v>
      </c>
      <c r="BQ1209" s="166">
        <v>0</v>
      </c>
      <c r="BR1209" s="166">
        <v>0</v>
      </c>
      <c r="BS1209" s="166">
        <v>0</v>
      </c>
      <c r="BT1209" s="168">
        <v>0.99999526481343304</v>
      </c>
      <c r="BU1209" s="166">
        <v>0</v>
      </c>
      <c r="BV1209" s="166">
        <v>0</v>
      </c>
      <c r="BW1209" s="166">
        <v>0</v>
      </c>
      <c r="BX1209" s="166">
        <v>0</v>
      </c>
      <c r="BY1209" s="166">
        <v>0</v>
      </c>
      <c r="BZ1209" s="166">
        <v>0</v>
      </c>
      <c r="CA1209" s="166">
        <v>0</v>
      </c>
      <c r="CB1209" s="166">
        <v>0</v>
      </c>
      <c r="CC1209" s="166">
        <v>0</v>
      </c>
      <c r="CD1209" s="166">
        <v>0</v>
      </c>
      <c r="CE1209" s="166">
        <v>0</v>
      </c>
      <c r="CF1209" s="166">
        <v>0</v>
      </c>
      <c r="CG1209" s="166">
        <v>0</v>
      </c>
      <c r="CH1209" s="166">
        <v>0</v>
      </c>
      <c r="CI1209" s="166">
        <v>0</v>
      </c>
      <c r="CJ1209" s="166">
        <v>0</v>
      </c>
      <c r="CK1209" s="166">
        <v>0</v>
      </c>
      <c r="CL1209" s="166">
        <v>0</v>
      </c>
      <c r="CM1209" s="166">
        <v>0</v>
      </c>
      <c r="CN1209" s="166">
        <v>0</v>
      </c>
      <c r="CO1209" s="166">
        <v>0</v>
      </c>
      <c r="CP1209" s="166">
        <v>0</v>
      </c>
      <c r="CQ1209" s="166">
        <v>0</v>
      </c>
      <c r="CR1209" s="166">
        <v>0</v>
      </c>
      <c r="CS1209" s="166">
        <v>0</v>
      </c>
      <c r="CT1209" s="166">
        <v>0</v>
      </c>
      <c r="CU1209" s="166">
        <v>0</v>
      </c>
      <c r="CV1209" s="166">
        <v>0</v>
      </c>
      <c r="CW1209" s="166">
        <v>0</v>
      </c>
      <c r="CX1209" s="166">
        <v>0</v>
      </c>
      <c r="CY1209" s="166">
        <v>0</v>
      </c>
      <c r="CZ1209" s="166">
        <v>0</v>
      </c>
    </row>
    <row r="1210" spans="1:104" x14ac:dyDescent="0.2">
      <c r="A1210" s="167" t="s">
        <v>180</v>
      </c>
      <c r="B1210" s="166">
        <v>0</v>
      </c>
      <c r="C1210" s="166">
        <v>0</v>
      </c>
      <c r="D1210" s="166">
        <v>0</v>
      </c>
      <c r="E1210" s="166">
        <v>0</v>
      </c>
      <c r="F1210" s="166">
        <v>0</v>
      </c>
      <c r="G1210" s="166">
        <v>0</v>
      </c>
      <c r="H1210" s="166">
        <v>0</v>
      </c>
      <c r="I1210" s="166">
        <v>0</v>
      </c>
      <c r="J1210" s="166">
        <v>0</v>
      </c>
      <c r="K1210" s="166">
        <v>0</v>
      </c>
      <c r="L1210" s="166">
        <v>0</v>
      </c>
      <c r="M1210" s="166">
        <v>0</v>
      </c>
      <c r="N1210" s="166">
        <v>0</v>
      </c>
      <c r="O1210" s="166">
        <v>0</v>
      </c>
      <c r="P1210" s="166">
        <v>0</v>
      </c>
      <c r="Q1210" s="166">
        <v>0</v>
      </c>
      <c r="R1210" s="166">
        <v>0</v>
      </c>
      <c r="S1210" s="166">
        <v>0</v>
      </c>
      <c r="T1210" s="166">
        <v>0</v>
      </c>
      <c r="U1210" s="166">
        <v>0</v>
      </c>
      <c r="V1210" s="166">
        <v>0</v>
      </c>
      <c r="W1210" s="166">
        <v>0</v>
      </c>
      <c r="X1210" s="166">
        <v>0</v>
      </c>
      <c r="Y1210" s="166">
        <v>0</v>
      </c>
      <c r="Z1210" s="166">
        <v>0</v>
      </c>
      <c r="AA1210" s="166">
        <v>0</v>
      </c>
      <c r="AB1210" s="166">
        <v>0</v>
      </c>
      <c r="AC1210" s="166">
        <v>0</v>
      </c>
      <c r="AD1210" s="166">
        <v>0</v>
      </c>
      <c r="AE1210" s="166">
        <v>0</v>
      </c>
      <c r="AF1210" s="166">
        <v>0</v>
      </c>
      <c r="AG1210" s="166">
        <v>0</v>
      </c>
      <c r="AH1210" s="166">
        <v>0</v>
      </c>
      <c r="AI1210" s="166">
        <v>0</v>
      </c>
      <c r="AJ1210" s="166">
        <v>0</v>
      </c>
      <c r="AK1210" s="166">
        <v>0</v>
      </c>
      <c r="AL1210" s="166">
        <v>0</v>
      </c>
      <c r="AM1210" s="166">
        <v>0</v>
      </c>
      <c r="AN1210" s="166">
        <v>0</v>
      </c>
      <c r="AO1210" s="166">
        <v>0</v>
      </c>
      <c r="AP1210" s="166">
        <v>0</v>
      </c>
      <c r="AQ1210" s="166">
        <v>0</v>
      </c>
      <c r="AR1210" s="166">
        <v>0</v>
      </c>
      <c r="AS1210" s="166">
        <v>0</v>
      </c>
      <c r="AT1210" s="166">
        <v>0</v>
      </c>
      <c r="AU1210" s="166">
        <v>0</v>
      </c>
      <c r="AV1210" s="166">
        <v>0</v>
      </c>
      <c r="AW1210" s="166">
        <v>0</v>
      </c>
      <c r="AX1210" s="166">
        <v>0</v>
      </c>
      <c r="AY1210" s="166">
        <v>0</v>
      </c>
      <c r="AZ1210" s="166">
        <v>0</v>
      </c>
      <c r="BA1210" s="166">
        <v>0</v>
      </c>
      <c r="BB1210" s="166">
        <v>0</v>
      </c>
      <c r="BC1210" s="166">
        <v>0</v>
      </c>
      <c r="BD1210" s="166">
        <v>0</v>
      </c>
      <c r="BE1210" s="166">
        <v>0</v>
      </c>
      <c r="BF1210" s="166">
        <v>0</v>
      </c>
      <c r="BG1210" s="166">
        <v>0</v>
      </c>
      <c r="BH1210" s="166">
        <v>0</v>
      </c>
      <c r="BI1210" s="166">
        <v>0</v>
      </c>
      <c r="BJ1210" s="166">
        <v>0</v>
      </c>
      <c r="BK1210" s="166">
        <v>0</v>
      </c>
      <c r="BL1210" s="166">
        <v>0</v>
      </c>
      <c r="BM1210" s="166">
        <v>0</v>
      </c>
      <c r="BN1210" s="166">
        <v>0</v>
      </c>
      <c r="BO1210" s="166">
        <v>0</v>
      </c>
      <c r="BP1210" s="166">
        <v>0</v>
      </c>
      <c r="BQ1210" s="166">
        <v>0</v>
      </c>
      <c r="BR1210" s="166">
        <v>0</v>
      </c>
      <c r="BS1210" s="166">
        <v>0</v>
      </c>
      <c r="BT1210" s="166">
        <v>999.99526481343298</v>
      </c>
      <c r="BU1210" s="166">
        <v>0</v>
      </c>
      <c r="BV1210" s="166">
        <v>0</v>
      </c>
      <c r="BW1210" s="166">
        <v>0</v>
      </c>
      <c r="BX1210" s="166">
        <v>0</v>
      </c>
      <c r="BY1210" s="166">
        <v>0</v>
      </c>
      <c r="BZ1210" s="166">
        <v>0</v>
      </c>
      <c r="CA1210" s="166">
        <v>0</v>
      </c>
      <c r="CB1210" s="166">
        <v>0</v>
      </c>
      <c r="CC1210" s="166">
        <v>0</v>
      </c>
      <c r="CD1210" s="166">
        <v>0</v>
      </c>
      <c r="CE1210" s="166">
        <v>0</v>
      </c>
      <c r="CF1210" s="166">
        <v>0</v>
      </c>
      <c r="CG1210" s="166">
        <v>0</v>
      </c>
      <c r="CH1210" s="166">
        <v>0</v>
      </c>
      <c r="CI1210" s="166">
        <v>0</v>
      </c>
      <c r="CJ1210" s="166">
        <v>0</v>
      </c>
      <c r="CK1210" s="166">
        <v>0</v>
      </c>
      <c r="CL1210" s="166">
        <v>0</v>
      </c>
      <c r="CM1210" s="166">
        <v>0</v>
      </c>
      <c r="CN1210" s="166">
        <v>0</v>
      </c>
      <c r="CO1210" s="166">
        <v>0</v>
      </c>
      <c r="CP1210" s="166">
        <v>0</v>
      </c>
      <c r="CQ1210" s="166">
        <v>0</v>
      </c>
      <c r="CR1210" s="166">
        <v>0</v>
      </c>
      <c r="CS1210" s="166">
        <v>0</v>
      </c>
      <c r="CT1210" s="166">
        <v>0</v>
      </c>
      <c r="CU1210" s="166">
        <v>0</v>
      </c>
      <c r="CV1210" s="166">
        <v>0</v>
      </c>
      <c r="CW1210" s="166">
        <v>0</v>
      </c>
      <c r="CX1210" s="166">
        <v>0</v>
      </c>
      <c r="CY1210" s="166">
        <v>0</v>
      </c>
      <c r="CZ1210" s="166">
        <v>0</v>
      </c>
    </row>
    <row r="1211" spans="1:104" x14ac:dyDescent="0.2">
      <c r="A1211" s="167" t="s">
        <v>181</v>
      </c>
      <c r="B1211" s="166">
        <v>0</v>
      </c>
      <c r="C1211" s="166">
        <v>0</v>
      </c>
      <c r="D1211" s="166">
        <v>0</v>
      </c>
      <c r="E1211" s="166">
        <v>0</v>
      </c>
      <c r="F1211" s="166">
        <v>0</v>
      </c>
      <c r="G1211" s="166">
        <v>0</v>
      </c>
      <c r="H1211" s="166">
        <v>0</v>
      </c>
      <c r="I1211" s="166">
        <v>0</v>
      </c>
      <c r="J1211" s="166">
        <v>0</v>
      </c>
      <c r="K1211" s="166">
        <v>0</v>
      </c>
      <c r="L1211" s="166">
        <v>0</v>
      </c>
      <c r="M1211" s="166">
        <v>0</v>
      </c>
      <c r="N1211" s="166">
        <v>0</v>
      </c>
      <c r="O1211" s="166">
        <v>0</v>
      </c>
      <c r="P1211" s="166">
        <v>0</v>
      </c>
      <c r="Q1211" s="166">
        <v>0</v>
      </c>
      <c r="R1211" s="166">
        <v>0</v>
      </c>
      <c r="S1211" s="166">
        <v>0</v>
      </c>
      <c r="T1211" s="166">
        <v>0</v>
      </c>
      <c r="U1211" s="166">
        <v>0</v>
      </c>
      <c r="V1211" s="166">
        <v>0</v>
      </c>
      <c r="W1211" s="166">
        <v>0</v>
      </c>
      <c r="X1211" s="166">
        <v>0</v>
      </c>
      <c r="Y1211" s="166">
        <v>0</v>
      </c>
      <c r="Z1211" s="166">
        <v>0</v>
      </c>
      <c r="AA1211" s="166">
        <v>0</v>
      </c>
      <c r="AB1211" s="166">
        <v>0</v>
      </c>
      <c r="AC1211" s="166">
        <v>0</v>
      </c>
      <c r="AD1211" s="166">
        <v>0</v>
      </c>
      <c r="AE1211" s="166">
        <v>0</v>
      </c>
      <c r="AF1211" s="166">
        <v>0</v>
      </c>
      <c r="AG1211" s="166">
        <v>0</v>
      </c>
      <c r="AH1211" s="166">
        <v>0</v>
      </c>
      <c r="AI1211" s="166">
        <v>0</v>
      </c>
      <c r="AJ1211" s="166">
        <v>0</v>
      </c>
      <c r="AK1211" s="166">
        <v>0</v>
      </c>
      <c r="AL1211" s="166">
        <v>0</v>
      </c>
      <c r="AM1211" s="166">
        <v>0</v>
      </c>
      <c r="AN1211" s="166">
        <v>0</v>
      </c>
      <c r="AO1211" s="166">
        <v>0</v>
      </c>
      <c r="AP1211" s="166">
        <v>0</v>
      </c>
      <c r="AQ1211" s="166">
        <v>0</v>
      </c>
      <c r="AR1211" s="166">
        <v>0</v>
      </c>
      <c r="AS1211" s="166">
        <v>0</v>
      </c>
      <c r="AT1211" s="166">
        <v>0</v>
      </c>
      <c r="AU1211" s="166">
        <v>0</v>
      </c>
      <c r="AV1211" s="166">
        <v>0</v>
      </c>
      <c r="AW1211" s="166">
        <v>0</v>
      </c>
      <c r="AX1211" s="166">
        <v>0</v>
      </c>
      <c r="AY1211" s="166">
        <v>0</v>
      </c>
      <c r="AZ1211" s="166">
        <v>0</v>
      </c>
      <c r="BA1211" s="166">
        <v>0</v>
      </c>
      <c r="BB1211" s="166">
        <v>0</v>
      </c>
      <c r="BC1211" s="166">
        <v>0</v>
      </c>
      <c r="BD1211" s="166">
        <v>0</v>
      </c>
      <c r="BE1211" s="166">
        <v>0</v>
      </c>
      <c r="BF1211" s="166">
        <v>0</v>
      </c>
      <c r="BG1211" s="166">
        <v>0</v>
      </c>
      <c r="BH1211" s="166">
        <v>0</v>
      </c>
      <c r="BI1211" s="166">
        <v>0</v>
      </c>
      <c r="BJ1211" s="166">
        <v>0</v>
      </c>
      <c r="BK1211" s="166">
        <v>0</v>
      </c>
      <c r="BL1211" s="166">
        <v>0</v>
      </c>
      <c r="BM1211" s="166">
        <v>0</v>
      </c>
      <c r="BN1211" s="166">
        <v>0</v>
      </c>
      <c r="BO1211" s="166">
        <v>0</v>
      </c>
      <c r="BP1211" s="166">
        <v>0</v>
      </c>
      <c r="BQ1211" s="166">
        <v>0</v>
      </c>
      <c r="BR1211" s="166">
        <v>0</v>
      </c>
      <c r="BS1211" s="166">
        <v>0</v>
      </c>
      <c r="BT1211" s="168">
        <v>0.99999526481343304</v>
      </c>
      <c r="BU1211" s="166">
        <v>0</v>
      </c>
      <c r="BV1211" s="166">
        <v>0</v>
      </c>
      <c r="BW1211" s="166">
        <v>0</v>
      </c>
      <c r="BX1211" s="166">
        <v>0</v>
      </c>
      <c r="BY1211" s="166">
        <v>0</v>
      </c>
      <c r="BZ1211" s="166">
        <v>0</v>
      </c>
      <c r="CA1211" s="166">
        <v>0</v>
      </c>
      <c r="CB1211" s="166">
        <v>0</v>
      </c>
      <c r="CC1211" s="166">
        <v>0</v>
      </c>
      <c r="CD1211" s="166">
        <v>0</v>
      </c>
      <c r="CE1211" s="166">
        <v>0</v>
      </c>
      <c r="CF1211" s="166">
        <v>0</v>
      </c>
      <c r="CG1211" s="166">
        <v>0</v>
      </c>
      <c r="CH1211" s="166">
        <v>0</v>
      </c>
      <c r="CI1211" s="166">
        <v>0</v>
      </c>
      <c r="CJ1211" s="166">
        <v>0</v>
      </c>
      <c r="CK1211" s="166">
        <v>0</v>
      </c>
      <c r="CL1211" s="166">
        <v>0</v>
      </c>
      <c r="CM1211" s="166">
        <v>0</v>
      </c>
      <c r="CN1211" s="166">
        <v>0</v>
      </c>
      <c r="CO1211" s="166">
        <v>0</v>
      </c>
      <c r="CP1211" s="166">
        <v>0</v>
      </c>
      <c r="CQ1211" s="166">
        <v>0</v>
      </c>
      <c r="CR1211" s="166">
        <v>0</v>
      </c>
      <c r="CS1211" s="166">
        <v>0</v>
      </c>
      <c r="CT1211" s="166">
        <v>0</v>
      </c>
      <c r="CU1211" s="166">
        <v>0</v>
      </c>
      <c r="CV1211" s="166">
        <v>0</v>
      </c>
      <c r="CW1211" s="166">
        <v>0</v>
      </c>
      <c r="CX1211" s="166">
        <v>0</v>
      </c>
      <c r="CY1211" s="166">
        <v>0</v>
      </c>
      <c r="CZ1211" s="166">
        <v>0</v>
      </c>
    </row>
    <row r="1212" spans="1:104" x14ac:dyDescent="0.2">
      <c r="A1212" s="167" t="s">
        <v>1064</v>
      </c>
      <c r="B1212" s="166">
        <v>0</v>
      </c>
      <c r="C1212" s="166">
        <v>0</v>
      </c>
      <c r="D1212" s="166">
        <v>0</v>
      </c>
      <c r="E1212" s="166">
        <v>0</v>
      </c>
      <c r="F1212" s="166">
        <v>0</v>
      </c>
      <c r="G1212" s="166">
        <v>0</v>
      </c>
      <c r="H1212" s="166">
        <v>0</v>
      </c>
      <c r="I1212" s="166">
        <v>0</v>
      </c>
      <c r="J1212" s="166">
        <v>0</v>
      </c>
      <c r="K1212" s="166">
        <v>0</v>
      </c>
      <c r="L1212" s="166">
        <v>0</v>
      </c>
      <c r="M1212" s="166">
        <v>0</v>
      </c>
      <c r="N1212" s="166">
        <v>0</v>
      </c>
      <c r="O1212" s="166">
        <v>0</v>
      </c>
      <c r="P1212" s="166">
        <v>0</v>
      </c>
      <c r="Q1212" s="166">
        <v>0</v>
      </c>
      <c r="R1212" s="166">
        <v>0</v>
      </c>
      <c r="S1212" s="166">
        <v>0</v>
      </c>
      <c r="T1212" s="166">
        <v>0</v>
      </c>
      <c r="U1212" s="166">
        <v>0</v>
      </c>
      <c r="V1212" s="166">
        <v>0</v>
      </c>
      <c r="W1212" s="166">
        <v>0</v>
      </c>
      <c r="X1212" s="166">
        <v>0</v>
      </c>
      <c r="Y1212" s="166">
        <v>0</v>
      </c>
      <c r="Z1212" s="166">
        <v>0</v>
      </c>
      <c r="AA1212" s="166">
        <v>0</v>
      </c>
      <c r="AB1212" s="166">
        <v>0</v>
      </c>
      <c r="AC1212" s="166">
        <v>0</v>
      </c>
      <c r="AD1212" s="166">
        <v>0</v>
      </c>
      <c r="AE1212" s="166">
        <v>0</v>
      </c>
      <c r="AF1212" s="166">
        <v>0</v>
      </c>
      <c r="AG1212" s="166">
        <v>0</v>
      </c>
      <c r="AH1212" s="166">
        <v>0</v>
      </c>
      <c r="AI1212" s="166">
        <v>0</v>
      </c>
      <c r="AJ1212" s="166">
        <v>0</v>
      </c>
      <c r="AK1212" s="166">
        <v>0</v>
      </c>
      <c r="AL1212" s="166">
        <v>0</v>
      </c>
      <c r="AM1212" s="166">
        <v>0</v>
      </c>
      <c r="AN1212" s="166">
        <v>0</v>
      </c>
      <c r="AO1212" s="166">
        <v>0</v>
      </c>
      <c r="AP1212" s="166">
        <v>0</v>
      </c>
      <c r="AQ1212" s="166">
        <v>0</v>
      </c>
      <c r="AR1212" s="166">
        <v>0</v>
      </c>
      <c r="AS1212" s="166">
        <v>0</v>
      </c>
      <c r="AT1212" s="166">
        <v>0</v>
      </c>
      <c r="AU1212" s="166">
        <v>0</v>
      </c>
      <c r="AV1212" s="166">
        <v>0</v>
      </c>
      <c r="AW1212" s="166">
        <v>0</v>
      </c>
      <c r="AX1212" s="166">
        <v>0</v>
      </c>
      <c r="AY1212" s="166">
        <v>0</v>
      </c>
      <c r="AZ1212" s="166">
        <v>0</v>
      </c>
      <c r="BA1212" s="166">
        <v>0</v>
      </c>
      <c r="BB1212" s="166">
        <v>0</v>
      </c>
      <c r="BC1212" s="166">
        <v>0</v>
      </c>
      <c r="BD1212" s="166">
        <v>0</v>
      </c>
      <c r="BE1212" s="166">
        <v>0</v>
      </c>
      <c r="BF1212" s="166">
        <v>0</v>
      </c>
      <c r="BG1212" s="166">
        <v>0</v>
      </c>
      <c r="BH1212" s="166">
        <v>0</v>
      </c>
      <c r="BI1212" s="166">
        <v>0</v>
      </c>
      <c r="BJ1212" s="166">
        <v>0</v>
      </c>
      <c r="BK1212" s="166">
        <v>0</v>
      </c>
      <c r="BL1212" s="166">
        <v>0</v>
      </c>
      <c r="BM1212" s="166">
        <v>0</v>
      </c>
      <c r="BN1212" s="166">
        <v>0</v>
      </c>
      <c r="BO1212" s="166">
        <v>0</v>
      </c>
      <c r="BP1212" s="166">
        <v>0</v>
      </c>
      <c r="BQ1212" s="166">
        <v>0</v>
      </c>
      <c r="BR1212" s="166">
        <v>0</v>
      </c>
      <c r="BS1212" s="166">
        <v>0</v>
      </c>
      <c r="BT1212" s="168">
        <v>0.99999526481343304</v>
      </c>
      <c r="BU1212" s="166">
        <v>0</v>
      </c>
      <c r="BV1212" s="166">
        <v>0</v>
      </c>
      <c r="BW1212" s="166">
        <v>0</v>
      </c>
      <c r="BX1212" s="166">
        <v>0</v>
      </c>
      <c r="BY1212" s="166">
        <v>0</v>
      </c>
      <c r="BZ1212" s="166">
        <v>0</v>
      </c>
      <c r="CA1212" s="166">
        <v>0</v>
      </c>
      <c r="CB1212" s="166">
        <v>0</v>
      </c>
      <c r="CC1212" s="166">
        <v>0</v>
      </c>
      <c r="CD1212" s="166">
        <v>0</v>
      </c>
      <c r="CE1212" s="166">
        <v>0</v>
      </c>
      <c r="CF1212" s="166">
        <v>0</v>
      </c>
      <c r="CG1212" s="166">
        <v>0</v>
      </c>
      <c r="CH1212" s="166">
        <v>0</v>
      </c>
      <c r="CI1212" s="166">
        <v>0</v>
      </c>
      <c r="CJ1212" s="166">
        <v>0</v>
      </c>
      <c r="CK1212" s="166">
        <v>0</v>
      </c>
      <c r="CL1212" s="166">
        <v>0</v>
      </c>
      <c r="CM1212" s="166">
        <v>0</v>
      </c>
      <c r="CN1212" s="166">
        <v>0</v>
      </c>
      <c r="CO1212" s="166">
        <v>0</v>
      </c>
      <c r="CP1212" s="166">
        <v>0</v>
      </c>
      <c r="CQ1212" s="166">
        <v>0</v>
      </c>
      <c r="CR1212" s="166">
        <v>0</v>
      </c>
      <c r="CS1212" s="166">
        <v>0</v>
      </c>
      <c r="CT1212" s="166">
        <v>0</v>
      </c>
      <c r="CU1212" s="166">
        <v>0</v>
      </c>
      <c r="CV1212" s="166">
        <v>0</v>
      </c>
      <c r="CW1212" s="166">
        <v>0</v>
      </c>
      <c r="CX1212" s="166">
        <v>0</v>
      </c>
      <c r="CY1212" s="166">
        <v>0</v>
      </c>
      <c r="CZ1212" s="166">
        <v>0</v>
      </c>
    </row>
    <row r="1213" spans="1:104" x14ac:dyDescent="0.2">
      <c r="A1213" s="170" t="s">
        <v>183</v>
      </c>
      <c r="B1213" s="166">
        <v>759762.74</v>
      </c>
      <c r="C1213" s="166">
        <v>759762.74</v>
      </c>
      <c r="D1213" s="166">
        <v>0</v>
      </c>
      <c r="E1213" s="166">
        <v>0</v>
      </c>
      <c r="F1213" s="166">
        <v>0</v>
      </c>
      <c r="G1213" s="166">
        <v>0</v>
      </c>
      <c r="H1213" s="166">
        <v>0</v>
      </c>
      <c r="I1213" s="166">
        <v>0</v>
      </c>
      <c r="J1213" s="166">
        <v>0</v>
      </c>
      <c r="K1213" s="166">
        <v>0</v>
      </c>
      <c r="L1213" s="166">
        <v>0</v>
      </c>
      <c r="M1213" s="166">
        <v>0</v>
      </c>
      <c r="N1213" s="166">
        <v>0</v>
      </c>
      <c r="O1213" s="166">
        <v>0</v>
      </c>
      <c r="P1213" s="166">
        <v>0</v>
      </c>
      <c r="Q1213" s="166">
        <v>0</v>
      </c>
      <c r="R1213" s="166">
        <v>0</v>
      </c>
      <c r="S1213" s="166">
        <v>0</v>
      </c>
      <c r="T1213" s="166">
        <v>0</v>
      </c>
      <c r="U1213" s="166">
        <v>0</v>
      </c>
      <c r="V1213" s="166">
        <v>0</v>
      </c>
      <c r="W1213" s="166">
        <v>0</v>
      </c>
      <c r="X1213" s="166">
        <v>0</v>
      </c>
      <c r="Y1213" s="166">
        <v>0</v>
      </c>
      <c r="Z1213" s="166">
        <v>0</v>
      </c>
      <c r="AA1213" s="166">
        <v>0</v>
      </c>
      <c r="AB1213" s="166">
        <v>0</v>
      </c>
      <c r="AC1213" s="166">
        <v>0</v>
      </c>
      <c r="AD1213" s="166">
        <v>0</v>
      </c>
      <c r="AE1213" s="166">
        <v>0</v>
      </c>
      <c r="AF1213" s="166">
        <v>0</v>
      </c>
      <c r="AG1213" s="166">
        <v>0</v>
      </c>
      <c r="AH1213" s="166">
        <v>0</v>
      </c>
      <c r="AI1213" s="166">
        <v>0</v>
      </c>
      <c r="AJ1213" s="166">
        <v>0</v>
      </c>
      <c r="AK1213" s="166">
        <v>0</v>
      </c>
      <c r="AL1213" s="166">
        <v>0</v>
      </c>
      <c r="AM1213" s="166">
        <v>0</v>
      </c>
      <c r="AN1213" s="166">
        <v>0</v>
      </c>
      <c r="AO1213" s="166">
        <v>0</v>
      </c>
      <c r="AP1213" s="166">
        <v>0</v>
      </c>
      <c r="AQ1213" s="166">
        <v>0</v>
      </c>
      <c r="AR1213" s="166">
        <v>0</v>
      </c>
      <c r="AS1213" s="166">
        <v>0</v>
      </c>
      <c r="AT1213" s="166">
        <v>0</v>
      </c>
      <c r="AU1213" s="166">
        <v>0</v>
      </c>
      <c r="AV1213" s="166">
        <v>0</v>
      </c>
      <c r="AW1213" s="166">
        <v>0</v>
      </c>
      <c r="AX1213" s="166">
        <v>0</v>
      </c>
      <c r="AY1213" s="166">
        <v>0</v>
      </c>
      <c r="AZ1213" s="166">
        <v>0</v>
      </c>
      <c r="BA1213" s="166">
        <v>0</v>
      </c>
      <c r="BB1213" s="166">
        <v>0</v>
      </c>
      <c r="BC1213" s="166">
        <v>0</v>
      </c>
      <c r="BD1213" s="166">
        <v>0</v>
      </c>
      <c r="BE1213" s="166">
        <v>0</v>
      </c>
      <c r="BF1213" s="166">
        <v>0</v>
      </c>
      <c r="BG1213" s="166">
        <v>0</v>
      </c>
      <c r="BH1213" s="166">
        <v>0</v>
      </c>
      <c r="BI1213" s="166">
        <v>0</v>
      </c>
      <c r="BJ1213" s="166">
        <v>0</v>
      </c>
      <c r="BK1213" s="166">
        <v>0</v>
      </c>
      <c r="BL1213" s="166">
        <v>0</v>
      </c>
      <c r="BM1213" s="166">
        <v>0</v>
      </c>
      <c r="BN1213" s="166">
        <v>0</v>
      </c>
      <c r="BO1213" s="166">
        <v>0</v>
      </c>
      <c r="BP1213" s="166">
        <v>0</v>
      </c>
      <c r="BQ1213" s="166">
        <v>0</v>
      </c>
      <c r="BR1213" s="166">
        <v>759762.74</v>
      </c>
      <c r="BS1213" s="166">
        <v>759762.74</v>
      </c>
      <c r="BT1213" s="168">
        <v>0</v>
      </c>
      <c r="BU1213" s="166">
        <v>63690.0084144996</v>
      </c>
      <c r="BV1213" s="166">
        <v>759759.14238167903</v>
      </c>
      <c r="BW1213" s="166">
        <v>0</v>
      </c>
      <c r="BX1213" s="166">
        <v>0</v>
      </c>
      <c r="BY1213" s="166">
        <v>0</v>
      </c>
      <c r="BZ1213" s="166">
        <v>0</v>
      </c>
      <c r="CA1213" s="166">
        <v>0</v>
      </c>
      <c r="CB1213" s="166">
        <v>0</v>
      </c>
      <c r="CC1213" s="166">
        <v>0</v>
      </c>
      <c r="CD1213" s="166">
        <v>0</v>
      </c>
      <c r="CE1213" s="166">
        <v>0</v>
      </c>
      <c r="CF1213" s="166">
        <v>0</v>
      </c>
      <c r="CG1213" s="166">
        <v>0</v>
      </c>
      <c r="CH1213" s="166">
        <v>0</v>
      </c>
      <c r="CI1213" s="166">
        <v>0</v>
      </c>
      <c r="CJ1213" s="166">
        <v>0</v>
      </c>
      <c r="CK1213" s="166">
        <v>0</v>
      </c>
      <c r="CL1213" s="166">
        <v>0</v>
      </c>
      <c r="CM1213" s="166">
        <v>0</v>
      </c>
      <c r="CN1213" s="166">
        <v>0</v>
      </c>
      <c r="CO1213" s="166">
        <v>0</v>
      </c>
      <c r="CP1213" s="166">
        <v>0</v>
      </c>
      <c r="CQ1213" s="166">
        <v>0</v>
      </c>
      <c r="CR1213" s="166">
        <v>0</v>
      </c>
      <c r="CS1213" s="166">
        <v>0</v>
      </c>
      <c r="CT1213" s="166">
        <v>0</v>
      </c>
      <c r="CU1213" s="166">
        <v>0</v>
      </c>
      <c r="CV1213" s="166">
        <v>0</v>
      </c>
      <c r="CW1213" s="166">
        <v>0</v>
      </c>
      <c r="CX1213" s="166">
        <v>0</v>
      </c>
      <c r="CY1213" s="166">
        <v>759759.14238167903</v>
      </c>
      <c r="CZ1213" s="166">
        <v>759759.14238167903</v>
      </c>
    </row>
    <row r="1214" spans="1:104" x14ac:dyDescent="0.2">
      <c r="A1214" s="167" t="s">
        <v>184</v>
      </c>
      <c r="B1214" s="166">
        <v>0</v>
      </c>
      <c r="C1214" s="166">
        <v>0</v>
      </c>
      <c r="D1214" s="166">
        <v>0</v>
      </c>
      <c r="E1214" s="166">
        <v>0</v>
      </c>
      <c r="F1214" s="166">
        <v>0</v>
      </c>
      <c r="G1214" s="166">
        <v>0</v>
      </c>
      <c r="H1214" s="166">
        <v>0</v>
      </c>
      <c r="I1214" s="166">
        <v>0</v>
      </c>
      <c r="J1214" s="166">
        <v>0</v>
      </c>
      <c r="K1214" s="166">
        <v>0</v>
      </c>
      <c r="L1214" s="166">
        <v>0</v>
      </c>
      <c r="M1214" s="166">
        <v>0</v>
      </c>
      <c r="N1214" s="166">
        <v>0</v>
      </c>
      <c r="O1214" s="166">
        <v>0</v>
      </c>
      <c r="P1214" s="166">
        <v>0</v>
      </c>
      <c r="Q1214" s="166">
        <v>0</v>
      </c>
      <c r="R1214" s="166">
        <v>0</v>
      </c>
      <c r="S1214" s="166">
        <v>0</v>
      </c>
      <c r="T1214" s="166">
        <v>0</v>
      </c>
      <c r="U1214" s="166">
        <v>0</v>
      </c>
      <c r="V1214" s="166">
        <v>0</v>
      </c>
      <c r="W1214" s="166">
        <v>0</v>
      </c>
      <c r="X1214" s="166">
        <v>0</v>
      </c>
      <c r="Y1214" s="166">
        <v>0</v>
      </c>
      <c r="Z1214" s="166">
        <v>0</v>
      </c>
      <c r="AA1214" s="166">
        <v>0</v>
      </c>
      <c r="AB1214" s="166">
        <v>0</v>
      </c>
      <c r="AC1214" s="166">
        <v>0</v>
      </c>
      <c r="AD1214" s="166">
        <v>0</v>
      </c>
      <c r="AE1214" s="166">
        <v>0</v>
      </c>
      <c r="AF1214" s="166">
        <v>0</v>
      </c>
      <c r="AG1214" s="166">
        <v>0</v>
      </c>
      <c r="AH1214" s="166">
        <v>0</v>
      </c>
      <c r="AI1214" s="166">
        <v>0</v>
      </c>
      <c r="AJ1214" s="166">
        <v>0</v>
      </c>
      <c r="AK1214" s="166">
        <v>0</v>
      </c>
      <c r="AL1214" s="166">
        <v>0</v>
      </c>
      <c r="AM1214" s="166">
        <v>0</v>
      </c>
      <c r="AN1214" s="166">
        <v>0</v>
      </c>
      <c r="AO1214" s="166">
        <v>0</v>
      </c>
      <c r="AP1214" s="166">
        <v>0</v>
      </c>
      <c r="AQ1214" s="166">
        <v>0</v>
      </c>
      <c r="AR1214" s="166">
        <v>0</v>
      </c>
      <c r="AS1214" s="166">
        <v>0</v>
      </c>
      <c r="AT1214" s="166">
        <v>0</v>
      </c>
      <c r="AU1214" s="166">
        <v>0</v>
      </c>
      <c r="AV1214" s="166">
        <v>0</v>
      </c>
      <c r="AW1214" s="166">
        <v>0</v>
      </c>
      <c r="AX1214" s="166">
        <v>0</v>
      </c>
      <c r="AY1214" s="166">
        <v>0</v>
      </c>
      <c r="AZ1214" s="166">
        <v>0</v>
      </c>
      <c r="BA1214" s="166">
        <v>0</v>
      </c>
      <c r="BB1214" s="166">
        <v>0</v>
      </c>
      <c r="BC1214" s="166">
        <v>0</v>
      </c>
      <c r="BD1214" s="166">
        <v>0</v>
      </c>
      <c r="BE1214" s="166">
        <v>0</v>
      </c>
      <c r="BF1214" s="166">
        <v>0</v>
      </c>
      <c r="BG1214" s="166">
        <v>0</v>
      </c>
      <c r="BH1214" s="166">
        <v>0</v>
      </c>
      <c r="BI1214" s="166">
        <v>0</v>
      </c>
      <c r="BJ1214" s="166">
        <v>0</v>
      </c>
      <c r="BK1214" s="166">
        <v>0</v>
      </c>
      <c r="BL1214" s="166">
        <v>0</v>
      </c>
      <c r="BM1214" s="166">
        <v>0</v>
      </c>
      <c r="BN1214" s="166">
        <v>0</v>
      </c>
      <c r="BO1214" s="166">
        <v>0</v>
      </c>
      <c r="BP1214" s="166">
        <v>0</v>
      </c>
      <c r="BQ1214" s="166">
        <v>0</v>
      </c>
      <c r="BR1214" s="166">
        <v>0</v>
      </c>
      <c r="BS1214" s="166">
        <v>0</v>
      </c>
      <c r="BT1214" s="168">
        <v>0</v>
      </c>
      <c r="BU1214" s="166">
        <v>0</v>
      </c>
      <c r="BV1214" s="166">
        <v>0</v>
      </c>
      <c r="BW1214" s="166">
        <v>0</v>
      </c>
      <c r="BX1214" s="166">
        <v>0</v>
      </c>
      <c r="BY1214" s="166">
        <v>0</v>
      </c>
      <c r="BZ1214" s="166">
        <v>0</v>
      </c>
      <c r="CA1214" s="166">
        <v>0</v>
      </c>
      <c r="CB1214" s="166">
        <v>0</v>
      </c>
      <c r="CC1214" s="166">
        <v>0</v>
      </c>
      <c r="CD1214" s="166">
        <v>0</v>
      </c>
      <c r="CE1214" s="166">
        <v>0</v>
      </c>
      <c r="CF1214" s="166">
        <v>0</v>
      </c>
      <c r="CG1214" s="166">
        <v>0</v>
      </c>
      <c r="CH1214" s="166">
        <v>0</v>
      </c>
      <c r="CI1214" s="166">
        <v>0</v>
      </c>
      <c r="CJ1214" s="166">
        <v>0</v>
      </c>
      <c r="CK1214" s="166">
        <v>0</v>
      </c>
      <c r="CL1214" s="166">
        <v>0</v>
      </c>
      <c r="CM1214" s="166">
        <v>0</v>
      </c>
      <c r="CN1214" s="166">
        <v>0</v>
      </c>
      <c r="CO1214" s="166">
        <v>0</v>
      </c>
      <c r="CP1214" s="166">
        <v>0</v>
      </c>
      <c r="CQ1214" s="166">
        <v>0</v>
      </c>
      <c r="CR1214" s="166">
        <v>0</v>
      </c>
      <c r="CS1214" s="166">
        <v>0</v>
      </c>
      <c r="CT1214" s="166">
        <v>0</v>
      </c>
      <c r="CU1214" s="166">
        <v>0</v>
      </c>
      <c r="CV1214" s="166">
        <v>0</v>
      </c>
      <c r="CW1214" s="166">
        <v>0</v>
      </c>
      <c r="CX1214" s="166">
        <v>0</v>
      </c>
      <c r="CY1214" s="166">
        <v>0</v>
      </c>
      <c r="CZ1214" s="166">
        <v>0</v>
      </c>
    </row>
    <row r="1215" spans="1:104" x14ac:dyDescent="0.2">
      <c r="A1215" s="170" t="s">
        <v>185</v>
      </c>
      <c r="B1215" s="166">
        <v>0</v>
      </c>
      <c r="C1215" s="166">
        <v>0</v>
      </c>
      <c r="D1215" s="166">
        <v>0</v>
      </c>
      <c r="E1215" s="166">
        <v>0</v>
      </c>
      <c r="F1215" s="166">
        <v>0</v>
      </c>
      <c r="G1215" s="166">
        <v>0</v>
      </c>
      <c r="H1215" s="166">
        <v>0</v>
      </c>
      <c r="I1215" s="166">
        <v>0</v>
      </c>
      <c r="J1215" s="166">
        <v>0</v>
      </c>
      <c r="K1215" s="166">
        <v>0</v>
      </c>
      <c r="L1215" s="166">
        <v>0</v>
      </c>
      <c r="M1215" s="166">
        <v>0</v>
      </c>
      <c r="N1215" s="166">
        <v>0</v>
      </c>
      <c r="O1215" s="166">
        <v>0</v>
      </c>
      <c r="P1215" s="166">
        <v>0</v>
      </c>
      <c r="Q1215" s="166">
        <v>0</v>
      </c>
      <c r="R1215" s="166">
        <v>0</v>
      </c>
      <c r="S1215" s="166">
        <v>0</v>
      </c>
      <c r="T1215" s="166">
        <v>0</v>
      </c>
      <c r="U1215" s="166">
        <v>0</v>
      </c>
      <c r="V1215" s="166">
        <v>0</v>
      </c>
      <c r="W1215" s="166">
        <v>0</v>
      </c>
      <c r="X1215" s="166">
        <v>0</v>
      </c>
      <c r="Y1215" s="166">
        <v>0</v>
      </c>
      <c r="Z1215" s="166">
        <v>0</v>
      </c>
      <c r="AA1215" s="166">
        <v>0</v>
      </c>
      <c r="AB1215" s="166">
        <v>0</v>
      </c>
      <c r="AC1215" s="166">
        <v>0</v>
      </c>
      <c r="AD1215" s="166">
        <v>0</v>
      </c>
      <c r="AE1215" s="166">
        <v>0</v>
      </c>
      <c r="AF1215" s="166">
        <v>0</v>
      </c>
      <c r="AG1215" s="166">
        <v>0</v>
      </c>
      <c r="AH1215" s="166">
        <v>0</v>
      </c>
      <c r="AI1215" s="166">
        <v>0</v>
      </c>
      <c r="AJ1215" s="166">
        <v>0</v>
      </c>
      <c r="AK1215" s="166">
        <v>0</v>
      </c>
      <c r="AL1215" s="166">
        <v>0</v>
      </c>
      <c r="AM1215" s="166">
        <v>0</v>
      </c>
      <c r="AN1215" s="166">
        <v>0</v>
      </c>
      <c r="AO1215" s="166">
        <v>0</v>
      </c>
      <c r="AP1215" s="166">
        <v>0</v>
      </c>
      <c r="AQ1215" s="166">
        <v>0</v>
      </c>
      <c r="AR1215" s="166">
        <v>0</v>
      </c>
      <c r="AS1215" s="166">
        <v>0</v>
      </c>
      <c r="AT1215" s="166">
        <v>0</v>
      </c>
      <c r="AU1215" s="166">
        <v>0</v>
      </c>
      <c r="AV1215" s="166">
        <v>0</v>
      </c>
      <c r="AW1215" s="166">
        <v>0</v>
      </c>
      <c r="AX1215" s="166">
        <v>0</v>
      </c>
      <c r="AY1215" s="166">
        <v>0</v>
      </c>
      <c r="AZ1215" s="166">
        <v>0</v>
      </c>
      <c r="BA1215" s="166">
        <v>0</v>
      </c>
      <c r="BB1215" s="166">
        <v>0</v>
      </c>
      <c r="BC1215" s="166">
        <v>0</v>
      </c>
      <c r="BD1215" s="166">
        <v>0</v>
      </c>
      <c r="BE1215" s="166">
        <v>0</v>
      </c>
      <c r="BF1215" s="166">
        <v>0</v>
      </c>
      <c r="BG1215" s="166">
        <v>0</v>
      </c>
      <c r="BH1215" s="166">
        <v>0</v>
      </c>
      <c r="BI1215" s="166">
        <v>0</v>
      </c>
      <c r="BJ1215" s="166">
        <v>0</v>
      </c>
      <c r="BK1215" s="166">
        <v>0</v>
      </c>
      <c r="BL1215" s="166">
        <v>0</v>
      </c>
      <c r="BM1215" s="166">
        <v>0</v>
      </c>
      <c r="BN1215" s="166">
        <v>0</v>
      </c>
      <c r="BO1215" s="166">
        <v>0</v>
      </c>
      <c r="BP1215" s="166">
        <v>0</v>
      </c>
      <c r="BQ1215" s="166">
        <v>0</v>
      </c>
      <c r="BR1215" s="166">
        <v>0</v>
      </c>
      <c r="BS1215" s="166">
        <v>0</v>
      </c>
      <c r="BT1215" s="168">
        <v>0</v>
      </c>
      <c r="BU1215" s="166">
        <v>0</v>
      </c>
      <c r="BV1215" s="166">
        <v>0</v>
      </c>
      <c r="BW1215" s="166">
        <v>0</v>
      </c>
      <c r="BX1215" s="166">
        <v>0</v>
      </c>
      <c r="BY1215" s="166">
        <v>0</v>
      </c>
      <c r="BZ1215" s="166">
        <v>0</v>
      </c>
      <c r="CA1215" s="166">
        <v>0</v>
      </c>
      <c r="CB1215" s="166">
        <v>0</v>
      </c>
      <c r="CC1215" s="166">
        <v>0</v>
      </c>
      <c r="CD1215" s="166">
        <v>0</v>
      </c>
      <c r="CE1215" s="166">
        <v>0</v>
      </c>
      <c r="CF1215" s="166">
        <v>0</v>
      </c>
      <c r="CG1215" s="166">
        <v>0</v>
      </c>
      <c r="CH1215" s="166">
        <v>0</v>
      </c>
      <c r="CI1215" s="166">
        <v>0</v>
      </c>
      <c r="CJ1215" s="166">
        <v>0</v>
      </c>
      <c r="CK1215" s="166">
        <v>0</v>
      </c>
      <c r="CL1215" s="166">
        <v>0</v>
      </c>
      <c r="CM1215" s="166">
        <v>0</v>
      </c>
      <c r="CN1215" s="166">
        <v>0</v>
      </c>
      <c r="CO1215" s="166">
        <v>0</v>
      </c>
      <c r="CP1215" s="166">
        <v>0</v>
      </c>
      <c r="CQ1215" s="166">
        <v>0</v>
      </c>
      <c r="CR1215" s="166">
        <v>0</v>
      </c>
      <c r="CS1215" s="166">
        <v>0</v>
      </c>
      <c r="CT1215" s="166">
        <v>0</v>
      </c>
      <c r="CU1215" s="166">
        <v>0</v>
      </c>
      <c r="CV1215" s="166">
        <v>0</v>
      </c>
      <c r="CW1215" s="166">
        <v>0</v>
      </c>
      <c r="CX1215" s="166">
        <v>0</v>
      </c>
      <c r="CY1215" s="166">
        <v>0</v>
      </c>
      <c r="CZ1215" s="166">
        <v>0</v>
      </c>
    </row>
    <row r="1216" spans="1:104" x14ac:dyDescent="0.2">
      <c r="A1216" s="170" t="s">
        <v>186</v>
      </c>
      <c r="B1216" s="166">
        <v>176043369.90705901</v>
      </c>
      <c r="C1216" s="166">
        <v>176043369.90705901</v>
      </c>
      <c r="D1216" s="166">
        <v>0</v>
      </c>
      <c r="E1216" s="166">
        <v>0</v>
      </c>
      <c r="F1216" s="166">
        <v>0</v>
      </c>
      <c r="G1216" s="166">
        <v>0</v>
      </c>
      <c r="H1216" s="166">
        <v>0</v>
      </c>
      <c r="I1216" s="166">
        <v>0</v>
      </c>
      <c r="J1216" s="166">
        <v>0</v>
      </c>
      <c r="K1216" s="166">
        <v>0</v>
      </c>
      <c r="L1216" s="166">
        <v>0</v>
      </c>
      <c r="M1216" s="166">
        <v>0</v>
      </c>
      <c r="N1216" s="166">
        <v>0</v>
      </c>
      <c r="O1216" s="166">
        <v>0</v>
      </c>
      <c r="P1216" s="166">
        <v>0</v>
      </c>
      <c r="Q1216" s="166">
        <v>0</v>
      </c>
      <c r="R1216" s="166">
        <v>0</v>
      </c>
      <c r="S1216" s="166">
        <v>0</v>
      </c>
      <c r="T1216" s="166">
        <v>0</v>
      </c>
      <c r="U1216" s="166">
        <v>0</v>
      </c>
      <c r="V1216" s="166">
        <v>0</v>
      </c>
      <c r="W1216" s="166">
        <v>0</v>
      </c>
      <c r="X1216" s="166">
        <v>0</v>
      </c>
      <c r="Y1216" s="166">
        <v>0</v>
      </c>
      <c r="Z1216" s="166">
        <v>0</v>
      </c>
      <c r="AA1216" s="166">
        <v>0</v>
      </c>
      <c r="AB1216" s="166">
        <v>0</v>
      </c>
      <c r="AC1216" s="166">
        <v>0</v>
      </c>
      <c r="AD1216" s="166">
        <v>0</v>
      </c>
      <c r="AE1216" s="166">
        <v>0</v>
      </c>
      <c r="AF1216" s="166">
        <v>0</v>
      </c>
      <c r="AG1216" s="166">
        <v>0</v>
      </c>
      <c r="AH1216" s="166">
        <v>0</v>
      </c>
      <c r="AI1216" s="166">
        <v>0</v>
      </c>
      <c r="AJ1216" s="166">
        <v>0</v>
      </c>
      <c r="AK1216" s="166">
        <v>0</v>
      </c>
      <c r="AL1216" s="166">
        <v>0</v>
      </c>
      <c r="AM1216" s="166">
        <v>0</v>
      </c>
      <c r="AN1216" s="166">
        <v>0</v>
      </c>
      <c r="AO1216" s="166">
        <v>0</v>
      </c>
      <c r="AP1216" s="166">
        <v>0</v>
      </c>
      <c r="AQ1216" s="166">
        <v>0</v>
      </c>
      <c r="AR1216" s="166">
        <v>0</v>
      </c>
      <c r="AS1216" s="166">
        <v>0</v>
      </c>
      <c r="AT1216" s="166">
        <v>0</v>
      </c>
      <c r="AU1216" s="166">
        <v>0</v>
      </c>
      <c r="AV1216" s="166">
        <v>0</v>
      </c>
      <c r="AW1216" s="166">
        <v>0</v>
      </c>
      <c r="AX1216" s="166">
        <v>0</v>
      </c>
      <c r="AY1216" s="166">
        <v>0</v>
      </c>
      <c r="AZ1216" s="166">
        <v>0</v>
      </c>
      <c r="BA1216" s="166">
        <v>0</v>
      </c>
      <c r="BB1216" s="166">
        <v>0</v>
      </c>
      <c r="BC1216" s="166">
        <v>0</v>
      </c>
      <c r="BD1216" s="166">
        <v>0</v>
      </c>
      <c r="BE1216" s="166">
        <v>0</v>
      </c>
      <c r="BF1216" s="166">
        <v>0</v>
      </c>
      <c r="BG1216" s="166">
        <v>0</v>
      </c>
      <c r="BH1216" s="166">
        <v>0</v>
      </c>
      <c r="BI1216" s="166">
        <v>0</v>
      </c>
      <c r="BJ1216" s="166">
        <v>0</v>
      </c>
      <c r="BK1216" s="166">
        <v>0</v>
      </c>
      <c r="BL1216" s="166">
        <v>0</v>
      </c>
      <c r="BM1216" s="166">
        <v>0</v>
      </c>
      <c r="BN1216" s="166">
        <v>0</v>
      </c>
      <c r="BO1216" s="166">
        <v>0</v>
      </c>
      <c r="BP1216" s="166">
        <v>0</v>
      </c>
      <c r="BQ1216" s="166">
        <v>0</v>
      </c>
      <c r="BR1216" s="166">
        <v>176043369.90705901</v>
      </c>
      <c r="BS1216" s="166">
        <v>176043369.90705901</v>
      </c>
      <c r="BT1216" s="168">
        <v>0</v>
      </c>
      <c r="BU1216" s="166">
        <v>10653133.273418</v>
      </c>
      <c r="BV1216" s="166">
        <v>174993827.526921</v>
      </c>
      <c r="BW1216" s="166">
        <v>0</v>
      </c>
      <c r="BX1216" s="166">
        <v>0</v>
      </c>
      <c r="BY1216" s="166">
        <v>0</v>
      </c>
      <c r="BZ1216" s="166">
        <v>0</v>
      </c>
      <c r="CA1216" s="166">
        <v>0</v>
      </c>
      <c r="CB1216" s="166">
        <v>0</v>
      </c>
      <c r="CC1216" s="166">
        <v>0</v>
      </c>
      <c r="CD1216" s="166">
        <v>0</v>
      </c>
      <c r="CE1216" s="166">
        <v>0</v>
      </c>
      <c r="CF1216" s="166">
        <v>0</v>
      </c>
      <c r="CG1216" s="166">
        <v>0</v>
      </c>
      <c r="CH1216" s="166">
        <v>0</v>
      </c>
      <c r="CI1216" s="166">
        <v>0</v>
      </c>
      <c r="CJ1216" s="166">
        <v>0</v>
      </c>
      <c r="CK1216" s="166">
        <v>0</v>
      </c>
      <c r="CL1216" s="166">
        <v>0</v>
      </c>
      <c r="CM1216" s="166">
        <v>0</v>
      </c>
      <c r="CN1216" s="166">
        <v>0</v>
      </c>
      <c r="CO1216" s="166">
        <v>0</v>
      </c>
      <c r="CP1216" s="166">
        <v>0</v>
      </c>
      <c r="CQ1216" s="166">
        <v>0</v>
      </c>
      <c r="CR1216" s="166">
        <v>0</v>
      </c>
      <c r="CS1216" s="166">
        <v>0</v>
      </c>
      <c r="CT1216" s="166">
        <v>0</v>
      </c>
      <c r="CU1216" s="166">
        <v>0</v>
      </c>
      <c r="CV1216" s="166">
        <v>0</v>
      </c>
      <c r="CW1216" s="166">
        <v>0</v>
      </c>
      <c r="CX1216" s="166">
        <v>0</v>
      </c>
      <c r="CY1216" s="166">
        <v>174993827.526921</v>
      </c>
      <c r="CZ1216" s="166">
        <v>174993827.526921</v>
      </c>
    </row>
    <row r="1217" spans="1:104" x14ac:dyDescent="0.2">
      <c r="A1217" s="167" t="s">
        <v>187</v>
      </c>
    </row>
    <row r="1218" spans="1:104" ht="10.8" thickBot="1" x14ac:dyDescent="0.25">
      <c r="A1218" s="169" t="s">
        <v>188</v>
      </c>
    </row>
    <row r="1219" spans="1:104" x14ac:dyDescent="0.2">
      <c r="A1219" s="170" t="s">
        <v>189</v>
      </c>
      <c r="B1219" s="166">
        <v>0</v>
      </c>
      <c r="C1219" s="166">
        <v>0</v>
      </c>
      <c r="D1219" s="166">
        <v>0</v>
      </c>
      <c r="E1219" s="166">
        <v>0</v>
      </c>
      <c r="F1219" s="166">
        <v>0</v>
      </c>
      <c r="G1219" s="166">
        <v>0</v>
      </c>
      <c r="H1219" s="166">
        <v>0</v>
      </c>
      <c r="I1219" s="166">
        <v>0</v>
      </c>
      <c r="J1219" s="166">
        <v>0</v>
      </c>
      <c r="K1219" s="166">
        <v>0</v>
      </c>
      <c r="L1219" s="166">
        <v>0</v>
      </c>
      <c r="M1219" s="166">
        <v>0</v>
      </c>
      <c r="N1219" s="166">
        <v>0</v>
      </c>
      <c r="O1219" s="166">
        <v>0</v>
      </c>
      <c r="P1219" s="166">
        <v>0</v>
      </c>
      <c r="Q1219" s="166">
        <v>0</v>
      </c>
      <c r="R1219" s="166">
        <v>0</v>
      </c>
      <c r="S1219" s="166">
        <v>0</v>
      </c>
      <c r="T1219" s="166">
        <v>0</v>
      </c>
      <c r="U1219" s="166">
        <v>0</v>
      </c>
      <c r="V1219" s="166">
        <v>0</v>
      </c>
      <c r="W1219" s="166">
        <v>0</v>
      </c>
      <c r="X1219" s="166">
        <v>0</v>
      </c>
      <c r="Y1219" s="166">
        <v>0</v>
      </c>
      <c r="Z1219" s="166">
        <v>0</v>
      </c>
      <c r="AA1219" s="166">
        <v>0</v>
      </c>
      <c r="AB1219" s="166">
        <v>0</v>
      </c>
      <c r="AC1219" s="166">
        <v>0</v>
      </c>
      <c r="AD1219" s="166">
        <v>0</v>
      </c>
      <c r="AE1219" s="166">
        <v>0</v>
      </c>
      <c r="AF1219" s="166">
        <v>0</v>
      </c>
      <c r="AG1219" s="166">
        <v>0</v>
      </c>
      <c r="AH1219" s="166">
        <v>0</v>
      </c>
      <c r="AI1219" s="166">
        <v>0</v>
      </c>
      <c r="AJ1219" s="166">
        <v>0</v>
      </c>
      <c r="AK1219" s="166">
        <v>0</v>
      </c>
      <c r="AL1219" s="166">
        <v>0</v>
      </c>
      <c r="AM1219" s="166">
        <v>0</v>
      </c>
      <c r="AN1219" s="166">
        <v>0</v>
      </c>
      <c r="AO1219" s="166">
        <v>0</v>
      </c>
      <c r="AP1219" s="166">
        <v>0</v>
      </c>
      <c r="AQ1219" s="166">
        <v>0</v>
      </c>
      <c r="AR1219" s="166">
        <v>0</v>
      </c>
      <c r="AS1219" s="166">
        <v>0</v>
      </c>
      <c r="AT1219" s="166">
        <v>0</v>
      </c>
      <c r="AU1219" s="166">
        <v>0</v>
      </c>
      <c r="AV1219" s="166">
        <v>0</v>
      </c>
      <c r="AW1219" s="166">
        <v>0</v>
      </c>
      <c r="AX1219" s="166">
        <v>0</v>
      </c>
      <c r="AY1219" s="166">
        <v>0</v>
      </c>
      <c r="AZ1219" s="166">
        <v>0</v>
      </c>
      <c r="BA1219" s="166">
        <v>0</v>
      </c>
      <c r="BB1219" s="166">
        <v>0</v>
      </c>
      <c r="BC1219" s="166">
        <v>0</v>
      </c>
      <c r="BD1219" s="166">
        <v>0</v>
      </c>
      <c r="BE1219" s="166">
        <v>0</v>
      </c>
      <c r="BF1219" s="166">
        <v>0</v>
      </c>
      <c r="BG1219" s="166">
        <v>0</v>
      </c>
      <c r="BH1219" s="166">
        <v>0</v>
      </c>
      <c r="BI1219" s="166">
        <v>0</v>
      </c>
      <c r="BJ1219" s="166">
        <v>0</v>
      </c>
      <c r="BK1219" s="166">
        <v>0</v>
      </c>
      <c r="BL1219" s="166">
        <v>0</v>
      </c>
      <c r="BM1219" s="166">
        <v>0</v>
      </c>
      <c r="BN1219" s="166">
        <v>0</v>
      </c>
      <c r="BO1219" s="166">
        <v>0</v>
      </c>
      <c r="BP1219" s="166">
        <v>0</v>
      </c>
      <c r="BQ1219" s="166">
        <v>0</v>
      </c>
      <c r="BR1219" s="166">
        <v>0</v>
      </c>
      <c r="BS1219" s="166">
        <v>0</v>
      </c>
      <c r="BT1219" s="168">
        <v>0</v>
      </c>
      <c r="BU1219" s="166">
        <v>0</v>
      </c>
      <c r="BV1219" s="166">
        <v>0</v>
      </c>
      <c r="BW1219" s="166">
        <v>0</v>
      </c>
      <c r="BX1219" s="166">
        <v>0</v>
      </c>
      <c r="BY1219" s="166">
        <v>0</v>
      </c>
      <c r="BZ1219" s="166">
        <v>0</v>
      </c>
      <c r="CA1219" s="166">
        <v>0</v>
      </c>
      <c r="CB1219" s="166">
        <v>0</v>
      </c>
      <c r="CC1219" s="166">
        <v>0</v>
      </c>
      <c r="CD1219" s="166">
        <v>0</v>
      </c>
      <c r="CE1219" s="166">
        <v>0</v>
      </c>
      <c r="CF1219" s="166">
        <v>0</v>
      </c>
      <c r="CG1219" s="166">
        <v>0</v>
      </c>
      <c r="CH1219" s="166">
        <v>0</v>
      </c>
      <c r="CI1219" s="166">
        <v>0</v>
      </c>
      <c r="CJ1219" s="166">
        <v>0</v>
      </c>
      <c r="CK1219" s="166">
        <v>0</v>
      </c>
      <c r="CL1219" s="166">
        <v>0</v>
      </c>
      <c r="CM1219" s="166">
        <v>0</v>
      </c>
      <c r="CN1219" s="166">
        <v>0</v>
      </c>
      <c r="CO1219" s="166">
        <v>0</v>
      </c>
      <c r="CP1219" s="166">
        <v>0</v>
      </c>
      <c r="CQ1219" s="166">
        <v>0</v>
      </c>
      <c r="CR1219" s="166">
        <v>0</v>
      </c>
      <c r="CS1219" s="166">
        <v>0</v>
      </c>
      <c r="CT1219" s="166">
        <v>0</v>
      </c>
      <c r="CU1219" s="166">
        <v>0</v>
      </c>
      <c r="CV1219" s="166">
        <v>0</v>
      </c>
      <c r="CW1219" s="166">
        <v>0</v>
      </c>
      <c r="CX1219" s="166">
        <v>0</v>
      </c>
      <c r="CY1219" s="166">
        <v>0</v>
      </c>
      <c r="CZ1219" s="166">
        <v>0</v>
      </c>
    </row>
    <row r="1220" spans="1:104" x14ac:dyDescent="0.2">
      <c r="A1220" s="167" t="s">
        <v>1065</v>
      </c>
      <c r="B1220" s="166">
        <v>0</v>
      </c>
      <c r="C1220" s="166">
        <v>0</v>
      </c>
      <c r="D1220" s="166">
        <v>0</v>
      </c>
      <c r="E1220" s="166">
        <v>0</v>
      </c>
      <c r="F1220" s="166">
        <v>0</v>
      </c>
      <c r="G1220" s="166">
        <v>0</v>
      </c>
      <c r="H1220" s="166">
        <v>0</v>
      </c>
      <c r="I1220" s="166">
        <v>0</v>
      </c>
      <c r="J1220" s="166">
        <v>0</v>
      </c>
      <c r="K1220" s="166">
        <v>0</v>
      </c>
      <c r="L1220" s="166">
        <v>0</v>
      </c>
      <c r="M1220" s="166">
        <v>0</v>
      </c>
      <c r="N1220" s="166">
        <v>0</v>
      </c>
      <c r="O1220" s="166">
        <v>0</v>
      </c>
      <c r="P1220" s="166">
        <v>0</v>
      </c>
      <c r="Q1220" s="166">
        <v>0</v>
      </c>
      <c r="R1220" s="166">
        <v>0</v>
      </c>
      <c r="S1220" s="166">
        <v>0</v>
      </c>
      <c r="T1220" s="166">
        <v>0</v>
      </c>
      <c r="U1220" s="166">
        <v>0</v>
      </c>
      <c r="V1220" s="166">
        <v>0</v>
      </c>
      <c r="W1220" s="166">
        <v>0</v>
      </c>
      <c r="X1220" s="166">
        <v>0</v>
      </c>
      <c r="Y1220" s="166">
        <v>0</v>
      </c>
      <c r="Z1220" s="166">
        <v>0</v>
      </c>
      <c r="AA1220" s="166">
        <v>0</v>
      </c>
      <c r="AB1220" s="166">
        <v>0</v>
      </c>
      <c r="AC1220" s="166">
        <v>0</v>
      </c>
      <c r="AD1220" s="166">
        <v>0</v>
      </c>
      <c r="AE1220" s="166">
        <v>0</v>
      </c>
      <c r="AF1220" s="166">
        <v>0</v>
      </c>
      <c r="AG1220" s="166">
        <v>0</v>
      </c>
      <c r="AH1220" s="166">
        <v>0</v>
      </c>
      <c r="AI1220" s="166">
        <v>0</v>
      </c>
      <c r="AJ1220" s="166">
        <v>0</v>
      </c>
      <c r="AK1220" s="166">
        <v>0</v>
      </c>
      <c r="AL1220" s="166">
        <v>0</v>
      </c>
      <c r="AM1220" s="166">
        <v>0</v>
      </c>
      <c r="AN1220" s="166">
        <v>0</v>
      </c>
      <c r="AO1220" s="166">
        <v>0</v>
      </c>
      <c r="AP1220" s="166">
        <v>0</v>
      </c>
      <c r="AQ1220" s="166">
        <v>0</v>
      </c>
      <c r="AR1220" s="166">
        <v>0</v>
      </c>
      <c r="AS1220" s="166">
        <v>0</v>
      </c>
      <c r="AT1220" s="166">
        <v>0</v>
      </c>
      <c r="AU1220" s="166">
        <v>0</v>
      </c>
      <c r="AV1220" s="166">
        <v>0</v>
      </c>
      <c r="AW1220" s="166">
        <v>0</v>
      </c>
      <c r="AX1220" s="166">
        <v>0</v>
      </c>
      <c r="AY1220" s="166">
        <v>0</v>
      </c>
      <c r="AZ1220" s="166">
        <v>0</v>
      </c>
      <c r="BA1220" s="166">
        <v>0</v>
      </c>
      <c r="BB1220" s="166">
        <v>0</v>
      </c>
      <c r="BC1220" s="166">
        <v>0</v>
      </c>
      <c r="BD1220" s="166">
        <v>0</v>
      </c>
      <c r="BE1220" s="166">
        <v>0</v>
      </c>
      <c r="BF1220" s="166">
        <v>0</v>
      </c>
      <c r="BG1220" s="166">
        <v>0</v>
      </c>
      <c r="BH1220" s="166">
        <v>0</v>
      </c>
      <c r="BI1220" s="166">
        <v>0</v>
      </c>
      <c r="BJ1220" s="166">
        <v>0</v>
      </c>
      <c r="BK1220" s="166">
        <v>0</v>
      </c>
      <c r="BL1220" s="166">
        <v>0</v>
      </c>
      <c r="BM1220" s="166">
        <v>0</v>
      </c>
      <c r="BN1220" s="166">
        <v>0</v>
      </c>
      <c r="BO1220" s="166">
        <v>0</v>
      </c>
      <c r="BP1220" s="166">
        <v>0</v>
      </c>
      <c r="BQ1220" s="166">
        <v>0</v>
      </c>
      <c r="BR1220" s="166">
        <v>0</v>
      </c>
      <c r="BS1220" s="166">
        <v>0</v>
      </c>
      <c r="BT1220" s="168">
        <v>0.999998128641303</v>
      </c>
      <c r="BU1220" s="166">
        <v>0</v>
      </c>
      <c r="BV1220" s="166">
        <v>0</v>
      </c>
      <c r="BW1220" s="166">
        <v>0</v>
      </c>
      <c r="BX1220" s="166">
        <v>0</v>
      </c>
      <c r="BY1220" s="166">
        <v>0</v>
      </c>
      <c r="BZ1220" s="166">
        <v>0</v>
      </c>
      <c r="CA1220" s="166">
        <v>0</v>
      </c>
      <c r="CB1220" s="166">
        <v>0</v>
      </c>
      <c r="CC1220" s="166">
        <v>0</v>
      </c>
      <c r="CD1220" s="166">
        <v>0</v>
      </c>
      <c r="CE1220" s="166">
        <v>0</v>
      </c>
      <c r="CF1220" s="166">
        <v>0</v>
      </c>
      <c r="CG1220" s="166">
        <v>0</v>
      </c>
      <c r="CH1220" s="166">
        <v>0</v>
      </c>
      <c r="CI1220" s="166">
        <v>0</v>
      </c>
      <c r="CJ1220" s="166">
        <v>0</v>
      </c>
      <c r="CK1220" s="166">
        <v>0</v>
      </c>
      <c r="CL1220" s="166">
        <v>0</v>
      </c>
      <c r="CM1220" s="166">
        <v>0</v>
      </c>
      <c r="CN1220" s="166">
        <v>0</v>
      </c>
      <c r="CO1220" s="166">
        <v>0</v>
      </c>
      <c r="CP1220" s="166">
        <v>0</v>
      </c>
      <c r="CQ1220" s="166">
        <v>0</v>
      </c>
      <c r="CR1220" s="166">
        <v>0</v>
      </c>
      <c r="CS1220" s="166">
        <v>0</v>
      </c>
      <c r="CT1220" s="166">
        <v>0</v>
      </c>
      <c r="CU1220" s="166">
        <v>0</v>
      </c>
      <c r="CV1220" s="166">
        <v>0</v>
      </c>
      <c r="CW1220" s="166">
        <v>0</v>
      </c>
      <c r="CX1220" s="166">
        <v>0</v>
      </c>
      <c r="CY1220" s="166">
        <v>0</v>
      </c>
      <c r="CZ1220" s="166">
        <v>0</v>
      </c>
    </row>
    <row r="1221" spans="1:104" x14ac:dyDescent="0.2">
      <c r="A1221" s="167" t="s">
        <v>1066</v>
      </c>
      <c r="B1221" s="166">
        <v>0</v>
      </c>
      <c r="C1221" s="166">
        <v>0</v>
      </c>
      <c r="D1221" s="166">
        <v>0</v>
      </c>
      <c r="E1221" s="166">
        <v>0</v>
      </c>
      <c r="F1221" s="166">
        <v>0</v>
      </c>
      <c r="G1221" s="166">
        <v>0</v>
      </c>
      <c r="H1221" s="166">
        <v>0</v>
      </c>
      <c r="I1221" s="166">
        <v>0</v>
      </c>
      <c r="J1221" s="166">
        <v>0</v>
      </c>
      <c r="K1221" s="166">
        <v>0</v>
      </c>
      <c r="L1221" s="166">
        <v>0</v>
      </c>
      <c r="M1221" s="166">
        <v>0</v>
      </c>
      <c r="N1221" s="166">
        <v>0</v>
      </c>
      <c r="O1221" s="166">
        <v>0</v>
      </c>
      <c r="P1221" s="166">
        <v>0</v>
      </c>
      <c r="Q1221" s="166">
        <v>0</v>
      </c>
      <c r="R1221" s="166">
        <v>0</v>
      </c>
      <c r="S1221" s="166">
        <v>0</v>
      </c>
      <c r="T1221" s="166">
        <v>0</v>
      </c>
      <c r="U1221" s="166">
        <v>0</v>
      </c>
      <c r="V1221" s="166">
        <v>0</v>
      </c>
      <c r="W1221" s="166">
        <v>0</v>
      </c>
      <c r="X1221" s="166">
        <v>0</v>
      </c>
      <c r="Y1221" s="166">
        <v>0</v>
      </c>
      <c r="Z1221" s="166">
        <v>0</v>
      </c>
      <c r="AA1221" s="166">
        <v>0</v>
      </c>
      <c r="AB1221" s="166">
        <v>0</v>
      </c>
      <c r="AC1221" s="166">
        <v>0</v>
      </c>
      <c r="AD1221" s="166">
        <v>0</v>
      </c>
      <c r="AE1221" s="166">
        <v>0</v>
      </c>
      <c r="AF1221" s="166">
        <v>0</v>
      </c>
      <c r="AG1221" s="166">
        <v>0</v>
      </c>
      <c r="AH1221" s="166">
        <v>0</v>
      </c>
      <c r="AI1221" s="166">
        <v>0</v>
      </c>
      <c r="AJ1221" s="166">
        <v>0</v>
      </c>
      <c r="AK1221" s="166">
        <v>0</v>
      </c>
      <c r="AL1221" s="166">
        <v>0</v>
      </c>
      <c r="AM1221" s="166">
        <v>0</v>
      </c>
      <c r="AN1221" s="166">
        <v>0</v>
      </c>
      <c r="AO1221" s="166">
        <v>0</v>
      </c>
      <c r="AP1221" s="166">
        <v>0</v>
      </c>
      <c r="AQ1221" s="166">
        <v>0</v>
      </c>
      <c r="AR1221" s="166">
        <v>0</v>
      </c>
      <c r="AS1221" s="166">
        <v>0</v>
      </c>
      <c r="AT1221" s="166">
        <v>0</v>
      </c>
      <c r="AU1221" s="166">
        <v>0</v>
      </c>
      <c r="AV1221" s="166">
        <v>0</v>
      </c>
      <c r="AW1221" s="166">
        <v>0</v>
      </c>
      <c r="AX1221" s="166">
        <v>0</v>
      </c>
      <c r="AY1221" s="166">
        <v>0</v>
      </c>
      <c r="AZ1221" s="166">
        <v>0</v>
      </c>
      <c r="BA1221" s="166">
        <v>0</v>
      </c>
      <c r="BB1221" s="166">
        <v>0</v>
      </c>
      <c r="BC1221" s="166">
        <v>0</v>
      </c>
      <c r="BD1221" s="166">
        <v>0</v>
      </c>
      <c r="BE1221" s="166">
        <v>0</v>
      </c>
      <c r="BF1221" s="166">
        <v>0</v>
      </c>
      <c r="BG1221" s="166">
        <v>0</v>
      </c>
      <c r="BH1221" s="166">
        <v>0</v>
      </c>
      <c r="BI1221" s="166">
        <v>0</v>
      </c>
      <c r="BJ1221" s="166">
        <v>0</v>
      </c>
      <c r="BK1221" s="166">
        <v>0</v>
      </c>
      <c r="BL1221" s="166">
        <v>0</v>
      </c>
      <c r="BM1221" s="166">
        <v>0</v>
      </c>
      <c r="BN1221" s="166">
        <v>0</v>
      </c>
      <c r="BO1221" s="166">
        <v>0</v>
      </c>
      <c r="BP1221" s="166">
        <v>0</v>
      </c>
      <c r="BQ1221" s="166">
        <v>0</v>
      </c>
      <c r="BR1221" s="166">
        <v>0</v>
      </c>
      <c r="BS1221" s="166">
        <v>0</v>
      </c>
      <c r="BT1221" s="168">
        <v>0.95155251885650005</v>
      </c>
      <c r="BU1221" s="166">
        <v>0</v>
      </c>
      <c r="BV1221" s="166">
        <v>0</v>
      </c>
      <c r="BW1221" s="166">
        <v>0</v>
      </c>
      <c r="BX1221" s="166">
        <v>0</v>
      </c>
      <c r="BY1221" s="166">
        <v>0</v>
      </c>
      <c r="BZ1221" s="166">
        <v>0</v>
      </c>
      <c r="CA1221" s="166">
        <v>0</v>
      </c>
      <c r="CB1221" s="166">
        <v>0</v>
      </c>
      <c r="CC1221" s="166">
        <v>0</v>
      </c>
      <c r="CD1221" s="166">
        <v>0</v>
      </c>
      <c r="CE1221" s="166">
        <v>0</v>
      </c>
      <c r="CF1221" s="166">
        <v>0</v>
      </c>
      <c r="CG1221" s="166">
        <v>0</v>
      </c>
      <c r="CH1221" s="166">
        <v>0</v>
      </c>
      <c r="CI1221" s="166">
        <v>0</v>
      </c>
      <c r="CJ1221" s="166">
        <v>0</v>
      </c>
      <c r="CK1221" s="166">
        <v>0</v>
      </c>
      <c r="CL1221" s="166">
        <v>0</v>
      </c>
      <c r="CM1221" s="166">
        <v>0</v>
      </c>
      <c r="CN1221" s="166">
        <v>0</v>
      </c>
      <c r="CO1221" s="166">
        <v>0</v>
      </c>
      <c r="CP1221" s="166">
        <v>0</v>
      </c>
      <c r="CQ1221" s="166">
        <v>0</v>
      </c>
      <c r="CR1221" s="166">
        <v>0</v>
      </c>
      <c r="CS1221" s="166">
        <v>0</v>
      </c>
      <c r="CT1221" s="166">
        <v>0</v>
      </c>
      <c r="CU1221" s="166">
        <v>0</v>
      </c>
      <c r="CV1221" s="166">
        <v>0</v>
      </c>
      <c r="CW1221" s="166">
        <v>0</v>
      </c>
      <c r="CX1221" s="166">
        <v>0</v>
      </c>
      <c r="CY1221" s="166">
        <v>0</v>
      </c>
      <c r="CZ1221" s="166">
        <v>0</v>
      </c>
    </row>
    <row r="1222" spans="1:104" x14ac:dyDescent="0.2">
      <c r="A1222" s="167" t="s">
        <v>1067</v>
      </c>
      <c r="B1222" s="166">
        <v>0</v>
      </c>
      <c r="C1222" s="166">
        <v>0</v>
      </c>
      <c r="D1222" s="166">
        <v>0</v>
      </c>
      <c r="E1222" s="166">
        <v>0</v>
      </c>
      <c r="F1222" s="166">
        <v>0</v>
      </c>
      <c r="G1222" s="166">
        <v>0</v>
      </c>
      <c r="H1222" s="166">
        <v>0</v>
      </c>
      <c r="I1222" s="166">
        <v>0</v>
      </c>
      <c r="J1222" s="166">
        <v>0</v>
      </c>
      <c r="K1222" s="166">
        <v>0</v>
      </c>
      <c r="L1222" s="166">
        <v>0</v>
      </c>
      <c r="M1222" s="166">
        <v>0</v>
      </c>
      <c r="N1222" s="166">
        <v>0</v>
      </c>
      <c r="O1222" s="166">
        <v>0</v>
      </c>
      <c r="P1222" s="166">
        <v>0</v>
      </c>
      <c r="Q1222" s="166">
        <v>0</v>
      </c>
      <c r="R1222" s="166">
        <v>0</v>
      </c>
      <c r="S1222" s="166">
        <v>0</v>
      </c>
      <c r="T1222" s="166">
        <v>0</v>
      </c>
      <c r="U1222" s="166">
        <v>0</v>
      </c>
      <c r="V1222" s="166">
        <v>0</v>
      </c>
      <c r="W1222" s="166">
        <v>0</v>
      </c>
      <c r="X1222" s="166">
        <v>0</v>
      </c>
      <c r="Y1222" s="166">
        <v>0</v>
      </c>
      <c r="Z1222" s="166">
        <v>0</v>
      </c>
      <c r="AA1222" s="166">
        <v>0</v>
      </c>
      <c r="AB1222" s="166">
        <v>0</v>
      </c>
      <c r="AC1222" s="166">
        <v>0</v>
      </c>
      <c r="AD1222" s="166">
        <v>0</v>
      </c>
      <c r="AE1222" s="166">
        <v>0</v>
      </c>
      <c r="AF1222" s="166">
        <v>0</v>
      </c>
      <c r="AG1222" s="166">
        <v>0</v>
      </c>
      <c r="AH1222" s="166">
        <v>0</v>
      </c>
      <c r="AI1222" s="166">
        <v>0</v>
      </c>
      <c r="AJ1222" s="166">
        <v>0</v>
      </c>
      <c r="AK1222" s="166">
        <v>0</v>
      </c>
      <c r="AL1222" s="166">
        <v>0</v>
      </c>
      <c r="AM1222" s="166">
        <v>0</v>
      </c>
      <c r="AN1222" s="166">
        <v>0</v>
      </c>
      <c r="AO1222" s="166">
        <v>0</v>
      </c>
      <c r="AP1222" s="166">
        <v>0</v>
      </c>
      <c r="AQ1222" s="166">
        <v>0</v>
      </c>
      <c r="AR1222" s="166">
        <v>0</v>
      </c>
      <c r="AS1222" s="166">
        <v>0</v>
      </c>
      <c r="AT1222" s="166">
        <v>0</v>
      </c>
      <c r="AU1222" s="166">
        <v>0</v>
      </c>
      <c r="AV1222" s="166">
        <v>0</v>
      </c>
      <c r="AW1222" s="166">
        <v>0</v>
      </c>
      <c r="AX1222" s="166">
        <v>0</v>
      </c>
      <c r="AY1222" s="166">
        <v>0</v>
      </c>
      <c r="AZ1222" s="166">
        <v>0</v>
      </c>
      <c r="BA1222" s="166">
        <v>0</v>
      </c>
      <c r="BB1222" s="166">
        <v>0</v>
      </c>
      <c r="BC1222" s="166">
        <v>0</v>
      </c>
      <c r="BD1222" s="166">
        <v>0</v>
      </c>
      <c r="BE1222" s="166">
        <v>0</v>
      </c>
      <c r="BF1222" s="166">
        <v>0</v>
      </c>
      <c r="BG1222" s="166">
        <v>0</v>
      </c>
      <c r="BH1222" s="166">
        <v>0</v>
      </c>
      <c r="BI1222" s="166">
        <v>0</v>
      </c>
      <c r="BJ1222" s="166">
        <v>0</v>
      </c>
      <c r="BK1222" s="166">
        <v>0</v>
      </c>
      <c r="BL1222" s="166">
        <v>0</v>
      </c>
      <c r="BM1222" s="166">
        <v>0</v>
      </c>
      <c r="BN1222" s="166">
        <v>0</v>
      </c>
      <c r="BO1222" s="166">
        <v>0</v>
      </c>
      <c r="BP1222" s="166">
        <v>0</v>
      </c>
      <c r="BQ1222" s="166">
        <v>0</v>
      </c>
      <c r="BR1222" s="166">
        <v>0</v>
      </c>
      <c r="BS1222" s="166">
        <v>0</v>
      </c>
      <c r="BT1222" s="168">
        <v>0.97633653435224499</v>
      </c>
      <c r="BU1222" s="166">
        <v>0</v>
      </c>
      <c r="BV1222" s="166">
        <v>0</v>
      </c>
      <c r="BW1222" s="166">
        <v>0</v>
      </c>
      <c r="BX1222" s="166">
        <v>0</v>
      </c>
      <c r="BY1222" s="166">
        <v>0</v>
      </c>
      <c r="BZ1222" s="166">
        <v>0</v>
      </c>
      <c r="CA1222" s="166">
        <v>0</v>
      </c>
      <c r="CB1222" s="166">
        <v>0</v>
      </c>
      <c r="CC1222" s="166">
        <v>0</v>
      </c>
      <c r="CD1222" s="166">
        <v>0</v>
      </c>
      <c r="CE1222" s="166">
        <v>0</v>
      </c>
      <c r="CF1222" s="166">
        <v>0</v>
      </c>
      <c r="CG1222" s="166">
        <v>0</v>
      </c>
      <c r="CH1222" s="166">
        <v>0</v>
      </c>
      <c r="CI1222" s="166">
        <v>0</v>
      </c>
      <c r="CJ1222" s="166">
        <v>0</v>
      </c>
      <c r="CK1222" s="166">
        <v>0</v>
      </c>
      <c r="CL1222" s="166">
        <v>0</v>
      </c>
      <c r="CM1222" s="166">
        <v>0</v>
      </c>
      <c r="CN1222" s="166">
        <v>0</v>
      </c>
      <c r="CO1222" s="166">
        <v>0</v>
      </c>
      <c r="CP1222" s="166">
        <v>0</v>
      </c>
      <c r="CQ1222" s="166">
        <v>0</v>
      </c>
      <c r="CR1222" s="166">
        <v>0</v>
      </c>
      <c r="CS1222" s="166">
        <v>0</v>
      </c>
      <c r="CT1222" s="166">
        <v>0</v>
      </c>
      <c r="CU1222" s="166">
        <v>0</v>
      </c>
      <c r="CV1222" s="166">
        <v>0</v>
      </c>
      <c r="CW1222" s="166">
        <v>0</v>
      </c>
      <c r="CX1222" s="166">
        <v>0</v>
      </c>
      <c r="CY1222" s="166">
        <v>0</v>
      </c>
      <c r="CZ1222" s="166">
        <v>0</v>
      </c>
    </row>
    <row r="1223" spans="1:104" x14ac:dyDescent="0.2">
      <c r="A1223" s="167" t="s">
        <v>193</v>
      </c>
      <c r="B1223" s="166">
        <v>0</v>
      </c>
      <c r="C1223" s="166">
        <v>0</v>
      </c>
      <c r="D1223" s="166">
        <v>0</v>
      </c>
      <c r="E1223" s="166">
        <v>0</v>
      </c>
      <c r="F1223" s="166">
        <v>0</v>
      </c>
      <c r="G1223" s="166">
        <v>0</v>
      </c>
      <c r="H1223" s="166">
        <v>0</v>
      </c>
      <c r="I1223" s="166">
        <v>0</v>
      </c>
      <c r="J1223" s="166">
        <v>0</v>
      </c>
      <c r="K1223" s="166">
        <v>0</v>
      </c>
      <c r="L1223" s="166">
        <v>0</v>
      </c>
      <c r="M1223" s="166">
        <v>0</v>
      </c>
      <c r="N1223" s="166">
        <v>0</v>
      </c>
      <c r="O1223" s="166">
        <v>0</v>
      </c>
      <c r="P1223" s="166">
        <v>0</v>
      </c>
      <c r="Q1223" s="166">
        <v>0</v>
      </c>
      <c r="R1223" s="166">
        <v>0</v>
      </c>
      <c r="S1223" s="166">
        <v>0</v>
      </c>
      <c r="T1223" s="166">
        <v>0</v>
      </c>
      <c r="U1223" s="166">
        <v>0</v>
      </c>
      <c r="V1223" s="166">
        <v>0</v>
      </c>
      <c r="W1223" s="166">
        <v>0</v>
      </c>
      <c r="X1223" s="166">
        <v>0</v>
      </c>
      <c r="Y1223" s="166">
        <v>0</v>
      </c>
      <c r="Z1223" s="166">
        <v>0</v>
      </c>
      <c r="AA1223" s="166">
        <v>0</v>
      </c>
      <c r="AB1223" s="166">
        <v>0</v>
      </c>
      <c r="AC1223" s="166">
        <v>0</v>
      </c>
      <c r="AD1223" s="166">
        <v>0</v>
      </c>
      <c r="AE1223" s="166">
        <v>0</v>
      </c>
      <c r="AF1223" s="166">
        <v>0</v>
      </c>
      <c r="AG1223" s="166">
        <v>0</v>
      </c>
      <c r="AH1223" s="166">
        <v>0</v>
      </c>
      <c r="AI1223" s="166">
        <v>0</v>
      </c>
      <c r="AJ1223" s="166">
        <v>0</v>
      </c>
      <c r="AK1223" s="166">
        <v>0</v>
      </c>
      <c r="AL1223" s="166">
        <v>0</v>
      </c>
      <c r="AM1223" s="166">
        <v>0</v>
      </c>
      <c r="AN1223" s="166">
        <v>0</v>
      </c>
      <c r="AO1223" s="166">
        <v>0</v>
      </c>
      <c r="AP1223" s="166">
        <v>0</v>
      </c>
      <c r="AQ1223" s="166">
        <v>0</v>
      </c>
      <c r="AR1223" s="166">
        <v>0</v>
      </c>
      <c r="AS1223" s="166">
        <v>0</v>
      </c>
      <c r="AT1223" s="166">
        <v>0</v>
      </c>
      <c r="AU1223" s="166">
        <v>0</v>
      </c>
      <c r="AV1223" s="166">
        <v>0</v>
      </c>
      <c r="AW1223" s="166">
        <v>0</v>
      </c>
      <c r="AX1223" s="166">
        <v>0</v>
      </c>
      <c r="AY1223" s="166">
        <v>0</v>
      </c>
      <c r="AZ1223" s="166">
        <v>0</v>
      </c>
      <c r="BA1223" s="166">
        <v>0</v>
      </c>
      <c r="BB1223" s="166">
        <v>0</v>
      </c>
      <c r="BC1223" s="166">
        <v>0</v>
      </c>
      <c r="BD1223" s="166">
        <v>0</v>
      </c>
      <c r="BE1223" s="166">
        <v>0</v>
      </c>
      <c r="BF1223" s="166">
        <v>0</v>
      </c>
      <c r="BG1223" s="166">
        <v>0</v>
      </c>
      <c r="BH1223" s="166">
        <v>0</v>
      </c>
      <c r="BI1223" s="166">
        <v>0</v>
      </c>
      <c r="BJ1223" s="166">
        <v>0</v>
      </c>
      <c r="BK1223" s="166">
        <v>0</v>
      </c>
      <c r="BL1223" s="166">
        <v>0</v>
      </c>
      <c r="BM1223" s="166">
        <v>0</v>
      </c>
      <c r="BN1223" s="166">
        <v>0</v>
      </c>
      <c r="BO1223" s="166">
        <v>0</v>
      </c>
      <c r="BP1223" s="166">
        <v>0</v>
      </c>
      <c r="BQ1223" s="166">
        <v>0</v>
      </c>
      <c r="BR1223" s="166">
        <v>0</v>
      </c>
      <c r="BS1223" s="166">
        <v>0</v>
      </c>
      <c r="BT1223" s="168">
        <v>0.999998128641303</v>
      </c>
      <c r="BU1223" s="166">
        <v>0</v>
      </c>
      <c r="BV1223" s="166">
        <v>0</v>
      </c>
      <c r="BW1223" s="166">
        <v>0</v>
      </c>
      <c r="BX1223" s="166">
        <v>0</v>
      </c>
      <c r="BY1223" s="166">
        <v>0</v>
      </c>
      <c r="BZ1223" s="166">
        <v>0</v>
      </c>
      <c r="CA1223" s="166">
        <v>0</v>
      </c>
      <c r="CB1223" s="166">
        <v>0</v>
      </c>
      <c r="CC1223" s="166">
        <v>0</v>
      </c>
      <c r="CD1223" s="166">
        <v>0</v>
      </c>
      <c r="CE1223" s="166">
        <v>0</v>
      </c>
      <c r="CF1223" s="166">
        <v>0</v>
      </c>
      <c r="CG1223" s="166">
        <v>0</v>
      </c>
      <c r="CH1223" s="166">
        <v>0</v>
      </c>
      <c r="CI1223" s="166">
        <v>0</v>
      </c>
      <c r="CJ1223" s="166">
        <v>0</v>
      </c>
      <c r="CK1223" s="166">
        <v>0</v>
      </c>
      <c r="CL1223" s="166">
        <v>0</v>
      </c>
      <c r="CM1223" s="166">
        <v>0</v>
      </c>
      <c r="CN1223" s="166">
        <v>0</v>
      </c>
      <c r="CO1223" s="166">
        <v>0</v>
      </c>
      <c r="CP1223" s="166">
        <v>0</v>
      </c>
      <c r="CQ1223" s="166">
        <v>0</v>
      </c>
      <c r="CR1223" s="166">
        <v>0</v>
      </c>
      <c r="CS1223" s="166">
        <v>0</v>
      </c>
      <c r="CT1223" s="166">
        <v>0</v>
      </c>
      <c r="CU1223" s="166">
        <v>0</v>
      </c>
      <c r="CV1223" s="166">
        <v>0</v>
      </c>
      <c r="CW1223" s="166">
        <v>0</v>
      </c>
      <c r="CX1223" s="166">
        <v>0</v>
      </c>
      <c r="CY1223" s="166">
        <v>0</v>
      </c>
      <c r="CZ1223" s="166">
        <v>0</v>
      </c>
    </row>
    <row r="1224" spans="1:104" x14ac:dyDescent="0.2">
      <c r="A1224" s="167" t="s">
        <v>194</v>
      </c>
      <c r="B1224" s="166">
        <v>0</v>
      </c>
      <c r="C1224" s="166">
        <v>0</v>
      </c>
      <c r="D1224" s="166">
        <v>0</v>
      </c>
      <c r="E1224" s="166">
        <v>0</v>
      </c>
      <c r="F1224" s="166">
        <v>0</v>
      </c>
      <c r="G1224" s="166">
        <v>0</v>
      </c>
      <c r="H1224" s="166">
        <v>0</v>
      </c>
      <c r="I1224" s="166">
        <v>0</v>
      </c>
      <c r="J1224" s="166">
        <v>0</v>
      </c>
      <c r="K1224" s="166">
        <v>0</v>
      </c>
      <c r="L1224" s="166">
        <v>0</v>
      </c>
      <c r="M1224" s="166">
        <v>0</v>
      </c>
      <c r="N1224" s="166">
        <v>0</v>
      </c>
      <c r="O1224" s="166">
        <v>0</v>
      </c>
      <c r="P1224" s="166">
        <v>0</v>
      </c>
      <c r="Q1224" s="166">
        <v>0</v>
      </c>
      <c r="R1224" s="166">
        <v>0</v>
      </c>
      <c r="S1224" s="166">
        <v>0</v>
      </c>
      <c r="T1224" s="166">
        <v>0</v>
      </c>
      <c r="U1224" s="166">
        <v>0</v>
      </c>
      <c r="V1224" s="166">
        <v>0</v>
      </c>
      <c r="W1224" s="166">
        <v>0</v>
      </c>
      <c r="X1224" s="166">
        <v>0</v>
      </c>
      <c r="Y1224" s="166">
        <v>0</v>
      </c>
      <c r="Z1224" s="166">
        <v>0</v>
      </c>
      <c r="AA1224" s="166">
        <v>0</v>
      </c>
      <c r="AB1224" s="166">
        <v>0</v>
      </c>
      <c r="AC1224" s="166">
        <v>0</v>
      </c>
      <c r="AD1224" s="166">
        <v>0</v>
      </c>
      <c r="AE1224" s="166">
        <v>0</v>
      </c>
      <c r="AF1224" s="166">
        <v>0</v>
      </c>
      <c r="AG1224" s="166">
        <v>0</v>
      </c>
      <c r="AH1224" s="166">
        <v>0</v>
      </c>
      <c r="AI1224" s="166">
        <v>0</v>
      </c>
      <c r="AJ1224" s="166">
        <v>0</v>
      </c>
      <c r="AK1224" s="166">
        <v>0</v>
      </c>
      <c r="AL1224" s="166">
        <v>0</v>
      </c>
      <c r="AM1224" s="166">
        <v>0</v>
      </c>
      <c r="AN1224" s="166">
        <v>0</v>
      </c>
      <c r="AO1224" s="166">
        <v>0</v>
      </c>
      <c r="AP1224" s="166">
        <v>0</v>
      </c>
      <c r="AQ1224" s="166">
        <v>0</v>
      </c>
      <c r="AR1224" s="166">
        <v>0</v>
      </c>
      <c r="AS1224" s="166">
        <v>0</v>
      </c>
      <c r="AT1224" s="166">
        <v>0</v>
      </c>
      <c r="AU1224" s="166">
        <v>0</v>
      </c>
      <c r="AV1224" s="166">
        <v>0</v>
      </c>
      <c r="AW1224" s="166">
        <v>0</v>
      </c>
      <c r="AX1224" s="166">
        <v>0</v>
      </c>
      <c r="AY1224" s="166">
        <v>0</v>
      </c>
      <c r="AZ1224" s="166">
        <v>0</v>
      </c>
      <c r="BA1224" s="166">
        <v>0</v>
      </c>
      <c r="BB1224" s="166">
        <v>0</v>
      </c>
      <c r="BC1224" s="166">
        <v>0</v>
      </c>
      <c r="BD1224" s="166">
        <v>0</v>
      </c>
      <c r="BE1224" s="166">
        <v>0</v>
      </c>
      <c r="BF1224" s="166">
        <v>0</v>
      </c>
      <c r="BG1224" s="166">
        <v>0</v>
      </c>
      <c r="BH1224" s="166">
        <v>0</v>
      </c>
      <c r="BI1224" s="166">
        <v>0</v>
      </c>
      <c r="BJ1224" s="166">
        <v>0</v>
      </c>
      <c r="BK1224" s="166">
        <v>0</v>
      </c>
      <c r="BL1224" s="166">
        <v>0</v>
      </c>
      <c r="BM1224" s="166">
        <v>0</v>
      </c>
      <c r="BN1224" s="166">
        <v>0</v>
      </c>
      <c r="BO1224" s="166">
        <v>0</v>
      </c>
      <c r="BP1224" s="166">
        <v>0</v>
      </c>
      <c r="BQ1224" s="166">
        <v>0</v>
      </c>
      <c r="BR1224" s="166">
        <v>0</v>
      </c>
      <c r="BS1224" s="166">
        <v>0</v>
      </c>
      <c r="BT1224" s="166">
        <v>1000</v>
      </c>
      <c r="BU1224" s="166">
        <v>0</v>
      </c>
      <c r="BV1224" s="166">
        <v>0</v>
      </c>
      <c r="BW1224" s="166">
        <v>0</v>
      </c>
      <c r="BX1224" s="166">
        <v>0</v>
      </c>
      <c r="BY1224" s="166">
        <v>0</v>
      </c>
      <c r="BZ1224" s="166">
        <v>0</v>
      </c>
      <c r="CA1224" s="166">
        <v>0</v>
      </c>
      <c r="CB1224" s="166">
        <v>0</v>
      </c>
      <c r="CC1224" s="166">
        <v>0</v>
      </c>
      <c r="CD1224" s="166">
        <v>0</v>
      </c>
      <c r="CE1224" s="166">
        <v>0</v>
      </c>
      <c r="CF1224" s="166">
        <v>0</v>
      </c>
      <c r="CG1224" s="166">
        <v>0</v>
      </c>
      <c r="CH1224" s="166">
        <v>0</v>
      </c>
      <c r="CI1224" s="166">
        <v>0</v>
      </c>
      <c r="CJ1224" s="166">
        <v>0</v>
      </c>
      <c r="CK1224" s="166">
        <v>0</v>
      </c>
      <c r="CL1224" s="166">
        <v>0</v>
      </c>
      <c r="CM1224" s="166">
        <v>0</v>
      </c>
      <c r="CN1224" s="166">
        <v>0</v>
      </c>
      <c r="CO1224" s="166">
        <v>0</v>
      </c>
      <c r="CP1224" s="166">
        <v>0</v>
      </c>
      <c r="CQ1224" s="166">
        <v>0</v>
      </c>
      <c r="CR1224" s="166">
        <v>0</v>
      </c>
      <c r="CS1224" s="166">
        <v>0</v>
      </c>
      <c r="CT1224" s="166">
        <v>0</v>
      </c>
      <c r="CU1224" s="166">
        <v>0</v>
      </c>
      <c r="CV1224" s="166">
        <v>0</v>
      </c>
      <c r="CW1224" s="166">
        <v>0</v>
      </c>
      <c r="CX1224" s="166">
        <v>0</v>
      </c>
      <c r="CY1224" s="166">
        <v>0</v>
      </c>
      <c r="CZ1224" s="166">
        <v>0</v>
      </c>
    </row>
    <row r="1225" spans="1:104" x14ac:dyDescent="0.2">
      <c r="A1225" s="167" t="s">
        <v>1068</v>
      </c>
      <c r="B1225" s="166">
        <v>0</v>
      </c>
      <c r="C1225" s="166">
        <v>0</v>
      </c>
      <c r="D1225" s="166">
        <v>0</v>
      </c>
      <c r="E1225" s="166">
        <v>0</v>
      </c>
      <c r="F1225" s="166">
        <v>0</v>
      </c>
      <c r="G1225" s="166">
        <v>0</v>
      </c>
      <c r="H1225" s="166">
        <v>0</v>
      </c>
      <c r="I1225" s="166">
        <v>0</v>
      </c>
      <c r="J1225" s="166">
        <v>0</v>
      </c>
      <c r="K1225" s="166">
        <v>0</v>
      </c>
      <c r="L1225" s="166">
        <v>0</v>
      </c>
      <c r="M1225" s="166">
        <v>0</v>
      </c>
      <c r="N1225" s="166">
        <v>0</v>
      </c>
      <c r="O1225" s="166">
        <v>0</v>
      </c>
      <c r="P1225" s="166">
        <v>0</v>
      </c>
      <c r="Q1225" s="166">
        <v>0</v>
      </c>
      <c r="R1225" s="166">
        <v>0</v>
      </c>
      <c r="S1225" s="166">
        <v>0</v>
      </c>
      <c r="T1225" s="166">
        <v>0</v>
      </c>
      <c r="U1225" s="166">
        <v>0</v>
      </c>
      <c r="V1225" s="166">
        <v>0</v>
      </c>
      <c r="W1225" s="166">
        <v>0</v>
      </c>
      <c r="X1225" s="166">
        <v>0</v>
      </c>
      <c r="Y1225" s="166">
        <v>0</v>
      </c>
      <c r="Z1225" s="166">
        <v>0</v>
      </c>
      <c r="AA1225" s="166">
        <v>0</v>
      </c>
      <c r="AB1225" s="166">
        <v>0</v>
      </c>
      <c r="AC1225" s="166">
        <v>0</v>
      </c>
      <c r="AD1225" s="166">
        <v>0</v>
      </c>
      <c r="AE1225" s="166">
        <v>0</v>
      </c>
      <c r="AF1225" s="166">
        <v>0</v>
      </c>
      <c r="AG1225" s="166">
        <v>0</v>
      </c>
      <c r="AH1225" s="166">
        <v>0</v>
      </c>
      <c r="AI1225" s="166">
        <v>0</v>
      </c>
      <c r="AJ1225" s="166">
        <v>0</v>
      </c>
      <c r="AK1225" s="166">
        <v>0</v>
      </c>
      <c r="AL1225" s="166">
        <v>0</v>
      </c>
      <c r="AM1225" s="166">
        <v>0</v>
      </c>
      <c r="AN1225" s="166">
        <v>0</v>
      </c>
      <c r="AO1225" s="166">
        <v>0</v>
      </c>
      <c r="AP1225" s="166">
        <v>0</v>
      </c>
      <c r="AQ1225" s="166">
        <v>0</v>
      </c>
      <c r="AR1225" s="166">
        <v>0</v>
      </c>
      <c r="AS1225" s="166">
        <v>0</v>
      </c>
      <c r="AT1225" s="166">
        <v>0</v>
      </c>
      <c r="AU1225" s="166">
        <v>0</v>
      </c>
      <c r="AV1225" s="166">
        <v>0</v>
      </c>
      <c r="AW1225" s="166">
        <v>0</v>
      </c>
      <c r="AX1225" s="166">
        <v>0</v>
      </c>
      <c r="AY1225" s="166">
        <v>0</v>
      </c>
      <c r="AZ1225" s="166">
        <v>0</v>
      </c>
      <c r="BA1225" s="166">
        <v>0</v>
      </c>
      <c r="BB1225" s="166">
        <v>0</v>
      </c>
      <c r="BC1225" s="166">
        <v>0</v>
      </c>
      <c r="BD1225" s="166">
        <v>0</v>
      </c>
      <c r="BE1225" s="166">
        <v>0</v>
      </c>
      <c r="BF1225" s="166">
        <v>0</v>
      </c>
      <c r="BG1225" s="166">
        <v>0</v>
      </c>
      <c r="BH1225" s="166">
        <v>0</v>
      </c>
      <c r="BI1225" s="166">
        <v>0</v>
      </c>
      <c r="BJ1225" s="166">
        <v>0</v>
      </c>
      <c r="BK1225" s="166">
        <v>0</v>
      </c>
      <c r="BL1225" s="166">
        <v>0</v>
      </c>
      <c r="BM1225" s="166">
        <v>0</v>
      </c>
      <c r="BN1225" s="166">
        <v>0</v>
      </c>
      <c r="BO1225" s="166">
        <v>0</v>
      </c>
      <c r="BP1225" s="166">
        <v>0</v>
      </c>
      <c r="BQ1225" s="166">
        <v>0</v>
      </c>
      <c r="BR1225" s="166">
        <v>0</v>
      </c>
      <c r="BS1225" s="166">
        <v>0</v>
      </c>
      <c r="BT1225" s="168">
        <v>0.70897047844185501</v>
      </c>
      <c r="BU1225" s="166">
        <v>0</v>
      </c>
      <c r="BV1225" s="166">
        <v>0</v>
      </c>
      <c r="BW1225" s="166">
        <v>0</v>
      </c>
      <c r="BX1225" s="166">
        <v>0</v>
      </c>
      <c r="BY1225" s="166">
        <v>0</v>
      </c>
      <c r="BZ1225" s="166">
        <v>0</v>
      </c>
      <c r="CA1225" s="166">
        <v>0</v>
      </c>
      <c r="CB1225" s="166">
        <v>0</v>
      </c>
      <c r="CC1225" s="166">
        <v>0</v>
      </c>
      <c r="CD1225" s="166">
        <v>0</v>
      </c>
      <c r="CE1225" s="166">
        <v>0</v>
      </c>
      <c r="CF1225" s="166">
        <v>0</v>
      </c>
      <c r="CG1225" s="166">
        <v>0</v>
      </c>
      <c r="CH1225" s="166">
        <v>0</v>
      </c>
      <c r="CI1225" s="166">
        <v>0</v>
      </c>
      <c r="CJ1225" s="166">
        <v>0</v>
      </c>
      <c r="CK1225" s="166">
        <v>0</v>
      </c>
      <c r="CL1225" s="166">
        <v>0</v>
      </c>
      <c r="CM1225" s="166">
        <v>0</v>
      </c>
      <c r="CN1225" s="166">
        <v>0</v>
      </c>
      <c r="CO1225" s="166">
        <v>0</v>
      </c>
      <c r="CP1225" s="166">
        <v>0</v>
      </c>
      <c r="CQ1225" s="166">
        <v>0</v>
      </c>
      <c r="CR1225" s="166">
        <v>0</v>
      </c>
      <c r="CS1225" s="166">
        <v>0</v>
      </c>
      <c r="CT1225" s="166">
        <v>0</v>
      </c>
      <c r="CU1225" s="166">
        <v>0</v>
      </c>
      <c r="CV1225" s="166">
        <v>0</v>
      </c>
      <c r="CW1225" s="166">
        <v>0</v>
      </c>
      <c r="CX1225" s="166">
        <v>0</v>
      </c>
      <c r="CY1225" s="166">
        <v>0</v>
      </c>
      <c r="CZ1225" s="166">
        <v>0</v>
      </c>
    </row>
    <row r="1226" spans="1:104" x14ac:dyDescent="0.2">
      <c r="A1226" s="167" t="s">
        <v>1069</v>
      </c>
      <c r="B1226" s="166">
        <v>0</v>
      </c>
      <c r="C1226" s="166">
        <v>0</v>
      </c>
      <c r="D1226" s="166">
        <v>0</v>
      </c>
      <c r="E1226" s="166">
        <v>0</v>
      </c>
      <c r="F1226" s="166">
        <v>0</v>
      </c>
      <c r="G1226" s="166">
        <v>0</v>
      </c>
      <c r="H1226" s="166">
        <v>0</v>
      </c>
      <c r="I1226" s="166">
        <v>0</v>
      </c>
      <c r="J1226" s="166">
        <v>0</v>
      </c>
      <c r="K1226" s="166">
        <v>0</v>
      </c>
      <c r="L1226" s="166">
        <v>0</v>
      </c>
      <c r="M1226" s="166">
        <v>0</v>
      </c>
      <c r="N1226" s="166">
        <v>0</v>
      </c>
      <c r="O1226" s="166">
        <v>0</v>
      </c>
      <c r="P1226" s="166">
        <v>0</v>
      </c>
      <c r="Q1226" s="166">
        <v>0</v>
      </c>
      <c r="R1226" s="166">
        <v>0</v>
      </c>
      <c r="S1226" s="166">
        <v>0</v>
      </c>
      <c r="T1226" s="166">
        <v>0</v>
      </c>
      <c r="U1226" s="166">
        <v>0</v>
      </c>
      <c r="V1226" s="166">
        <v>0</v>
      </c>
      <c r="W1226" s="166">
        <v>0</v>
      </c>
      <c r="X1226" s="166">
        <v>0</v>
      </c>
      <c r="Y1226" s="166">
        <v>0</v>
      </c>
      <c r="Z1226" s="166">
        <v>0</v>
      </c>
      <c r="AA1226" s="166">
        <v>0</v>
      </c>
      <c r="AB1226" s="166">
        <v>0</v>
      </c>
      <c r="AC1226" s="166">
        <v>0</v>
      </c>
      <c r="AD1226" s="166">
        <v>0</v>
      </c>
      <c r="AE1226" s="166">
        <v>0</v>
      </c>
      <c r="AF1226" s="166">
        <v>0</v>
      </c>
      <c r="AG1226" s="166">
        <v>0</v>
      </c>
      <c r="AH1226" s="166">
        <v>0</v>
      </c>
      <c r="AI1226" s="166">
        <v>0</v>
      </c>
      <c r="AJ1226" s="166">
        <v>0</v>
      </c>
      <c r="AK1226" s="166">
        <v>0</v>
      </c>
      <c r="AL1226" s="166">
        <v>0</v>
      </c>
      <c r="AM1226" s="166">
        <v>0</v>
      </c>
      <c r="AN1226" s="166">
        <v>0</v>
      </c>
      <c r="AO1226" s="166">
        <v>0</v>
      </c>
      <c r="AP1226" s="166">
        <v>0</v>
      </c>
      <c r="AQ1226" s="166">
        <v>0</v>
      </c>
      <c r="AR1226" s="166">
        <v>0</v>
      </c>
      <c r="AS1226" s="166">
        <v>0</v>
      </c>
      <c r="AT1226" s="166">
        <v>0</v>
      </c>
      <c r="AU1226" s="166">
        <v>0</v>
      </c>
      <c r="AV1226" s="166">
        <v>0</v>
      </c>
      <c r="AW1226" s="166">
        <v>0</v>
      </c>
      <c r="AX1226" s="166">
        <v>0</v>
      </c>
      <c r="AY1226" s="166">
        <v>0</v>
      </c>
      <c r="AZ1226" s="166">
        <v>0</v>
      </c>
      <c r="BA1226" s="166">
        <v>0</v>
      </c>
      <c r="BB1226" s="166">
        <v>0</v>
      </c>
      <c r="BC1226" s="166">
        <v>0</v>
      </c>
      <c r="BD1226" s="166">
        <v>0</v>
      </c>
      <c r="BE1226" s="166">
        <v>0</v>
      </c>
      <c r="BF1226" s="166">
        <v>0</v>
      </c>
      <c r="BG1226" s="166">
        <v>0</v>
      </c>
      <c r="BH1226" s="166">
        <v>0</v>
      </c>
      <c r="BI1226" s="166">
        <v>0</v>
      </c>
      <c r="BJ1226" s="166">
        <v>0</v>
      </c>
      <c r="BK1226" s="166">
        <v>0</v>
      </c>
      <c r="BL1226" s="166">
        <v>0</v>
      </c>
      <c r="BM1226" s="166">
        <v>0</v>
      </c>
      <c r="BN1226" s="166">
        <v>0</v>
      </c>
      <c r="BO1226" s="166">
        <v>0</v>
      </c>
      <c r="BP1226" s="166">
        <v>0</v>
      </c>
      <c r="BQ1226" s="166">
        <v>0</v>
      </c>
      <c r="BR1226" s="166">
        <v>0</v>
      </c>
      <c r="BS1226" s="166">
        <v>0</v>
      </c>
      <c r="BT1226" s="168">
        <v>0</v>
      </c>
      <c r="BU1226" s="166">
        <v>0</v>
      </c>
      <c r="BV1226" s="166">
        <v>0</v>
      </c>
      <c r="BW1226" s="166">
        <v>0</v>
      </c>
      <c r="BX1226" s="166">
        <v>0</v>
      </c>
      <c r="BY1226" s="166">
        <v>0</v>
      </c>
      <c r="BZ1226" s="166">
        <v>0</v>
      </c>
      <c r="CA1226" s="166">
        <v>0</v>
      </c>
      <c r="CB1226" s="166">
        <v>0</v>
      </c>
      <c r="CC1226" s="166">
        <v>0</v>
      </c>
      <c r="CD1226" s="166">
        <v>0</v>
      </c>
      <c r="CE1226" s="166">
        <v>0</v>
      </c>
      <c r="CF1226" s="166">
        <v>0</v>
      </c>
      <c r="CG1226" s="166">
        <v>0</v>
      </c>
      <c r="CH1226" s="166">
        <v>0</v>
      </c>
      <c r="CI1226" s="166">
        <v>0</v>
      </c>
      <c r="CJ1226" s="166">
        <v>0</v>
      </c>
      <c r="CK1226" s="166">
        <v>0</v>
      </c>
      <c r="CL1226" s="166">
        <v>0</v>
      </c>
      <c r="CM1226" s="166">
        <v>0</v>
      </c>
      <c r="CN1226" s="166">
        <v>0</v>
      </c>
      <c r="CO1226" s="166">
        <v>0</v>
      </c>
      <c r="CP1226" s="166">
        <v>0</v>
      </c>
      <c r="CQ1226" s="166">
        <v>0</v>
      </c>
      <c r="CR1226" s="166">
        <v>0</v>
      </c>
      <c r="CS1226" s="166">
        <v>0</v>
      </c>
      <c r="CT1226" s="166">
        <v>0</v>
      </c>
      <c r="CU1226" s="166">
        <v>0</v>
      </c>
      <c r="CV1226" s="166">
        <v>0</v>
      </c>
      <c r="CW1226" s="166">
        <v>0</v>
      </c>
      <c r="CX1226" s="166">
        <v>0</v>
      </c>
      <c r="CY1226" s="166">
        <v>0</v>
      </c>
      <c r="CZ1226" s="166">
        <v>0</v>
      </c>
    </row>
    <row r="1227" spans="1:104" x14ac:dyDescent="0.2">
      <c r="A1227" s="167" t="s">
        <v>197</v>
      </c>
    </row>
    <row r="1228" spans="1:104" x14ac:dyDescent="0.2">
      <c r="A1228" s="167" t="s">
        <v>1070</v>
      </c>
      <c r="B1228" s="166">
        <v>3.10696366757369E-10</v>
      </c>
      <c r="C1228" s="166">
        <v>3.10696366757369E-10</v>
      </c>
      <c r="D1228" s="166">
        <v>0</v>
      </c>
      <c r="E1228" s="166">
        <v>0</v>
      </c>
      <c r="F1228" s="166">
        <v>0</v>
      </c>
      <c r="G1228" s="166">
        <v>0</v>
      </c>
      <c r="H1228" s="166">
        <v>0</v>
      </c>
      <c r="I1228" s="166">
        <v>0</v>
      </c>
      <c r="J1228" s="166">
        <v>0</v>
      </c>
      <c r="K1228" s="166">
        <v>0</v>
      </c>
      <c r="L1228" s="166">
        <v>0</v>
      </c>
      <c r="M1228" s="166">
        <v>0</v>
      </c>
      <c r="N1228" s="166">
        <v>0</v>
      </c>
      <c r="O1228" s="166">
        <v>0</v>
      </c>
      <c r="P1228" s="166">
        <v>0</v>
      </c>
      <c r="Q1228" s="166">
        <v>0</v>
      </c>
      <c r="R1228" s="166">
        <v>0</v>
      </c>
      <c r="S1228" s="166">
        <v>0</v>
      </c>
      <c r="T1228" s="166">
        <v>0</v>
      </c>
      <c r="U1228" s="166">
        <v>0</v>
      </c>
      <c r="V1228" s="166">
        <v>0</v>
      </c>
      <c r="W1228" s="166">
        <v>0</v>
      </c>
      <c r="X1228" s="166">
        <v>0</v>
      </c>
      <c r="Y1228" s="166">
        <v>0</v>
      </c>
      <c r="Z1228" s="166">
        <v>0</v>
      </c>
      <c r="AA1228" s="166">
        <v>0</v>
      </c>
      <c r="AB1228" s="166">
        <v>0</v>
      </c>
      <c r="AC1228" s="166">
        <v>0</v>
      </c>
      <c r="AD1228" s="166">
        <v>0</v>
      </c>
      <c r="AE1228" s="166">
        <v>0</v>
      </c>
      <c r="AF1228" s="166">
        <v>0</v>
      </c>
      <c r="AG1228" s="166">
        <v>0</v>
      </c>
      <c r="AH1228" s="166">
        <v>0</v>
      </c>
      <c r="AI1228" s="166">
        <v>0</v>
      </c>
      <c r="AJ1228" s="166">
        <v>0</v>
      </c>
      <c r="AK1228" s="166">
        <v>0</v>
      </c>
      <c r="AL1228" s="166">
        <v>0</v>
      </c>
      <c r="AM1228" s="166">
        <v>0</v>
      </c>
      <c r="AN1228" s="166">
        <v>0</v>
      </c>
      <c r="AO1228" s="166">
        <v>0</v>
      </c>
      <c r="AP1228" s="166">
        <v>0</v>
      </c>
      <c r="AQ1228" s="166">
        <v>0</v>
      </c>
      <c r="AR1228" s="166">
        <v>0</v>
      </c>
      <c r="AS1228" s="166">
        <v>0</v>
      </c>
      <c r="AT1228" s="166">
        <v>0</v>
      </c>
      <c r="AU1228" s="166">
        <v>0</v>
      </c>
      <c r="AV1228" s="166">
        <v>0</v>
      </c>
      <c r="AW1228" s="166">
        <v>0</v>
      </c>
      <c r="AX1228" s="166">
        <v>0</v>
      </c>
      <c r="AY1228" s="166">
        <v>0</v>
      </c>
      <c r="AZ1228" s="166">
        <v>0</v>
      </c>
      <c r="BA1228" s="166">
        <v>0</v>
      </c>
      <c r="BB1228" s="166">
        <v>0</v>
      </c>
      <c r="BC1228" s="166">
        <v>0</v>
      </c>
      <c r="BD1228" s="166">
        <v>0</v>
      </c>
      <c r="BE1228" s="166">
        <v>0</v>
      </c>
      <c r="BF1228" s="166">
        <v>0</v>
      </c>
      <c r="BG1228" s="166">
        <v>0</v>
      </c>
      <c r="BH1228" s="166">
        <v>0</v>
      </c>
      <c r="BI1228" s="166">
        <v>0</v>
      </c>
      <c r="BJ1228" s="166">
        <v>0</v>
      </c>
      <c r="BK1228" s="166">
        <v>0</v>
      </c>
      <c r="BL1228" s="166">
        <v>0</v>
      </c>
      <c r="BM1228" s="166">
        <v>0</v>
      </c>
      <c r="BN1228" s="166">
        <v>0</v>
      </c>
      <c r="BO1228" s="166">
        <v>0</v>
      </c>
      <c r="BP1228" s="166">
        <v>0</v>
      </c>
      <c r="BQ1228" s="166">
        <v>0</v>
      </c>
      <c r="BR1228" s="166">
        <v>3.10696366757369E-10</v>
      </c>
      <c r="BS1228" s="166">
        <v>3.10696366757369E-10</v>
      </c>
      <c r="BT1228" s="168">
        <v>0.999998128641303</v>
      </c>
      <c r="BU1228" s="166">
        <v>0</v>
      </c>
      <c r="BV1228" s="166">
        <v>3.1069578533302102E-10</v>
      </c>
      <c r="BW1228" s="166">
        <v>0</v>
      </c>
      <c r="BX1228" s="166">
        <v>0</v>
      </c>
      <c r="BY1228" s="166">
        <v>0</v>
      </c>
      <c r="BZ1228" s="166">
        <v>0</v>
      </c>
      <c r="CA1228" s="166">
        <v>0</v>
      </c>
      <c r="CB1228" s="166">
        <v>0</v>
      </c>
      <c r="CC1228" s="166">
        <v>0</v>
      </c>
      <c r="CD1228" s="166">
        <v>0</v>
      </c>
      <c r="CE1228" s="166">
        <v>0</v>
      </c>
      <c r="CF1228" s="166">
        <v>0</v>
      </c>
      <c r="CG1228" s="166">
        <v>0</v>
      </c>
      <c r="CH1228" s="166">
        <v>0</v>
      </c>
      <c r="CI1228" s="166">
        <v>0</v>
      </c>
      <c r="CJ1228" s="166">
        <v>0</v>
      </c>
      <c r="CK1228" s="166">
        <v>0</v>
      </c>
      <c r="CL1228" s="166">
        <v>0</v>
      </c>
      <c r="CM1228" s="166">
        <v>0</v>
      </c>
      <c r="CN1228" s="166">
        <v>0</v>
      </c>
      <c r="CO1228" s="166">
        <v>0</v>
      </c>
      <c r="CP1228" s="166">
        <v>0</v>
      </c>
      <c r="CQ1228" s="166">
        <v>0</v>
      </c>
      <c r="CR1228" s="166">
        <v>0</v>
      </c>
      <c r="CS1228" s="166">
        <v>0</v>
      </c>
      <c r="CT1228" s="166">
        <v>0</v>
      </c>
      <c r="CU1228" s="166">
        <v>0</v>
      </c>
      <c r="CV1228" s="166">
        <v>0</v>
      </c>
      <c r="CW1228" s="166">
        <v>0</v>
      </c>
      <c r="CX1228" s="166">
        <v>0</v>
      </c>
      <c r="CY1228" s="166">
        <v>3.1069578533302102E-10</v>
      </c>
      <c r="CZ1228" s="166">
        <v>3.1069578533302102E-10</v>
      </c>
    </row>
    <row r="1229" spans="1:104" x14ac:dyDescent="0.2">
      <c r="A1229" s="167" t="s">
        <v>1071</v>
      </c>
      <c r="B1229" s="166">
        <v>2.6685149359583201E-11</v>
      </c>
      <c r="C1229" s="166">
        <v>2.6685149359583201E-11</v>
      </c>
      <c r="D1229" s="166">
        <v>0</v>
      </c>
      <c r="E1229" s="166">
        <v>0</v>
      </c>
      <c r="F1229" s="166">
        <v>0</v>
      </c>
      <c r="G1229" s="166">
        <v>0</v>
      </c>
      <c r="H1229" s="166">
        <v>0</v>
      </c>
      <c r="I1229" s="166">
        <v>0</v>
      </c>
      <c r="J1229" s="166">
        <v>0</v>
      </c>
      <c r="K1229" s="166">
        <v>0</v>
      </c>
      <c r="L1229" s="166">
        <v>0</v>
      </c>
      <c r="M1229" s="166">
        <v>0</v>
      </c>
      <c r="N1229" s="166">
        <v>0</v>
      </c>
      <c r="O1229" s="166">
        <v>0</v>
      </c>
      <c r="P1229" s="166">
        <v>0</v>
      </c>
      <c r="Q1229" s="166">
        <v>0</v>
      </c>
      <c r="R1229" s="166">
        <v>0</v>
      </c>
      <c r="S1229" s="166">
        <v>0</v>
      </c>
      <c r="T1229" s="166">
        <v>0</v>
      </c>
      <c r="U1229" s="166">
        <v>0</v>
      </c>
      <c r="V1229" s="166">
        <v>0</v>
      </c>
      <c r="W1229" s="166">
        <v>0</v>
      </c>
      <c r="X1229" s="166">
        <v>0</v>
      </c>
      <c r="Y1229" s="166">
        <v>0</v>
      </c>
      <c r="Z1229" s="166">
        <v>0</v>
      </c>
      <c r="AA1229" s="166">
        <v>0</v>
      </c>
      <c r="AB1229" s="166">
        <v>0</v>
      </c>
      <c r="AC1229" s="166">
        <v>0</v>
      </c>
      <c r="AD1229" s="166">
        <v>0</v>
      </c>
      <c r="AE1229" s="166">
        <v>0</v>
      </c>
      <c r="AF1229" s="166">
        <v>0</v>
      </c>
      <c r="AG1229" s="166">
        <v>0</v>
      </c>
      <c r="AH1229" s="166">
        <v>0</v>
      </c>
      <c r="AI1229" s="166">
        <v>0</v>
      </c>
      <c r="AJ1229" s="166">
        <v>0</v>
      </c>
      <c r="AK1229" s="166">
        <v>0</v>
      </c>
      <c r="AL1229" s="166">
        <v>0</v>
      </c>
      <c r="AM1229" s="166">
        <v>0</v>
      </c>
      <c r="AN1229" s="166">
        <v>0</v>
      </c>
      <c r="AO1229" s="166">
        <v>0</v>
      </c>
      <c r="AP1229" s="166">
        <v>0</v>
      </c>
      <c r="AQ1229" s="166">
        <v>0</v>
      </c>
      <c r="AR1229" s="166">
        <v>0</v>
      </c>
      <c r="AS1229" s="166">
        <v>0</v>
      </c>
      <c r="AT1229" s="166">
        <v>0</v>
      </c>
      <c r="AU1229" s="166">
        <v>0</v>
      </c>
      <c r="AV1229" s="166">
        <v>0</v>
      </c>
      <c r="AW1229" s="166">
        <v>0</v>
      </c>
      <c r="AX1229" s="166">
        <v>0</v>
      </c>
      <c r="AY1229" s="166">
        <v>0</v>
      </c>
      <c r="AZ1229" s="166">
        <v>0</v>
      </c>
      <c r="BA1229" s="166">
        <v>0</v>
      </c>
      <c r="BB1229" s="166">
        <v>0</v>
      </c>
      <c r="BC1229" s="166">
        <v>0</v>
      </c>
      <c r="BD1229" s="166">
        <v>0</v>
      </c>
      <c r="BE1229" s="166">
        <v>0</v>
      </c>
      <c r="BF1229" s="166">
        <v>0</v>
      </c>
      <c r="BG1229" s="166">
        <v>0</v>
      </c>
      <c r="BH1229" s="166">
        <v>0</v>
      </c>
      <c r="BI1229" s="166">
        <v>0</v>
      </c>
      <c r="BJ1229" s="166">
        <v>0</v>
      </c>
      <c r="BK1229" s="166">
        <v>0</v>
      </c>
      <c r="BL1229" s="166">
        <v>0</v>
      </c>
      <c r="BM1229" s="166">
        <v>0</v>
      </c>
      <c r="BN1229" s="166">
        <v>0</v>
      </c>
      <c r="BO1229" s="166">
        <v>0</v>
      </c>
      <c r="BP1229" s="166">
        <v>0</v>
      </c>
      <c r="BQ1229" s="166">
        <v>0</v>
      </c>
      <c r="BR1229" s="166">
        <v>2.6685149359583201E-11</v>
      </c>
      <c r="BS1229" s="166">
        <v>2.6685149359583201E-11</v>
      </c>
      <c r="BT1229" s="168">
        <v>0.95155251885650005</v>
      </c>
      <c r="BU1229" s="166">
        <v>0</v>
      </c>
      <c r="BV1229" s="166">
        <v>2.5392321089173299E-11</v>
      </c>
      <c r="BW1229" s="166">
        <v>0</v>
      </c>
      <c r="BX1229" s="166">
        <v>0</v>
      </c>
      <c r="BY1229" s="166">
        <v>0</v>
      </c>
      <c r="BZ1229" s="166">
        <v>0</v>
      </c>
      <c r="CA1229" s="166">
        <v>0</v>
      </c>
      <c r="CB1229" s="166">
        <v>0</v>
      </c>
      <c r="CC1229" s="166">
        <v>0</v>
      </c>
      <c r="CD1229" s="166">
        <v>0</v>
      </c>
      <c r="CE1229" s="166">
        <v>0</v>
      </c>
      <c r="CF1229" s="166">
        <v>0</v>
      </c>
      <c r="CG1229" s="166">
        <v>0</v>
      </c>
      <c r="CH1229" s="166">
        <v>0</v>
      </c>
      <c r="CI1229" s="166">
        <v>0</v>
      </c>
      <c r="CJ1229" s="166">
        <v>0</v>
      </c>
      <c r="CK1229" s="166">
        <v>0</v>
      </c>
      <c r="CL1229" s="166">
        <v>0</v>
      </c>
      <c r="CM1229" s="166">
        <v>0</v>
      </c>
      <c r="CN1229" s="166">
        <v>0</v>
      </c>
      <c r="CO1229" s="166">
        <v>0</v>
      </c>
      <c r="CP1229" s="166">
        <v>0</v>
      </c>
      <c r="CQ1229" s="166">
        <v>0</v>
      </c>
      <c r="CR1229" s="166">
        <v>0</v>
      </c>
      <c r="CS1229" s="166">
        <v>0</v>
      </c>
      <c r="CT1229" s="166">
        <v>0</v>
      </c>
      <c r="CU1229" s="166">
        <v>0</v>
      </c>
      <c r="CV1229" s="166">
        <v>0</v>
      </c>
      <c r="CW1229" s="166">
        <v>0</v>
      </c>
      <c r="CX1229" s="166">
        <v>0</v>
      </c>
      <c r="CY1229" s="166">
        <v>2.5392321089173299E-11</v>
      </c>
      <c r="CZ1229" s="166">
        <v>2.5392321089173299E-11</v>
      </c>
    </row>
    <row r="1230" spans="1:104" x14ac:dyDescent="0.2">
      <c r="A1230" s="167" t="s">
        <v>1072</v>
      </c>
      <c r="B1230" s="166">
        <v>2.86846167372699E-11</v>
      </c>
      <c r="C1230" s="166">
        <v>2.86846167372699E-11</v>
      </c>
      <c r="D1230" s="166">
        <v>0</v>
      </c>
      <c r="E1230" s="166">
        <v>0</v>
      </c>
      <c r="F1230" s="166">
        <v>0</v>
      </c>
      <c r="G1230" s="166">
        <v>0</v>
      </c>
      <c r="H1230" s="166">
        <v>0</v>
      </c>
      <c r="I1230" s="166">
        <v>0</v>
      </c>
      <c r="J1230" s="166">
        <v>0</v>
      </c>
      <c r="K1230" s="166">
        <v>0</v>
      </c>
      <c r="L1230" s="166">
        <v>0</v>
      </c>
      <c r="M1230" s="166">
        <v>0</v>
      </c>
      <c r="N1230" s="166">
        <v>0</v>
      </c>
      <c r="O1230" s="166">
        <v>0</v>
      </c>
      <c r="P1230" s="166">
        <v>0</v>
      </c>
      <c r="Q1230" s="166">
        <v>0</v>
      </c>
      <c r="R1230" s="166">
        <v>0</v>
      </c>
      <c r="S1230" s="166">
        <v>0</v>
      </c>
      <c r="T1230" s="166">
        <v>0</v>
      </c>
      <c r="U1230" s="166">
        <v>0</v>
      </c>
      <c r="V1230" s="166">
        <v>0</v>
      </c>
      <c r="W1230" s="166">
        <v>0</v>
      </c>
      <c r="X1230" s="166">
        <v>0</v>
      </c>
      <c r="Y1230" s="166">
        <v>0</v>
      </c>
      <c r="Z1230" s="166">
        <v>0</v>
      </c>
      <c r="AA1230" s="166">
        <v>0</v>
      </c>
      <c r="AB1230" s="166">
        <v>0</v>
      </c>
      <c r="AC1230" s="166">
        <v>0</v>
      </c>
      <c r="AD1230" s="166">
        <v>0</v>
      </c>
      <c r="AE1230" s="166">
        <v>0</v>
      </c>
      <c r="AF1230" s="166">
        <v>0</v>
      </c>
      <c r="AG1230" s="166">
        <v>0</v>
      </c>
      <c r="AH1230" s="166">
        <v>0</v>
      </c>
      <c r="AI1230" s="166">
        <v>0</v>
      </c>
      <c r="AJ1230" s="166">
        <v>0</v>
      </c>
      <c r="AK1230" s="166">
        <v>0</v>
      </c>
      <c r="AL1230" s="166">
        <v>0</v>
      </c>
      <c r="AM1230" s="166">
        <v>0</v>
      </c>
      <c r="AN1230" s="166">
        <v>0</v>
      </c>
      <c r="AO1230" s="166">
        <v>0</v>
      </c>
      <c r="AP1230" s="166">
        <v>0</v>
      </c>
      <c r="AQ1230" s="166">
        <v>0</v>
      </c>
      <c r="AR1230" s="166">
        <v>0</v>
      </c>
      <c r="AS1230" s="166">
        <v>0</v>
      </c>
      <c r="AT1230" s="166">
        <v>0</v>
      </c>
      <c r="AU1230" s="166">
        <v>0</v>
      </c>
      <c r="AV1230" s="166">
        <v>0</v>
      </c>
      <c r="AW1230" s="166">
        <v>0</v>
      </c>
      <c r="AX1230" s="166">
        <v>0</v>
      </c>
      <c r="AY1230" s="166">
        <v>0</v>
      </c>
      <c r="AZ1230" s="166">
        <v>0</v>
      </c>
      <c r="BA1230" s="166">
        <v>0</v>
      </c>
      <c r="BB1230" s="166">
        <v>0</v>
      </c>
      <c r="BC1230" s="166">
        <v>0</v>
      </c>
      <c r="BD1230" s="166">
        <v>0</v>
      </c>
      <c r="BE1230" s="166">
        <v>0</v>
      </c>
      <c r="BF1230" s="166">
        <v>0</v>
      </c>
      <c r="BG1230" s="166">
        <v>0</v>
      </c>
      <c r="BH1230" s="166">
        <v>0</v>
      </c>
      <c r="BI1230" s="166">
        <v>0</v>
      </c>
      <c r="BJ1230" s="166">
        <v>0</v>
      </c>
      <c r="BK1230" s="166">
        <v>0</v>
      </c>
      <c r="BL1230" s="166">
        <v>0</v>
      </c>
      <c r="BM1230" s="166">
        <v>0</v>
      </c>
      <c r="BN1230" s="166">
        <v>0</v>
      </c>
      <c r="BO1230" s="166">
        <v>0</v>
      </c>
      <c r="BP1230" s="166">
        <v>0</v>
      </c>
      <c r="BQ1230" s="166">
        <v>0</v>
      </c>
      <c r="BR1230" s="166">
        <v>2.86846167372699E-11</v>
      </c>
      <c r="BS1230" s="166">
        <v>2.86846167372699E-11</v>
      </c>
      <c r="BT1230" s="168">
        <v>0.97633653435224499</v>
      </c>
      <c r="BU1230" s="166">
        <v>0</v>
      </c>
      <c r="BV1230" s="166">
        <v>2.80058392944885E-11</v>
      </c>
      <c r="BW1230" s="166">
        <v>0</v>
      </c>
      <c r="BX1230" s="166">
        <v>0</v>
      </c>
      <c r="BY1230" s="166">
        <v>0</v>
      </c>
      <c r="BZ1230" s="166">
        <v>0</v>
      </c>
      <c r="CA1230" s="166">
        <v>0</v>
      </c>
      <c r="CB1230" s="166">
        <v>0</v>
      </c>
      <c r="CC1230" s="166">
        <v>0</v>
      </c>
      <c r="CD1230" s="166">
        <v>0</v>
      </c>
      <c r="CE1230" s="166">
        <v>0</v>
      </c>
      <c r="CF1230" s="166">
        <v>0</v>
      </c>
      <c r="CG1230" s="166">
        <v>0</v>
      </c>
      <c r="CH1230" s="166">
        <v>0</v>
      </c>
      <c r="CI1230" s="166">
        <v>0</v>
      </c>
      <c r="CJ1230" s="166">
        <v>0</v>
      </c>
      <c r="CK1230" s="166">
        <v>0</v>
      </c>
      <c r="CL1230" s="166">
        <v>0</v>
      </c>
      <c r="CM1230" s="166">
        <v>0</v>
      </c>
      <c r="CN1230" s="166">
        <v>0</v>
      </c>
      <c r="CO1230" s="166">
        <v>0</v>
      </c>
      <c r="CP1230" s="166">
        <v>0</v>
      </c>
      <c r="CQ1230" s="166">
        <v>0</v>
      </c>
      <c r="CR1230" s="166">
        <v>0</v>
      </c>
      <c r="CS1230" s="166">
        <v>0</v>
      </c>
      <c r="CT1230" s="166">
        <v>0</v>
      </c>
      <c r="CU1230" s="166">
        <v>0</v>
      </c>
      <c r="CV1230" s="166">
        <v>0</v>
      </c>
      <c r="CW1230" s="166">
        <v>0</v>
      </c>
      <c r="CX1230" s="166">
        <v>0</v>
      </c>
      <c r="CY1230" s="166">
        <v>2.80058392944885E-11</v>
      </c>
      <c r="CZ1230" s="166">
        <v>2.80058392944885E-11</v>
      </c>
    </row>
    <row r="1231" spans="1:104" x14ac:dyDescent="0.2">
      <c r="A1231" s="167" t="s">
        <v>201</v>
      </c>
      <c r="B1231" s="166">
        <v>8.8681218032241694E-11</v>
      </c>
      <c r="C1231" s="166">
        <v>8.8681218032241694E-11</v>
      </c>
      <c r="D1231" s="166">
        <v>0</v>
      </c>
      <c r="E1231" s="166">
        <v>0</v>
      </c>
      <c r="F1231" s="166">
        <v>0</v>
      </c>
      <c r="G1231" s="166">
        <v>0</v>
      </c>
      <c r="H1231" s="166">
        <v>0</v>
      </c>
      <c r="I1231" s="166">
        <v>0</v>
      </c>
      <c r="J1231" s="166">
        <v>0</v>
      </c>
      <c r="K1231" s="166">
        <v>0</v>
      </c>
      <c r="L1231" s="166">
        <v>0</v>
      </c>
      <c r="M1231" s="166">
        <v>0</v>
      </c>
      <c r="N1231" s="166">
        <v>0</v>
      </c>
      <c r="O1231" s="166">
        <v>0</v>
      </c>
      <c r="P1231" s="166">
        <v>0</v>
      </c>
      <c r="Q1231" s="166">
        <v>0</v>
      </c>
      <c r="R1231" s="166">
        <v>0</v>
      </c>
      <c r="S1231" s="166">
        <v>0</v>
      </c>
      <c r="T1231" s="166">
        <v>0</v>
      </c>
      <c r="U1231" s="166">
        <v>0</v>
      </c>
      <c r="V1231" s="166">
        <v>0</v>
      </c>
      <c r="W1231" s="166">
        <v>0</v>
      </c>
      <c r="X1231" s="166">
        <v>0</v>
      </c>
      <c r="Y1231" s="166">
        <v>0</v>
      </c>
      <c r="Z1231" s="166">
        <v>0</v>
      </c>
      <c r="AA1231" s="166">
        <v>0</v>
      </c>
      <c r="AB1231" s="166">
        <v>0</v>
      </c>
      <c r="AC1231" s="166">
        <v>0</v>
      </c>
      <c r="AD1231" s="166">
        <v>0</v>
      </c>
      <c r="AE1231" s="166">
        <v>0</v>
      </c>
      <c r="AF1231" s="166">
        <v>0</v>
      </c>
      <c r="AG1231" s="166">
        <v>0</v>
      </c>
      <c r="AH1231" s="166">
        <v>0</v>
      </c>
      <c r="AI1231" s="166">
        <v>0</v>
      </c>
      <c r="AJ1231" s="166">
        <v>0</v>
      </c>
      <c r="AK1231" s="166">
        <v>0</v>
      </c>
      <c r="AL1231" s="166">
        <v>0</v>
      </c>
      <c r="AM1231" s="166">
        <v>0</v>
      </c>
      <c r="AN1231" s="166">
        <v>0</v>
      </c>
      <c r="AO1231" s="166">
        <v>0</v>
      </c>
      <c r="AP1231" s="166">
        <v>0</v>
      </c>
      <c r="AQ1231" s="166">
        <v>0</v>
      </c>
      <c r="AR1231" s="166">
        <v>0</v>
      </c>
      <c r="AS1231" s="166">
        <v>0</v>
      </c>
      <c r="AT1231" s="166">
        <v>0</v>
      </c>
      <c r="AU1231" s="166">
        <v>0</v>
      </c>
      <c r="AV1231" s="166">
        <v>0</v>
      </c>
      <c r="AW1231" s="166">
        <v>0</v>
      </c>
      <c r="AX1231" s="166">
        <v>0</v>
      </c>
      <c r="AY1231" s="166">
        <v>0</v>
      </c>
      <c r="AZ1231" s="166">
        <v>0</v>
      </c>
      <c r="BA1231" s="166">
        <v>0</v>
      </c>
      <c r="BB1231" s="166">
        <v>0</v>
      </c>
      <c r="BC1231" s="166">
        <v>0</v>
      </c>
      <c r="BD1231" s="166">
        <v>0</v>
      </c>
      <c r="BE1231" s="166">
        <v>0</v>
      </c>
      <c r="BF1231" s="166">
        <v>0</v>
      </c>
      <c r="BG1231" s="166">
        <v>0</v>
      </c>
      <c r="BH1231" s="166">
        <v>0</v>
      </c>
      <c r="BI1231" s="166">
        <v>0</v>
      </c>
      <c r="BJ1231" s="166">
        <v>0</v>
      </c>
      <c r="BK1231" s="166">
        <v>0</v>
      </c>
      <c r="BL1231" s="166">
        <v>0</v>
      </c>
      <c r="BM1231" s="166">
        <v>0</v>
      </c>
      <c r="BN1231" s="166">
        <v>0</v>
      </c>
      <c r="BO1231" s="166">
        <v>0</v>
      </c>
      <c r="BP1231" s="166">
        <v>0</v>
      </c>
      <c r="BQ1231" s="166">
        <v>0</v>
      </c>
      <c r="BR1231" s="166">
        <v>8.8681218032241694E-11</v>
      </c>
      <c r="BS1231" s="166">
        <v>8.8681218032241694E-11</v>
      </c>
      <c r="BT1231" s="168">
        <v>0.999998128641303</v>
      </c>
      <c r="BU1231" s="166">
        <v>0</v>
      </c>
      <c r="BV1231" s="166">
        <v>8.8681052077873094E-11</v>
      </c>
      <c r="BW1231" s="166">
        <v>0</v>
      </c>
      <c r="BX1231" s="166">
        <v>0</v>
      </c>
      <c r="BY1231" s="166">
        <v>0</v>
      </c>
      <c r="BZ1231" s="166">
        <v>0</v>
      </c>
      <c r="CA1231" s="166">
        <v>0</v>
      </c>
      <c r="CB1231" s="166">
        <v>0</v>
      </c>
      <c r="CC1231" s="166">
        <v>0</v>
      </c>
      <c r="CD1231" s="166">
        <v>0</v>
      </c>
      <c r="CE1231" s="166">
        <v>0</v>
      </c>
      <c r="CF1231" s="166">
        <v>0</v>
      </c>
      <c r="CG1231" s="166">
        <v>0</v>
      </c>
      <c r="CH1231" s="166">
        <v>0</v>
      </c>
      <c r="CI1231" s="166">
        <v>0</v>
      </c>
      <c r="CJ1231" s="166">
        <v>0</v>
      </c>
      <c r="CK1231" s="166">
        <v>0</v>
      </c>
      <c r="CL1231" s="166">
        <v>0</v>
      </c>
      <c r="CM1231" s="166">
        <v>0</v>
      </c>
      <c r="CN1231" s="166">
        <v>0</v>
      </c>
      <c r="CO1231" s="166">
        <v>0</v>
      </c>
      <c r="CP1231" s="166">
        <v>0</v>
      </c>
      <c r="CQ1231" s="166">
        <v>0</v>
      </c>
      <c r="CR1231" s="166">
        <v>0</v>
      </c>
      <c r="CS1231" s="166">
        <v>0</v>
      </c>
      <c r="CT1231" s="166">
        <v>0</v>
      </c>
      <c r="CU1231" s="166">
        <v>0</v>
      </c>
      <c r="CV1231" s="166">
        <v>0</v>
      </c>
      <c r="CW1231" s="166">
        <v>0</v>
      </c>
      <c r="CX1231" s="166">
        <v>0</v>
      </c>
      <c r="CY1231" s="166">
        <v>8.8681052077873094E-11</v>
      </c>
      <c r="CZ1231" s="166">
        <v>8.8681052077873094E-11</v>
      </c>
    </row>
    <row r="1232" spans="1:104" x14ac:dyDescent="0.2">
      <c r="A1232" s="167" t="s">
        <v>202</v>
      </c>
      <c r="B1232" s="166">
        <v>11541239.509999899</v>
      </c>
      <c r="C1232" s="166">
        <v>11541239.509999899</v>
      </c>
      <c r="D1232" s="166">
        <v>0</v>
      </c>
      <c r="E1232" s="166">
        <v>0</v>
      </c>
      <c r="F1232" s="166">
        <v>0</v>
      </c>
      <c r="G1232" s="166">
        <v>0</v>
      </c>
      <c r="H1232" s="166">
        <v>0</v>
      </c>
      <c r="I1232" s="166">
        <v>0</v>
      </c>
      <c r="J1232" s="166">
        <v>0</v>
      </c>
      <c r="K1232" s="166">
        <v>0</v>
      </c>
      <c r="L1232" s="166">
        <v>0</v>
      </c>
      <c r="M1232" s="166">
        <v>0</v>
      </c>
      <c r="N1232" s="166">
        <v>0</v>
      </c>
      <c r="O1232" s="166">
        <v>0</v>
      </c>
      <c r="P1232" s="166">
        <v>0</v>
      </c>
      <c r="Q1232" s="166">
        <v>0</v>
      </c>
      <c r="R1232" s="166">
        <v>0</v>
      </c>
      <c r="S1232" s="166">
        <v>0</v>
      </c>
      <c r="T1232" s="166">
        <v>0</v>
      </c>
      <c r="U1232" s="166">
        <v>0</v>
      </c>
      <c r="V1232" s="166">
        <v>0</v>
      </c>
      <c r="W1232" s="166">
        <v>0</v>
      </c>
      <c r="X1232" s="166">
        <v>0</v>
      </c>
      <c r="Y1232" s="166">
        <v>0</v>
      </c>
      <c r="Z1232" s="166">
        <v>0</v>
      </c>
      <c r="AA1232" s="166">
        <v>0</v>
      </c>
      <c r="AB1232" s="166">
        <v>0</v>
      </c>
      <c r="AC1232" s="166">
        <v>0</v>
      </c>
      <c r="AD1232" s="166">
        <v>0</v>
      </c>
      <c r="AE1232" s="166">
        <v>0</v>
      </c>
      <c r="AF1232" s="166">
        <v>0</v>
      </c>
      <c r="AG1232" s="166">
        <v>0</v>
      </c>
      <c r="AH1232" s="166">
        <v>0</v>
      </c>
      <c r="AI1232" s="166">
        <v>0</v>
      </c>
      <c r="AJ1232" s="166">
        <v>0</v>
      </c>
      <c r="AK1232" s="166">
        <v>0</v>
      </c>
      <c r="AL1232" s="166">
        <v>0</v>
      </c>
      <c r="AM1232" s="166">
        <v>0</v>
      </c>
      <c r="AN1232" s="166">
        <v>0</v>
      </c>
      <c r="AO1232" s="166">
        <v>0</v>
      </c>
      <c r="AP1232" s="166">
        <v>0</v>
      </c>
      <c r="AQ1232" s="166">
        <v>0</v>
      </c>
      <c r="AR1232" s="166">
        <v>0</v>
      </c>
      <c r="AS1232" s="166">
        <v>0</v>
      </c>
      <c r="AT1232" s="166">
        <v>0</v>
      </c>
      <c r="AU1232" s="166">
        <v>0</v>
      </c>
      <c r="AV1232" s="166">
        <v>0</v>
      </c>
      <c r="AW1232" s="166">
        <v>0</v>
      </c>
      <c r="AX1232" s="166">
        <v>0</v>
      </c>
      <c r="AY1232" s="166">
        <v>0</v>
      </c>
      <c r="AZ1232" s="166">
        <v>0</v>
      </c>
      <c r="BA1232" s="166">
        <v>0</v>
      </c>
      <c r="BB1232" s="166">
        <v>0</v>
      </c>
      <c r="BC1232" s="166">
        <v>0</v>
      </c>
      <c r="BD1232" s="166">
        <v>0</v>
      </c>
      <c r="BE1232" s="166">
        <v>0</v>
      </c>
      <c r="BF1232" s="166">
        <v>0</v>
      </c>
      <c r="BG1232" s="166">
        <v>0</v>
      </c>
      <c r="BH1232" s="166">
        <v>0</v>
      </c>
      <c r="BI1232" s="166">
        <v>0</v>
      </c>
      <c r="BJ1232" s="166">
        <v>0</v>
      </c>
      <c r="BK1232" s="166">
        <v>0</v>
      </c>
      <c r="BL1232" s="166">
        <v>0</v>
      </c>
      <c r="BM1232" s="166">
        <v>0</v>
      </c>
      <c r="BN1232" s="166">
        <v>0</v>
      </c>
      <c r="BO1232" s="166">
        <v>0</v>
      </c>
      <c r="BP1232" s="166">
        <v>0</v>
      </c>
      <c r="BQ1232" s="166">
        <v>0</v>
      </c>
      <c r="BR1232" s="166">
        <v>11541239.509999899</v>
      </c>
      <c r="BS1232" s="166">
        <v>11541239.509999899</v>
      </c>
      <c r="BT1232" s="168">
        <v>0.70897047844185501</v>
      </c>
      <c r="BU1232" s="166">
        <v>1249469.2946502401</v>
      </c>
      <c r="BV1232" s="166">
        <v>8182398.0972167496</v>
      </c>
      <c r="BW1232" s="166">
        <v>0</v>
      </c>
      <c r="BX1232" s="166">
        <v>0</v>
      </c>
      <c r="BY1232" s="166">
        <v>0</v>
      </c>
      <c r="BZ1232" s="166">
        <v>0</v>
      </c>
      <c r="CA1232" s="166">
        <v>0</v>
      </c>
      <c r="CB1232" s="166">
        <v>0</v>
      </c>
      <c r="CC1232" s="166">
        <v>0</v>
      </c>
      <c r="CD1232" s="166">
        <v>0</v>
      </c>
      <c r="CE1232" s="166">
        <v>0</v>
      </c>
      <c r="CF1232" s="166">
        <v>0</v>
      </c>
      <c r="CG1232" s="166">
        <v>0</v>
      </c>
      <c r="CH1232" s="166">
        <v>0</v>
      </c>
      <c r="CI1232" s="166">
        <v>0</v>
      </c>
      <c r="CJ1232" s="166">
        <v>0</v>
      </c>
      <c r="CK1232" s="166">
        <v>0</v>
      </c>
      <c r="CL1232" s="166">
        <v>0</v>
      </c>
      <c r="CM1232" s="166">
        <v>0</v>
      </c>
      <c r="CN1232" s="166">
        <v>0</v>
      </c>
      <c r="CO1232" s="166">
        <v>0</v>
      </c>
      <c r="CP1232" s="166">
        <v>0</v>
      </c>
      <c r="CQ1232" s="166">
        <v>0</v>
      </c>
      <c r="CR1232" s="166">
        <v>0</v>
      </c>
      <c r="CS1232" s="166">
        <v>0</v>
      </c>
      <c r="CT1232" s="166">
        <v>0</v>
      </c>
      <c r="CU1232" s="166">
        <v>0</v>
      </c>
      <c r="CV1232" s="166">
        <v>0</v>
      </c>
      <c r="CW1232" s="166">
        <v>0</v>
      </c>
      <c r="CX1232" s="166">
        <v>0</v>
      </c>
      <c r="CY1232" s="166">
        <v>8182398.0972167496</v>
      </c>
      <c r="CZ1232" s="166">
        <v>8182398.0972167496</v>
      </c>
    </row>
    <row r="1233" spans="1:104" x14ac:dyDescent="0.2">
      <c r="A1233" s="167" t="s">
        <v>1073</v>
      </c>
      <c r="B1233" s="166">
        <v>11541239.51</v>
      </c>
      <c r="C1233" s="166">
        <v>11541239.51</v>
      </c>
      <c r="D1233" s="166">
        <v>0</v>
      </c>
      <c r="E1233" s="166">
        <v>0</v>
      </c>
      <c r="F1233" s="166">
        <v>0</v>
      </c>
      <c r="G1233" s="166">
        <v>0</v>
      </c>
      <c r="H1233" s="166">
        <v>0</v>
      </c>
      <c r="I1233" s="166">
        <v>0</v>
      </c>
      <c r="J1233" s="166">
        <v>0</v>
      </c>
      <c r="K1233" s="166">
        <v>0</v>
      </c>
      <c r="L1233" s="166">
        <v>0</v>
      </c>
      <c r="M1233" s="166">
        <v>0</v>
      </c>
      <c r="N1233" s="166">
        <v>0</v>
      </c>
      <c r="O1233" s="166">
        <v>0</v>
      </c>
      <c r="P1233" s="166">
        <v>0</v>
      </c>
      <c r="Q1233" s="166">
        <v>0</v>
      </c>
      <c r="R1233" s="166">
        <v>0</v>
      </c>
      <c r="S1233" s="166">
        <v>0</v>
      </c>
      <c r="T1233" s="166">
        <v>0</v>
      </c>
      <c r="U1233" s="166">
        <v>0</v>
      </c>
      <c r="V1233" s="166">
        <v>0</v>
      </c>
      <c r="W1233" s="166">
        <v>0</v>
      </c>
      <c r="X1233" s="166">
        <v>0</v>
      </c>
      <c r="Y1233" s="166">
        <v>0</v>
      </c>
      <c r="Z1233" s="166">
        <v>0</v>
      </c>
      <c r="AA1233" s="166">
        <v>0</v>
      </c>
      <c r="AB1233" s="166">
        <v>0</v>
      </c>
      <c r="AC1233" s="166">
        <v>0</v>
      </c>
      <c r="AD1233" s="166">
        <v>0</v>
      </c>
      <c r="AE1233" s="166">
        <v>0</v>
      </c>
      <c r="AF1233" s="166">
        <v>0</v>
      </c>
      <c r="AG1233" s="166">
        <v>0</v>
      </c>
      <c r="AH1233" s="166">
        <v>0</v>
      </c>
      <c r="AI1233" s="166">
        <v>0</v>
      </c>
      <c r="AJ1233" s="166">
        <v>0</v>
      </c>
      <c r="AK1233" s="166">
        <v>0</v>
      </c>
      <c r="AL1233" s="166">
        <v>0</v>
      </c>
      <c r="AM1233" s="166">
        <v>0</v>
      </c>
      <c r="AN1233" s="166">
        <v>0</v>
      </c>
      <c r="AO1233" s="166">
        <v>0</v>
      </c>
      <c r="AP1233" s="166">
        <v>0</v>
      </c>
      <c r="AQ1233" s="166">
        <v>0</v>
      </c>
      <c r="AR1233" s="166">
        <v>0</v>
      </c>
      <c r="AS1233" s="166">
        <v>0</v>
      </c>
      <c r="AT1233" s="166">
        <v>0</v>
      </c>
      <c r="AU1233" s="166">
        <v>0</v>
      </c>
      <c r="AV1233" s="166">
        <v>0</v>
      </c>
      <c r="AW1233" s="166">
        <v>0</v>
      </c>
      <c r="AX1233" s="166">
        <v>0</v>
      </c>
      <c r="AY1233" s="166">
        <v>0</v>
      </c>
      <c r="AZ1233" s="166">
        <v>0</v>
      </c>
      <c r="BA1233" s="166">
        <v>0</v>
      </c>
      <c r="BB1233" s="166">
        <v>0</v>
      </c>
      <c r="BC1233" s="166">
        <v>0</v>
      </c>
      <c r="BD1233" s="166">
        <v>0</v>
      </c>
      <c r="BE1233" s="166">
        <v>0</v>
      </c>
      <c r="BF1233" s="166">
        <v>0</v>
      </c>
      <c r="BG1233" s="166">
        <v>0</v>
      </c>
      <c r="BH1233" s="166">
        <v>0</v>
      </c>
      <c r="BI1233" s="166">
        <v>0</v>
      </c>
      <c r="BJ1233" s="166">
        <v>0</v>
      </c>
      <c r="BK1233" s="166">
        <v>0</v>
      </c>
      <c r="BL1233" s="166">
        <v>0</v>
      </c>
      <c r="BM1233" s="166">
        <v>0</v>
      </c>
      <c r="BN1233" s="166">
        <v>0</v>
      </c>
      <c r="BO1233" s="166">
        <v>0</v>
      </c>
      <c r="BP1233" s="166">
        <v>0</v>
      </c>
      <c r="BQ1233" s="166">
        <v>0</v>
      </c>
      <c r="BR1233" s="166">
        <v>11541239.51</v>
      </c>
      <c r="BS1233" s="166">
        <v>11541239.509999899</v>
      </c>
      <c r="BT1233" s="168">
        <v>0</v>
      </c>
      <c r="BU1233" s="166">
        <v>1249469.2946502401</v>
      </c>
      <c r="BV1233" s="166">
        <v>8182398.0972167496</v>
      </c>
      <c r="BW1233" s="166">
        <v>0</v>
      </c>
      <c r="BX1233" s="166">
        <v>0</v>
      </c>
      <c r="BY1233" s="166">
        <v>0</v>
      </c>
      <c r="BZ1233" s="166">
        <v>0</v>
      </c>
      <c r="CA1233" s="166">
        <v>0</v>
      </c>
      <c r="CB1233" s="166">
        <v>0</v>
      </c>
      <c r="CC1233" s="166">
        <v>0</v>
      </c>
      <c r="CD1233" s="166">
        <v>0</v>
      </c>
      <c r="CE1233" s="166">
        <v>0</v>
      </c>
      <c r="CF1233" s="166">
        <v>0</v>
      </c>
      <c r="CG1233" s="166">
        <v>0</v>
      </c>
      <c r="CH1233" s="166">
        <v>0</v>
      </c>
      <c r="CI1233" s="166">
        <v>0</v>
      </c>
      <c r="CJ1233" s="166">
        <v>0</v>
      </c>
      <c r="CK1233" s="166">
        <v>0</v>
      </c>
      <c r="CL1233" s="166">
        <v>0</v>
      </c>
      <c r="CM1233" s="166">
        <v>0</v>
      </c>
      <c r="CN1233" s="166">
        <v>0</v>
      </c>
      <c r="CO1233" s="166">
        <v>0</v>
      </c>
      <c r="CP1233" s="166">
        <v>0</v>
      </c>
      <c r="CQ1233" s="166">
        <v>0</v>
      </c>
      <c r="CR1233" s="166">
        <v>0</v>
      </c>
      <c r="CS1233" s="166">
        <v>0</v>
      </c>
      <c r="CT1233" s="166">
        <v>0</v>
      </c>
      <c r="CU1233" s="166">
        <v>0</v>
      </c>
      <c r="CV1233" s="166">
        <v>0</v>
      </c>
      <c r="CW1233" s="166">
        <v>0</v>
      </c>
      <c r="CX1233" s="166">
        <v>0</v>
      </c>
      <c r="CY1233" s="166">
        <v>8182398.0972167496</v>
      </c>
      <c r="CZ1233" s="166">
        <v>8182398.0972167496</v>
      </c>
    </row>
    <row r="1234" spans="1:104" x14ac:dyDescent="0.2">
      <c r="A1234" s="167" t="s">
        <v>204</v>
      </c>
    </row>
    <row r="1235" spans="1:104" x14ac:dyDescent="0.2">
      <c r="A1235" s="167" t="s">
        <v>1074</v>
      </c>
      <c r="B1235" s="166">
        <v>7865.1124307080199</v>
      </c>
      <c r="C1235" s="166">
        <v>7865.1124307080199</v>
      </c>
      <c r="D1235" s="166">
        <v>0</v>
      </c>
      <c r="E1235" s="166">
        <v>0</v>
      </c>
      <c r="F1235" s="166">
        <v>0</v>
      </c>
      <c r="G1235" s="166">
        <v>0</v>
      </c>
      <c r="H1235" s="166">
        <v>0</v>
      </c>
      <c r="I1235" s="166">
        <v>0</v>
      </c>
      <c r="J1235" s="166">
        <v>0</v>
      </c>
      <c r="K1235" s="166">
        <v>0</v>
      </c>
      <c r="L1235" s="166">
        <v>0</v>
      </c>
      <c r="M1235" s="166">
        <v>0</v>
      </c>
      <c r="N1235" s="166">
        <v>0</v>
      </c>
      <c r="O1235" s="166">
        <v>0</v>
      </c>
      <c r="P1235" s="166">
        <v>0</v>
      </c>
      <c r="Q1235" s="166">
        <v>0</v>
      </c>
      <c r="R1235" s="166">
        <v>0</v>
      </c>
      <c r="S1235" s="166">
        <v>0</v>
      </c>
      <c r="T1235" s="166">
        <v>0</v>
      </c>
      <c r="U1235" s="166">
        <v>0</v>
      </c>
      <c r="V1235" s="166">
        <v>0</v>
      </c>
      <c r="W1235" s="166">
        <v>0</v>
      </c>
      <c r="X1235" s="166">
        <v>0</v>
      </c>
      <c r="Y1235" s="166">
        <v>0</v>
      </c>
      <c r="Z1235" s="166">
        <v>0</v>
      </c>
      <c r="AA1235" s="166">
        <v>0</v>
      </c>
      <c r="AB1235" s="166">
        <v>0</v>
      </c>
      <c r="AC1235" s="166">
        <v>0</v>
      </c>
      <c r="AD1235" s="166">
        <v>0</v>
      </c>
      <c r="AE1235" s="166">
        <v>0</v>
      </c>
      <c r="AF1235" s="166">
        <v>0</v>
      </c>
      <c r="AG1235" s="166">
        <v>0</v>
      </c>
      <c r="AH1235" s="166">
        <v>0</v>
      </c>
      <c r="AI1235" s="166">
        <v>0</v>
      </c>
      <c r="AJ1235" s="166">
        <v>0</v>
      </c>
      <c r="AK1235" s="166">
        <v>0</v>
      </c>
      <c r="AL1235" s="166">
        <v>0</v>
      </c>
      <c r="AM1235" s="166">
        <v>0</v>
      </c>
      <c r="AN1235" s="166">
        <v>0</v>
      </c>
      <c r="AO1235" s="166">
        <v>0</v>
      </c>
      <c r="AP1235" s="166">
        <v>0</v>
      </c>
      <c r="AQ1235" s="166">
        <v>0</v>
      </c>
      <c r="AR1235" s="166">
        <v>0</v>
      </c>
      <c r="AS1235" s="166">
        <v>0</v>
      </c>
      <c r="AT1235" s="166">
        <v>0</v>
      </c>
      <c r="AU1235" s="166">
        <v>0</v>
      </c>
      <c r="AV1235" s="166">
        <v>0</v>
      </c>
      <c r="AW1235" s="166">
        <v>0</v>
      </c>
      <c r="AX1235" s="166">
        <v>0</v>
      </c>
      <c r="AY1235" s="166">
        <v>0</v>
      </c>
      <c r="AZ1235" s="166">
        <v>0</v>
      </c>
      <c r="BA1235" s="166">
        <v>0</v>
      </c>
      <c r="BB1235" s="166">
        <v>0</v>
      </c>
      <c r="BC1235" s="166">
        <v>0</v>
      </c>
      <c r="BD1235" s="166">
        <v>0</v>
      </c>
      <c r="BE1235" s="166">
        <v>0</v>
      </c>
      <c r="BF1235" s="166">
        <v>0</v>
      </c>
      <c r="BG1235" s="166">
        <v>0</v>
      </c>
      <c r="BH1235" s="166">
        <v>0</v>
      </c>
      <c r="BI1235" s="166">
        <v>0</v>
      </c>
      <c r="BJ1235" s="166">
        <v>0</v>
      </c>
      <c r="BK1235" s="166">
        <v>0</v>
      </c>
      <c r="BL1235" s="166">
        <v>0</v>
      </c>
      <c r="BM1235" s="166">
        <v>0</v>
      </c>
      <c r="BN1235" s="166">
        <v>0</v>
      </c>
      <c r="BO1235" s="166">
        <v>0</v>
      </c>
      <c r="BP1235" s="166">
        <v>0</v>
      </c>
      <c r="BQ1235" s="166">
        <v>0</v>
      </c>
      <c r="BR1235" s="166">
        <v>7865.1124307080199</v>
      </c>
      <c r="BS1235" s="166">
        <v>7865.1124307080199</v>
      </c>
      <c r="BT1235" s="168">
        <v>0.999998128641303</v>
      </c>
      <c r="BU1235" s="166">
        <v>93.930510670703299</v>
      </c>
      <c r="BV1235" s="166">
        <v>7865.0977122614704</v>
      </c>
      <c r="BW1235" s="166">
        <v>0</v>
      </c>
      <c r="BX1235" s="166">
        <v>0</v>
      </c>
      <c r="BY1235" s="166">
        <v>0</v>
      </c>
      <c r="BZ1235" s="166">
        <v>0</v>
      </c>
      <c r="CA1235" s="166">
        <v>0</v>
      </c>
      <c r="CB1235" s="166">
        <v>0</v>
      </c>
      <c r="CC1235" s="166">
        <v>0</v>
      </c>
      <c r="CD1235" s="166">
        <v>0</v>
      </c>
      <c r="CE1235" s="166">
        <v>0</v>
      </c>
      <c r="CF1235" s="166">
        <v>0</v>
      </c>
      <c r="CG1235" s="166">
        <v>0</v>
      </c>
      <c r="CH1235" s="166">
        <v>0</v>
      </c>
      <c r="CI1235" s="166">
        <v>0</v>
      </c>
      <c r="CJ1235" s="166">
        <v>0</v>
      </c>
      <c r="CK1235" s="166">
        <v>0</v>
      </c>
      <c r="CL1235" s="166">
        <v>0</v>
      </c>
      <c r="CM1235" s="166">
        <v>0</v>
      </c>
      <c r="CN1235" s="166">
        <v>0</v>
      </c>
      <c r="CO1235" s="166">
        <v>0</v>
      </c>
      <c r="CP1235" s="166">
        <v>0</v>
      </c>
      <c r="CQ1235" s="166">
        <v>0</v>
      </c>
      <c r="CR1235" s="166">
        <v>0</v>
      </c>
      <c r="CS1235" s="166">
        <v>0</v>
      </c>
      <c r="CT1235" s="166">
        <v>0</v>
      </c>
      <c r="CU1235" s="166">
        <v>0</v>
      </c>
      <c r="CV1235" s="166">
        <v>0</v>
      </c>
      <c r="CW1235" s="166">
        <v>0</v>
      </c>
      <c r="CX1235" s="166">
        <v>0</v>
      </c>
      <c r="CY1235" s="166">
        <v>7865.0977122614704</v>
      </c>
      <c r="CZ1235" s="166">
        <v>7865.0977122614704</v>
      </c>
    </row>
    <row r="1236" spans="1:104" x14ac:dyDescent="0.2">
      <c r="A1236" s="167" t="s">
        <v>1075</v>
      </c>
      <c r="B1236" s="166">
        <v>248.66766319184401</v>
      </c>
      <c r="C1236" s="166">
        <v>248.66766319184401</v>
      </c>
      <c r="D1236" s="166">
        <v>0</v>
      </c>
      <c r="E1236" s="166">
        <v>0</v>
      </c>
      <c r="F1236" s="166">
        <v>0</v>
      </c>
      <c r="G1236" s="166">
        <v>0</v>
      </c>
      <c r="H1236" s="166">
        <v>0</v>
      </c>
      <c r="I1236" s="166">
        <v>0</v>
      </c>
      <c r="J1236" s="166">
        <v>0</v>
      </c>
      <c r="K1236" s="166">
        <v>0</v>
      </c>
      <c r="L1236" s="166">
        <v>0</v>
      </c>
      <c r="M1236" s="166">
        <v>0</v>
      </c>
      <c r="N1236" s="166">
        <v>0</v>
      </c>
      <c r="O1236" s="166">
        <v>0</v>
      </c>
      <c r="P1236" s="166">
        <v>0</v>
      </c>
      <c r="Q1236" s="166">
        <v>0</v>
      </c>
      <c r="R1236" s="166">
        <v>0</v>
      </c>
      <c r="S1236" s="166">
        <v>0</v>
      </c>
      <c r="T1236" s="166">
        <v>0</v>
      </c>
      <c r="U1236" s="166">
        <v>0</v>
      </c>
      <c r="V1236" s="166">
        <v>0</v>
      </c>
      <c r="W1236" s="166">
        <v>0</v>
      </c>
      <c r="X1236" s="166">
        <v>0</v>
      </c>
      <c r="Y1236" s="166">
        <v>0</v>
      </c>
      <c r="Z1236" s="166">
        <v>0</v>
      </c>
      <c r="AA1236" s="166">
        <v>0</v>
      </c>
      <c r="AB1236" s="166">
        <v>0</v>
      </c>
      <c r="AC1236" s="166">
        <v>0</v>
      </c>
      <c r="AD1236" s="166">
        <v>0</v>
      </c>
      <c r="AE1236" s="166">
        <v>0</v>
      </c>
      <c r="AF1236" s="166">
        <v>0</v>
      </c>
      <c r="AG1236" s="166">
        <v>0</v>
      </c>
      <c r="AH1236" s="166">
        <v>0</v>
      </c>
      <c r="AI1236" s="166">
        <v>0</v>
      </c>
      <c r="AJ1236" s="166">
        <v>0</v>
      </c>
      <c r="AK1236" s="166">
        <v>0</v>
      </c>
      <c r="AL1236" s="166">
        <v>0</v>
      </c>
      <c r="AM1236" s="166">
        <v>0</v>
      </c>
      <c r="AN1236" s="166">
        <v>0</v>
      </c>
      <c r="AO1236" s="166">
        <v>0</v>
      </c>
      <c r="AP1236" s="166">
        <v>0</v>
      </c>
      <c r="AQ1236" s="166">
        <v>0</v>
      </c>
      <c r="AR1236" s="166">
        <v>0</v>
      </c>
      <c r="AS1236" s="166">
        <v>0</v>
      </c>
      <c r="AT1236" s="166">
        <v>0</v>
      </c>
      <c r="AU1236" s="166">
        <v>0</v>
      </c>
      <c r="AV1236" s="166">
        <v>0</v>
      </c>
      <c r="AW1236" s="166">
        <v>0</v>
      </c>
      <c r="AX1236" s="166">
        <v>0</v>
      </c>
      <c r="AY1236" s="166">
        <v>0</v>
      </c>
      <c r="AZ1236" s="166">
        <v>0</v>
      </c>
      <c r="BA1236" s="166">
        <v>0</v>
      </c>
      <c r="BB1236" s="166">
        <v>0</v>
      </c>
      <c r="BC1236" s="166">
        <v>0</v>
      </c>
      <c r="BD1236" s="166">
        <v>0</v>
      </c>
      <c r="BE1236" s="166">
        <v>0</v>
      </c>
      <c r="BF1236" s="166">
        <v>0</v>
      </c>
      <c r="BG1236" s="166">
        <v>0</v>
      </c>
      <c r="BH1236" s="166">
        <v>0</v>
      </c>
      <c r="BI1236" s="166">
        <v>0</v>
      </c>
      <c r="BJ1236" s="166">
        <v>0</v>
      </c>
      <c r="BK1236" s="166">
        <v>0</v>
      </c>
      <c r="BL1236" s="166">
        <v>0</v>
      </c>
      <c r="BM1236" s="166">
        <v>0</v>
      </c>
      <c r="BN1236" s="166">
        <v>0</v>
      </c>
      <c r="BO1236" s="166">
        <v>0</v>
      </c>
      <c r="BP1236" s="166">
        <v>0</v>
      </c>
      <c r="BQ1236" s="166">
        <v>0</v>
      </c>
      <c r="BR1236" s="166">
        <v>248.66766319184401</v>
      </c>
      <c r="BS1236" s="166">
        <v>248.66766319184401</v>
      </c>
      <c r="BT1236" s="168">
        <v>0.95155251885650005</v>
      </c>
      <c r="BU1236" s="166">
        <v>2.8258859970377199</v>
      </c>
      <c r="BV1236" s="166">
        <v>236.620341268359</v>
      </c>
      <c r="BW1236" s="166">
        <v>0</v>
      </c>
      <c r="BX1236" s="166">
        <v>0</v>
      </c>
      <c r="BY1236" s="166">
        <v>0</v>
      </c>
      <c r="BZ1236" s="166">
        <v>0</v>
      </c>
      <c r="CA1236" s="166">
        <v>0</v>
      </c>
      <c r="CB1236" s="166">
        <v>0</v>
      </c>
      <c r="CC1236" s="166">
        <v>0</v>
      </c>
      <c r="CD1236" s="166">
        <v>0</v>
      </c>
      <c r="CE1236" s="166">
        <v>0</v>
      </c>
      <c r="CF1236" s="166">
        <v>0</v>
      </c>
      <c r="CG1236" s="166">
        <v>0</v>
      </c>
      <c r="CH1236" s="166">
        <v>0</v>
      </c>
      <c r="CI1236" s="166">
        <v>0</v>
      </c>
      <c r="CJ1236" s="166">
        <v>0</v>
      </c>
      <c r="CK1236" s="166">
        <v>0</v>
      </c>
      <c r="CL1236" s="166">
        <v>0</v>
      </c>
      <c r="CM1236" s="166">
        <v>0</v>
      </c>
      <c r="CN1236" s="166">
        <v>0</v>
      </c>
      <c r="CO1236" s="166">
        <v>0</v>
      </c>
      <c r="CP1236" s="166">
        <v>0</v>
      </c>
      <c r="CQ1236" s="166">
        <v>0</v>
      </c>
      <c r="CR1236" s="166">
        <v>0</v>
      </c>
      <c r="CS1236" s="166">
        <v>0</v>
      </c>
      <c r="CT1236" s="166">
        <v>0</v>
      </c>
      <c r="CU1236" s="166">
        <v>0</v>
      </c>
      <c r="CV1236" s="166">
        <v>0</v>
      </c>
      <c r="CW1236" s="166">
        <v>0</v>
      </c>
      <c r="CX1236" s="166">
        <v>0</v>
      </c>
      <c r="CY1236" s="166">
        <v>236.620341268359</v>
      </c>
      <c r="CZ1236" s="166">
        <v>236.620341268359</v>
      </c>
    </row>
    <row r="1237" spans="1:104" x14ac:dyDescent="0.2">
      <c r="A1237" s="167" t="s">
        <v>1076</v>
      </c>
      <c r="B1237" s="166">
        <v>1793.8456114599401</v>
      </c>
      <c r="C1237" s="166">
        <v>1793.8456114599401</v>
      </c>
      <c r="D1237" s="166">
        <v>0</v>
      </c>
      <c r="E1237" s="166">
        <v>0</v>
      </c>
      <c r="F1237" s="166">
        <v>0</v>
      </c>
      <c r="G1237" s="166">
        <v>0</v>
      </c>
      <c r="H1237" s="166">
        <v>0</v>
      </c>
      <c r="I1237" s="166">
        <v>0</v>
      </c>
      <c r="J1237" s="166">
        <v>0</v>
      </c>
      <c r="K1237" s="166">
        <v>0</v>
      </c>
      <c r="L1237" s="166">
        <v>0</v>
      </c>
      <c r="M1237" s="166">
        <v>0</v>
      </c>
      <c r="N1237" s="166">
        <v>0</v>
      </c>
      <c r="O1237" s="166">
        <v>0</v>
      </c>
      <c r="P1237" s="166">
        <v>0</v>
      </c>
      <c r="Q1237" s="166">
        <v>0</v>
      </c>
      <c r="R1237" s="166">
        <v>0</v>
      </c>
      <c r="S1237" s="166">
        <v>0</v>
      </c>
      <c r="T1237" s="166">
        <v>0</v>
      </c>
      <c r="U1237" s="166">
        <v>0</v>
      </c>
      <c r="V1237" s="166">
        <v>0</v>
      </c>
      <c r="W1237" s="166">
        <v>0</v>
      </c>
      <c r="X1237" s="166">
        <v>0</v>
      </c>
      <c r="Y1237" s="166">
        <v>0</v>
      </c>
      <c r="Z1237" s="166">
        <v>0</v>
      </c>
      <c r="AA1237" s="166">
        <v>0</v>
      </c>
      <c r="AB1237" s="166">
        <v>0</v>
      </c>
      <c r="AC1237" s="166">
        <v>0</v>
      </c>
      <c r="AD1237" s="166">
        <v>0</v>
      </c>
      <c r="AE1237" s="166">
        <v>0</v>
      </c>
      <c r="AF1237" s="166">
        <v>0</v>
      </c>
      <c r="AG1237" s="166">
        <v>0</v>
      </c>
      <c r="AH1237" s="166">
        <v>0</v>
      </c>
      <c r="AI1237" s="166">
        <v>0</v>
      </c>
      <c r="AJ1237" s="166">
        <v>0</v>
      </c>
      <c r="AK1237" s="166">
        <v>0</v>
      </c>
      <c r="AL1237" s="166">
        <v>0</v>
      </c>
      <c r="AM1237" s="166">
        <v>0</v>
      </c>
      <c r="AN1237" s="166">
        <v>0</v>
      </c>
      <c r="AO1237" s="166">
        <v>0</v>
      </c>
      <c r="AP1237" s="166">
        <v>0</v>
      </c>
      <c r="AQ1237" s="166">
        <v>0</v>
      </c>
      <c r="AR1237" s="166">
        <v>0</v>
      </c>
      <c r="AS1237" s="166">
        <v>0</v>
      </c>
      <c r="AT1237" s="166">
        <v>0</v>
      </c>
      <c r="AU1237" s="166">
        <v>0</v>
      </c>
      <c r="AV1237" s="166">
        <v>0</v>
      </c>
      <c r="AW1237" s="166">
        <v>0</v>
      </c>
      <c r="AX1237" s="166">
        <v>0</v>
      </c>
      <c r="AY1237" s="166">
        <v>0</v>
      </c>
      <c r="AZ1237" s="166">
        <v>0</v>
      </c>
      <c r="BA1237" s="166">
        <v>0</v>
      </c>
      <c r="BB1237" s="166">
        <v>0</v>
      </c>
      <c r="BC1237" s="166">
        <v>0</v>
      </c>
      <c r="BD1237" s="166">
        <v>0</v>
      </c>
      <c r="BE1237" s="166">
        <v>0</v>
      </c>
      <c r="BF1237" s="166">
        <v>0</v>
      </c>
      <c r="BG1237" s="166">
        <v>0</v>
      </c>
      <c r="BH1237" s="166">
        <v>0</v>
      </c>
      <c r="BI1237" s="166">
        <v>0</v>
      </c>
      <c r="BJ1237" s="166">
        <v>0</v>
      </c>
      <c r="BK1237" s="166">
        <v>0</v>
      </c>
      <c r="BL1237" s="166">
        <v>0</v>
      </c>
      <c r="BM1237" s="166">
        <v>0</v>
      </c>
      <c r="BN1237" s="166">
        <v>0</v>
      </c>
      <c r="BO1237" s="166">
        <v>0</v>
      </c>
      <c r="BP1237" s="166">
        <v>0</v>
      </c>
      <c r="BQ1237" s="166">
        <v>0</v>
      </c>
      <c r="BR1237" s="166">
        <v>1793.8456114599401</v>
      </c>
      <c r="BS1237" s="166">
        <v>1793.8456114599401</v>
      </c>
      <c r="BT1237" s="168">
        <v>0.97633653435224499</v>
      </c>
      <c r="BU1237" s="166">
        <v>20.916410871920601</v>
      </c>
      <c r="BV1237" s="166">
        <v>1751.3970074557899</v>
      </c>
      <c r="BW1237" s="166">
        <v>0</v>
      </c>
      <c r="BX1237" s="166">
        <v>0</v>
      </c>
      <c r="BY1237" s="166">
        <v>0</v>
      </c>
      <c r="BZ1237" s="166">
        <v>0</v>
      </c>
      <c r="CA1237" s="166">
        <v>0</v>
      </c>
      <c r="CB1237" s="166">
        <v>0</v>
      </c>
      <c r="CC1237" s="166">
        <v>0</v>
      </c>
      <c r="CD1237" s="166">
        <v>0</v>
      </c>
      <c r="CE1237" s="166">
        <v>0</v>
      </c>
      <c r="CF1237" s="166">
        <v>0</v>
      </c>
      <c r="CG1237" s="166">
        <v>0</v>
      </c>
      <c r="CH1237" s="166">
        <v>0</v>
      </c>
      <c r="CI1237" s="166">
        <v>0</v>
      </c>
      <c r="CJ1237" s="166">
        <v>0</v>
      </c>
      <c r="CK1237" s="166">
        <v>0</v>
      </c>
      <c r="CL1237" s="166">
        <v>0</v>
      </c>
      <c r="CM1237" s="166">
        <v>0</v>
      </c>
      <c r="CN1237" s="166">
        <v>0</v>
      </c>
      <c r="CO1237" s="166">
        <v>0</v>
      </c>
      <c r="CP1237" s="166">
        <v>0</v>
      </c>
      <c r="CQ1237" s="166">
        <v>0</v>
      </c>
      <c r="CR1237" s="166">
        <v>0</v>
      </c>
      <c r="CS1237" s="166">
        <v>0</v>
      </c>
      <c r="CT1237" s="166">
        <v>0</v>
      </c>
      <c r="CU1237" s="166">
        <v>0</v>
      </c>
      <c r="CV1237" s="166">
        <v>0</v>
      </c>
      <c r="CW1237" s="166">
        <v>0</v>
      </c>
      <c r="CX1237" s="166">
        <v>0</v>
      </c>
      <c r="CY1237" s="166">
        <v>1751.3970074557899</v>
      </c>
      <c r="CZ1237" s="166">
        <v>1751.3970074557899</v>
      </c>
    </row>
    <row r="1238" spans="1:104" x14ac:dyDescent="0.2">
      <c r="A1238" s="167" t="s">
        <v>208</v>
      </c>
      <c r="B1238" s="166">
        <v>5738.5030898752302</v>
      </c>
      <c r="C1238" s="166">
        <v>5738.5030898752302</v>
      </c>
      <c r="D1238" s="166">
        <v>0</v>
      </c>
      <c r="E1238" s="166">
        <v>0</v>
      </c>
      <c r="F1238" s="166">
        <v>0</v>
      </c>
      <c r="G1238" s="166">
        <v>0</v>
      </c>
      <c r="H1238" s="166">
        <v>0</v>
      </c>
      <c r="I1238" s="166">
        <v>0</v>
      </c>
      <c r="J1238" s="166">
        <v>0</v>
      </c>
      <c r="K1238" s="166">
        <v>0</v>
      </c>
      <c r="L1238" s="166">
        <v>0</v>
      </c>
      <c r="M1238" s="166">
        <v>0</v>
      </c>
      <c r="N1238" s="166">
        <v>0</v>
      </c>
      <c r="O1238" s="166">
        <v>0</v>
      </c>
      <c r="P1238" s="166">
        <v>0</v>
      </c>
      <c r="Q1238" s="166">
        <v>0</v>
      </c>
      <c r="R1238" s="166">
        <v>0</v>
      </c>
      <c r="S1238" s="166">
        <v>0</v>
      </c>
      <c r="T1238" s="166">
        <v>0</v>
      </c>
      <c r="U1238" s="166">
        <v>0</v>
      </c>
      <c r="V1238" s="166">
        <v>0</v>
      </c>
      <c r="W1238" s="166">
        <v>0</v>
      </c>
      <c r="X1238" s="166">
        <v>0</v>
      </c>
      <c r="Y1238" s="166">
        <v>0</v>
      </c>
      <c r="Z1238" s="166">
        <v>0</v>
      </c>
      <c r="AA1238" s="166">
        <v>0</v>
      </c>
      <c r="AB1238" s="166">
        <v>0</v>
      </c>
      <c r="AC1238" s="166">
        <v>0</v>
      </c>
      <c r="AD1238" s="166">
        <v>0</v>
      </c>
      <c r="AE1238" s="166">
        <v>0</v>
      </c>
      <c r="AF1238" s="166">
        <v>0</v>
      </c>
      <c r="AG1238" s="166">
        <v>0</v>
      </c>
      <c r="AH1238" s="166">
        <v>0</v>
      </c>
      <c r="AI1238" s="166">
        <v>0</v>
      </c>
      <c r="AJ1238" s="166">
        <v>0</v>
      </c>
      <c r="AK1238" s="166">
        <v>0</v>
      </c>
      <c r="AL1238" s="166">
        <v>0</v>
      </c>
      <c r="AM1238" s="166">
        <v>0</v>
      </c>
      <c r="AN1238" s="166">
        <v>0</v>
      </c>
      <c r="AO1238" s="166">
        <v>0</v>
      </c>
      <c r="AP1238" s="166">
        <v>0</v>
      </c>
      <c r="AQ1238" s="166">
        <v>0</v>
      </c>
      <c r="AR1238" s="166">
        <v>0</v>
      </c>
      <c r="AS1238" s="166">
        <v>0</v>
      </c>
      <c r="AT1238" s="166">
        <v>0</v>
      </c>
      <c r="AU1238" s="166">
        <v>0</v>
      </c>
      <c r="AV1238" s="166">
        <v>0</v>
      </c>
      <c r="AW1238" s="166">
        <v>0</v>
      </c>
      <c r="AX1238" s="166">
        <v>0</v>
      </c>
      <c r="AY1238" s="166">
        <v>0</v>
      </c>
      <c r="AZ1238" s="166">
        <v>0</v>
      </c>
      <c r="BA1238" s="166">
        <v>0</v>
      </c>
      <c r="BB1238" s="166">
        <v>0</v>
      </c>
      <c r="BC1238" s="166">
        <v>0</v>
      </c>
      <c r="BD1238" s="166">
        <v>0</v>
      </c>
      <c r="BE1238" s="166">
        <v>0</v>
      </c>
      <c r="BF1238" s="166">
        <v>0</v>
      </c>
      <c r="BG1238" s="166">
        <v>0</v>
      </c>
      <c r="BH1238" s="166">
        <v>0</v>
      </c>
      <c r="BI1238" s="166">
        <v>0</v>
      </c>
      <c r="BJ1238" s="166">
        <v>0</v>
      </c>
      <c r="BK1238" s="166">
        <v>0</v>
      </c>
      <c r="BL1238" s="166">
        <v>0</v>
      </c>
      <c r="BM1238" s="166">
        <v>0</v>
      </c>
      <c r="BN1238" s="166">
        <v>0</v>
      </c>
      <c r="BO1238" s="166">
        <v>0</v>
      </c>
      <c r="BP1238" s="166">
        <v>0</v>
      </c>
      <c r="BQ1238" s="166">
        <v>0</v>
      </c>
      <c r="BR1238" s="166">
        <v>5738.5030898752302</v>
      </c>
      <c r="BS1238" s="166">
        <v>5738.5030898752302</v>
      </c>
      <c r="BT1238" s="168">
        <v>0.999998128641303</v>
      </c>
      <c r="BU1238" s="166">
        <v>68.533098600456498</v>
      </c>
      <c r="BV1238" s="166">
        <v>5738.4923510775598</v>
      </c>
      <c r="BW1238" s="166">
        <v>0</v>
      </c>
      <c r="BX1238" s="166">
        <v>0</v>
      </c>
      <c r="BY1238" s="166">
        <v>0</v>
      </c>
      <c r="BZ1238" s="166">
        <v>0</v>
      </c>
      <c r="CA1238" s="166">
        <v>0</v>
      </c>
      <c r="CB1238" s="166">
        <v>0</v>
      </c>
      <c r="CC1238" s="166">
        <v>0</v>
      </c>
      <c r="CD1238" s="166">
        <v>0</v>
      </c>
      <c r="CE1238" s="166">
        <v>0</v>
      </c>
      <c r="CF1238" s="166">
        <v>0</v>
      </c>
      <c r="CG1238" s="166">
        <v>0</v>
      </c>
      <c r="CH1238" s="166">
        <v>0</v>
      </c>
      <c r="CI1238" s="166">
        <v>0</v>
      </c>
      <c r="CJ1238" s="166">
        <v>0</v>
      </c>
      <c r="CK1238" s="166">
        <v>0</v>
      </c>
      <c r="CL1238" s="166">
        <v>0</v>
      </c>
      <c r="CM1238" s="166">
        <v>0</v>
      </c>
      <c r="CN1238" s="166">
        <v>0</v>
      </c>
      <c r="CO1238" s="166">
        <v>0</v>
      </c>
      <c r="CP1238" s="166">
        <v>0</v>
      </c>
      <c r="CQ1238" s="166">
        <v>0</v>
      </c>
      <c r="CR1238" s="166">
        <v>0</v>
      </c>
      <c r="CS1238" s="166">
        <v>0</v>
      </c>
      <c r="CT1238" s="166">
        <v>0</v>
      </c>
      <c r="CU1238" s="166">
        <v>0</v>
      </c>
      <c r="CV1238" s="166">
        <v>0</v>
      </c>
      <c r="CW1238" s="166">
        <v>0</v>
      </c>
      <c r="CX1238" s="166">
        <v>0</v>
      </c>
      <c r="CY1238" s="166">
        <v>5738.4923510775598</v>
      </c>
      <c r="CZ1238" s="166">
        <v>5738.4923510775598</v>
      </c>
    </row>
    <row r="1239" spans="1:104" x14ac:dyDescent="0.2">
      <c r="A1239" s="167" t="s">
        <v>209</v>
      </c>
      <c r="B1239" s="166">
        <v>4505.07175072883</v>
      </c>
      <c r="C1239" s="166">
        <v>4505.07175072883</v>
      </c>
      <c r="D1239" s="166">
        <v>0</v>
      </c>
      <c r="E1239" s="166">
        <v>0</v>
      </c>
      <c r="F1239" s="166">
        <v>0</v>
      </c>
      <c r="G1239" s="166">
        <v>0</v>
      </c>
      <c r="H1239" s="166">
        <v>0</v>
      </c>
      <c r="I1239" s="166">
        <v>0</v>
      </c>
      <c r="J1239" s="166">
        <v>0</v>
      </c>
      <c r="K1239" s="166">
        <v>0</v>
      </c>
      <c r="L1239" s="166">
        <v>0</v>
      </c>
      <c r="M1239" s="166">
        <v>0</v>
      </c>
      <c r="N1239" s="166">
        <v>0</v>
      </c>
      <c r="O1239" s="166">
        <v>0</v>
      </c>
      <c r="P1239" s="166">
        <v>0</v>
      </c>
      <c r="Q1239" s="166">
        <v>0</v>
      </c>
      <c r="R1239" s="166">
        <v>0</v>
      </c>
      <c r="S1239" s="166">
        <v>0</v>
      </c>
      <c r="T1239" s="166">
        <v>0</v>
      </c>
      <c r="U1239" s="166">
        <v>0</v>
      </c>
      <c r="V1239" s="166">
        <v>0</v>
      </c>
      <c r="W1239" s="166">
        <v>0</v>
      </c>
      <c r="X1239" s="166">
        <v>0</v>
      </c>
      <c r="Y1239" s="166">
        <v>0</v>
      </c>
      <c r="Z1239" s="166">
        <v>0</v>
      </c>
      <c r="AA1239" s="166">
        <v>0</v>
      </c>
      <c r="AB1239" s="166">
        <v>0</v>
      </c>
      <c r="AC1239" s="166">
        <v>0</v>
      </c>
      <c r="AD1239" s="166">
        <v>0</v>
      </c>
      <c r="AE1239" s="166">
        <v>0</v>
      </c>
      <c r="AF1239" s="166">
        <v>0</v>
      </c>
      <c r="AG1239" s="166">
        <v>0</v>
      </c>
      <c r="AH1239" s="166">
        <v>0</v>
      </c>
      <c r="AI1239" s="166">
        <v>0</v>
      </c>
      <c r="AJ1239" s="166">
        <v>0</v>
      </c>
      <c r="AK1239" s="166">
        <v>0</v>
      </c>
      <c r="AL1239" s="166">
        <v>0</v>
      </c>
      <c r="AM1239" s="166">
        <v>0</v>
      </c>
      <c r="AN1239" s="166">
        <v>0</v>
      </c>
      <c r="AO1239" s="166">
        <v>0</v>
      </c>
      <c r="AP1239" s="166">
        <v>0</v>
      </c>
      <c r="AQ1239" s="166">
        <v>0</v>
      </c>
      <c r="AR1239" s="166">
        <v>0</v>
      </c>
      <c r="AS1239" s="166">
        <v>0</v>
      </c>
      <c r="AT1239" s="166">
        <v>0</v>
      </c>
      <c r="AU1239" s="166">
        <v>0</v>
      </c>
      <c r="AV1239" s="166">
        <v>0</v>
      </c>
      <c r="AW1239" s="166">
        <v>0</v>
      </c>
      <c r="AX1239" s="166">
        <v>0</v>
      </c>
      <c r="AY1239" s="166">
        <v>0</v>
      </c>
      <c r="AZ1239" s="166">
        <v>0</v>
      </c>
      <c r="BA1239" s="166">
        <v>0</v>
      </c>
      <c r="BB1239" s="166">
        <v>0</v>
      </c>
      <c r="BC1239" s="166">
        <v>0</v>
      </c>
      <c r="BD1239" s="166">
        <v>0</v>
      </c>
      <c r="BE1239" s="166">
        <v>0</v>
      </c>
      <c r="BF1239" s="166">
        <v>0</v>
      </c>
      <c r="BG1239" s="166">
        <v>0</v>
      </c>
      <c r="BH1239" s="166">
        <v>0</v>
      </c>
      <c r="BI1239" s="166">
        <v>0</v>
      </c>
      <c r="BJ1239" s="166">
        <v>0</v>
      </c>
      <c r="BK1239" s="166">
        <v>0</v>
      </c>
      <c r="BL1239" s="166">
        <v>0</v>
      </c>
      <c r="BM1239" s="166">
        <v>0</v>
      </c>
      <c r="BN1239" s="166">
        <v>0</v>
      </c>
      <c r="BO1239" s="166">
        <v>0</v>
      </c>
      <c r="BP1239" s="166">
        <v>0</v>
      </c>
      <c r="BQ1239" s="166">
        <v>0</v>
      </c>
      <c r="BR1239" s="166">
        <v>4505.07175072883</v>
      </c>
      <c r="BS1239" s="166">
        <v>4505.07175072883</v>
      </c>
      <c r="BT1239" s="166">
        <v>1000</v>
      </c>
      <c r="BU1239" s="166">
        <v>53.802725107205902</v>
      </c>
      <c r="BV1239" s="166">
        <v>4505.07175072883</v>
      </c>
      <c r="BW1239" s="166">
        <v>0</v>
      </c>
      <c r="BX1239" s="166">
        <v>0</v>
      </c>
      <c r="BY1239" s="166">
        <v>0</v>
      </c>
      <c r="BZ1239" s="166">
        <v>0</v>
      </c>
      <c r="CA1239" s="166">
        <v>0</v>
      </c>
      <c r="CB1239" s="166">
        <v>0</v>
      </c>
      <c r="CC1239" s="166">
        <v>0</v>
      </c>
      <c r="CD1239" s="166">
        <v>0</v>
      </c>
      <c r="CE1239" s="166">
        <v>0</v>
      </c>
      <c r="CF1239" s="166">
        <v>0</v>
      </c>
      <c r="CG1239" s="166">
        <v>0</v>
      </c>
      <c r="CH1239" s="166">
        <v>0</v>
      </c>
      <c r="CI1239" s="166">
        <v>0</v>
      </c>
      <c r="CJ1239" s="166">
        <v>0</v>
      </c>
      <c r="CK1239" s="166">
        <v>0</v>
      </c>
      <c r="CL1239" s="166">
        <v>0</v>
      </c>
      <c r="CM1239" s="166">
        <v>0</v>
      </c>
      <c r="CN1239" s="166">
        <v>0</v>
      </c>
      <c r="CO1239" s="166">
        <v>0</v>
      </c>
      <c r="CP1239" s="166">
        <v>0</v>
      </c>
      <c r="CQ1239" s="166">
        <v>0</v>
      </c>
      <c r="CR1239" s="166">
        <v>0</v>
      </c>
      <c r="CS1239" s="166">
        <v>0</v>
      </c>
      <c r="CT1239" s="166">
        <v>0</v>
      </c>
      <c r="CU1239" s="166">
        <v>0</v>
      </c>
      <c r="CV1239" s="166">
        <v>0</v>
      </c>
      <c r="CW1239" s="166">
        <v>0</v>
      </c>
      <c r="CX1239" s="166">
        <v>0</v>
      </c>
      <c r="CY1239" s="166">
        <v>4505.07175072883</v>
      </c>
      <c r="CZ1239" s="166">
        <v>4505.07175072883</v>
      </c>
    </row>
    <row r="1240" spans="1:104" x14ac:dyDescent="0.2">
      <c r="A1240" s="167" t="s">
        <v>1077</v>
      </c>
      <c r="B1240" s="166">
        <v>634104.82945403596</v>
      </c>
      <c r="C1240" s="166">
        <v>634104.82945403596</v>
      </c>
      <c r="D1240" s="166">
        <v>0</v>
      </c>
      <c r="E1240" s="166">
        <v>0</v>
      </c>
      <c r="F1240" s="166">
        <v>0</v>
      </c>
      <c r="G1240" s="166">
        <v>0</v>
      </c>
      <c r="H1240" s="166">
        <v>0</v>
      </c>
      <c r="I1240" s="166">
        <v>0</v>
      </c>
      <c r="J1240" s="166">
        <v>0</v>
      </c>
      <c r="K1240" s="166">
        <v>0</v>
      </c>
      <c r="L1240" s="166">
        <v>0</v>
      </c>
      <c r="M1240" s="166">
        <v>0</v>
      </c>
      <c r="N1240" s="166">
        <v>0</v>
      </c>
      <c r="O1240" s="166">
        <v>0</v>
      </c>
      <c r="P1240" s="166">
        <v>0</v>
      </c>
      <c r="Q1240" s="166">
        <v>0</v>
      </c>
      <c r="R1240" s="166">
        <v>0</v>
      </c>
      <c r="S1240" s="166">
        <v>0</v>
      </c>
      <c r="T1240" s="166">
        <v>0</v>
      </c>
      <c r="U1240" s="166">
        <v>0</v>
      </c>
      <c r="V1240" s="166">
        <v>0</v>
      </c>
      <c r="W1240" s="166">
        <v>0</v>
      </c>
      <c r="X1240" s="166">
        <v>0</v>
      </c>
      <c r="Y1240" s="166">
        <v>0</v>
      </c>
      <c r="Z1240" s="166">
        <v>0</v>
      </c>
      <c r="AA1240" s="166">
        <v>0</v>
      </c>
      <c r="AB1240" s="166">
        <v>0</v>
      </c>
      <c r="AC1240" s="166">
        <v>0</v>
      </c>
      <c r="AD1240" s="166">
        <v>0</v>
      </c>
      <c r="AE1240" s="166">
        <v>0</v>
      </c>
      <c r="AF1240" s="166">
        <v>0</v>
      </c>
      <c r="AG1240" s="166">
        <v>0</v>
      </c>
      <c r="AH1240" s="166">
        <v>0</v>
      </c>
      <c r="AI1240" s="166">
        <v>0</v>
      </c>
      <c r="AJ1240" s="166">
        <v>0</v>
      </c>
      <c r="AK1240" s="166">
        <v>0</v>
      </c>
      <c r="AL1240" s="166">
        <v>0</v>
      </c>
      <c r="AM1240" s="166">
        <v>0</v>
      </c>
      <c r="AN1240" s="166">
        <v>0</v>
      </c>
      <c r="AO1240" s="166">
        <v>0</v>
      </c>
      <c r="AP1240" s="166">
        <v>0</v>
      </c>
      <c r="AQ1240" s="166">
        <v>0</v>
      </c>
      <c r="AR1240" s="166">
        <v>0</v>
      </c>
      <c r="AS1240" s="166">
        <v>0</v>
      </c>
      <c r="AT1240" s="166">
        <v>0</v>
      </c>
      <c r="AU1240" s="166">
        <v>0</v>
      </c>
      <c r="AV1240" s="166">
        <v>0</v>
      </c>
      <c r="AW1240" s="166">
        <v>0</v>
      </c>
      <c r="AX1240" s="166">
        <v>0</v>
      </c>
      <c r="AY1240" s="166">
        <v>0</v>
      </c>
      <c r="AZ1240" s="166">
        <v>0</v>
      </c>
      <c r="BA1240" s="166">
        <v>0</v>
      </c>
      <c r="BB1240" s="166">
        <v>0</v>
      </c>
      <c r="BC1240" s="166">
        <v>0</v>
      </c>
      <c r="BD1240" s="166">
        <v>0</v>
      </c>
      <c r="BE1240" s="166">
        <v>0</v>
      </c>
      <c r="BF1240" s="166">
        <v>0</v>
      </c>
      <c r="BG1240" s="166">
        <v>0</v>
      </c>
      <c r="BH1240" s="166">
        <v>0</v>
      </c>
      <c r="BI1240" s="166">
        <v>0</v>
      </c>
      <c r="BJ1240" s="166">
        <v>0</v>
      </c>
      <c r="BK1240" s="166">
        <v>0</v>
      </c>
      <c r="BL1240" s="166">
        <v>0</v>
      </c>
      <c r="BM1240" s="166">
        <v>0</v>
      </c>
      <c r="BN1240" s="166">
        <v>0</v>
      </c>
      <c r="BO1240" s="166">
        <v>0</v>
      </c>
      <c r="BP1240" s="166">
        <v>0</v>
      </c>
      <c r="BQ1240" s="166">
        <v>0</v>
      </c>
      <c r="BR1240" s="166">
        <v>634104.82945403596</v>
      </c>
      <c r="BS1240" s="166">
        <v>634104.82945403596</v>
      </c>
      <c r="BT1240" s="168">
        <v>0.70897047844185501</v>
      </c>
      <c r="BU1240" s="166">
        <v>5596.82581540313</v>
      </c>
      <c r="BV1240" s="166">
        <v>449561.60432031902</v>
      </c>
      <c r="BW1240" s="166">
        <v>0</v>
      </c>
      <c r="BX1240" s="166">
        <v>0</v>
      </c>
      <c r="BY1240" s="166">
        <v>0</v>
      </c>
      <c r="BZ1240" s="166">
        <v>0</v>
      </c>
      <c r="CA1240" s="166">
        <v>0</v>
      </c>
      <c r="CB1240" s="166">
        <v>0</v>
      </c>
      <c r="CC1240" s="166">
        <v>0</v>
      </c>
      <c r="CD1240" s="166">
        <v>0</v>
      </c>
      <c r="CE1240" s="166">
        <v>0</v>
      </c>
      <c r="CF1240" s="166">
        <v>0</v>
      </c>
      <c r="CG1240" s="166">
        <v>0</v>
      </c>
      <c r="CH1240" s="166">
        <v>0</v>
      </c>
      <c r="CI1240" s="166">
        <v>0</v>
      </c>
      <c r="CJ1240" s="166">
        <v>0</v>
      </c>
      <c r="CK1240" s="166">
        <v>0</v>
      </c>
      <c r="CL1240" s="166">
        <v>0</v>
      </c>
      <c r="CM1240" s="166">
        <v>0</v>
      </c>
      <c r="CN1240" s="166">
        <v>0</v>
      </c>
      <c r="CO1240" s="166">
        <v>0</v>
      </c>
      <c r="CP1240" s="166">
        <v>0</v>
      </c>
      <c r="CQ1240" s="166">
        <v>0</v>
      </c>
      <c r="CR1240" s="166">
        <v>0</v>
      </c>
      <c r="CS1240" s="166">
        <v>0</v>
      </c>
      <c r="CT1240" s="166">
        <v>0</v>
      </c>
      <c r="CU1240" s="166">
        <v>0</v>
      </c>
      <c r="CV1240" s="166">
        <v>0</v>
      </c>
      <c r="CW1240" s="166">
        <v>0</v>
      </c>
      <c r="CX1240" s="166">
        <v>0</v>
      </c>
      <c r="CY1240" s="166">
        <v>449561.60432031902</v>
      </c>
      <c r="CZ1240" s="166">
        <v>449561.60432031902</v>
      </c>
    </row>
    <row r="1241" spans="1:104" x14ac:dyDescent="0.2">
      <c r="A1241" s="167" t="s">
        <v>1078</v>
      </c>
      <c r="B1241" s="166">
        <v>654256.03</v>
      </c>
      <c r="C1241" s="166">
        <v>654256.03</v>
      </c>
      <c r="D1241" s="166">
        <v>0</v>
      </c>
      <c r="E1241" s="166">
        <v>0</v>
      </c>
      <c r="F1241" s="166">
        <v>0</v>
      </c>
      <c r="G1241" s="166">
        <v>0</v>
      </c>
      <c r="H1241" s="166">
        <v>0</v>
      </c>
      <c r="I1241" s="166">
        <v>0</v>
      </c>
      <c r="J1241" s="166">
        <v>0</v>
      </c>
      <c r="K1241" s="166">
        <v>0</v>
      </c>
      <c r="L1241" s="166">
        <v>0</v>
      </c>
      <c r="M1241" s="166">
        <v>0</v>
      </c>
      <c r="N1241" s="166">
        <v>0</v>
      </c>
      <c r="O1241" s="166">
        <v>0</v>
      </c>
      <c r="P1241" s="166">
        <v>0</v>
      </c>
      <c r="Q1241" s="166">
        <v>0</v>
      </c>
      <c r="R1241" s="166">
        <v>0</v>
      </c>
      <c r="S1241" s="166">
        <v>0</v>
      </c>
      <c r="T1241" s="166">
        <v>0</v>
      </c>
      <c r="U1241" s="166">
        <v>0</v>
      </c>
      <c r="V1241" s="166">
        <v>0</v>
      </c>
      <c r="W1241" s="166">
        <v>0</v>
      </c>
      <c r="X1241" s="166">
        <v>0</v>
      </c>
      <c r="Y1241" s="166">
        <v>0</v>
      </c>
      <c r="Z1241" s="166">
        <v>0</v>
      </c>
      <c r="AA1241" s="166">
        <v>0</v>
      </c>
      <c r="AB1241" s="166">
        <v>0</v>
      </c>
      <c r="AC1241" s="166">
        <v>0</v>
      </c>
      <c r="AD1241" s="166">
        <v>0</v>
      </c>
      <c r="AE1241" s="166">
        <v>0</v>
      </c>
      <c r="AF1241" s="166">
        <v>0</v>
      </c>
      <c r="AG1241" s="166">
        <v>0</v>
      </c>
      <c r="AH1241" s="166">
        <v>0</v>
      </c>
      <c r="AI1241" s="166">
        <v>0</v>
      </c>
      <c r="AJ1241" s="166">
        <v>0</v>
      </c>
      <c r="AK1241" s="166">
        <v>0</v>
      </c>
      <c r="AL1241" s="166">
        <v>0</v>
      </c>
      <c r="AM1241" s="166">
        <v>0</v>
      </c>
      <c r="AN1241" s="166">
        <v>0</v>
      </c>
      <c r="AO1241" s="166">
        <v>0</v>
      </c>
      <c r="AP1241" s="166">
        <v>0</v>
      </c>
      <c r="AQ1241" s="166">
        <v>0</v>
      </c>
      <c r="AR1241" s="166">
        <v>0</v>
      </c>
      <c r="AS1241" s="166">
        <v>0</v>
      </c>
      <c r="AT1241" s="166">
        <v>0</v>
      </c>
      <c r="AU1241" s="166">
        <v>0</v>
      </c>
      <c r="AV1241" s="166">
        <v>0</v>
      </c>
      <c r="AW1241" s="166">
        <v>0</v>
      </c>
      <c r="AX1241" s="166">
        <v>0</v>
      </c>
      <c r="AY1241" s="166">
        <v>0</v>
      </c>
      <c r="AZ1241" s="166">
        <v>0</v>
      </c>
      <c r="BA1241" s="166">
        <v>0</v>
      </c>
      <c r="BB1241" s="166">
        <v>0</v>
      </c>
      <c r="BC1241" s="166">
        <v>0</v>
      </c>
      <c r="BD1241" s="166">
        <v>0</v>
      </c>
      <c r="BE1241" s="166">
        <v>0</v>
      </c>
      <c r="BF1241" s="166">
        <v>0</v>
      </c>
      <c r="BG1241" s="166">
        <v>0</v>
      </c>
      <c r="BH1241" s="166">
        <v>0</v>
      </c>
      <c r="BI1241" s="166">
        <v>0</v>
      </c>
      <c r="BJ1241" s="166">
        <v>0</v>
      </c>
      <c r="BK1241" s="166">
        <v>0</v>
      </c>
      <c r="BL1241" s="166">
        <v>0</v>
      </c>
      <c r="BM1241" s="166">
        <v>0</v>
      </c>
      <c r="BN1241" s="166">
        <v>0</v>
      </c>
      <c r="BO1241" s="166">
        <v>0</v>
      </c>
      <c r="BP1241" s="166">
        <v>0</v>
      </c>
      <c r="BQ1241" s="166">
        <v>0</v>
      </c>
      <c r="BR1241" s="166">
        <v>654256.03</v>
      </c>
      <c r="BS1241" s="166">
        <v>654256.03</v>
      </c>
      <c r="BT1241" s="168">
        <v>0</v>
      </c>
      <c r="BU1241" s="166">
        <v>5836.8344466504604</v>
      </c>
      <c r="BV1241" s="166">
        <v>469658.28348311101</v>
      </c>
      <c r="BW1241" s="166">
        <v>0</v>
      </c>
      <c r="BX1241" s="166">
        <v>0</v>
      </c>
      <c r="BY1241" s="166">
        <v>0</v>
      </c>
      <c r="BZ1241" s="166">
        <v>0</v>
      </c>
      <c r="CA1241" s="166">
        <v>0</v>
      </c>
      <c r="CB1241" s="166">
        <v>0</v>
      </c>
      <c r="CC1241" s="166">
        <v>0</v>
      </c>
      <c r="CD1241" s="166">
        <v>0</v>
      </c>
      <c r="CE1241" s="166">
        <v>0</v>
      </c>
      <c r="CF1241" s="166">
        <v>0</v>
      </c>
      <c r="CG1241" s="166">
        <v>0</v>
      </c>
      <c r="CH1241" s="166">
        <v>0</v>
      </c>
      <c r="CI1241" s="166">
        <v>0</v>
      </c>
      <c r="CJ1241" s="166">
        <v>0</v>
      </c>
      <c r="CK1241" s="166">
        <v>0</v>
      </c>
      <c r="CL1241" s="166">
        <v>0</v>
      </c>
      <c r="CM1241" s="166">
        <v>0</v>
      </c>
      <c r="CN1241" s="166">
        <v>0</v>
      </c>
      <c r="CO1241" s="166">
        <v>0</v>
      </c>
      <c r="CP1241" s="166">
        <v>0</v>
      </c>
      <c r="CQ1241" s="166">
        <v>0</v>
      </c>
      <c r="CR1241" s="166">
        <v>0</v>
      </c>
      <c r="CS1241" s="166">
        <v>0</v>
      </c>
      <c r="CT1241" s="166">
        <v>0</v>
      </c>
      <c r="CU1241" s="166">
        <v>0</v>
      </c>
      <c r="CV1241" s="166">
        <v>0</v>
      </c>
      <c r="CW1241" s="166">
        <v>0</v>
      </c>
      <c r="CX1241" s="166">
        <v>0</v>
      </c>
      <c r="CY1241" s="166">
        <v>469658.28348311101</v>
      </c>
      <c r="CZ1241" s="166">
        <v>469658.28348311101</v>
      </c>
    </row>
    <row r="1242" spans="1:104" x14ac:dyDescent="0.2">
      <c r="A1242" s="167" t="s">
        <v>212</v>
      </c>
    </row>
    <row r="1243" spans="1:104" x14ac:dyDescent="0.2">
      <c r="A1243" s="167" t="s">
        <v>213</v>
      </c>
      <c r="B1243" s="166">
        <v>12570.078016199899</v>
      </c>
      <c r="C1243" s="166">
        <v>12570.078016199899</v>
      </c>
      <c r="D1243" s="166">
        <v>0</v>
      </c>
      <c r="E1243" s="166">
        <v>0</v>
      </c>
      <c r="F1243" s="166">
        <v>0</v>
      </c>
      <c r="G1243" s="166">
        <v>0</v>
      </c>
      <c r="H1243" s="166">
        <v>0</v>
      </c>
      <c r="I1243" s="166">
        <v>0</v>
      </c>
      <c r="J1243" s="166">
        <v>0</v>
      </c>
      <c r="K1243" s="166">
        <v>0</v>
      </c>
      <c r="L1243" s="166">
        <v>0</v>
      </c>
      <c r="M1243" s="166">
        <v>0</v>
      </c>
      <c r="N1243" s="166">
        <v>0</v>
      </c>
      <c r="O1243" s="166">
        <v>0</v>
      </c>
      <c r="P1243" s="166">
        <v>0</v>
      </c>
      <c r="Q1243" s="166">
        <v>0</v>
      </c>
      <c r="R1243" s="166">
        <v>0</v>
      </c>
      <c r="S1243" s="166">
        <v>0</v>
      </c>
      <c r="T1243" s="166">
        <v>0</v>
      </c>
      <c r="U1243" s="166">
        <v>0</v>
      </c>
      <c r="V1243" s="166">
        <v>0</v>
      </c>
      <c r="W1243" s="166">
        <v>0</v>
      </c>
      <c r="X1243" s="166">
        <v>0</v>
      </c>
      <c r="Y1243" s="166">
        <v>0</v>
      </c>
      <c r="Z1243" s="166">
        <v>0</v>
      </c>
      <c r="AA1243" s="166">
        <v>0</v>
      </c>
      <c r="AB1243" s="166">
        <v>0</v>
      </c>
      <c r="AC1243" s="166">
        <v>0</v>
      </c>
      <c r="AD1243" s="166">
        <v>0</v>
      </c>
      <c r="AE1243" s="166">
        <v>0</v>
      </c>
      <c r="AF1243" s="166">
        <v>0</v>
      </c>
      <c r="AG1243" s="166">
        <v>0</v>
      </c>
      <c r="AH1243" s="166">
        <v>0</v>
      </c>
      <c r="AI1243" s="166">
        <v>0</v>
      </c>
      <c r="AJ1243" s="166">
        <v>0</v>
      </c>
      <c r="AK1243" s="166">
        <v>0</v>
      </c>
      <c r="AL1243" s="166">
        <v>0</v>
      </c>
      <c r="AM1243" s="166">
        <v>0</v>
      </c>
      <c r="AN1243" s="166">
        <v>0</v>
      </c>
      <c r="AO1243" s="166">
        <v>0</v>
      </c>
      <c r="AP1243" s="166">
        <v>0</v>
      </c>
      <c r="AQ1243" s="166">
        <v>0</v>
      </c>
      <c r="AR1243" s="166">
        <v>0</v>
      </c>
      <c r="AS1243" s="166">
        <v>0</v>
      </c>
      <c r="AT1243" s="166">
        <v>0</v>
      </c>
      <c r="AU1243" s="166">
        <v>0</v>
      </c>
      <c r="AV1243" s="166">
        <v>0</v>
      </c>
      <c r="AW1243" s="166">
        <v>0</v>
      </c>
      <c r="AX1243" s="166">
        <v>0</v>
      </c>
      <c r="AY1243" s="166">
        <v>0</v>
      </c>
      <c r="AZ1243" s="166">
        <v>0</v>
      </c>
      <c r="BA1243" s="166">
        <v>0</v>
      </c>
      <c r="BB1243" s="166">
        <v>0</v>
      </c>
      <c r="BC1243" s="166">
        <v>0</v>
      </c>
      <c r="BD1243" s="166">
        <v>0</v>
      </c>
      <c r="BE1243" s="166">
        <v>0</v>
      </c>
      <c r="BF1243" s="166">
        <v>0</v>
      </c>
      <c r="BG1243" s="166">
        <v>0</v>
      </c>
      <c r="BH1243" s="166">
        <v>0</v>
      </c>
      <c r="BI1243" s="166">
        <v>0</v>
      </c>
      <c r="BJ1243" s="166">
        <v>0</v>
      </c>
      <c r="BK1243" s="166">
        <v>0</v>
      </c>
      <c r="BL1243" s="166">
        <v>0</v>
      </c>
      <c r="BM1243" s="166">
        <v>0</v>
      </c>
      <c r="BN1243" s="166">
        <v>0</v>
      </c>
      <c r="BO1243" s="166">
        <v>0</v>
      </c>
      <c r="BP1243" s="166">
        <v>0</v>
      </c>
      <c r="BQ1243" s="166">
        <v>0</v>
      </c>
      <c r="BR1243" s="166">
        <v>12570.078016199899</v>
      </c>
      <c r="BS1243" s="166">
        <v>12570.078016199899</v>
      </c>
      <c r="BT1243" s="166">
        <v>999.99812864130297</v>
      </c>
      <c r="BU1243" s="166">
        <v>870.29037825970704</v>
      </c>
      <c r="BV1243" s="166">
        <v>12570.054493075</v>
      </c>
      <c r="BW1243" s="166">
        <v>0</v>
      </c>
      <c r="BX1243" s="166">
        <v>0</v>
      </c>
      <c r="BY1243" s="166">
        <v>0</v>
      </c>
      <c r="BZ1243" s="166">
        <v>0</v>
      </c>
      <c r="CA1243" s="166">
        <v>0</v>
      </c>
      <c r="CB1243" s="166">
        <v>0</v>
      </c>
      <c r="CC1243" s="166">
        <v>0</v>
      </c>
      <c r="CD1243" s="166">
        <v>0</v>
      </c>
      <c r="CE1243" s="166">
        <v>0</v>
      </c>
      <c r="CF1243" s="166">
        <v>0</v>
      </c>
      <c r="CG1243" s="166">
        <v>0</v>
      </c>
      <c r="CH1243" s="166">
        <v>0</v>
      </c>
      <c r="CI1243" s="166">
        <v>0</v>
      </c>
      <c r="CJ1243" s="166">
        <v>0</v>
      </c>
      <c r="CK1243" s="166">
        <v>0</v>
      </c>
      <c r="CL1243" s="166">
        <v>0</v>
      </c>
      <c r="CM1243" s="166">
        <v>0</v>
      </c>
      <c r="CN1243" s="166">
        <v>0</v>
      </c>
      <c r="CO1243" s="166">
        <v>0</v>
      </c>
      <c r="CP1243" s="166">
        <v>0</v>
      </c>
      <c r="CQ1243" s="166">
        <v>0</v>
      </c>
      <c r="CR1243" s="166">
        <v>0</v>
      </c>
      <c r="CS1243" s="166">
        <v>0</v>
      </c>
      <c r="CT1243" s="166">
        <v>0</v>
      </c>
      <c r="CU1243" s="166">
        <v>0</v>
      </c>
      <c r="CV1243" s="166">
        <v>0</v>
      </c>
      <c r="CW1243" s="166">
        <v>0</v>
      </c>
      <c r="CX1243" s="166">
        <v>0</v>
      </c>
      <c r="CY1243" s="166">
        <v>12570.054493075</v>
      </c>
      <c r="CZ1243" s="166">
        <v>12570.054493075</v>
      </c>
    </row>
    <row r="1244" spans="1:104" x14ac:dyDescent="0.2">
      <c r="A1244" s="167" t="s">
        <v>214</v>
      </c>
      <c r="B1244" s="166">
        <v>397.42240863888401</v>
      </c>
      <c r="C1244" s="166">
        <v>397.42240863888401</v>
      </c>
      <c r="D1244" s="166">
        <v>0</v>
      </c>
      <c r="E1244" s="166">
        <v>0</v>
      </c>
      <c r="F1244" s="166">
        <v>0</v>
      </c>
      <c r="G1244" s="166">
        <v>0</v>
      </c>
      <c r="H1244" s="166">
        <v>0</v>
      </c>
      <c r="I1244" s="166">
        <v>0</v>
      </c>
      <c r="J1244" s="166">
        <v>0</v>
      </c>
      <c r="K1244" s="166">
        <v>0</v>
      </c>
      <c r="L1244" s="166">
        <v>0</v>
      </c>
      <c r="M1244" s="166">
        <v>0</v>
      </c>
      <c r="N1244" s="166">
        <v>0</v>
      </c>
      <c r="O1244" s="166">
        <v>0</v>
      </c>
      <c r="P1244" s="166">
        <v>0</v>
      </c>
      <c r="Q1244" s="166">
        <v>0</v>
      </c>
      <c r="R1244" s="166">
        <v>0</v>
      </c>
      <c r="S1244" s="166">
        <v>0</v>
      </c>
      <c r="T1244" s="166">
        <v>0</v>
      </c>
      <c r="U1244" s="166">
        <v>0</v>
      </c>
      <c r="V1244" s="166">
        <v>0</v>
      </c>
      <c r="W1244" s="166">
        <v>0</v>
      </c>
      <c r="X1244" s="166">
        <v>0</v>
      </c>
      <c r="Y1244" s="166">
        <v>0</v>
      </c>
      <c r="Z1244" s="166">
        <v>0</v>
      </c>
      <c r="AA1244" s="166">
        <v>0</v>
      </c>
      <c r="AB1244" s="166">
        <v>0</v>
      </c>
      <c r="AC1244" s="166">
        <v>0</v>
      </c>
      <c r="AD1244" s="166">
        <v>0</v>
      </c>
      <c r="AE1244" s="166">
        <v>0</v>
      </c>
      <c r="AF1244" s="166">
        <v>0</v>
      </c>
      <c r="AG1244" s="166">
        <v>0</v>
      </c>
      <c r="AH1244" s="166">
        <v>0</v>
      </c>
      <c r="AI1244" s="166">
        <v>0</v>
      </c>
      <c r="AJ1244" s="166">
        <v>0</v>
      </c>
      <c r="AK1244" s="166">
        <v>0</v>
      </c>
      <c r="AL1244" s="166">
        <v>0</v>
      </c>
      <c r="AM1244" s="166">
        <v>0</v>
      </c>
      <c r="AN1244" s="166">
        <v>0</v>
      </c>
      <c r="AO1244" s="166">
        <v>0</v>
      </c>
      <c r="AP1244" s="166">
        <v>0</v>
      </c>
      <c r="AQ1244" s="166">
        <v>0</v>
      </c>
      <c r="AR1244" s="166">
        <v>0</v>
      </c>
      <c r="AS1244" s="166">
        <v>0</v>
      </c>
      <c r="AT1244" s="166">
        <v>0</v>
      </c>
      <c r="AU1244" s="166">
        <v>0</v>
      </c>
      <c r="AV1244" s="166">
        <v>0</v>
      </c>
      <c r="AW1244" s="166">
        <v>0</v>
      </c>
      <c r="AX1244" s="166">
        <v>0</v>
      </c>
      <c r="AY1244" s="166">
        <v>0</v>
      </c>
      <c r="AZ1244" s="166">
        <v>0</v>
      </c>
      <c r="BA1244" s="166">
        <v>0</v>
      </c>
      <c r="BB1244" s="166">
        <v>0</v>
      </c>
      <c r="BC1244" s="166">
        <v>0</v>
      </c>
      <c r="BD1244" s="166">
        <v>0</v>
      </c>
      <c r="BE1244" s="166">
        <v>0</v>
      </c>
      <c r="BF1244" s="166">
        <v>0</v>
      </c>
      <c r="BG1244" s="166">
        <v>0</v>
      </c>
      <c r="BH1244" s="166">
        <v>0</v>
      </c>
      <c r="BI1244" s="166">
        <v>0</v>
      </c>
      <c r="BJ1244" s="166">
        <v>0</v>
      </c>
      <c r="BK1244" s="166">
        <v>0</v>
      </c>
      <c r="BL1244" s="166">
        <v>0</v>
      </c>
      <c r="BM1244" s="166">
        <v>0</v>
      </c>
      <c r="BN1244" s="166">
        <v>0</v>
      </c>
      <c r="BO1244" s="166">
        <v>0</v>
      </c>
      <c r="BP1244" s="166">
        <v>0</v>
      </c>
      <c r="BQ1244" s="166">
        <v>0</v>
      </c>
      <c r="BR1244" s="166">
        <v>397.42240863888401</v>
      </c>
      <c r="BS1244" s="166">
        <v>397.42240863888401</v>
      </c>
      <c r="BT1244" s="166">
        <v>951.5525188565</v>
      </c>
      <c r="BU1244" s="166">
        <v>26.182561722703699</v>
      </c>
      <c r="BV1244" s="166">
        <v>378.16829399034702</v>
      </c>
      <c r="BW1244" s="166">
        <v>0</v>
      </c>
      <c r="BX1244" s="166">
        <v>0</v>
      </c>
      <c r="BY1244" s="166">
        <v>0</v>
      </c>
      <c r="BZ1244" s="166">
        <v>0</v>
      </c>
      <c r="CA1244" s="166">
        <v>0</v>
      </c>
      <c r="CB1244" s="166">
        <v>0</v>
      </c>
      <c r="CC1244" s="166">
        <v>0</v>
      </c>
      <c r="CD1244" s="166">
        <v>0</v>
      </c>
      <c r="CE1244" s="166">
        <v>0</v>
      </c>
      <c r="CF1244" s="166">
        <v>0</v>
      </c>
      <c r="CG1244" s="166">
        <v>0</v>
      </c>
      <c r="CH1244" s="166">
        <v>0</v>
      </c>
      <c r="CI1244" s="166">
        <v>0</v>
      </c>
      <c r="CJ1244" s="166">
        <v>0</v>
      </c>
      <c r="CK1244" s="166">
        <v>0</v>
      </c>
      <c r="CL1244" s="166">
        <v>0</v>
      </c>
      <c r="CM1244" s="166">
        <v>0</v>
      </c>
      <c r="CN1244" s="166">
        <v>0</v>
      </c>
      <c r="CO1244" s="166">
        <v>0</v>
      </c>
      <c r="CP1244" s="166">
        <v>0</v>
      </c>
      <c r="CQ1244" s="166">
        <v>0</v>
      </c>
      <c r="CR1244" s="166">
        <v>0</v>
      </c>
      <c r="CS1244" s="166">
        <v>0</v>
      </c>
      <c r="CT1244" s="166">
        <v>0</v>
      </c>
      <c r="CU1244" s="166">
        <v>0</v>
      </c>
      <c r="CV1244" s="166">
        <v>0</v>
      </c>
      <c r="CW1244" s="166">
        <v>0</v>
      </c>
      <c r="CX1244" s="166">
        <v>0</v>
      </c>
      <c r="CY1244" s="166">
        <v>378.16829399034702</v>
      </c>
      <c r="CZ1244" s="166">
        <v>378.16829399034702</v>
      </c>
    </row>
    <row r="1245" spans="1:104" x14ac:dyDescent="0.2">
      <c r="A1245" s="167" t="s">
        <v>215</v>
      </c>
      <c r="B1245" s="166">
        <v>2866.9366755688602</v>
      </c>
      <c r="C1245" s="166">
        <v>2866.9366755688602</v>
      </c>
      <c r="D1245" s="166">
        <v>0</v>
      </c>
      <c r="E1245" s="166">
        <v>0</v>
      </c>
      <c r="F1245" s="166">
        <v>0</v>
      </c>
      <c r="G1245" s="166">
        <v>0</v>
      </c>
      <c r="H1245" s="166">
        <v>0</v>
      </c>
      <c r="I1245" s="166">
        <v>0</v>
      </c>
      <c r="J1245" s="166">
        <v>0</v>
      </c>
      <c r="K1245" s="166">
        <v>0</v>
      </c>
      <c r="L1245" s="166">
        <v>0</v>
      </c>
      <c r="M1245" s="166">
        <v>0</v>
      </c>
      <c r="N1245" s="166">
        <v>0</v>
      </c>
      <c r="O1245" s="166">
        <v>0</v>
      </c>
      <c r="P1245" s="166">
        <v>0</v>
      </c>
      <c r="Q1245" s="166">
        <v>0</v>
      </c>
      <c r="R1245" s="166">
        <v>0</v>
      </c>
      <c r="S1245" s="166">
        <v>0</v>
      </c>
      <c r="T1245" s="166">
        <v>0</v>
      </c>
      <c r="U1245" s="166">
        <v>0</v>
      </c>
      <c r="V1245" s="166">
        <v>0</v>
      </c>
      <c r="W1245" s="166">
        <v>0</v>
      </c>
      <c r="X1245" s="166">
        <v>0</v>
      </c>
      <c r="Y1245" s="166">
        <v>0</v>
      </c>
      <c r="Z1245" s="166">
        <v>0</v>
      </c>
      <c r="AA1245" s="166">
        <v>0</v>
      </c>
      <c r="AB1245" s="166">
        <v>0</v>
      </c>
      <c r="AC1245" s="166">
        <v>0</v>
      </c>
      <c r="AD1245" s="166">
        <v>0</v>
      </c>
      <c r="AE1245" s="166">
        <v>0</v>
      </c>
      <c r="AF1245" s="166">
        <v>0</v>
      </c>
      <c r="AG1245" s="166">
        <v>0</v>
      </c>
      <c r="AH1245" s="166">
        <v>0</v>
      </c>
      <c r="AI1245" s="166">
        <v>0</v>
      </c>
      <c r="AJ1245" s="166">
        <v>0</v>
      </c>
      <c r="AK1245" s="166">
        <v>0</v>
      </c>
      <c r="AL1245" s="166">
        <v>0</v>
      </c>
      <c r="AM1245" s="166">
        <v>0</v>
      </c>
      <c r="AN1245" s="166">
        <v>0</v>
      </c>
      <c r="AO1245" s="166">
        <v>0</v>
      </c>
      <c r="AP1245" s="166">
        <v>0</v>
      </c>
      <c r="AQ1245" s="166">
        <v>0</v>
      </c>
      <c r="AR1245" s="166">
        <v>0</v>
      </c>
      <c r="AS1245" s="166">
        <v>0</v>
      </c>
      <c r="AT1245" s="166">
        <v>0</v>
      </c>
      <c r="AU1245" s="166">
        <v>0</v>
      </c>
      <c r="AV1245" s="166">
        <v>0</v>
      </c>
      <c r="AW1245" s="166">
        <v>0</v>
      </c>
      <c r="AX1245" s="166">
        <v>0</v>
      </c>
      <c r="AY1245" s="166">
        <v>0</v>
      </c>
      <c r="AZ1245" s="166">
        <v>0</v>
      </c>
      <c r="BA1245" s="166">
        <v>0</v>
      </c>
      <c r="BB1245" s="166">
        <v>0</v>
      </c>
      <c r="BC1245" s="166">
        <v>0</v>
      </c>
      <c r="BD1245" s="166">
        <v>0</v>
      </c>
      <c r="BE1245" s="166">
        <v>0</v>
      </c>
      <c r="BF1245" s="166">
        <v>0</v>
      </c>
      <c r="BG1245" s="166">
        <v>0</v>
      </c>
      <c r="BH1245" s="166">
        <v>0</v>
      </c>
      <c r="BI1245" s="166">
        <v>0</v>
      </c>
      <c r="BJ1245" s="166">
        <v>0</v>
      </c>
      <c r="BK1245" s="166">
        <v>0</v>
      </c>
      <c r="BL1245" s="166">
        <v>0</v>
      </c>
      <c r="BM1245" s="166">
        <v>0</v>
      </c>
      <c r="BN1245" s="166">
        <v>0</v>
      </c>
      <c r="BO1245" s="166">
        <v>0</v>
      </c>
      <c r="BP1245" s="166">
        <v>0</v>
      </c>
      <c r="BQ1245" s="166">
        <v>0</v>
      </c>
      <c r="BR1245" s="166">
        <v>2866.9366755688602</v>
      </c>
      <c r="BS1245" s="166">
        <v>2866.9366755688602</v>
      </c>
      <c r="BT1245" s="166">
        <v>976.33653435224505</v>
      </c>
      <c r="BU1245" s="166">
        <v>193.79593488398601</v>
      </c>
      <c r="BV1245" s="166">
        <v>2799.0950180322402</v>
      </c>
      <c r="BW1245" s="166">
        <v>0</v>
      </c>
      <c r="BX1245" s="166">
        <v>0</v>
      </c>
      <c r="BY1245" s="166">
        <v>0</v>
      </c>
      <c r="BZ1245" s="166">
        <v>0</v>
      </c>
      <c r="CA1245" s="166">
        <v>0</v>
      </c>
      <c r="CB1245" s="166">
        <v>0</v>
      </c>
      <c r="CC1245" s="166">
        <v>0</v>
      </c>
      <c r="CD1245" s="166">
        <v>0</v>
      </c>
      <c r="CE1245" s="166">
        <v>0</v>
      </c>
      <c r="CF1245" s="166">
        <v>0</v>
      </c>
      <c r="CG1245" s="166">
        <v>0</v>
      </c>
      <c r="CH1245" s="166">
        <v>0</v>
      </c>
      <c r="CI1245" s="166">
        <v>0</v>
      </c>
      <c r="CJ1245" s="166">
        <v>0</v>
      </c>
      <c r="CK1245" s="166">
        <v>0</v>
      </c>
      <c r="CL1245" s="166">
        <v>0</v>
      </c>
      <c r="CM1245" s="166">
        <v>0</v>
      </c>
      <c r="CN1245" s="166">
        <v>0</v>
      </c>
      <c r="CO1245" s="166">
        <v>0</v>
      </c>
      <c r="CP1245" s="166">
        <v>0</v>
      </c>
      <c r="CQ1245" s="166">
        <v>0</v>
      </c>
      <c r="CR1245" s="166">
        <v>0</v>
      </c>
      <c r="CS1245" s="166">
        <v>0</v>
      </c>
      <c r="CT1245" s="166">
        <v>0</v>
      </c>
      <c r="CU1245" s="166">
        <v>0</v>
      </c>
      <c r="CV1245" s="166">
        <v>0</v>
      </c>
      <c r="CW1245" s="166">
        <v>0</v>
      </c>
      <c r="CX1245" s="166">
        <v>0</v>
      </c>
      <c r="CY1245" s="166">
        <v>2799.0950180322402</v>
      </c>
      <c r="CZ1245" s="166">
        <v>2799.0950180322402</v>
      </c>
    </row>
    <row r="1246" spans="1:104" x14ac:dyDescent="0.2">
      <c r="A1246" s="167" t="s">
        <v>216</v>
      </c>
      <c r="B1246" s="166">
        <v>9171.3160074232201</v>
      </c>
      <c r="C1246" s="166">
        <v>9171.3160074232201</v>
      </c>
      <c r="D1246" s="166">
        <v>0</v>
      </c>
      <c r="E1246" s="166">
        <v>0</v>
      </c>
      <c r="F1246" s="166">
        <v>0</v>
      </c>
      <c r="G1246" s="166">
        <v>0</v>
      </c>
      <c r="H1246" s="166">
        <v>0</v>
      </c>
      <c r="I1246" s="166">
        <v>0</v>
      </c>
      <c r="J1246" s="166">
        <v>0</v>
      </c>
      <c r="K1246" s="166">
        <v>0</v>
      </c>
      <c r="L1246" s="166">
        <v>0</v>
      </c>
      <c r="M1246" s="166">
        <v>0</v>
      </c>
      <c r="N1246" s="166">
        <v>0</v>
      </c>
      <c r="O1246" s="166">
        <v>0</v>
      </c>
      <c r="P1246" s="166">
        <v>0</v>
      </c>
      <c r="Q1246" s="166">
        <v>0</v>
      </c>
      <c r="R1246" s="166">
        <v>0</v>
      </c>
      <c r="S1246" s="166">
        <v>0</v>
      </c>
      <c r="T1246" s="166">
        <v>0</v>
      </c>
      <c r="U1246" s="166">
        <v>0</v>
      </c>
      <c r="V1246" s="166">
        <v>0</v>
      </c>
      <c r="W1246" s="166">
        <v>0</v>
      </c>
      <c r="X1246" s="166">
        <v>0</v>
      </c>
      <c r="Y1246" s="166">
        <v>0</v>
      </c>
      <c r="Z1246" s="166">
        <v>0</v>
      </c>
      <c r="AA1246" s="166">
        <v>0</v>
      </c>
      <c r="AB1246" s="166">
        <v>0</v>
      </c>
      <c r="AC1246" s="166">
        <v>0</v>
      </c>
      <c r="AD1246" s="166">
        <v>0</v>
      </c>
      <c r="AE1246" s="166">
        <v>0</v>
      </c>
      <c r="AF1246" s="166">
        <v>0</v>
      </c>
      <c r="AG1246" s="166">
        <v>0</v>
      </c>
      <c r="AH1246" s="166">
        <v>0</v>
      </c>
      <c r="AI1246" s="166">
        <v>0</v>
      </c>
      <c r="AJ1246" s="166">
        <v>0</v>
      </c>
      <c r="AK1246" s="166">
        <v>0</v>
      </c>
      <c r="AL1246" s="166">
        <v>0</v>
      </c>
      <c r="AM1246" s="166">
        <v>0</v>
      </c>
      <c r="AN1246" s="166">
        <v>0</v>
      </c>
      <c r="AO1246" s="166">
        <v>0</v>
      </c>
      <c r="AP1246" s="166">
        <v>0</v>
      </c>
      <c r="AQ1246" s="166">
        <v>0</v>
      </c>
      <c r="AR1246" s="166">
        <v>0</v>
      </c>
      <c r="AS1246" s="166">
        <v>0</v>
      </c>
      <c r="AT1246" s="166">
        <v>0</v>
      </c>
      <c r="AU1246" s="166">
        <v>0</v>
      </c>
      <c r="AV1246" s="166">
        <v>0</v>
      </c>
      <c r="AW1246" s="166">
        <v>0</v>
      </c>
      <c r="AX1246" s="166">
        <v>0</v>
      </c>
      <c r="AY1246" s="166">
        <v>0</v>
      </c>
      <c r="AZ1246" s="166">
        <v>0</v>
      </c>
      <c r="BA1246" s="166">
        <v>0</v>
      </c>
      <c r="BB1246" s="166">
        <v>0</v>
      </c>
      <c r="BC1246" s="166">
        <v>0</v>
      </c>
      <c r="BD1246" s="166">
        <v>0</v>
      </c>
      <c r="BE1246" s="166">
        <v>0</v>
      </c>
      <c r="BF1246" s="166">
        <v>0</v>
      </c>
      <c r="BG1246" s="166">
        <v>0</v>
      </c>
      <c r="BH1246" s="166">
        <v>0</v>
      </c>
      <c r="BI1246" s="166">
        <v>0</v>
      </c>
      <c r="BJ1246" s="166">
        <v>0</v>
      </c>
      <c r="BK1246" s="166">
        <v>0</v>
      </c>
      <c r="BL1246" s="166">
        <v>0</v>
      </c>
      <c r="BM1246" s="166">
        <v>0</v>
      </c>
      <c r="BN1246" s="166">
        <v>0</v>
      </c>
      <c r="BO1246" s="166">
        <v>0</v>
      </c>
      <c r="BP1246" s="166">
        <v>0</v>
      </c>
      <c r="BQ1246" s="166">
        <v>0</v>
      </c>
      <c r="BR1246" s="166">
        <v>9171.3160074232201</v>
      </c>
      <c r="BS1246" s="166">
        <v>9171.3160074232201</v>
      </c>
      <c r="BT1246" s="166">
        <v>999.99812864130297</v>
      </c>
      <c r="BU1246" s="166">
        <v>634.97681294842403</v>
      </c>
      <c r="BV1246" s="166">
        <v>9171.2988446012496</v>
      </c>
      <c r="BW1246" s="166">
        <v>0</v>
      </c>
      <c r="BX1246" s="166">
        <v>0</v>
      </c>
      <c r="BY1246" s="166">
        <v>0</v>
      </c>
      <c r="BZ1246" s="166">
        <v>0</v>
      </c>
      <c r="CA1246" s="166">
        <v>0</v>
      </c>
      <c r="CB1246" s="166">
        <v>0</v>
      </c>
      <c r="CC1246" s="166">
        <v>0</v>
      </c>
      <c r="CD1246" s="166">
        <v>0</v>
      </c>
      <c r="CE1246" s="166">
        <v>0</v>
      </c>
      <c r="CF1246" s="166">
        <v>0</v>
      </c>
      <c r="CG1246" s="166">
        <v>0</v>
      </c>
      <c r="CH1246" s="166">
        <v>0</v>
      </c>
      <c r="CI1246" s="166">
        <v>0</v>
      </c>
      <c r="CJ1246" s="166">
        <v>0</v>
      </c>
      <c r="CK1246" s="166">
        <v>0</v>
      </c>
      <c r="CL1246" s="166">
        <v>0</v>
      </c>
      <c r="CM1246" s="166">
        <v>0</v>
      </c>
      <c r="CN1246" s="166">
        <v>0</v>
      </c>
      <c r="CO1246" s="166">
        <v>0</v>
      </c>
      <c r="CP1246" s="166">
        <v>0</v>
      </c>
      <c r="CQ1246" s="166">
        <v>0</v>
      </c>
      <c r="CR1246" s="166">
        <v>0</v>
      </c>
      <c r="CS1246" s="166">
        <v>0</v>
      </c>
      <c r="CT1246" s="166">
        <v>0</v>
      </c>
      <c r="CU1246" s="166">
        <v>0</v>
      </c>
      <c r="CV1246" s="166">
        <v>0</v>
      </c>
      <c r="CW1246" s="166">
        <v>0</v>
      </c>
      <c r="CX1246" s="166">
        <v>0</v>
      </c>
      <c r="CY1246" s="166">
        <v>9171.2988446012496</v>
      </c>
      <c r="CZ1246" s="166">
        <v>9171.2988446012496</v>
      </c>
    </row>
    <row r="1247" spans="1:104" x14ac:dyDescent="0.2">
      <c r="A1247" s="167" t="s">
        <v>217</v>
      </c>
      <c r="B1247" s="166">
        <v>7200.0373642646</v>
      </c>
      <c r="C1247" s="166">
        <v>7200.0373642646</v>
      </c>
      <c r="D1247" s="166">
        <v>0</v>
      </c>
      <c r="E1247" s="166">
        <v>0</v>
      </c>
      <c r="F1247" s="166">
        <v>0</v>
      </c>
      <c r="G1247" s="166">
        <v>0</v>
      </c>
      <c r="H1247" s="166">
        <v>0</v>
      </c>
      <c r="I1247" s="166">
        <v>0</v>
      </c>
      <c r="J1247" s="166">
        <v>0</v>
      </c>
      <c r="K1247" s="166">
        <v>0</v>
      </c>
      <c r="L1247" s="166">
        <v>0</v>
      </c>
      <c r="M1247" s="166">
        <v>0</v>
      </c>
      <c r="N1247" s="166">
        <v>0</v>
      </c>
      <c r="O1247" s="166">
        <v>0</v>
      </c>
      <c r="P1247" s="166">
        <v>0</v>
      </c>
      <c r="Q1247" s="166">
        <v>0</v>
      </c>
      <c r="R1247" s="166">
        <v>0</v>
      </c>
      <c r="S1247" s="166">
        <v>0</v>
      </c>
      <c r="T1247" s="166">
        <v>0</v>
      </c>
      <c r="U1247" s="166">
        <v>0</v>
      </c>
      <c r="V1247" s="166">
        <v>0</v>
      </c>
      <c r="W1247" s="166">
        <v>0</v>
      </c>
      <c r="X1247" s="166">
        <v>0</v>
      </c>
      <c r="Y1247" s="166">
        <v>0</v>
      </c>
      <c r="Z1247" s="166">
        <v>0</v>
      </c>
      <c r="AA1247" s="166">
        <v>0</v>
      </c>
      <c r="AB1247" s="166">
        <v>0</v>
      </c>
      <c r="AC1247" s="166">
        <v>0</v>
      </c>
      <c r="AD1247" s="166">
        <v>0</v>
      </c>
      <c r="AE1247" s="166">
        <v>0</v>
      </c>
      <c r="AF1247" s="166">
        <v>0</v>
      </c>
      <c r="AG1247" s="166">
        <v>0</v>
      </c>
      <c r="AH1247" s="166">
        <v>0</v>
      </c>
      <c r="AI1247" s="166">
        <v>0</v>
      </c>
      <c r="AJ1247" s="166">
        <v>0</v>
      </c>
      <c r="AK1247" s="166">
        <v>0</v>
      </c>
      <c r="AL1247" s="166">
        <v>0</v>
      </c>
      <c r="AM1247" s="166">
        <v>0</v>
      </c>
      <c r="AN1247" s="166">
        <v>0</v>
      </c>
      <c r="AO1247" s="166">
        <v>0</v>
      </c>
      <c r="AP1247" s="166">
        <v>0</v>
      </c>
      <c r="AQ1247" s="166">
        <v>0</v>
      </c>
      <c r="AR1247" s="166">
        <v>0</v>
      </c>
      <c r="AS1247" s="166">
        <v>0</v>
      </c>
      <c r="AT1247" s="166">
        <v>0</v>
      </c>
      <c r="AU1247" s="166">
        <v>0</v>
      </c>
      <c r="AV1247" s="166">
        <v>0</v>
      </c>
      <c r="AW1247" s="166">
        <v>0</v>
      </c>
      <c r="AX1247" s="166">
        <v>0</v>
      </c>
      <c r="AY1247" s="166">
        <v>0</v>
      </c>
      <c r="AZ1247" s="166">
        <v>0</v>
      </c>
      <c r="BA1247" s="166">
        <v>0</v>
      </c>
      <c r="BB1247" s="166">
        <v>0</v>
      </c>
      <c r="BC1247" s="166">
        <v>0</v>
      </c>
      <c r="BD1247" s="166">
        <v>0</v>
      </c>
      <c r="BE1247" s="166">
        <v>0</v>
      </c>
      <c r="BF1247" s="166">
        <v>0</v>
      </c>
      <c r="BG1247" s="166">
        <v>0</v>
      </c>
      <c r="BH1247" s="166">
        <v>0</v>
      </c>
      <c r="BI1247" s="166">
        <v>0</v>
      </c>
      <c r="BJ1247" s="166">
        <v>0</v>
      </c>
      <c r="BK1247" s="166">
        <v>0</v>
      </c>
      <c r="BL1247" s="166">
        <v>0</v>
      </c>
      <c r="BM1247" s="166">
        <v>0</v>
      </c>
      <c r="BN1247" s="166">
        <v>0</v>
      </c>
      <c r="BO1247" s="166">
        <v>0</v>
      </c>
      <c r="BP1247" s="166">
        <v>0</v>
      </c>
      <c r="BQ1247" s="166">
        <v>0</v>
      </c>
      <c r="BR1247" s="166">
        <v>7200.0373642646</v>
      </c>
      <c r="BS1247" s="166">
        <v>7200.0373642646</v>
      </c>
      <c r="BT1247" s="166">
        <v>1000</v>
      </c>
      <c r="BU1247" s="166">
        <v>498.496107927129</v>
      </c>
      <c r="BV1247" s="166">
        <v>7200.0373642646</v>
      </c>
      <c r="BW1247" s="166">
        <v>0</v>
      </c>
      <c r="BX1247" s="166">
        <v>0</v>
      </c>
      <c r="BY1247" s="166">
        <v>0</v>
      </c>
      <c r="BZ1247" s="166">
        <v>0</v>
      </c>
      <c r="CA1247" s="166">
        <v>0</v>
      </c>
      <c r="CB1247" s="166">
        <v>0</v>
      </c>
      <c r="CC1247" s="166">
        <v>0</v>
      </c>
      <c r="CD1247" s="166">
        <v>0</v>
      </c>
      <c r="CE1247" s="166">
        <v>0</v>
      </c>
      <c r="CF1247" s="166">
        <v>0</v>
      </c>
      <c r="CG1247" s="166">
        <v>0</v>
      </c>
      <c r="CH1247" s="166">
        <v>0</v>
      </c>
      <c r="CI1247" s="166">
        <v>0</v>
      </c>
      <c r="CJ1247" s="166">
        <v>0</v>
      </c>
      <c r="CK1247" s="166">
        <v>0</v>
      </c>
      <c r="CL1247" s="166">
        <v>0</v>
      </c>
      <c r="CM1247" s="166">
        <v>0</v>
      </c>
      <c r="CN1247" s="166">
        <v>0</v>
      </c>
      <c r="CO1247" s="166">
        <v>0</v>
      </c>
      <c r="CP1247" s="166">
        <v>0</v>
      </c>
      <c r="CQ1247" s="166">
        <v>0</v>
      </c>
      <c r="CR1247" s="166">
        <v>0</v>
      </c>
      <c r="CS1247" s="166">
        <v>0</v>
      </c>
      <c r="CT1247" s="166">
        <v>0</v>
      </c>
      <c r="CU1247" s="166">
        <v>0</v>
      </c>
      <c r="CV1247" s="166">
        <v>0</v>
      </c>
      <c r="CW1247" s="166">
        <v>0</v>
      </c>
      <c r="CX1247" s="166">
        <v>0</v>
      </c>
      <c r="CY1247" s="166">
        <v>7200.0373642646</v>
      </c>
      <c r="CZ1247" s="166">
        <v>7200.0373642646</v>
      </c>
    </row>
    <row r="1248" spans="1:104" x14ac:dyDescent="0.2">
      <c r="A1248" s="167" t="s">
        <v>218</v>
      </c>
      <c r="B1248" s="166">
        <v>1021980.1695279001</v>
      </c>
      <c r="C1248" s="166">
        <v>1021980.1695279001</v>
      </c>
      <c r="D1248" s="166">
        <v>0</v>
      </c>
      <c r="E1248" s="166">
        <v>0</v>
      </c>
      <c r="F1248" s="166">
        <v>0</v>
      </c>
      <c r="G1248" s="166">
        <v>0</v>
      </c>
      <c r="H1248" s="166">
        <v>0</v>
      </c>
      <c r="I1248" s="166">
        <v>0</v>
      </c>
      <c r="J1248" s="166">
        <v>0</v>
      </c>
      <c r="K1248" s="166">
        <v>0</v>
      </c>
      <c r="L1248" s="166">
        <v>0</v>
      </c>
      <c r="M1248" s="166">
        <v>0</v>
      </c>
      <c r="N1248" s="166">
        <v>0</v>
      </c>
      <c r="O1248" s="166">
        <v>0</v>
      </c>
      <c r="P1248" s="166">
        <v>0</v>
      </c>
      <c r="Q1248" s="166">
        <v>0</v>
      </c>
      <c r="R1248" s="166">
        <v>0</v>
      </c>
      <c r="S1248" s="166">
        <v>0</v>
      </c>
      <c r="T1248" s="166">
        <v>0</v>
      </c>
      <c r="U1248" s="166">
        <v>0</v>
      </c>
      <c r="V1248" s="166">
        <v>0</v>
      </c>
      <c r="W1248" s="166">
        <v>0</v>
      </c>
      <c r="X1248" s="166">
        <v>0</v>
      </c>
      <c r="Y1248" s="166">
        <v>0</v>
      </c>
      <c r="Z1248" s="166">
        <v>0</v>
      </c>
      <c r="AA1248" s="166">
        <v>0</v>
      </c>
      <c r="AB1248" s="166">
        <v>0</v>
      </c>
      <c r="AC1248" s="166">
        <v>0</v>
      </c>
      <c r="AD1248" s="166">
        <v>0</v>
      </c>
      <c r="AE1248" s="166">
        <v>0</v>
      </c>
      <c r="AF1248" s="166">
        <v>0</v>
      </c>
      <c r="AG1248" s="166">
        <v>0</v>
      </c>
      <c r="AH1248" s="166">
        <v>0</v>
      </c>
      <c r="AI1248" s="166">
        <v>0</v>
      </c>
      <c r="AJ1248" s="166">
        <v>0</v>
      </c>
      <c r="AK1248" s="166">
        <v>0</v>
      </c>
      <c r="AL1248" s="166">
        <v>0</v>
      </c>
      <c r="AM1248" s="166">
        <v>0</v>
      </c>
      <c r="AN1248" s="166">
        <v>0</v>
      </c>
      <c r="AO1248" s="166">
        <v>0</v>
      </c>
      <c r="AP1248" s="166">
        <v>0</v>
      </c>
      <c r="AQ1248" s="166">
        <v>0</v>
      </c>
      <c r="AR1248" s="166">
        <v>0</v>
      </c>
      <c r="AS1248" s="166">
        <v>0</v>
      </c>
      <c r="AT1248" s="166">
        <v>0</v>
      </c>
      <c r="AU1248" s="166">
        <v>0</v>
      </c>
      <c r="AV1248" s="166">
        <v>0</v>
      </c>
      <c r="AW1248" s="166">
        <v>0</v>
      </c>
      <c r="AX1248" s="166">
        <v>0</v>
      </c>
      <c r="AY1248" s="166">
        <v>0</v>
      </c>
      <c r="AZ1248" s="166">
        <v>0</v>
      </c>
      <c r="BA1248" s="166">
        <v>0</v>
      </c>
      <c r="BB1248" s="166">
        <v>0</v>
      </c>
      <c r="BC1248" s="166">
        <v>0</v>
      </c>
      <c r="BD1248" s="166">
        <v>0</v>
      </c>
      <c r="BE1248" s="166">
        <v>0</v>
      </c>
      <c r="BF1248" s="166">
        <v>0</v>
      </c>
      <c r="BG1248" s="166">
        <v>0</v>
      </c>
      <c r="BH1248" s="166">
        <v>0</v>
      </c>
      <c r="BI1248" s="166">
        <v>0</v>
      </c>
      <c r="BJ1248" s="166">
        <v>0</v>
      </c>
      <c r="BK1248" s="166">
        <v>0</v>
      </c>
      <c r="BL1248" s="166">
        <v>0</v>
      </c>
      <c r="BM1248" s="166">
        <v>0</v>
      </c>
      <c r="BN1248" s="166">
        <v>0</v>
      </c>
      <c r="BO1248" s="166">
        <v>0</v>
      </c>
      <c r="BP1248" s="166">
        <v>0</v>
      </c>
      <c r="BQ1248" s="166">
        <v>0</v>
      </c>
      <c r="BR1248" s="166">
        <v>1021980.1695279001</v>
      </c>
      <c r="BS1248" s="166">
        <v>1021980.1695279001</v>
      </c>
      <c r="BT1248" s="166">
        <v>708.97047844185499</v>
      </c>
      <c r="BU1248" s="166">
        <v>51856.032945641098</v>
      </c>
      <c r="BV1248" s="166">
        <v>724553.76974828704</v>
      </c>
      <c r="BW1248" s="166">
        <v>0</v>
      </c>
      <c r="BX1248" s="166">
        <v>0</v>
      </c>
      <c r="BY1248" s="166">
        <v>0</v>
      </c>
      <c r="BZ1248" s="166">
        <v>0</v>
      </c>
      <c r="CA1248" s="166">
        <v>0</v>
      </c>
      <c r="CB1248" s="166">
        <v>0</v>
      </c>
      <c r="CC1248" s="166">
        <v>0</v>
      </c>
      <c r="CD1248" s="166">
        <v>0</v>
      </c>
      <c r="CE1248" s="166">
        <v>0</v>
      </c>
      <c r="CF1248" s="166">
        <v>0</v>
      </c>
      <c r="CG1248" s="166">
        <v>0</v>
      </c>
      <c r="CH1248" s="166">
        <v>0</v>
      </c>
      <c r="CI1248" s="166">
        <v>0</v>
      </c>
      <c r="CJ1248" s="166">
        <v>0</v>
      </c>
      <c r="CK1248" s="166">
        <v>0</v>
      </c>
      <c r="CL1248" s="166">
        <v>0</v>
      </c>
      <c r="CM1248" s="166">
        <v>0</v>
      </c>
      <c r="CN1248" s="166">
        <v>0</v>
      </c>
      <c r="CO1248" s="166">
        <v>0</v>
      </c>
      <c r="CP1248" s="166">
        <v>0</v>
      </c>
      <c r="CQ1248" s="166">
        <v>0</v>
      </c>
      <c r="CR1248" s="166">
        <v>0</v>
      </c>
      <c r="CS1248" s="166">
        <v>0</v>
      </c>
      <c r="CT1248" s="166">
        <v>0</v>
      </c>
      <c r="CU1248" s="166">
        <v>0</v>
      </c>
      <c r="CV1248" s="166">
        <v>0</v>
      </c>
      <c r="CW1248" s="166">
        <v>0</v>
      </c>
      <c r="CX1248" s="166">
        <v>0</v>
      </c>
      <c r="CY1248" s="166">
        <v>724553.76974828704</v>
      </c>
      <c r="CZ1248" s="166">
        <v>724553.76974828704</v>
      </c>
    </row>
    <row r="1249" spans="1:104" x14ac:dyDescent="0.2">
      <c r="A1249" s="167" t="s">
        <v>219</v>
      </c>
      <c r="B1249" s="166">
        <v>1054185.96</v>
      </c>
      <c r="C1249" s="166">
        <v>1054185.96</v>
      </c>
      <c r="D1249" s="166">
        <v>0</v>
      </c>
      <c r="E1249" s="166">
        <v>0</v>
      </c>
      <c r="F1249" s="166">
        <v>0</v>
      </c>
      <c r="G1249" s="166">
        <v>0</v>
      </c>
      <c r="H1249" s="166">
        <v>0</v>
      </c>
      <c r="I1249" s="166">
        <v>0</v>
      </c>
      <c r="J1249" s="166">
        <v>0</v>
      </c>
      <c r="K1249" s="166">
        <v>0</v>
      </c>
      <c r="L1249" s="166">
        <v>0</v>
      </c>
      <c r="M1249" s="166">
        <v>0</v>
      </c>
      <c r="N1249" s="166">
        <v>0</v>
      </c>
      <c r="O1249" s="166">
        <v>0</v>
      </c>
      <c r="P1249" s="166">
        <v>0</v>
      </c>
      <c r="Q1249" s="166">
        <v>0</v>
      </c>
      <c r="R1249" s="166">
        <v>0</v>
      </c>
      <c r="S1249" s="166">
        <v>0</v>
      </c>
      <c r="T1249" s="166">
        <v>0</v>
      </c>
      <c r="U1249" s="166">
        <v>0</v>
      </c>
      <c r="V1249" s="166">
        <v>0</v>
      </c>
      <c r="W1249" s="166">
        <v>0</v>
      </c>
      <c r="X1249" s="166">
        <v>0</v>
      </c>
      <c r="Y1249" s="166">
        <v>0</v>
      </c>
      <c r="Z1249" s="166">
        <v>0</v>
      </c>
      <c r="AA1249" s="166">
        <v>0</v>
      </c>
      <c r="AB1249" s="166">
        <v>0</v>
      </c>
      <c r="AC1249" s="166">
        <v>0</v>
      </c>
      <c r="AD1249" s="166">
        <v>0</v>
      </c>
      <c r="AE1249" s="166">
        <v>0</v>
      </c>
      <c r="AF1249" s="166">
        <v>0</v>
      </c>
      <c r="AG1249" s="166">
        <v>0</v>
      </c>
      <c r="AH1249" s="166">
        <v>0</v>
      </c>
      <c r="AI1249" s="166">
        <v>0</v>
      </c>
      <c r="AJ1249" s="166">
        <v>0</v>
      </c>
      <c r="AK1249" s="166">
        <v>0</v>
      </c>
      <c r="AL1249" s="166">
        <v>0</v>
      </c>
      <c r="AM1249" s="166">
        <v>0</v>
      </c>
      <c r="AN1249" s="166">
        <v>0</v>
      </c>
      <c r="AO1249" s="166">
        <v>0</v>
      </c>
      <c r="AP1249" s="166">
        <v>0</v>
      </c>
      <c r="AQ1249" s="166">
        <v>0</v>
      </c>
      <c r="AR1249" s="166">
        <v>0</v>
      </c>
      <c r="AS1249" s="166">
        <v>0</v>
      </c>
      <c r="AT1249" s="166">
        <v>0</v>
      </c>
      <c r="AU1249" s="166">
        <v>0</v>
      </c>
      <c r="AV1249" s="166">
        <v>0</v>
      </c>
      <c r="AW1249" s="166">
        <v>0</v>
      </c>
      <c r="AX1249" s="166">
        <v>0</v>
      </c>
      <c r="AY1249" s="166">
        <v>0</v>
      </c>
      <c r="AZ1249" s="166">
        <v>0</v>
      </c>
      <c r="BA1249" s="166">
        <v>0</v>
      </c>
      <c r="BB1249" s="166">
        <v>0</v>
      </c>
      <c r="BC1249" s="166">
        <v>0</v>
      </c>
      <c r="BD1249" s="166">
        <v>0</v>
      </c>
      <c r="BE1249" s="166">
        <v>0</v>
      </c>
      <c r="BF1249" s="166">
        <v>0</v>
      </c>
      <c r="BG1249" s="166">
        <v>0</v>
      </c>
      <c r="BH1249" s="166">
        <v>0</v>
      </c>
      <c r="BI1249" s="166">
        <v>0</v>
      </c>
      <c r="BJ1249" s="166">
        <v>0</v>
      </c>
      <c r="BK1249" s="166">
        <v>0</v>
      </c>
      <c r="BL1249" s="166">
        <v>0</v>
      </c>
      <c r="BM1249" s="166">
        <v>0</v>
      </c>
      <c r="BN1249" s="166">
        <v>0</v>
      </c>
      <c r="BO1249" s="166">
        <v>0</v>
      </c>
      <c r="BP1249" s="166">
        <v>0</v>
      </c>
      <c r="BQ1249" s="166">
        <v>0</v>
      </c>
      <c r="BR1249" s="166">
        <v>1054185.96</v>
      </c>
      <c r="BS1249" s="166">
        <v>1054185.96</v>
      </c>
      <c r="BT1249" s="168">
        <v>0</v>
      </c>
      <c r="BU1249" s="166">
        <v>54079.774741383</v>
      </c>
      <c r="BV1249" s="166">
        <v>756672.42376225104</v>
      </c>
      <c r="BW1249" s="166">
        <v>0</v>
      </c>
      <c r="BX1249" s="166">
        <v>0</v>
      </c>
      <c r="BY1249" s="166">
        <v>0</v>
      </c>
      <c r="BZ1249" s="166">
        <v>0</v>
      </c>
      <c r="CA1249" s="166">
        <v>0</v>
      </c>
      <c r="CB1249" s="166">
        <v>0</v>
      </c>
      <c r="CC1249" s="166">
        <v>0</v>
      </c>
      <c r="CD1249" s="166">
        <v>0</v>
      </c>
      <c r="CE1249" s="166">
        <v>0</v>
      </c>
      <c r="CF1249" s="166">
        <v>0</v>
      </c>
      <c r="CG1249" s="166">
        <v>0</v>
      </c>
      <c r="CH1249" s="166">
        <v>0</v>
      </c>
      <c r="CI1249" s="166">
        <v>0</v>
      </c>
      <c r="CJ1249" s="166">
        <v>0</v>
      </c>
      <c r="CK1249" s="166">
        <v>0</v>
      </c>
      <c r="CL1249" s="166">
        <v>0</v>
      </c>
      <c r="CM1249" s="166">
        <v>0</v>
      </c>
      <c r="CN1249" s="166">
        <v>0</v>
      </c>
      <c r="CO1249" s="166">
        <v>0</v>
      </c>
      <c r="CP1249" s="166">
        <v>0</v>
      </c>
      <c r="CQ1249" s="166">
        <v>0</v>
      </c>
      <c r="CR1249" s="166">
        <v>0</v>
      </c>
      <c r="CS1249" s="166">
        <v>0</v>
      </c>
      <c r="CT1249" s="166">
        <v>0</v>
      </c>
      <c r="CU1249" s="166">
        <v>0</v>
      </c>
      <c r="CV1249" s="166">
        <v>0</v>
      </c>
      <c r="CW1249" s="166">
        <v>0</v>
      </c>
      <c r="CX1249" s="166">
        <v>0</v>
      </c>
      <c r="CY1249" s="166">
        <v>756672.42376225104</v>
      </c>
      <c r="CZ1249" s="166">
        <v>756672.42376225104</v>
      </c>
    </row>
    <row r="1250" spans="1:104" x14ac:dyDescent="0.2">
      <c r="A1250" s="167" t="s">
        <v>220</v>
      </c>
    </row>
    <row r="1251" spans="1:104" x14ac:dyDescent="0.2">
      <c r="A1251" s="167" t="s">
        <v>221</v>
      </c>
      <c r="B1251" s="166">
        <v>-5.0400000009176402</v>
      </c>
      <c r="C1251" s="166">
        <v>-5.0400000009176402</v>
      </c>
      <c r="D1251" s="166">
        <v>0</v>
      </c>
      <c r="E1251" s="166">
        <v>0</v>
      </c>
      <c r="F1251" s="166">
        <v>0</v>
      </c>
      <c r="G1251" s="166">
        <v>0</v>
      </c>
      <c r="H1251" s="166">
        <v>0</v>
      </c>
      <c r="I1251" s="166">
        <v>0</v>
      </c>
      <c r="J1251" s="166">
        <v>0</v>
      </c>
      <c r="K1251" s="166">
        <v>0</v>
      </c>
      <c r="L1251" s="166">
        <v>0</v>
      </c>
      <c r="M1251" s="166">
        <v>0</v>
      </c>
      <c r="N1251" s="166">
        <v>0</v>
      </c>
      <c r="O1251" s="166">
        <v>0</v>
      </c>
      <c r="P1251" s="166">
        <v>0</v>
      </c>
      <c r="Q1251" s="166">
        <v>0</v>
      </c>
      <c r="R1251" s="166">
        <v>0</v>
      </c>
      <c r="S1251" s="166">
        <v>0</v>
      </c>
      <c r="T1251" s="166">
        <v>0</v>
      </c>
      <c r="U1251" s="166">
        <v>0</v>
      </c>
      <c r="V1251" s="166">
        <v>0</v>
      </c>
      <c r="W1251" s="166">
        <v>0</v>
      </c>
      <c r="X1251" s="166">
        <v>0</v>
      </c>
      <c r="Y1251" s="166">
        <v>0</v>
      </c>
      <c r="Z1251" s="166">
        <v>0</v>
      </c>
      <c r="AA1251" s="166">
        <v>0</v>
      </c>
      <c r="AB1251" s="166">
        <v>0</v>
      </c>
      <c r="AC1251" s="166">
        <v>0</v>
      </c>
      <c r="AD1251" s="166">
        <v>0</v>
      </c>
      <c r="AE1251" s="166">
        <v>0</v>
      </c>
      <c r="AF1251" s="166">
        <v>0</v>
      </c>
      <c r="AG1251" s="166">
        <v>0</v>
      </c>
      <c r="AH1251" s="166">
        <v>0</v>
      </c>
      <c r="AI1251" s="166">
        <v>0</v>
      </c>
      <c r="AJ1251" s="166">
        <v>0</v>
      </c>
      <c r="AK1251" s="166">
        <v>0</v>
      </c>
      <c r="AL1251" s="166">
        <v>0</v>
      </c>
      <c r="AM1251" s="166">
        <v>0</v>
      </c>
      <c r="AN1251" s="166">
        <v>0</v>
      </c>
      <c r="AO1251" s="166">
        <v>0</v>
      </c>
      <c r="AP1251" s="166">
        <v>0</v>
      </c>
      <c r="AQ1251" s="166">
        <v>0</v>
      </c>
      <c r="AR1251" s="166">
        <v>0</v>
      </c>
      <c r="AS1251" s="166">
        <v>0</v>
      </c>
      <c r="AT1251" s="166">
        <v>0</v>
      </c>
      <c r="AU1251" s="166">
        <v>0</v>
      </c>
      <c r="AV1251" s="166">
        <v>0</v>
      </c>
      <c r="AW1251" s="166">
        <v>0</v>
      </c>
      <c r="AX1251" s="166">
        <v>0</v>
      </c>
      <c r="AY1251" s="166">
        <v>0</v>
      </c>
      <c r="AZ1251" s="166">
        <v>0</v>
      </c>
      <c r="BA1251" s="166">
        <v>0</v>
      </c>
      <c r="BB1251" s="166">
        <v>0</v>
      </c>
      <c r="BC1251" s="166">
        <v>0</v>
      </c>
      <c r="BD1251" s="166">
        <v>0</v>
      </c>
      <c r="BE1251" s="166">
        <v>0</v>
      </c>
      <c r="BF1251" s="166">
        <v>0</v>
      </c>
      <c r="BG1251" s="166">
        <v>0</v>
      </c>
      <c r="BH1251" s="166">
        <v>0</v>
      </c>
      <c r="BI1251" s="166">
        <v>0</v>
      </c>
      <c r="BJ1251" s="166">
        <v>0</v>
      </c>
      <c r="BK1251" s="166">
        <v>0</v>
      </c>
      <c r="BL1251" s="166">
        <v>0</v>
      </c>
      <c r="BM1251" s="166">
        <v>0</v>
      </c>
      <c r="BN1251" s="166">
        <v>0</v>
      </c>
      <c r="BO1251" s="166">
        <v>0</v>
      </c>
      <c r="BP1251" s="166">
        <v>0</v>
      </c>
      <c r="BQ1251" s="166">
        <v>0</v>
      </c>
      <c r="BR1251" s="166">
        <v>-5.0400000009176402</v>
      </c>
      <c r="BS1251" s="166">
        <v>-5.0400000009176402</v>
      </c>
      <c r="BT1251" s="168">
        <v>0.999998128641303</v>
      </c>
      <c r="BU1251" s="166">
        <v>-0.41999921410581698</v>
      </c>
      <c r="BV1251" s="166">
        <v>-5.0399905692697997</v>
      </c>
      <c r="BW1251" s="166">
        <v>0</v>
      </c>
      <c r="BX1251" s="166">
        <v>0</v>
      </c>
      <c r="BY1251" s="166">
        <v>0</v>
      </c>
      <c r="BZ1251" s="166">
        <v>0</v>
      </c>
      <c r="CA1251" s="166">
        <v>0</v>
      </c>
      <c r="CB1251" s="166">
        <v>0</v>
      </c>
      <c r="CC1251" s="166">
        <v>0</v>
      </c>
      <c r="CD1251" s="166">
        <v>0</v>
      </c>
      <c r="CE1251" s="166">
        <v>0</v>
      </c>
      <c r="CF1251" s="166">
        <v>0</v>
      </c>
      <c r="CG1251" s="166">
        <v>0</v>
      </c>
      <c r="CH1251" s="166">
        <v>0</v>
      </c>
      <c r="CI1251" s="166">
        <v>0</v>
      </c>
      <c r="CJ1251" s="166">
        <v>0</v>
      </c>
      <c r="CK1251" s="166">
        <v>0</v>
      </c>
      <c r="CL1251" s="166">
        <v>0</v>
      </c>
      <c r="CM1251" s="166">
        <v>0</v>
      </c>
      <c r="CN1251" s="166">
        <v>0</v>
      </c>
      <c r="CO1251" s="166">
        <v>0</v>
      </c>
      <c r="CP1251" s="166">
        <v>0</v>
      </c>
      <c r="CQ1251" s="166">
        <v>0</v>
      </c>
      <c r="CR1251" s="166">
        <v>0</v>
      </c>
      <c r="CS1251" s="166">
        <v>0</v>
      </c>
      <c r="CT1251" s="166">
        <v>0</v>
      </c>
      <c r="CU1251" s="166">
        <v>0</v>
      </c>
      <c r="CV1251" s="166">
        <v>0</v>
      </c>
      <c r="CW1251" s="166">
        <v>0</v>
      </c>
      <c r="CX1251" s="166">
        <v>0</v>
      </c>
      <c r="CY1251" s="166">
        <v>-5.0399905692697997</v>
      </c>
      <c r="CZ1251" s="166">
        <v>-5.0399905692697997</v>
      </c>
    </row>
    <row r="1252" spans="1:104" x14ac:dyDescent="0.2">
      <c r="A1252" s="167" t="s">
        <v>222</v>
      </c>
    </row>
    <row r="1253" spans="1:104" x14ac:dyDescent="0.2">
      <c r="A1253" s="167" t="s">
        <v>1079</v>
      </c>
      <c r="B1253" s="166">
        <v>59097.045017218901</v>
      </c>
      <c r="C1253" s="166">
        <v>59097.045017218901</v>
      </c>
      <c r="D1253" s="166">
        <v>0</v>
      </c>
      <c r="E1253" s="166">
        <v>0</v>
      </c>
      <c r="F1253" s="166">
        <v>0</v>
      </c>
      <c r="G1253" s="166">
        <v>0</v>
      </c>
      <c r="H1253" s="166">
        <v>0</v>
      </c>
      <c r="I1253" s="166">
        <v>0</v>
      </c>
      <c r="J1253" s="166">
        <v>0</v>
      </c>
      <c r="K1253" s="166">
        <v>0</v>
      </c>
      <c r="L1253" s="166">
        <v>0</v>
      </c>
      <c r="M1253" s="166">
        <v>0</v>
      </c>
      <c r="N1253" s="166">
        <v>0</v>
      </c>
      <c r="O1253" s="166">
        <v>0</v>
      </c>
      <c r="P1253" s="166">
        <v>0</v>
      </c>
      <c r="Q1253" s="166">
        <v>0</v>
      </c>
      <c r="R1253" s="166">
        <v>0</v>
      </c>
      <c r="S1253" s="166">
        <v>0</v>
      </c>
      <c r="T1253" s="166">
        <v>0</v>
      </c>
      <c r="U1253" s="166">
        <v>0</v>
      </c>
      <c r="V1253" s="166">
        <v>0</v>
      </c>
      <c r="W1253" s="166">
        <v>0</v>
      </c>
      <c r="X1253" s="166">
        <v>0</v>
      </c>
      <c r="Y1253" s="166">
        <v>0</v>
      </c>
      <c r="Z1253" s="166">
        <v>0</v>
      </c>
      <c r="AA1253" s="166">
        <v>0</v>
      </c>
      <c r="AB1253" s="166">
        <v>0</v>
      </c>
      <c r="AC1253" s="166">
        <v>0</v>
      </c>
      <c r="AD1253" s="166">
        <v>0</v>
      </c>
      <c r="AE1253" s="166">
        <v>0</v>
      </c>
      <c r="AF1253" s="166">
        <v>0</v>
      </c>
      <c r="AG1253" s="166">
        <v>0</v>
      </c>
      <c r="AH1253" s="166">
        <v>0</v>
      </c>
      <c r="AI1253" s="166">
        <v>0</v>
      </c>
      <c r="AJ1253" s="166">
        <v>0</v>
      </c>
      <c r="AK1253" s="166">
        <v>0</v>
      </c>
      <c r="AL1253" s="166">
        <v>0</v>
      </c>
      <c r="AM1253" s="166">
        <v>0</v>
      </c>
      <c r="AN1253" s="166">
        <v>0</v>
      </c>
      <c r="AO1253" s="166">
        <v>0</v>
      </c>
      <c r="AP1253" s="166">
        <v>0</v>
      </c>
      <c r="AQ1253" s="166">
        <v>0</v>
      </c>
      <c r="AR1253" s="166">
        <v>0</v>
      </c>
      <c r="AS1253" s="166">
        <v>0</v>
      </c>
      <c r="AT1253" s="166">
        <v>0</v>
      </c>
      <c r="AU1253" s="166">
        <v>0</v>
      </c>
      <c r="AV1253" s="166">
        <v>0</v>
      </c>
      <c r="AW1253" s="166">
        <v>0</v>
      </c>
      <c r="AX1253" s="166">
        <v>0</v>
      </c>
      <c r="AY1253" s="166">
        <v>0</v>
      </c>
      <c r="AZ1253" s="166">
        <v>0</v>
      </c>
      <c r="BA1253" s="166">
        <v>0</v>
      </c>
      <c r="BB1253" s="166">
        <v>0</v>
      </c>
      <c r="BC1253" s="166">
        <v>0</v>
      </c>
      <c r="BD1253" s="166">
        <v>0</v>
      </c>
      <c r="BE1253" s="166">
        <v>0</v>
      </c>
      <c r="BF1253" s="166">
        <v>0</v>
      </c>
      <c r="BG1253" s="166">
        <v>0</v>
      </c>
      <c r="BH1253" s="166">
        <v>0</v>
      </c>
      <c r="BI1253" s="166">
        <v>0</v>
      </c>
      <c r="BJ1253" s="166">
        <v>0</v>
      </c>
      <c r="BK1253" s="166">
        <v>0</v>
      </c>
      <c r="BL1253" s="166">
        <v>0</v>
      </c>
      <c r="BM1253" s="166">
        <v>0</v>
      </c>
      <c r="BN1253" s="166">
        <v>0</v>
      </c>
      <c r="BO1253" s="166">
        <v>0</v>
      </c>
      <c r="BP1253" s="166">
        <v>0</v>
      </c>
      <c r="BQ1253" s="166">
        <v>0</v>
      </c>
      <c r="BR1253" s="166">
        <v>59097.045017218901</v>
      </c>
      <c r="BS1253" s="166">
        <v>59097.045017218901</v>
      </c>
      <c r="BT1253" s="168">
        <v>0.999998128641303</v>
      </c>
      <c r="BU1253" s="166">
        <v>2858.5318347143698</v>
      </c>
      <c r="BV1253" s="166">
        <v>59096.934425449799</v>
      </c>
      <c r="BW1253" s="166">
        <v>0</v>
      </c>
      <c r="BX1253" s="166">
        <v>0</v>
      </c>
      <c r="BY1253" s="166">
        <v>0</v>
      </c>
      <c r="BZ1253" s="166">
        <v>0</v>
      </c>
      <c r="CA1253" s="166">
        <v>0</v>
      </c>
      <c r="CB1253" s="166">
        <v>0</v>
      </c>
      <c r="CC1253" s="166">
        <v>0</v>
      </c>
      <c r="CD1253" s="166">
        <v>0</v>
      </c>
      <c r="CE1253" s="166">
        <v>0</v>
      </c>
      <c r="CF1253" s="166">
        <v>0</v>
      </c>
      <c r="CG1253" s="166">
        <v>0</v>
      </c>
      <c r="CH1253" s="166">
        <v>0</v>
      </c>
      <c r="CI1253" s="166">
        <v>0</v>
      </c>
      <c r="CJ1253" s="166">
        <v>0</v>
      </c>
      <c r="CK1253" s="166">
        <v>0</v>
      </c>
      <c r="CL1253" s="166">
        <v>0</v>
      </c>
      <c r="CM1253" s="166">
        <v>0</v>
      </c>
      <c r="CN1253" s="166">
        <v>0</v>
      </c>
      <c r="CO1253" s="166">
        <v>0</v>
      </c>
      <c r="CP1253" s="166">
        <v>0</v>
      </c>
      <c r="CQ1253" s="166">
        <v>0</v>
      </c>
      <c r="CR1253" s="166">
        <v>0</v>
      </c>
      <c r="CS1253" s="166">
        <v>0</v>
      </c>
      <c r="CT1253" s="166">
        <v>0</v>
      </c>
      <c r="CU1253" s="166">
        <v>0</v>
      </c>
      <c r="CV1253" s="166">
        <v>0</v>
      </c>
      <c r="CW1253" s="166">
        <v>0</v>
      </c>
      <c r="CX1253" s="166">
        <v>0</v>
      </c>
      <c r="CY1253" s="166">
        <v>59096.934425449799</v>
      </c>
      <c r="CZ1253" s="166">
        <v>59096.934425449799</v>
      </c>
    </row>
    <row r="1254" spans="1:104" x14ac:dyDescent="0.2">
      <c r="A1254" s="167" t="s">
        <v>1080</v>
      </c>
      <c r="B1254" s="166">
        <v>1868.4442486287701</v>
      </c>
      <c r="C1254" s="166">
        <v>1868.4442486287701</v>
      </c>
      <c r="D1254" s="166">
        <v>0</v>
      </c>
      <c r="E1254" s="166">
        <v>0</v>
      </c>
      <c r="F1254" s="166">
        <v>0</v>
      </c>
      <c r="G1254" s="166">
        <v>0</v>
      </c>
      <c r="H1254" s="166">
        <v>0</v>
      </c>
      <c r="I1254" s="166">
        <v>0</v>
      </c>
      <c r="J1254" s="166">
        <v>0</v>
      </c>
      <c r="K1254" s="166">
        <v>0</v>
      </c>
      <c r="L1254" s="166">
        <v>0</v>
      </c>
      <c r="M1254" s="166">
        <v>0</v>
      </c>
      <c r="N1254" s="166">
        <v>0</v>
      </c>
      <c r="O1254" s="166">
        <v>0</v>
      </c>
      <c r="P1254" s="166">
        <v>0</v>
      </c>
      <c r="Q1254" s="166">
        <v>0</v>
      </c>
      <c r="R1254" s="166">
        <v>0</v>
      </c>
      <c r="S1254" s="166">
        <v>0</v>
      </c>
      <c r="T1254" s="166">
        <v>0</v>
      </c>
      <c r="U1254" s="166">
        <v>0</v>
      </c>
      <c r="V1254" s="166">
        <v>0</v>
      </c>
      <c r="W1254" s="166">
        <v>0</v>
      </c>
      <c r="X1254" s="166">
        <v>0</v>
      </c>
      <c r="Y1254" s="166">
        <v>0</v>
      </c>
      <c r="Z1254" s="166">
        <v>0</v>
      </c>
      <c r="AA1254" s="166">
        <v>0</v>
      </c>
      <c r="AB1254" s="166">
        <v>0</v>
      </c>
      <c r="AC1254" s="166">
        <v>0</v>
      </c>
      <c r="AD1254" s="166">
        <v>0</v>
      </c>
      <c r="AE1254" s="166">
        <v>0</v>
      </c>
      <c r="AF1254" s="166">
        <v>0</v>
      </c>
      <c r="AG1254" s="166">
        <v>0</v>
      </c>
      <c r="AH1254" s="166">
        <v>0</v>
      </c>
      <c r="AI1254" s="166">
        <v>0</v>
      </c>
      <c r="AJ1254" s="166">
        <v>0</v>
      </c>
      <c r="AK1254" s="166">
        <v>0</v>
      </c>
      <c r="AL1254" s="166">
        <v>0</v>
      </c>
      <c r="AM1254" s="166">
        <v>0</v>
      </c>
      <c r="AN1254" s="166">
        <v>0</v>
      </c>
      <c r="AO1254" s="166">
        <v>0</v>
      </c>
      <c r="AP1254" s="166">
        <v>0</v>
      </c>
      <c r="AQ1254" s="166">
        <v>0</v>
      </c>
      <c r="AR1254" s="166">
        <v>0</v>
      </c>
      <c r="AS1254" s="166">
        <v>0</v>
      </c>
      <c r="AT1254" s="166">
        <v>0</v>
      </c>
      <c r="AU1254" s="166">
        <v>0</v>
      </c>
      <c r="AV1254" s="166">
        <v>0</v>
      </c>
      <c r="AW1254" s="166">
        <v>0</v>
      </c>
      <c r="AX1254" s="166">
        <v>0</v>
      </c>
      <c r="AY1254" s="166">
        <v>0</v>
      </c>
      <c r="AZ1254" s="166">
        <v>0</v>
      </c>
      <c r="BA1254" s="166">
        <v>0</v>
      </c>
      <c r="BB1254" s="166">
        <v>0</v>
      </c>
      <c r="BC1254" s="166">
        <v>0</v>
      </c>
      <c r="BD1254" s="166">
        <v>0</v>
      </c>
      <c r="BE1254" s="166">
        <v>0</v>
      </c>
      <c r="BF1254" s="166">
        <v>0</v>
      </c>
      <c r="BG1254" s="166">
        <v>0</v>
      </c>
      <c r="BH1254" s="166">
        <v>0</v>
      </c>
      <c r="BI1254" s="166">
        <v>0</v>
      </c>
      <c r="BJ1254" s="166">
        <v>0</v>
      </c>
      <c r="BK1254" s="166">
        <v>0</v>
      </c>
      <c r="BL1254" s="166">
        <v>0</v>
      </c>
      <c r="BM1254" s="166">
        <v>0</v>
      </c>
      <c r="BN1254" s="166">
        <v>0</v>
      </c>
      <c r="BO1254" s="166">
        <v>0</v>
      </c>
      <c r="BP1254" s="166">
        <v>0</v>
      </c>
      <c r="BQ1254" s="166">
        <v>0</v>
      </c>
      <c r="BR1254" s="166">
        <v>1868.4442486287701</v>
      </c>
      <c r="BS1254" s="166">
        <v>1868.4442486287701</v>
      </c>
      <c r="BT1254" s="168">
        <v>0.95155251885650005</v>
      </c>
      <c r="BU1254" s="166">
        <v>85.998521951242495</v>
      </c>
      <c r="BV1254" s="166">
        <v>1777.92283112565</v>
      </c>
      <c r="BW1254" s="166">
        <v>0</v>
      </c>
      <c r="BX1254" s="166">
        <v>0</v>
      </c>
      <c r="BY1254" s="166">
        <v>0</v>
      </c>
      <c r="BZ1254" s="166">
        <v>0</v>
      </c>
      <c r="CA1254" s="166">
        <v>0</v>
      </c>
      <c r="CB1254" s="166">
        <v>0</v>
      </c>
      <c r="CC1254" s="166">
        <v>0</v>
      </c>
      <c r="CD1254" s="166">
        <v>0</v>
      </c>
      <c r="CE1254" s="166">
        <v>0</v>
      </c>
      <c r="CF1254" s="166">
        <v>0</v>
      </c>
      <c r="CG1254" s="166">
        <v>0</v>
      </c>
      <c r="CH1254" s="166">
        <v>0</v>
      </c>
      <c r="CI1254" s="166">
        <v>0</v>
      </c>
      <c r="CJ1254" s="166">
        <v>0</v>
      </c>
      <c r="CK1254" s="166">
        <v>0</v>
      </c>
      <c r="CL1254" s="166">
        <v>0</v>
      </c>
      <c r="CM1254" s="166">
        <v>0</v>
      </c>
      <c r="CN1254" s="166">
        <v>0</v>
      </c>
      <c r="CO1254" s="166">
        <v>0</v>
      </c>
      <c r="CP1254" s="166">
        <v>0</v>
      </c>
      <c r="CQ1254" s="166">
        <v>0</v>
      </c>
      <c r="CR1254" s="166">
        <v>0</v>
      </c>
      <c r="CS1254" s="166">
        <v>0</v>
      </c>
      <c r="CT1254" s="166">
        <v>0</v>
      </c>
      <c r="CU1254" s="166">
        <v>0</v>
      </c>
      <c r="CV1254" s="166">
        <v>0</v>
      </c>
      <c r="CW1254" s="166">
        <v>0</v>
      </c>
      <c r="CX1254" s="166">
        <v>0</v>
      </c>
      <c r="CY1254" s="166">
        <v>1777.92283112565</v>
      </c>
      <c r="CZ1254" s="166">
        <v>1777.92283112565</v>
      </c>
    </row>
    <row r="1255" spans="1:104" x14ac:dyDescent="0.2">
      <c r="A1255" s="167" t="s">
        <v>1081</v>
      </c>
      <c r="B1255" s="166">
        <v>13478.634385503099</v>
      </c>
      <c r="C1255" s="166">
        <v>13478.634385503099</v>
      </c>
      <c r="D1255" s="166">
        <v>0</v>
      </c>
      <c r="E1255" s="166">
        <v>0</v>
      </c>
      <c r="F1255" s="166">
        <v>0</v>
      </c>
      <c r="G1255" s="166">
        <v>0</v>
      </c>
      <c r="H1255" s="166">
        <v>0</v>
      </c>
      <c r="I1255" s="166">
        <v>0</v>
      </c>
      <c r="J1255" s="166">
        <v>0</v>
      </c>
      <c r="K1255" s="166">
        <v>0</v>
      </c>
      <c r="L1255" s="166">
        <v>0</v>
      </c>
      <c r="M1255" s="166">
        <v>0</v>
      </c>
      <c r="N1255" s="166">
        <v>0</v>
      </c>
      <c r="O1255" s="166">
        <v>0</v>
      </c>
      <c r="P1255" s="166">
        <v>0</v>
      </c>
      <c r="Q1255" s="166">
        <v>0</v>
      </c>
      <c r="R1255" s="166">
        <v>0</v>
      </c>
      <c r="S1255" s="166">
        <v>0</v>
      </c>
      <c r="T1255" s="166">
        <v>0</v>
      </c>
      <c r="U1255" s="166">
        <v>0</v>
      </c>
      <c r="V1255" s="166">
        <v>0</v>
      </c>
      <c r="W1255" s="166">
        <v>0</v>
      </c>
      <c r="X1255" s="166">
        <v>0</v>
      </c>
      <c r="Y1255" s="166">
        <v>0</v>
      </c>
      <c r="Z1255" s="166">
        <v>0</v>
      </c>
      <c r="AA1255" s="166">
        <v>0</v>
      </c>
      <c r="AB1255" s="166">
        <v>0</v>
      </c>
      <c r="AC1255" s="166">
        <v>0</v>
      </c>
      <c r="AD1255" s="166">
        <v>0</v>
      </c>
      <c r="AE1255" s="166">
        <v>0</v>
      </c>
      <c r="AF1255" s="166">
        <v>0</v>
      </c>
      <c r="AG1255" s="166">
        <v>0</v>
      </c>
      <c r="AH1255" s="166">
        <v>0</v>
      </c>
      <c r="AI1255" s="166">
        <v>0</v>
      </c>
      <c r="AJ1255" s="166">
        <v>0</v>
      </c>
      <c r="AK1255" s="166">
        <v>0</v>
      </c>
      <c r="AL1255" s="166">
        <v>0</v>
      </c>
      <c r="AM1255" s="166">
        <v>0</v>
      </c>
      <c r="AN1255" s="166">
        <v>0</v>
      </c>
      <c r="AO1255" s="166">
        <v>0</v>
      </c>
      <c r="AP1255" s="166">
        <v>0</v>
      </c>
      <c r="AQ1255" s="166">
        <v>0</v>
      </c>
      <c r="AR1255" s="166">
        <v>0</v>
      </c>
      <c r="AS1255" s="166">
        <v>0</v>
      </c>
      <c r="AT1255" s="166">
        <v>0</v>
      </c>
      <c r="AU1255" s="166">
        <v>0</v>
      </c>
      <c r="AV1255" s="166">
        <v>0</v>
      </c>
      <c r="AW1255" s="166">
        <v>0</v>
      </c>
      <c r="AX1255" s="166">
        <v>0</v>
      </c>
      <c r="AY1255" s="166">
        <v>0</v>
      </c>
      <c r="AZ1255" s="166">
        <v>0</v>
      </c>
      <c r="BA1255" s="166">
        <v>0</v>
      </c>
      <c r="BB1255" s="166">
        <v>0</v>
      </c>
      <c r="BC1255" s="166">
        <v>0</v>
      </c>
      <c r="BD1255" s="166">
        <v>0</v>
      </c>
      <c r="BE1255" s="166">
        <v>0</v>
      </c>
      <c r="BF1255" s="166">
        <v>0</v>
      </c>
      <c r="BG1255" s="166">
        <v>0</v>
      </c>
      <c r="BH1255" s="166">
        <v>0</v>
      </c>
      <c r="BI1255" s="166">
        <v>0</v>
      </c>
      <c r="BJ1255" s="166">
        <v>0</v>
      </c>
      <c r="BK1255" s="166">
        <v>0</v>
      </c>
      <c r="BL1255" s="166">
        <v>0</v>
      </c>
      <c r="BM1255" s="166">
        <v>0</v>
      </c>
      <c r="BN1255" s="166">
        <v>0</v>
      </c>
      <c r="BO1255" s="166">
        <v>0</v>
      </c>
      <c r="BP1255" s="166">
        <v>0</v>
      </c>
      <c r="BQ1255" s="166">
        <v>0</v>
      </c>
      <c r="BR1255" s="166">
        <v>13478.634385503099</v>
      </c>
      <c r="BS1255" s="166">
        <v>13478.634385503099</v>
      </c>
      <c r="BT1255" s="168">
        <v>0.97633653435224499</v>
      </c>
      <c r="BU1255" s="166">
        <v>636.53679638728204</v>
      </c>
      <c r="BV1255" s="166">
        <v>13159.6831837431</v>
      </c>
      <c r="BW1255" s="166">
        <v>0</v>
      </c>
      <c r="BX1255" s="166">
        <v>0</v>
      </c>
      <c r="BY1255" s="166">
        <v>0</v>
      </c>
      <c r="BZ1255" s="166">
        <v>0</v>
      </c>
      <c r="CA1255" s="166">
        <v>0</v>
      </c>
      <c r="CB1255" s="166">
        <v>0</v>
      </c>
      <c r="CC1255" s="166">
        <v>0</v>
      </c>
      <c r="CD1255" s="166">
        <v>0</v>
      </c>
      <c r="CE1255" s="166">
        <v>0</v>
      </c>
      <c r="CF1255" s="166">
        <v>0</v>
      </c>
      <c r="CG1255" s="166">
        <v>0</v>
      </c>
      <c r="CH1255" s="166">
        <v>0</v>
      </c>
      <c r="CI1255" s="166">
        <v>0</v>
      </c>
      <c r="CJ1255" s="166">
        <v>0</v>
      </c>
      <c r="CK1255" s="166">
        <v>0</v>
      </c>
      <c r="CL1255" s="166">
        <v>0</v>
      </c>
      <c r="CM1255" s="166">
        <v>0</v>
      </c>
      <c r="CN1255" s="166">
        <v>0</v>
      </c>
      <c r="CO1255" s="166">
        <v>0</v>
      </c>
      <c r="CP1255" s="166">
        <v>0</v>
      </c>
      <c r="CQ1255" s="166">
        <v>0</v>
      </c>
      <c r="CR1255" s="166">
        <v>0</v>
      </c>
      <c r="CS1255" s="166">
        <v>0</v>
      </c>
      <c r="CT1255" s="166">
        <v>0</v>
      </c>
      <c r="CU1255" s="166">
        <v>0</v>
      </c>
      <c r="CV1255" s="166">
        <v>0</v>
      </c>
      <c r="CW1255" s="166">
        <v>0</v>
      </c>
      <c r="CX1255" s="166">
        <v>0</v>
      </c>
      <c r="CY1255" s="166">
        <v>13159.6831837431</v>
      </c>
      <c r="CZ1255" s="166">
        <v>13159.6831837431</v>
      </c>
    </row>
    <row r="1256" spans="1:104" x14ac:dyDescent="0.2">
      <c r="A1256" s="167" t="s">
        <v>226</v>
      </c>
      <c r="B1256" s="166">
        <v>43118.083615656302</v>
      </c>
      <c r="C1256" s="166">
        <v>43118.083615656302</v>
      </c>
      <c r="D1256" s="166">
        <v>0</v>
      </c>
      <c r="E1256" s="166">
        <v>0</v>
      </c>
      <c r="F1256" s="166">
        <v>0</v>
      </c>
      <c r="G1256" s="166">
        <v>0</v>
      </c>
      <c r="H1256" s="166">
        <v>0</v>
      </c>
      <c r="I1256" s="166">
        <v>0</v>
      </c>
      <c r="J1256" s="166">
        <v>0</v>
      </c>
      <c r="K1256" s="166">
        <v>0</v>
      </c>
      <c r="L1256" s="166">
        <v>0</v>
      </c>
      <c r="M1256" s="166">
        <v>0</v>
      </c>
      <c r="N1256" s="166">
        <v>0</v>
      </c>
      <c r="O1256" s="166">
        <v>0</v>
      </c>
      <c r="P1256" s="166">
        <v>0</v>
      </c>
      <c r="Q1256" s="166">
        <v>0</v>
      </c>
      <c r="R1256" s="166">
        <v>0</v>
      </c>
      <c r="S1256" s="166">
        <v>0</v>
      </c>
      <c r="T1256" s="166">
        <v>0</v>
      </c>
      <c r="U1256" s="166">
        <v>0</v>
      </c>
      <c r="V1256" s="166">
        <v>0</v>
      </c>
      <c r="W1256" s="166">
        <v>0</v>
      </c>
      <c r="X1256" s="166">
        <v>0</v>
      </c>
      <c r="Y1256" s="166">
        <v>0</v>
      </c>
      <c r="Z1256" s="166">
        <v>0</v>
      </c>
      <c r="AA1256" s="166">
        <v>0</v>
      </c>
      <c r="AB1256" s="166">
        <v>0</v>
      </c>
      <c r="AC1256" s="166">
        <v>0</v>
      </c>
      <c r="AD1256" s="166">
        <v>0</v>
      </c>
      <c r="AE1256" s="166">
        <v>0</v>
      </c>
      <c r="AF1256" s="166">
        <v>0</v>
      </c>
      <c r="AG1256" s="166">
        <v>0</v>
      </c>
      <c r="AH1256" s="166">
        <v>0</v>
      </c>
      <c r="AI1256" s="166">
        <v>0</v>
      </c>
      <c r="AJ1256" s="166">
        <v>0</v>
      </c>
      <c r="AK1256" s="166">
        <v>0</v>
      </c>
      <c r="AL1256" s="166">
        <v>0</v>
      </c>
      <c r="AM1256" s="166">
        <v>0</v>
      </c>
      <c r="AN1256" s="166">
        <v>0</v>
      </c>
      <c r="AO1256" s="166">
        <v>0</v>
      </c>
      <c r="AP1256" s="166">
        <v>0</v>
      </c>
      <c r="AQ1256" s="166">
        <v>0</v>
      </c>
      <c r="AR1256" s="166">
        <v>0</v>
      </c>
      <c r="AS1256" s="166">
        <v>0</v>
      </c>
      <c r="AT1256" s="166">
        <v>0</v>
      </c>
      <c r="AU1256" s="166">
        <v>0</v>
      </c>
      <c r="AV1256" s="166">
        <v>0</v>
      </c>
      <c r="AW1256" s="166">
        <v>0</v>
      </c>
      <c r="AX1256" s="166">
        <v>0</v>
      </c>
      <c r="AY1256" s="166">
        <v>0</v>
      </c>
      <c r="AZ1256" s="166">
        <v>0</v>
      </c>
      <c r="BA1256" s="166">
        <v>0</v>
      </c>
      <c r="BB1256" s="166">
        <v>0</v>
      </c>
      <c r="BC1256" s="166">
        <v>0</v>
      </c>
      <c r="BD1256" s="166">
        <v>0</v>
      </c>
      <c r="BE1256" s="166">
        <v>0</v>
      </c>
      <c r="BF1256" s="166">
        <v>0</v>
      </c>
      <c r="BG1256" s="166">
        <v>0</v>
      </c>
      <c r="BH1256" s="166">
        <v>0</v>
      </c>
      <c r="BI1256" s="166">
        <v>0</v>
      </c>
      <c r="BJ1256" s="166">
        <v>0</v>
      </c>
      <c r="BK1256" s="166">
        <v>0</v>
      </c>
      <c r="BL1256" s="166">
        <v>0</v>
      </c>
      <c r="BM1256" s="166">
        <v>0</v>
      </c>
      <c r="BN1256" s="166">
        <v>0</v>
      </c>
      <c r="BO1256" s="166">
        <v>0</v>
      </c>
      <c r="BP1256" s="166">
        <v>0</v>
      </c>
      <c r="BQ1256" s="166">
        <v>0</v>
      </c>
      <c r="BR1256" s="166">
        <v>43118.083615656302</v>
      </c>
      <c r="BS1256" s="166">
        <v>43118.083615656302</v>
      </c>
      <c r="BT1256" s="168">
        <v>0.999998128641303</v>
      </c>
      <c r="BU1256" s="166">
        <v>2085.6273715769898</v>
      </c>
      <c r="BV1256" s="166">
        <v>43118.002926255504</v>
      </c>
      <c r="BW1256" s="166">
        <v>0</v>
      </c>
      <c r="BX1256" s="166">
        <v>0</v>
      </c>
      <c r="BY1256" s="166">
        <v>0</v>
      </c>
      <c r="BZ1256" s="166">
        <v>0</v>
      </c>
      <c r="CA1256" s="166">
        <v>0</v>
      </c>
      <c r="CB1256" s="166">
        <v>0</v>
      </c>
      <c r="CC1256" s="166">
        <v>0</v>
      </c>
      <c r="CD1256" s="166">
        <v>0</v>
      </c>
      <c r="CE1256" s="166">
        <v>0</v>
      </c>
      <c r="CF1256" s="166">
        <v>0</v>
      </c>
      <c r="CG1256" s="166">
        <v>0</v>
      </c>
      <c r="CH1256" s="166">
        <v>0</v>
      </c>
      <c r="CI1256" s="166">
        <v>0</v>
      </c>
      <c r="CJ1256" s="166">
        <v>0</v>
      </c>
      <c r="CK1256" s="166">
        <v>0</v>
      </c>
      <c r="CL1256" s="166">
        <v>0</v>
      </c>
      <c r="CM1256" s="166">
        <v>0</v>
      </c>
      <c r="CN1256" s="166">
        <v>0</v>
      </c>
      <c r="CO1256" s="166">
        <v>0</v>
      </c>
      <c r="CP1256" s="166">
        <v>0</v>
      </c>
      <c r="CQ1256" s="166">
        <v>0</v>
      </c>
      <c r="CR1256" s="166">
        <v>0</v>
      </c>
      <c r="CS1256" s="166">
        <v>0</v>
      </c>
      <c r="CT1256" s="166">
        <v>0</v>
      </c>
      <c r="CU1256" s="166">
        <v>0</v>
      </c>
      <c r="CV1256" s="166">
        <v>0</v>
      </c>
      <c r="CW1256" s="166">
        <v>0</v>
      </c>
      <c r="CX1256" s="166">
        <v>0</v>
      </c>
      <c r="CY1256" s="166">
        <v>43118.002926255504</v>
      </c>
      <c r="CZ1256" s="166">
        <v>43118.002926255504</v>
      </c>
    </row>
    <row r="1257" spans="1:104" x14ac:dyDescent="0.2">
      <c r="A1257" s="167" t="s">
        <v>227</v>
      </c>
      <c r="B1257" s="166">
        <v>33850.301620501603</v>
      </c>
      <c r="C1257" s="166">
        <v>33850.301620501603</v>
      </c>
      <c r="D1257" s="166">
        <v>0</v>
      </c>
      <c r="E1257" s="166">
        <v>0</v>
      </c>
      <c r="F1257" s="166">
        <v>0</v>
      </c>
      <c r="G1257" s="166">
        <v>0</v>
      </c>
      <c r="H1257" s="166">
        <v>0</v>
      </c>
      <c r="I1257" s="166">
        <v>0</v>
      </c>
      <c r="J1257" s="166">
        <v>0</v>
      </c>
      <c r="K1257" s="166">
        <v>0</v>
      </c>
      <c r="L1257" s="166">
        <v>0</v>
      </c>
      <c r="M1257" s="166">
        <v>0</v>
      </c>
      <c r="N1257" s="166">
        <v>0</v>
      </c>
      <c r="O1257" s="166">
        <v>0</v>
      </c>
      <c r="P1257" s="166">
        <v>0</v>
      </c>
      <c r="Q1257" s="166">
        <v>0</v>
      </c>
      <c r="R1257" s="166">
        <v>0</v>
      </c>
      <c r="S1257" s="166">
        <v>0</v>
      </c>
      <c r="T1257" s="166">
        <v>0</v>
      </c>
      <c r="U1257" s="166">
        <v>0</v>
      </c>
      <c r="V1257" s="166">
        <v>0</v>
      </c>
      <c r="W1257" s="166">
        <v>0</v>
      </c>
      <c r="X1257" s="166">
        <v>0</v>
      </c>
      <c r="Y1257" s="166">
        <v>0</v>
      </c>
      <c r="Z1257" s="166">
        <v>0</v>
      </c>
      <c r="AA1257" s="166">
        <v>0</v>
      </c>
      <c r="AB1257" s="166">
        <v>0</v>
      </c>
      <c r="AC1257" s="166">
        <v>0</v>
      </c>
      <c r="AD1257" s="166">
        <v>0</v>
      </c>
      <c r="AE1257" s="166">
        <v>0</v>
      </c>
      <c r="AF1257" s="166">
        <v>0</v>
      </c>
      <c r="AG1257" s="166">
        <v>0</v>
      </c>
      <c r="AH1257" s="166">
        <v>0</v>
      </c>
      <c r="AI1257" s="166">
        <v>0</v>
      </c>
      <c r="AJ1257" s="166">
        <v>0</v>
      </c>
      <c r="AK1257" s="166">
        <v>0</v>
      </c>
      <c r="AL1257" s="166">
        <v>0</v>
      </c>
      <c r="AM1257" s="166">
        <v>0</v>
      </c>
      <c r="AN1257" s="166">
        <v>0</v>
      </c>
      <c r="AO1257" s="166">
        <v>0</v>
      </c>
      <c r="AP1257" s="166">
        <v>0</v>
      </c>
      <c r="AQ1257" s="166">
        <v>0</v>
      </c>
      <c r="AR1257" s="166">
        <v>0</v>
      </c>
      <c r="AS1257" s="166">
        <v>0</v>
      </c>
      <c r="AT1257" s="166">
        <v>0</v>
      </c>
      <c r="AU1257" s="166">
        <v>0</v>
      </c>
      <c r="AV1257" s="166">
        <v>0</v>
      </c>
      <c r="AW1257" s="166">
        <v>0</v>
      </c>
      <c r="AX1257" s="166">
        <v>0</v>
      </c>
      <c r="AY1257" s="166">
        <v>0</v>
      </c>
      <c r="AZ1257" s="166">
        <v>0</v>
      </c>
      <c r="BA1257" s="166">
        <v>0</v>
      </c>
      <c r="BB1257" s="166">
        <v>0</v>
      </c>
      <c r="BC1257" s="166">
        <v>0</v>
      </c>
      <c r="BD1257" s="166">
        <v>0</v>
      </c>
      <c r="BE1257" s="166">
        <v>0</v>
      </c>
      <c r="BF1257" s="166">
        <v>0</v>
      </c>
      <c r="BG1257" s="166">
        <v>0</v>
      </c>
      <c r="BH1257" s="166">
        <v>0</v>
      </c>
      <c r="BI1257" s="166">
        <v>0</v>
      </c>
      <c r="BJ1257" s="166">
        <v>0</v>
      </c>
      <c r="BK1257" s="166">
        <v>0</v>
      </c>
      <c r="BL1257" s="166">
        <v>0</v>
      </c>
      <c r="BM1257" s="166">
        <v>0</v>
      </c>
      <c r="BN1257" s="166">
        <v>0</v>
      </c>
      <c r="BO1257" s="166">
        <v>0</v>
      </c>
      <c r="BP1257" s="166">
        <v>0</v>
      </c>
      <c r="BQ1257" s="166">
        <v>0</v>
      </c>
      <c r="BR1257" s="166">
        <v>33850.301620501603</v>
      </c>
      <c r="BS1257" s="166">
        <v>33850.301620501603</v>
      </c>
      <c r="BT1257" s="166">
        <v>1000</v>
      </c>
      <c r="BU1257" s="166">
        <v>1637.34660245282</v>
      </c>
      <c r="BV1257" s="166">
        <v>33850.301620501603</v>
      </c>
      <c r="BW1257" s="166">
        <v>0</v>
      </c>
      <c r="BX1257" s="166">
        <v>0</v>
      </c>
      <c r="BY1257" s="166">
        <v>0</v>
      </c>
      <c r="BZ1257" s="166">
        <v>0</v>
      </c>
      <c r="CA1257" s="166">
        <v>0</v>
      </c>
      <c r="CB1257" s="166">
        <v>0</v>
      </c>
      <c r="CC1257" s="166">
        <v>0</v>
      </c>
      <c r="CD1257" s="166">
        <v>0</v>
      </c>
      <c r="CE1257" s="166">
        <v>0</v>
      </c>
      <c r="CF1257" s="166">
        <v>0</v>
      </c>
      <c r="CG1257" s="166">
        <v>0</v>
      </c>
      <c r="CH1257" s="166">
        <v>0</v>
      </c>
      <c r="CI1257" s="166">
        <v>0</v>
      </c>
      <c r="CJ1257" s="166">
        <v>0</v>
      </c>
      <c r="CK1257" s="166">
        <v>0</v>
      </c>
      <c r="CL1257" s="166">
        <v>0</v>
      </c>
      <c r="CM1257" s="166">
        <v>0</v>
      </c>
      <c r="CN1257" s="166">
        <v>0</v>
      </c>
      <c r="CO1257" s="166">
        <v>0</v>
      </c>
      <c r="CP1257" s="166">
        <v>0</v>
      </c>
      <c r="CQ1257" s="166">
        <v>0</v>
      </c>
      <c r="CR1257" s="166">
        <v>0</v>
      </c>
      <c r="CS1257" s="166">
        <v>0</v>
      </c>
      <c r="CT1257" s="166">
        <v>0</v>
      </c>
      <c r="CU1257" s="166">
        <v>0</v>
      </c>
      <c r="CV1257" s="166">
        <v>0</v>
      </c>
      <c r="CW1257" s="166">
        <v>0</v>
      </c>
      <c r="CX1257" s="166">
        <v>0</v>
      </c>
      <c r="CY1257" s="166">
        <v>33850.301620501603</v>
      </c>
      <c r="CZ1257" s="166">
        <v>33850.301620501603</v>
      </c>
    </row>
    <row r="1258" spans="1:104" x14ac:dyDescent="0.2">
      <c r="A1258" s="167" t="s">
        <v>1082</v>
      </c>
      <c r="B1258" s="166">
        <v>4775856.0311124902</v>
      </c>
      <c r="C1258" s="166">
        <v>4775856.0311124902</v>
      </c>
      <c r="D1258" s="166">
        <v>0</v>
      </c>
      <c r="E1258" s="166">
        <v>0</v>
      </c>
      <c r="F1258" s="166">
        <v>0</v>
      </c>
      <c r="G1258" s="166">
        <v>0</v>
      </c>
      <c r="H1258" s="166">
        <v>0</v>
      </c>
      <c r="I1258" s="166">
        <v>0</v>
      </c>
      <c r="J1258" s="166">
        <v>0</v>
      </c>
      <c r="K1258" s="166">
        <v>0</v>
      </c>
      <c r="L1258" s="166">
        <v>0</v>
      </c>
      <c r="M1258" s="166">
        <v>0</v>
      </c>
      <c r="N1258" s="166">
        <v>0</v>
      </c>
      <c r="O1258" s="166">
        <v>0</v>
      </c>
      <c r="P1258" s="166">
        <v>0</v>
      </c>
      <c r="Q1258" s="166">
        <v>0</v>
      </c>
      <c r="R1258" s="166">
        <v>0</v>
      </c>
      <c r="S1258" s="166">
        <v>0</v>
      </c>
      <c r="T1258" s="166">
        <v>0</v>
      </c>
      <c r="U1258" s="166">
        <v>0</v>
      </c>
      <c r="V1258" s="166">
        <v>0</v>
      </c>
      <c r="W1258" s="166">
        <v>0</v>
      </c>
      <c r="X1258" s="166">
        <v>0</v>
      </c>
      <c r="Y1258" s="166">
        <v>0</v>
      </c>
      <c r="Z1258" s="166">
        <v>0</v>
      </c>
      <c r="AA1258" s="166">
        <v>0</v>
      </c>
      <c r="AB1258" s="166">
        <v>0</v>
      </c>
      <c r="AC1258" s="166">
        <v>0</v>
      </c>
      <c r="AD1258" s="166">
        <v>0</v>
      </c>
      <c r="AE1258" s="166">
        <v>0</v>
      </c>
      <c r="AF1258" s="166">
        <v>0</v>
      </c>
      <c r="AG1258" s="166">
        <v>0</v>
      </c>
      <c r="AH1258" s="166">
        <v>0</v>
      </c>
      <c r="AI1258" s="166">
        <v>0</v>
      </c>
      <c r="AJ1258" s="166">
        <v>0</v>
      </c>
      <c r="AK1258" s="166">
        <v>0</v>
      </c>
      <c r="AL1258" s="166">
        <v>0</v>
      </c>
      <c r="AM1258" s="166">
        <v>0</v>
      </c>
      <c r="AN1258" s="166">
        <v>0</v>
      </c>
      <c r="AO1258" s="166">
        <v>0</v>
      </c>
      <c r="AP1258" s="166">
        <v>0</v>
      </c>
      <c r="AQ1258" s="166">
        <v>0</v>
      </c>
      <c r="AR1258" s="166">
        <v>0</v>
      </c>
      <c r="AS1258" s="166">
        <v>0</v>
      </c>
      <c r="AT1258" s="166">
        <v>0</v>
      </c>
      <c r="AU1258" s="166">
        <v>0</v>
      </c>
      <c r="AV1258" s="166">
        <v>0</v>
      </c>
      <c r="AW1258" s="166">
        <v>0</v>
      </c>
      <c r="AX1258" s="166">
        <v>0</v>
      </c>
      <c r="AY1258" s="166">
        <v>0</v>
      </c>
      <c r="AZ1258" s="166">
        <v>0</v>
      </c>
      <c r="BA1258" s="166">
        <v>0</v>
      </c>
      <c r="BB1258" s="166">
        <v>0</v>
      </c>
      <c r="BC1258" s="166">
        <v>0</v>
      </c>
      <c r="BD1258" s="166">
        <v>0</v>
      </c>
      <c r="BE1258" s="166">
        <v>0</v>
      </c>
      <c r="BF1258" s="166">
        <v>0</v>
      </c>
      <c r="BG1258" s="166">
        <v>0</v>
      </c>
      <c r="BH1258" s="166">
        <v>0</v>
      </c>
      <c r="BI1258" s="166">
        <v>0</v>
      </c>
      <c r="BJ1258" s="166">
        <v>0</v>
      </c>
      <c r="BK1258" s="166">
        <v>0</v>
      </c>
      <c r="BL1258" s="166">
        <v>0</v>
      </c>
      <c r="BM1258" s="166">
        <v>0</v>
      </c>
      <c r="BN1258" s="166">
        <v>0</v>
      </c>
      <c r="BO1258" s="166">
        <v>0</v>
      </c>
      <c r="BP1258" s="166">
        <v>0</v>
      </c>
      <c r="BQ1258" s="166">
        <v>0</v>
      </c>
      <c r="BR1258" s="166">
        <v>4775856.0311124902</v>
      </c>
      <c r="BS1258" s="166">
        <v>4775856.0311124902</v>
      </c>
      <c r="BT1258" s="168">
        <v>0.70897047844185501</v>
      </c>
      <c r="BU1258" s="166">
        <v>170324.89925204901</v>
      </c>
      <c r="BV1258" s="166">
        <v>3385940.93534724</v>
      </c>
      <c r="BW1258" s="166">
        <v>0</v>
      </c>
      <c r="BX1258" s="166">
        <v>0</v>
      </c>
      <c r="BY1258" s="166">
        <v>0</v>
      </c>
      <c r="BZ1258" s="166">
        <v>0</v>
      </c>
      <c r="CA1258" s="166">
        <v>0</v>
      </c>
      <c r="CB1258" s="166">
        <v>0</v>
      </c>
      <c r="CC1258" s="166">
        <v>0</v>
      </c>
      <c r="CD1258" s="166">
        <v>0</v>
      </c>
      <c r="CE1258" s="166">
        <v>0</v>
      </c>
      <c r="CF1258" s="166">
        <v>0</v>
      </c>
      <c r="CG1258" s="166">
        <v>0</v>
      </c>
      <c r="CH1258" s="166">
        <v>0</v>
      </c>
      <c r="CI1258" s="166">
        <v>0</v>
      </c>
      <c r="CJ1258" s="166">
        <v>0</v>
      </c>
      <c r="CK1258" s="166">
        <v>0</v>
      </c>
      <c r="CL1258" s="166">
        <v>0</v>
      </c>
      <c r="CM1258" s="166">
        <v>0</v>
      </c>
      <c r="CN1258" s="166">
        <v>0</v>
      </c>
      <c r="CO1258" s="166">
        <v>0</v>
      </c>
      <c r="CP1258" s="166">
        <v>0</v>
      </c>
      <c r="CQ1258" s="166">
        <v>0</v>
      </c>
      <c r="CR1258" s="166">
        <v>0</v>
      </c>
      <c r="CS1258" s="166">
        <v>0</v>
      </c>
      <c r="CT1258" s="166">
        <v>0</v>
      </c>
      <c r="CU1258" s="166">
        <v>0</v>
      </c>
      <c r="CV1258" s="166">
        <v>0</v>
      </c>
      <c r="CW1258" s="166">
        <v>0</v>
      </c>
      <c r="CX1258" s="166">
        <v>0</v>
      </c>
      <c r="CY1258" s="166">
        <v>3385940.93534724</v>
      </c>
      <c r="CZ1258" s="166">
        <v>3385940.93534724</v>
      </c>
    </row>
    <row r="1259" spans="1:104" x14ac:dyDescent="0.2">
      <c r="A1259" s="167" t="s">
        <v>1083</v>
      </c>
      <c r="B1259" s="166">
        <v>4927268.5399999898</v>
      </c>
      <c r="C1259" s="166">
        <v>4927268.5399999898</v>
      </c>
      <c r="D1259" s="166">
        <v>0</v>
      </c>
      <c r="E1259" s="166">
        <v>0</v>
      </c>
      <c r="F1259" s="166">
        <v>0</v>
      </c>
      <c r="G1259" s="166">
        <v>0</v>
      </c>
      <c r="H1259" s="166">
        <v>0</v>
      </c>
      <c r="I1259" s="166">
        <v>0</v>
      </c>
      <c r="J1259" s="166">
        <v>0</v>
      </c>
      <c r="K1259" s="166">
        <v>0</v>
      </c>
      <c r="L1259" s="166">
        <v>0</v>
      </c>
      <c r="M1259" s="166">
        <v>0</v>
      </c>
      <c r="N1259" s="166">
        <v>0</v>
      </c>
      <c r="O1259" s="166">
        <v>0</v>
      </c>
      <c r="P1259" s="166">
        <v>0</v>
      </c>
      <c r="Q1259" s="166">
        <v>0</v>
      </c>
      <c r="R1259" s="166">
        <v>0</v>
      </c>
      <c r="S1259" s="166">
        <v>0</v>
      </c>
      <c r="T1259" s="166">
        <v>0</v>
      </c>
      <c r="U1259" s="166">
        <v>0</v>
      </c>
      <c r="V1259" s="166">
        <v>0</v>
      </c>
      <c r="W1259" s="166">
        <v>0</v>
      </c>
      <c r="X1259" s="166">
        <v>0</v>
      </c>
      <c r="Y1259" s="166">
        <v>0</v>
      </c>
      <c r="Z1259" s="166">
        <v>0</v>
      </c>
      <c r="AA1259" s="166">
        <v>0</v>
      </c>
      <c r="AB1259" s="166">
        <v>0</v>
      </c>
      <c r="AC1259" s="166">
        <v>0</v>
      </c>
      <c r="AD1259" s="166">
        <v>0</v>
      </c>
      <c r="AE1259" s="166">
        <v>0</v>
      </c>
      <c r="AF1259" s="166">
        <v>0</v>
      </c>
      <c r="AG1259" s="166">
        <v>0</v>
      </c>
      <c r="AH1259" s="166">
        <v>0</v>
      </c>
      <c r="AI1259" s="166">
        <v>0</v>
      </c>
      <c r="AJ1259" s="166">
        <v>0</v>
      </c>
      <c r="AK1259" s="166">
        <v>0</v>
      </c>
      <c r="AL1259" s="166">
        <v>0</v>
      </c>
      <c r="AM1259" s="166">
        <v>0</v>
      </c>
      <c r="AN1259" s="166">
        <v>0</v>
      </c>
      <c r="AO1259" s="166">
        <v>0</v>
      </c>
      <c r="AP1259" s="166">
        <v>0</v>
      </c>
      <c r="AQ1259" s="166">
        <v>0</v>
      </c>
      <c r="AR1259" s="166">
        <v>0</v>
      </c>
      <c r="AS1259" s="166">
        <v>0</v>
      </c>
      <c r="AT1259" s="166">
        <v>0</v>
      </c>
      <c r="AU1259" s="166">
        <v>0</v>
      </c>
      <c r="AV1259" s="166">
        <v>0</v>
      </c>
      <c r="AW1259" s="166">
        <v>0</v>
      </c>
      <c r="AX1259" s="166">
        <v>0</v>
      </c>
      <c r="AY1259" s="166">
        <v>0</v>
      </c>
      <c r="AZ1259" s="166">
        <v>0</v>
      </c>
      <c r="BA1259" s="166">
        <v>0</v>
      </c>
      <c r="BB1259" s="166">
        <v>0</v>
      </c>
      <c r="BC1259" s="166">
        <v>0</v>
      </c>
      <c r="BD1259" s="166">
        <v>0</v>
      </c>
      <c r="BE1259" s="166">
        <v>0</v>
      </c>
      <c r="BF1259" s="166">
        <v>0</v>
      </c>
      <c r="BG1259" s="166">
        <v>0</v>
      </c>
      <c r="BH1259" s="166">
        <v>0</v>
      </c>
      <c r="BI1259" s="166">
        <v>0</v>
      </c>
      <c r="BJ1259" s="166">
        <v>0</v>
      </c>
      <c r="BK1259" s="166">
        <v>0</v>
      </c>
      <c r="BL1259" s="166">
        <v>0</v>
      </c>
      <c r="BM1259" s="166">
        <v>0</v>
      </c>
      <c r="BN1259" s="166">
        <v>0</v>
      </c>
      <c r="BO1259" s="166">
        <v>0</v>
      </c>
      <c r="BP1259" s="166">
        <v>0</v>
      </c>
      <c r="BQ1259" s="166">
        <v>0</v>
      </c>
      <c r="BR1259" s="166">
        <v>4927268.5399999898</v>
      </c>
      <c r="BS1259" s="166">
        <v>4927268.54</v>
      </c>
      <c r="BT1259" s="168">
        <v>0</v>
      </c>
      <c r="BU1259" s="166">
        <v>177628.94037913199</v>
      </c>
      <c r="BV1259" s="166">
        <v>3536943.7803343199</v>
      </c>
      <c r="BW1259" s="166">
        <v>0</v>
      </c>
      <c r="BX1259" s="166">
        <v>0</v>
      </c>
      <c r="BY1259" s="166">
        <v>0</v>
      </c>
      <c r="BZ1259" s="166">
        <v>0</v>
      </c>
      <c r="CA1259" s="166">
        <v>0</v>
      </c>
      <c r="CB1259" s="166">
        <v>0</v>
      </c>
      <c r="CC1259" s="166">
        <v>0</v>
      </c>
      <c r="CD1259" s="166">
        <v>0</v>
      </c>
      <c r="CE1259" s="166">
        <v>0</v>
      </c>
      <c r="CF1259" s="166">
        <v>0</v>
      </c>
      <c r="CG1259" s="166">
        <v>0</v>
      </c>
      <c r="CH1259" s="166">
        <v>0</v>
      </c>
      <c r="CI1259" s="166">
        <v>0</v>
      </c>
      <c r="CJ1259" s="166">
        <v>0</v>
      </c>
      <c r="CK1259" s="166">
        <v>0</v>
      </c>
      <c r="CL1259" s="166">
        <v>0</v>
      </c>
      <c r="CM1259" s="166">
        <v>0</v>
      </c>
      <c r="CN1259" s="166">
        <v>0</v>
      </c>
      <c r="CO1259" s="166">
        <v>0</v>
      </c>
      <c r="CP1259" s="166">
        <v>0</v>
      </c>
      <c r="CQ1259" s="166">
        <v>0</v>
      </c>
      <c r="CR1259" s="166">
        <v>0</v>
      </c>
      <c r="CS1259" s="166">
        <v>0</v>
      </c>
      <c r="CT1259" s="166">
        <v>0</v>
      </c>
      <c r="CU1259" s="166">
        <v>0</v>
      </c>
      <c r="CV1259" s="166">
        <v>0</v>
      </c>
      <c r="CW1259" s="166">
        <v>0</v>
      </c>
      <c r="CX1259" s="166">
        <v>0</v>
      </c>
      <c r="CY1259" s="166">
        <v>3536943.7803343199</v>
      </c>
      <c r="CZ1259" s="166">
        <v>3536943.7803343199</v>
      </c>
    </row>
    <row r="1260" spans="1:104" x14ac:dyDescent="0.2">
      <c r="A1260" s="167" t="s">
        <v>230</v>
      </c>
    </row>
    <row r="1261" spans="1:104" x14ac:dyDescent="0.2">
      <c r="A1261" s="167" t="s">
        <v>231</v>
      </c>
      <c r="B1261" s="166">
        <v>430000</v>
      </c>
      <c r="C1261" s="166">
        <v>430000</v>
      </c>
      <c r="D1261" s="166">
        <v>0</v>
      </c>
      <c r="E1261" s="166">
        <v>0</v>
      </c>
      <c r="F1261" s="166">
        <v>0</v>
      </c>
      <c r="G1261" s="166">
        <v>0</v>
      </c>
      <c r="H1261" s="166">
        <v>0</v>
      </c>
      <c r="I1261" s="166">
        <v>0</v>
      </c>
      <c r="J1261" s="166">
        <v>0</v>
      </c>
      <c r="K1261" s="166">
        <v>0</v>
      </c>
      <c r="L1261" s="166">
        <v>0</v>
      </c>
      <c r="M1261" s="166">
        <v>0</v>
      </c>
      <c r="N1261" s="166">
        <v>0</v>
      </c>
      <c r="O1261" s="166">
        <v>0</v>
      </c>
      <c r="P1261" s="166">
        <v>0</v>
      </c>
      <c r="Q1261" s="166">
        <v>0</v>
      </c>
      <c r="R1261" s="166">
        <v>0</v>
      </c>
      <c r="S1261" s="166">
        <v>0</v>
      </c>
      <c r="T1261" s="166">
        <v>0</v>
      </c>
      <c r="U1261" s="166">
        <v>0</v>
      </c>
      <c r="V1261" s="166">
        <v>0</v>
      </c>
      <c r="W1261" s="166">
        <v>0</v>
      </c>
      <c r="X1261" s="166">
        <v>0</v>
      </c>
      <c r="Y1261" s="166">
        <v>0</v>
      </c>
      <c r="Z1261" s="166">
        <v>0</v>
      </c>
      <c r="AA1261" s="166">
        <v>0</v>
      </c>
      <c r="AB1261" s="166">
        <v>0</v>
      </c>
      <c r="AC1261" s="166">
        <v>0</v>
      </c>
      <c r="AD1261" s="166">
        <v>0</v>
      </c>
      <c r="AE1261" s="166">
        <v>0</v>
      </c>
      <c r="AF1261" s="166">
        <v>0</v>
      </c>
      <c r="AG1261" s="166">
        <v>0</v>
      </c>
      <c r="AH1261" s="166">
        <v>0</v>
      </c>
      <c r="AI1261" s="166">
        <v>0</v>
      </c>
      <c r="AJ1261" s="166">
        <v>0</v>
      </c>
      <c r="AK1261" s="166">
        <v>0</v>
      </c>
      <c r="AL1261" s="166">
        <v>0</v>
      </c>
      <c r="AM1261" s="166">
        <v>0</v>
      </c>
      <c r="AN1261" s="166">
        <v>0</v>
      </c>
      <c r="AO1261" s="166">
        <v>0</v>
      </c>
      <c r="AP1261" s="166">
        <v>0</v>
      </c>
      <c r="AQ1261" s="166">
        <v>0</v>
      </c>
      <c r="AR1261" s="166">
        <v>0</v>
      </c>
      <c r="AS1261" s="166">
        <v>0</v>
      </c>
      <c r="AT1261" s="166">
        <v>0</v>
      </c>
      <c r="AU1261" s="166">
        <v>0</v>
      </c>
      <c r="AV1261" s="166">
        <v>0</v>
      </c>
      <c r="AW1261" s="166">
        <v>0</v>
      </c>
      <c r="AX1261" s="166">
        <v>0</v>
      </c>
      <c r="AY1261" s="166">
        <v>0</v>
      </c>
      <c r="AZ1261" s="166">
        <v>0</v>
      </c>
      <c r="BA1261" s="166">
        <v>0</v>
      </c>
      <c r="BB1261" s="166">
        <v>0</v>
      </c>
      <c r="BC1261" s="166">
        <v>0</v>
      </c>
      <c r="BD1261" s="166">
        <v>0</v>
      </c>
      <c r="BE1261" s="166">
        <v>0</v>
      </c>
      <c r="BF1261" s="166">
        <v>0</v>
      </c>
      <c r="BG1261" s="166">
        <v>0</v>
      </c>
      <c r="BH1261" s="166">
        <v>0</v>
      </c>
      <c r="BI1261" s="166">
        <v>0</v>
      </c>
      <c r="BJ1261" s="166">
        <v>0</v>
      </c>
      <c r="BK1261" s="166">
        <v>0</v>
      </c>
      <c r="BL1261" s="166">
        <v>0</v>
      </c>
      <c r="BM1261" s="166">
        <v>0</v>
      </c>
      <c r="BN1261" s="166">
        <v>0</v>
      </c>
      <c r="BO1261" s="166">
        <v>0</v>
      </c>
      <c r="BP1261" s="166">
        <v>0</v>
      </c>
      <c r="BQ1261" s="166">
        <v>0</v>
      </c>
      <c r="BR1261" s="166">
        <v>430000</v>
      </c>
      <c r="BS1261" s="166">
        <v>430000</v>
      </c>
      <c r="BT1261" s="168">
        <v>0.70897047844185501</v>
      </c>
      <c r="BU1261" s="166">
        <v>8862.1309805231995</v>
      </c>
      <c r="BV1261" s="166">
        <v>304857.30572999798</v>
      </c>
      <c r="BW1261" s="166">
        <v>0</v>
      </c>
      <c r="BX1261" s="166">
        <v>0</v>
      </c>
      <c r="BY1261" s="166">
        <v>0</v>
      </c>
      <c r="BZ1261" s="166">
        <v>0</v>
      </c>
      <c r="CA1261" s="166">
        <v>0</v>
      </c>
      <c r="CB1261" s="166">
        <v>0</v>
      </c>
      <c r="CC1261" s="166">
        <v>0</v>
      </c>
      <c r="CD1261" s="166">
        <v>0</v>
      </c>
      <c r="CE1261" s="166">
        <v>0</v>
      </c>
      <c r="CF1261" s="166">
        <v>0</v>
      </c>
      <c r="CG1261" s="166">
        <v>0</v>
      </c>
      <c r="CH1261" s="166">
        <v>0</v>
      </c>
      <c r="CI1261" s="166">
        <v>0</v>
      </c>
      <c r="CJ1261" s="166">
        <v>0</v>
      </c>
      <c r="CK1261" s="166">
        <v>0</v>
      </c>
      <c r="CL1261" s="166">
        <v>0</v>
      </c>
      <c r="CM1261" s="166">
        <v>0</v>
      </c>
      <c r="CN1261" s="166">
        <v>0</v>
      </c>
      <c r="CO1261" s="166">
        <v>0</v>
      </c>
      <c r="CP1261" s="166">
        <v>0</v>
      </c>
      <c r="CQ1261" s="166">
        <v>0</v>
      </c>
      <c r="CR1261" s="166">
        <v>0</v>
      </c>
      <c r="CS1261" s="166">
        <v>0</v>
      </c>
      <c r="CT1261" s="166">
        <v>0</v>
      </c>
      <c r="CU1261" s="166">
        <v>0</v>
      </c>
      <c r="CV1261" s="166">
        <v>0</v>
      </c>
      <c r="CW1261" s="166">
        <v>0</v>
      </c>
      <c r="CX1261" s="166">
        <v>0</v>
      </c>
      <c r="CY1261" s="166">
        <v>304857.30572999798</v>
      </c>
      <c r="CZ1261" s="166">
        <v>304857.30572999798</v>
      </c>
    </row>
    <row r="1262" spans="1:104" x14ac:dyDescent="0.2">
      <c r="A1262" s="170" t="s">
        <v>232</v>
      </c>
      <c r="B1262" s="166">
        <v>18606944.999999899</v>
      </c>
      <c r="C1262" s="166">
        <v>18606944.999999899</v>
      </c>
      <c r="D1262" s="166">
        <v>0</v>
      </c>
      <c r="E1262" s="166">
        <v>0</v>
      </c>
      <c r="F1262" s="166">
        <v>0</v>
      </c>
      <c r="G1262" s="166">
        <v>0</v>
      </c>
      <c r="H1262" s="166">
        <v>0</v>
      </c>
      <c r="I1262" s="166">
        <v>0</v>
      </c>
      <c r="J1262" s="166">
        <v>0</v>
      </c>
      <c r="K1262" s="166">
        <v>0</v>
      </c>
      <c r="L1262" s="166">
        <v>0</v>
      </c>
      <c r="M1262" s="166">
        <v>0</v>
      </c>
      <c r="N1262" s="166">
        <v>0</v>
      </c>
      <c r="O1262" s="166">
        <v>0</v>
      </c>
      <c r="P1262" s="166">
        <v>0</v>
      </c>
      <c r="Q1262" s="166">
        <v>0</v>
      </c>
      <c r="R1262" s="166">
        <v>0</v>
      </c>
      <c r="S1262" s="166">
        <v>0</v>
      </c>
      <c r="T1262" s="166">
        <v>0</v>
      </c>
      <c r="U1262" s="166">
        <v>0</v>
      </c>
      <c r="V1262" s="166">
        <v>0</v>
      </c>
      <c r="W1262" s="166">
        <v>0</v>
      </c>
      <c r="X1262" s="166">
        <v>0</v>
      </c>
      <c r="Y1262" s="166">
        <v>0</v>
      </c>
      <c r="Z1262" s="166">
        <v>0</v>
      </c>
      <c r="AA1262" s="166">
        <v>0</v>
      </c>
      <c r="AB1262" s="166">
        <v>0</v>
      </c>
      <c r="AC1262" s="166">
        <v>0</v>
      </c>
      <c r="AD1262" s="166">
        <v>0</v>
      </c>
      <c r="AE1262" s="166">
        <v>0</v>
      </c>
      <c r="AF1262" s="166">
        <v>0</v>
      </c>
      <c r="AG1262" s="166">
        <v>0</v>
      </c>
      <c r="AH1262" s="166">
        <v>0</v>
      </c>
      <c r="AI1262" s="166">
        <v>0</v>
      </c>
      <c r="AJ1262" s="166">
        <v>0</v>
      </c>
      <c r="AK1262" s="166">
        <v>0</v>
      </c>
      <c r="AL1262" s="166">
        <v>0</v>
      </c>
      <c r="AM1262" s="166">
        <v>0</v>
      </c>
      <c r="AN1262" s="166">
        <v>0</v>
      </c>
      <c r="AO1262" s="166">
        <v>0</v>
      </c>
      <c r="AP1262" s="166">
        <v>0</v>
      </c>
      <c r="AQ1262" s="166">
        <v>0</v>
      </c>
      <c r="AR1262" s="166">
        <v>0</v>
      </c>
      <c r="AS1262" s="166">
        <v>0</v>
      </c>
      <c r="AT1262" s="166">
        <v>0</v>
      </c>
      <c r="AU1262" s="166">
        <v>0</v>
      </c>
      <c r="AV1262" s="166">
        <v>0</v>
      </c>
      <c r="AW1262" s="166">
        <v>0</v>
      </c>
      <c r="AX1262" s="166">
        <v>0</v>
      </c>
      <c r="AY1262" s="166">
        <v>0</v>
      </c>
      <c r="AZ1262" s="166">
        <v>0</v>
      </c>
      <c r="BA1262" s="166">
        <v>0</v>
      </c>
      <c r="BB1262" s="166">
        <v>0</v>
      </c>
      <c r="BC1262" s="166">
        <v>0</v>
      </c>
      <c r="BD1262" s="166">
        <v>0</v>
      </c>
      <c r="BE1262" s="166">
        <v>0</v>
      </c>
      <c r="BF1262" s="166">
        <v>0</v>
      </c>
      <c r="BG1262" s="166">
        <v>0</v>
      </c>
      <c r="BH1262" s="166">
        <v>0</v>
      </c>
      <c r="BI1262" s="166">
        <v>0</v>
      </c>
      <c r="BJ1262" s="166">
        <v>0</v>
      </c>
      <c r="BK1262" s="166">
        <v>0</v>
      </c>
      <c r="BL1262" s="166">
        <v>0</v>
      </c>
      <c r="BM1262" s="166">
        <v>0</v>
      </c>
      <c r="BN1262" s="166">
        <v>0</v>
      </c>
      <c r="BO1262" s="166">
        <v>0</v>
      </c>
      <c r="BP1262" s="166">
        <v>0</v>
      </c>
      <c r="BQ1262" s="166">
        <v>0</v>
      </c>
      <c r="BR1262" s="166">
        <v>18606944.999999899</v>
      </c>
      <c r="BS1262" s="166">
        <v>18606945</v>
      </c>
      <c r="BT1262" s="168">
        <v>0</v>
      </c>
      <c r="BU1262" s="166">
        <v>1495876.5551987099</v>
      </c>
      <c r="BV1262" s="166">
        <v>13250524.850535801</v>
      </c>
      <c r="BW1262" s="166">
        <v>0</v>
      </c>
      <c r="BX1262" s="166">
        <v>0</v>
      </c>
      <c r="BY1262" s="166">
        <v>0</v>
      </c>
      <c r="BZ1262" s="166">
        <v>0</v>
      </c>
      <c r="CA1262" s="166">
        <v>0</v>
      </c>
      <c r="CB1262" s="166">
        <v>0</v>
      </c>
      <c r="CC1262" s="166">
        <v>0</v>
      </c>
      <c r="CD1262" s="166">
        <v>0</v>
      </c>
      <c r="CE1262" s="166">
        <v>0</v>
      </c>
      <c r="CF1262" s="166">
        <v>0</v>
      </c>
      <c r="CG1262" s="166">
        <v>0</v>
      </c>
      <c r="CH1262" s="166">
        <v>0</v>
      </c>
      <c r="CI1262" s="166">
        <v>0</v>
      </c>
      <c r="CJ1262" s="166">
        <v>0</v>
      </c>
      <c r="CK1262" s="166">
        <v>0</v>
      </c>
      <c r="CL1262" s="166">
        <v>0</v>
      </c>
      <c r="CM1262" s="166">
        <v>0</v>
      </c>
      <c r="CN1262" s="166">
        <v>0</v>
      </c>
      <c r="CO1262" s="166">
        <v>0</v>
      </c>
      <c r="CP1262" s="166">
        <v>0</v>
      </c>
      <c r="CQ1262" s="166">
        <v>0</v>
      </c>
      <c r="CR1262" s="166">
        <v>0</v>
      </c>
      <c r="CS1262" s="166">
        <v>0</v>
      </c>
      <c r="CT1262" s="166">
        <v>0</v>
      </c>
      <c r="CU1262" s="166">
        <v>0</v>
      </c>
      <c r="CV1262" s="166">
        <v>0</v>
      </c>
      <c r="CW1262" s="166">
        <v>0</v>
      </c>
      <c r="CX1262" s="166">
        <v>0</v>
      </c>
      <c r="CY1262" s="166">
        <v>13250524.850535801</v>
      </c>
      <c r="CZ1262" s="166">
        <v>13250524.850535801</v>
      </c>
    </row>
    <row r="1263" spans="1:104" x14ac:dyDescent="0.2">
      <c r="A1263" s="170" t="s">
        <v>233</v>
      </c>
    </row>
    <row r="1264" spans="1:104" x14ac:dyDescent="0.2">
      <c r="A1264" s="167" t="s">
        <v>1084</v>
      </c>
      <c r="B1264" s="166">
        <v>0</v>
      </c>
      <c r="C1264" s="166">
        <v>0</v>
      </c>
      <c r="D1264" s="166">
        <v>0</v>
      </c>
      <c r="E1264" s="166">
        <v>0</v>
      </c>
      <c r="F1264" s="166">
        <v>0</v>
      </c>
      <c r="G1264" s="166">
        <v>0</v>
      </c>
      <c r="H1264" s="166">
        <v>0</v>
      </c>
      <c r="I1264" s="166">
        <v>0</v>
      </c>
      <c r="J1264" s="166">
        <v>0</v>
      </c>
      <c r="K1264" s="166">
        <v>0</v>
      </c>
      <c r="L1264" s="166">
        <v>0</v>
      </c>
      <c r="M1264" s="166">
        <v>0</v>
      </c>
      <c r="N1264" s="166">
        <v>0</v>
      </c>
      <c r="O1264" s="166">
        <v>0</v>
      </c>
      <c r="P1264" s="166">
        <v>0</v>
      </c>
      <c r="Q1264" s="166">
        <v>0</v>
      </c>
      <c r="R1264" s="166">
        <v>0</v>
      </c>
      <c r="S1264" s="166">
        <v>0</v>
      </c>
      <c r="T1264" s="166">
        <v>0</v>
      </c>
      <c r="U1264" s="166">
        <v>0</v>
      </c>
      <c r="V1264" s="166">
        <v>0</v>
      </c>
      <c r="W1264" s="166">
        <v>0</v>
      </c>
      <c r="X1264" s="166">
        <v>0</v>
      </c>
      <c r="Y1264" s="166">
        <v>0</v>
      </c>
      <c r="Z1264" s="166">
        <v>0</v>
      </c>
      <c r="AA1264" s="166">
        <v>0</v>
      </c>
      <c r="AB1264" s="166">
        <v>0</v>
      </c>
      <c r="AC1264" s="166">
        <v>0</v>
      </c>
      <c r="AD1264" s="166">
        <v>0</v>
      </c>
      <c r="AE1264" s="166">
        <v>0</v>
      </c>
      <c r="AF1264" s="166">
        <v>0</v>
      </c>
      <c r="AG1264" s="166">
        <v>0</v>
      </c>
      <c r="AH1264" s="166">
        <v>0</v>
      </c>
      <c r="AI1264" s="166">
        <v>0</v>
      </c>
      <c r="AJ1264" s="166">
        <v>0</v>
      </c>
      <c r="AK1264" s="166">
        <v>0</v>
      </c>
      <c r="AL1264" s="166">
        <v>0</v>
      </c>
      <c r="AM1264" s="166">
        <v>0</v>
      </c>
      <c r="AN1264" s="166">
        <v>0</v>
      </c>
      <c r="AO1264" s="166">
        <v>0</v>
      </c>
      <c r="AP1264" s="166">
        <v>0</v>
      </c>
      <c r="AQ1264" s="166">
        <v>0</v>
      </c>
      <c r="AR1264" s="166">
        <v>0</v>
      </c>
      <c r="AS1264" s="166">
        <v>0</v>
      </c>
      <c r="AT1264" s="166">
        <v>0</v>
      </c>
      <c r="AU1264" s="166">
        <v>0</v>
      </c>
      <c r="AV1264" s="166">
        <v>0</v>
      </c>
      <c r="AW1264" s="166">
        <v>0</v>
      </c>
      <c r="AX1264" s="166">
        <v>0</v>
      </c>
      <c r="AY1264" s="166">
        <v>0</v>
      </c>
      <c r="AZ1264" s="166">
        <v>0</v>
      </c>
      <c r="BA1264" s="166">
        <v>0</v>
      </c>
      <c r="BB1264" s="166">
        <v>0</v>
      </c>
      <c r="BC1264" s="166">
        <v>0</v>
      </c>
      <c r="BD1264" s="166">
        <v>0</v>
      </c>
      <c r="BE1264" s="166">
        <v>0</v>
      </c>
      <c r="BF1264" s="166">
        <v>0</v>
      </c>
      <c r="BG1264" s="166">
        <v>0</v>
      </c>
      <c r="BH1264" s="166">
        <v>0</v>
      </c>
      <c r="BI1264" s="166">
        <v>0</v>
      </c>
      <c r="BJ1264" s="166">
        <v>0</v>
      </c>
      <c r="BK1264" s="166">
        <v>0</v>
      </c>
      <c r="BL1264" s="166">
        <v>0</v>
      </c>
      <c r="BM1264" s="166">
        <v>0</v>
      </c>
      <c r="BN1264" s="166">
        <v>0</v>
      </c>
      <c r="BO1264" s="166">
        <v>0</v>
      </c>
      <c r="BP1264" s="166">
        <v>0</v>
      </c>
      <c r="BQ1264" s="166">
        <v>0</v>
      </c>
      <c r="BR1264" s="166">
        <v>0</v>
      </c>
      <c r="BS1264" s="166">
        <v>0</v>
      </c>
      <c r="BT1264" s="168">
        <v>0.999998128641303</v>
      </c>
      <c r="BU1264" s="166">
        <v>0</v>
      </c>
      <c r="BV1264" s="166">
        <v>0</v>
      </c>
      <c r="BW1264" s="166">
        <v>0</v>
      </c>
      <c r="BX1264" s="166">
        <v>0</v>
      </c>
      <c r="BY1264" s="166">
        <v>0</v>
      </c>
      <c r="BZ1264" s="166">
        <v>0</v>
      </c>
      <c r="CA1264" s="166">
        <v>0</v>
      </c>
      <c r="CB1264" s="166">
        <v>0</v>
      </c>
      <c r="CC1264" s="166">
        <v>0</v>
      </c>
      <c r="CD1264" s="166">
        <v>0</v>
      </c>
      <c r="CE1264" s="166">
        <v>0</v>
      </c>
      <c r="CF1264" s="166">
        <v>0</v>
      </c>
      <c r="CG1264" s="166">
        <v>0</v>
      </c>
      <c r="CH1264" s="166">
        <v>0</v>
      </c>
      <c r="CI1264" s="166">
        <v>0</v>
      </c>
      <c r="CJ1264" s="166">
        <v>0</v>
      </c>
      <c r="CK1264" s="166">
        <v>0</v>
      </c>
      <c r="CL1264" s="166">
        <v>0</v>
      </c>
      <c r="CM1264" s="166">
        <v>0</v>
      </c>
      <c r="CN1264" s="166">
        <v>0</v>
      </c>
      <c r="CO1264" s="166">
        <v>0</v>
      </c>
      <c r="CP1264" s="166">
        <v>0</v>
      </c>
      <c r="CQ1264" s="166">
        <v>0</v>
      </c>
      <c r="CR1264" s="166">
        <v>0</v>
      </c>
      <c r="CS1264" s="166">
        <v>0</v>
      </c>
      <c r="CT1264" s="166">
        <v>0</v>
      </c>
      <c r="CU1264" s="166">
        <v>0</v>
      </c>
      <c r="CV1264" s="166">
        <v>0</v>
      </c>
      <c r="CW1264" s="166">
        <v>0</v>
      </c>
      <c r="CX1264" s="166">
        <v>0</v>
      </c>
      <c r="CY1264" s="166">
        <v>0</v>
      </c>
      <c r="CZ1264" s="166">
        <v>0</v>
      </c>
    </row>
    <row r="1265" spans="1:104" x14ac:dyDescent="0.2">
      <c r="A1265" s="167" t="s">
        <v>1085</v>
      </c>
      <c r="B1265" s="166">
        <v>0</v>
      </c>
      <c r="C1265" s="166">
        <v>0</v>
      </c>
      <c r="D1265" s="166">
        <v>0</v>
      </c>
      <c r="E1265" s="166">
        <v>0</v>
      </c>
      <c r="F1265" s="166">
        <v>0</v>
      </c>
      <c r="G1265" s="166">
        <v>0</v>
      </c>
      <c r="H1265" s="166">
        <v>0</v>
      </c>
      <c r="I1265" s="166">
        <v>0</v>
      </c>
      <c r="J1265" s="166">
        <v>0</v>
      </c>
      <c r="K1265" s="166">
        <v>0</v>
      </c>
      <c r="L1265" s="166">
        <v>0</v>
      </c>
      <c r="M1265" s="166">
        <v>0</v>
      </c>
      <c r="N1265" s="166">
        <v>0</v>
      </c>
      <c r="O1265" s="166">
        <v>0</v>
      </c>
      <c r="P1265" s="166">
        <v>0</v>
      </c>
      <c r="Q1265" s="166">
        <v>0</v>
      </c>
      <c r="R1265" s="166">
        <v>0</v>
      </c>
      <c r="S1265" s="166">
        <v>0</v>
      </c>
      <c r="T1265" s="166">
        <v>0</v>
      </c>
      <c r="U1265" s="166">
        <v>0</v>
      </c>
      <c r="V1265" s="166">
        <v>0</v>
      </c>
      <c r="W1265" s="166">
        <v>0</v>
      </c>
      <c r="X1265" s="166">
        <v>0</v>
      </c>
      <c r="Y1265" s="166">
        <v>0</v>
      </c>
      <c r="Z1265" s="166">
        <v>0</v>
      </c>
      <c r="AA1265" s="166">
        <v>0</v>
      </c>
      <c r="AB1265" s="166">
        <v>0</v>
      </c>
      <c r="AC1265" s="166">
        <v>0</v>
      </c>
      <c r="AD1265" s="166">
        <v>0</v>
      </c>
      <c r="AE1265" s="166">
        <v>0</v>
      </c>
      <c r="AF1265" s="166">
        <v>0</v>
      </c>
      <c r="AG1265" s="166">
        <v>0</v>
      </c>
      <c r="AH1265" s="166">
        <v>0</v>
      </c>
      <c r="AI1265" s="166">
        <v>0</v>
      </c>
      <c r="AJ1265" s="166">
        <v>0</v>
      </c>
      <c r="AK1265" s="166">
        <v>0</v>
      </c>
      <c r="AL1265" s="166">
        <v>0</v>
      </c>
      <c r="AM1265" s="166">
        <v>0</v>
      </c>
      <c r="AN1265" s="166">
        <v>0</v>
      </c>
      <c r="AO1265" s="166">
        <v>0</v>
      </c>
      <c r="AP1265" s="166">
        <v>0</v>
      </c>
      <c r="AQ1265" s="166">
        <v>0</v>
      </c>
      <c r="AR1265" s="166">
        <v>0</v>
      </c>
      <c r="AS1265" s="166">
        <v>0</v>
      </c>
      <c r="AT1265" s="166">
        <v>0</v>
      </c>
      <c r="AU1265" s="166">
        <v>0</v>
      </c>
      <c r="AV1265" s="166">
        <v>0</v>
      </c>
      <c r="AW1265" s="166">
        <v>0</v>
      </c>
      <c r="AX1265" s="166">
        <v>0</v>
      </c>
      <c r="AY1265" s="166">
        <v>0</v>
      </c>
      <c r="AZ1265" s="166">
        <v>0</v>
      </c>
      <c r="BA1265" s="166">
        <v>0</v>
      </c>
      <c r="BB1265" s="166">
        <v>0</v>
      </c>
      <c r="BC1265" s="166">
        <v>0</v>
      </c>
      <c r="BD1265" s="166">
        <v>0</v>
      </c>
      <c r="BE1265" s="166">
        <v>0</v>
      </c>
      <c r="BF1265" s="166">
        <v>0</v>
      </c>
      <c r="BG1265" s="166">
        <v>0</v>
      </c>
      <c r="BH1265" s="166">
        <v>0</v>
      </c>
      <c r="BI1265" s="166">
        <v>0</v>
      </c>
      <c r="BJ1265" s="166">
        <v>0</v>
      </c>
      <c r="BK1265" s="166">
        <v>0</v>
      </c>
      <c r="BL1265" s="166">
        <v>0</v>
      </c>
      <c r="BM1265" s="166">
        <v>0</v>
      </c>
      <c r="BN1265" s="166">
        <v>0</v>
      </c>
      <c r="BO1265" s="166">
        <v>0</v>
      </c>
      <c r="BP1265" s="166">
        <v>0</v>
      </c>
      <c r="BQ1265" s="166">
        <v>0</v>
      </c>
      <c r="BR1265" s="166">
        <v>0</v>
      </c>
      <c r="BS1265" s="166">
        <v>0</v>
      </c>
      <c r="BT1265" s="168">
        <v>0.95155251885650005</v>
      </c>
      <c r="BU1265" s="166">
        <v>0</v>
      </c>
      <c r="BV1265" s="166">
        <v>0</v>
      </c>
      <c r="BW1265" s="166">
        <v>0</v>
      </c>
      <c r="BX1265" s="166">
        <v>0</v>
      </c>
      <c r="BY1265" s="166">
        <v>0</v>
      </c>
      <c r="BZ1265" s="166">
        <v>0</v>
      </c>
      <c r="CA1265" s="166">
        <v>0</v>
      </c>
      <c r="CB1265" s="166">
        <v>0</v>
      </c>
      <c r="CC1265" s="166">
        <v>0</v>
      </c>
      <c r="CD1265" s="166">
        <v>0</v>
      </c>
      <c r="CE1265" s="166">
        <v>0</v>
      </c>
      <c r="CF1265" s="166">
        <v>0</v>
      </c>
      <c r="CG1265" s="166">
        <v>0</v>
      </c>
      <c r="CH1265" s="166">
        <v>0</v>
      </c>
      <c r="CI1265" s="166">
        <v>0</v>
      </c>
      <c r="CJ1265" s="166">
        <v>0</v>
      </c>
      <c r="CK1265" s="166">
        <v>0</v>
      </c>
      <c r="CL1265" s="166">
        <v>0</v>
      </c>
      <c r="CM1265" s="166">
        <v>0</v>
      </c>
      <c r="CN1265" s="166">
        <v>0</v>
      </c>
      <c r="CO1265" s="166">
        <v>0</v>
      </c>
      <c r="CP1265" s="166">
        <v>0</v>
      </c>
      <c r="CQ1265" s="166">
        <v>0</v>
      </c>
      <c r="CR1265" s="166">
        <v>0</v>
      </c>
      <c r="CS1265" s="166">
        <v>0</v>
      </c>
      <c r="CT1265" s="166">
        <v>0</v>
      </c>
      <c r="CU1265" s="166">
        <v>0</v>
      </c>
      <c r="CV1265" s="166">
        <v>0</v>
      </c>
      <c r="CW1265" s="166">
        <v>0</v>
      </c>
      <c r="CX1265" s="166">
        <v>0</v>
      </c>
      <c r="CY1265" s="166">
        <v>0</v>
      </c>
      <c r="CZ1265" s="166">
        <v>0</v>
      </c>
    </row>
    <row r="1266" spans="1:104" x14ac:dyDescent="0.2">
      <c r="A1266" s="167" t="s">
        <v>1086</v>
      </c>
      <c r="B1266" s="166">
        <v>0</v>
      </c>
      <c r="C1266" s="166">
        <v>0</v>
      </c>
      <c r="D1266" s="166">
        <v>0</v>
      </c>
      <c r="E1266" s="166">
        <v>0</v>
      </c>
      <c r="F1266" s="166">
        <v>0</v>
      </c>
      <c r="G1266" s="166">
        <v>0</v>
      </c>
      <c r="H1266" s="166">
        <v>0</v>
      </c>
      <c r="I1266" s="166">
        <v>0</v>
      </c>
      <c r="J1266" s="166">
        <v>0</v>
      </c>
      <c r="K1266" s="166">
        <v>0</v>
      </c>
      <c r="L1266" s="166">
        <v>0</v>
      </c>
      <c r="M1266" s="166">
        <v>0</v>
      </c>
      <c r="N1266" s="166">
        <v>0</v>
      </c>
      <c r="O1266" s="166">
        <v>0</v>
      </c>
      <c r="P1266" s="166">
        <v>0</v>
      </c>
      <c r="Q1266" s="166">
        <v>0</v>
      </c>
      <c r="R1266" s="166">
        <v>0</v>
      </c>
      <c r="S1266" s="166">
        <v>0</v>
      </c>
      <c r="T1266" s="166">
        <v>0</v>
      </c>
      <c r="U1266" s="166">
        <v>0</v>
      </c>
      <c r="V1266" s="166">
        <v>0</v>
      </c>
      <c r="W1266" s="166">
        <v>0</v>
      </c>
      <c r="X1266" s="166">
        <v>0</v>
      </c>
      <c r="Y1266" s="166">
        <v>0</v>
      </c>
      <c r="Z1266" s="166">
        <v>0</v>
      </c>
      <c r="AA1266" s="166">
        <v>0</v>
      </c>
      <c r="AB1266" s="166">
        <v>0</v>
      </c>
      <c r="AC1266" s="166">
        <v>0</v>
      </c>
      <c r="AD1266" s="166">
        <v>0</v>
      </c>
      <c r="AE1266" s="166">
        <v>0</v>
      </c>
      <c r="AF1266" s="166">
        <v>0</v>
      </c>
      <c r="AG1266" s="166">
        <v>0</v>
      </c>
      <c r="AH1266" s="166">
        <v>0</v>
      </c>
      <c r="AI1266" s="166">
        <v>0</v>
      </c>
      <c r="AJ1266" s="166">
        <v>0</v>
      </c>
      <c r="AK1266" s="166">
        <v>0</v>
      </c>
      <c r="AL1266" s="166">
        <v>0</v>
      </c>
      <c r="AM1266" s="166">
        <v>0</v>
      </c>
      <c r="AN1266" s="166">
        <v>0</v>
      </c>
      <c r="AO1266" s="166">
        <v>0</v>
      </c>
      <c r="AP1266" s="166">
        <v>0</v>
      </c>
      <c r="AQ1266" s="166">
        <v>0</v>
      </c>
      <c r="AR1266" s="166">
        <v>0</v>
      </c>
      <c r="AS1266" s="166">
        <v>0</v>
      </c>
      <c r="AT1266" s="166">
        <v>0</v>
      </c>
      <c r="AU1266" s="166">
        <v>0</v>
      </c>
      <c r="AV1266" s="166">
        <v>0</v>
      </c>
      <c r="AW1266" s="166">
        <v>0</v>
      </c>
      <c r="AX1266" s="166">
        <v>0</v>
      </c>
      <c r="AY1266" s="166">
        <v>0</v>
      </c>
      <c r="AZ1266" s="166">
        <v>0</v>
      </c>
      <c r="BA1266" s="166">
        <v>0</v>
      </c>
      <c r="BB1266" s="166">
        <v>0</v>
      </c>
      <c r="BC1266" s="166">
        <v>0</v>
      </c>
      <c r="BD1266" s="166">
        <v>0</v>
      </c>
      <c r="BE1266" s="166">
        <v>0</v>
      </c>
      <c r="BF1266" s="166">
        <v>0</v>
      </c>
      <c r="BG1266" s="166">
        <v>0</v>
      </c>
      <c r="BH1266" s="166">
        <v>0</v>
      </c>
      <c r="BI1266" s="166">
        <v>0</v>
      </c>
      <c r="BJ1266" s="166">
        <v>0</v>
      </c>
      <c r="BK1266" s="166">
        <v>0</v>
      </c>
      <c r="BL1266" s="166">
        <v>0</v>
      </c>
      <c r="BM1266" s="166">
        <v>0</v>
      </c>
      <c r="BN1266" s="166">
        <v>0</v>
      </c>
      <c r="BO1266" s="166">
        <v>0</v>
      </c>
      <c r="BP1266" s="166">
        <v>0</v>
      </c>
      <c r="BQ1266" s="166">
        <v>0</v>
      </c>
      <c r="BR1266" s="166">
        <v>0</v>
      </c>
      <c r="BS1266" s="166">
        <v>0</v>
      </c>
      <c r="BT1266" s="168">
        <v>0.97633653435224499</v>
      </c>
      <c r="BU1266" s="166">
        <v>0</v>
      </c>
      <c r="BV1266" s="166">
        <v>0</v>
      </c>
      <c r="BW1266" s="166">
        <v>0</v>
      </c>
      <c r="BX1266" s="166">
        <v>0</v>
      </c>
      <c r="BY1266" s="166">
        <v>0</v>
      </c>
      <c r="BZ1266" s="166">
        <v>0</v>
      </c>
      <c r="CA1266" s="166">
        <v>0</v>
      </c>
      <c r="CB1266" s="166">
        <v>0</v>
      </c>
      <c r="CC1266" s="166">
        <v>0</v>
      </c>
      <c r="CD1266" s="166">
        <v>0</v>
      </c>
      <c r="CE1266" s="166">
        <v>0</v>
      </c>
      <c r="CF1266" s="166">
        <v>0</v>
      </c>
      <c r="CG1266" s="166">
        <v>0</v>
      </c>
      <c r="CH1266" s="166">
        <v>0</v>
      </c>
      <c r="CI1266" s="166">
        <v>0</v>
      </c>
      <c r="CJ1266" s="166">
        <v>0</v>
      </c>
      <c r="CK1266" s="166">
        <v>0</v>
      </c>
      <c r="CL1266" s="166">
        <v>0</v>
      </c>
      <c r="CM1266" s="166">
        <v>0</v>
      </c>
      <c r="CN1266" s="166">
        <v>0</v>
      </c>
      <c r="CO1266" s="166">
        <v>0</v>
      </c>
      <c r="CP1266" s="166">
        <v>0</v>
      </c>
      <c r="CQ1266" s="166">
        <v>0</v>
      </c>
      <c r="CR1266" s="166">
        <v>0</v>
      </c>
      <c r="CS1266" s="166">
        <v>0</v>
      </c>
      <c r="CT1266" s="166">
        <v>0</v>
      </c>
      <c r="CU1266" s="166">
        <v>0</v>
      </c>
      <c r="CV1266" s="166">
        <v>0</v>
      </c>
      <c r="CW1266" s="166">
        <v>0</v>
      </c>
      <c r="CX1266" s="166">
        <v>0</v>
      </c>
      <c r="CY1266" s="166">
        <v>0</v>
      </c>
      <c r="CZ1266" s="166">
        <v>0</v>
      </c>
    </row>
    <row r="1267" spans="1:104" x14ac:dyDescent="0.2">
      <c r="A1267" s="167" t="s">
        <v>237</v>
      </c>
      <c r="B1267" s="166">
        <v>0</v>
      </c>
      <c r="C1267" s="166">
        <v>0</v>
      </c>
      <c r="D1267" s="166">
        <v>0</v>
      </c>
      <c r="E1267" s="166">
        <v>0</v>
      </c>
      <c r="F1267" s="166">
        <v>0</v>
      </c>
      <c r="G1267" s="166">
        <v>0</v>
      </c>
      <c r="H1267" s="166">
        <v>0</v>
      </c>
      <c r="I1267" s="166">
        <v>0</v>
      </c>
      <c r="J1267" s="166">
        <v>0</v>
      </c>
      <c r="K1267" s="166">
        <v>0</v>
      </c>
      <c r="L1267" s="166">
        <v>0</v>
      </c>
      <c r="M1267" s="166">
        <v>0</v>
      </c>
      <c r="N1267" s="166">
        <v>0</v>
      </c>
      <c r="O1267" s="166">
        <v>0</v>
      </c>
      <c r="P1267" s="166">
        <v>0</v>
      </c>
      <c r="Q1267" s="166">
        <v>0</v>
      </c>
      <c r="R1267" s="166">
        <v>0</v>
      </c>
      <c r="S1267" s="166">
        <v>0</v>
      </c>
      <c r="T1267" s="166">
        <v>0</v>
      </c>
      <c r="U1267" s="166">
        <v>0</v>
      </c>
      <c r="V1267" s="166">
        <v>0</v>
      </c>
      <c r="W1267" s="166">
        <v>0</v>
      </c>
      <c r="X1267" s="166">
        <v>0</v>
      </c>
      <c r="Y1267" s="166">
        <v>0</v>
      </c>
      <c r="Z1267" s="166">
        <v>0</v>
      </c>
      <c r="AA1267" s="166">
        <v>0</v>
      </c>
      <c r="AB1267" s="166">
        <v>0</v>
      </c>
      <c r="AC1267" s="166">
        <v>0</v>
      </c>
      <c r="AD1267" s="166">
        <v>0</v>
      </c>
      <c r="AE1267" s="166">
        <v>0</v>
      </c>
      <c r="AF1267" s="166">
        <v>0</v>
      </c>
      <c r="AG1267" s="166">
        <v>0</v>
      </c>
      <c r="AH1267" s="166">
        <v>0</v>
      </c>
      <c r="AI1267" s="166">
        <v>0</v>
      </c>
      <c r="AJ1267" s="166">
        <v>0</v>
      </c>
      <c r="AK1267" s="166">
        <v>0</v>
      </c>
      <c r="AL1267" s="166">
        <v>0</v>
      </c>
      <c r="AM1267" s="166">
        <v>0</v>
      </c>
      <c r="AN1267" s="166">
        <v>0</v>
      </c>
      <c r="AO1267" s="166">
        <v>0</v>
      </c>
      <c r="AP1267" s="166">
        <v>0</v>
      </c>
      <c r="AQ1267" s="166">
        <v>0</v>
      </c>
      <c r="AR1267" s="166">
        <v>0</v>
      </c>
      <c r="AS1267" s="166">
        <v>0</v>
      </c>
      <c r="AT1267" s="166">
        <v>0</v>
      </c>
      <c r="AU1267" s="166">
        <v>0</v>
      </c>
      <c r="AV1267" s="166">
        <v>0</v>
      </c>
      <c r="AW1267" s="166">
        <v>0</v>
      </c>
      <c r="AX1267" s="166">
        <v>0</v>
      </c>
      <c r="AY1267" s="166">
        <v>0</v>
      </c>
      <c r="AZ1267" s="166">
        <v>0</v>
      </c>
      <c r="BA1267" s="166">
        <v>0</v>
      </c>
      <c r="BB1267" s="166">
        <v>0</v>
      </c>
      <c r="BC1267" s="166">
        <v>0</v>
      </c>
      <c r="BD1267" s="166">
        <v>0</v>
      </c>
      <c r="BE1267" s="166">
        <v>0</v>
      </c>
      <c r="BF1267" s="166">
        <v>0</v>
      </c>
      <c r="BG1267" s="166">
        <v>0</v>
      </c>
      <c r="BH1267" s="166">
        <v>0</v>
      </c>
      <c r="BI1267" s="166">
        <v>0</v>
      </c>
      <c r="BJ1267" s="166">
        <v>0</v>
      </c>
      <c r="BK1267" s="166">
        <v>0</v>
      </c>
      <c r="BL1267" s="166">
        <v>0</v>
      </c>
      <c r="BM1267" s="166">
        <v>0</v>
      </c>
      <c r="BN1267" s="166">
        <v>0</v>
      </c>
      <c r="BO1267" s="166">
        <v>0</v>
      </c>
      <c r="BP1267" s="166">
        <v>0</v>
      </c>
      <c r="BQ1267" s="166">
        <v>0</v>
      </c>
      <c r="BR1267" s="166">
        <v>0</v>
      </c>
      <c r="BS1267" s="166">
        <v>0</v>
      </c>
      <c r="BT1267" s="168">
        <v>0.999998128641303</v>
      </c>
      <c r="BU1267" s="166">
        <v>0</v>
      </c>
      <c r="BV1267" s="166">
        <v>0</v>
      </c>
      <c r="BW1267" s="166">
        <v>0</v>
      </c>
      <c r="BX1267" s="166">
        <v>0</v>
      </c>
      <c r="BY1267" s="166">
        <v>0</v>
      </c>
      <c r="BZ1267" s="166">
        <v>0</v>
      </c>
      <c r="CA1267" s="166">
        <v>0</v>
      </c>
      <c r="CB1267" s="166">
        <v>0</v>
      </c>
      <c r="CC1267" s="166">
        <v>0</v>
      </c>
      <c r="CD1267" s="166">
        <v>0</v>
      </c>
      <c r="CE1267" s="166">
        <v>0</v>
      </c>
      <c r="CF1267" s="166">
        <v>0</v>
      </c>
      <c r="CG1267" s="166">
        <v>0</v>
      </c>
      <c r="CH1267" s="166">
        <v>0</v>
      </c>
      <c r="CI1267" s="166">
        <v>0</v>
      </c>
      <c r="CJ1267" s="166">
        <v>0</v>
      </c>
      <c r="CK1267" s="166">
        <v>0</v>
      </c>
      <c r="CL1267" s="166">
        <v>0</v>
      </c>
      <c r="CM1267" s="166">
        <v>0</v>
      </c>
      <c r="CN1267" s="166">
        <v>0</v>
      </c>
      <c r="CO1267" s="166">
        <v>0</v>
      </c>
      <c r="CP1267" s="166">
        <v>0</v>
      </c>
      <c r="CQ1267" s="166">
        <v>0</v>
      </c>
      <c r="CR1267" s="166">
        <v>0</v>
      </c>
      <c r="CS1267" s="166">
        <v>0</v>
      </c>
      <c r="CT1267" s="166">
        <v>0</v>
      </c>
      <c r="CU1267" s="166">
        <v>0</v>
      </c>
      <c r="CV1267" s="166">
        <v>0</v>
      </c>
      <c r="CW1267" s="166">
        <v>0</v>
      </c>
      <c r="CX1267" s="166">
        <v>0</v>
      </c>
      <c r="CY1267" s="166">
        <v>0</v>
      </c>
      <c r="CZ1267" s="166">
        <v>0</v>
      </c>
    </row>
    <row r="1268" spans="1:104" x14ac:dyDescent="0.2">
      <c r="A1268" s="167" t="s">
        <v>238</v>
      </c>
      <c r="B1268" s="166">
        <v>0</v>
      </c>
      <c r="C1268" s="166">
        <v>0</v>
      </c>
      <c r="D1268" s="166">
        <v>0</v>
      </c>
      <c r="E1268" s="166">
        <v>0</v>
      </c>
      <c r="F1268" s="166">
        <v>0</v>
      </c>
      <c r="G1268" s="166">
        <v>0</v>
      </c>
      <c r="H1268" s="166">
        <v>0</v>
      </c>
      <c r="I1268" s="166">
        <v>0</v>
      </c>
      <c r="J1268" s="166">
        <v>0</v>
      </c>
      <c r="K1268" s="166">
        <v>0</v>
      </c>
      <c r="L1268" s="166">
        <v>0</v>
      </c>
      <c r="M1268" s="166">
        <v>0</v>
      </c>
      <c r="N1268" s="166">
        <v>0</v>
      </c>
      <c r="O1268" s="166">
        <v>0</v>
      </c>
      <c r="P1268" s="166">
        <v>0</v>
      </c>
      <c r="Q1268" s="166">
        <v>0</v>
      </c>
      <c r="R1268" s="166">
        <v>0</v>
      </c>
      <c r="S1268" s="166">
        <v>0</v>
      </c>
      <c r="T1268" s="166">
        <v>0</v>
      </c>
      <c r="U1268" s="166">
        <v>0</v>
      </c>
      <c r="V1268" s="166">
        <v>0</v>
      </c>
      <c r="W1268" s="166">
        <v>0</v>
      </c>
      <c r="X1268" s="166">
        <v>0</v>
      </c>
      <c r="Y1268" s="166">
        <v>0</v>
      </c>
      <c r="Z1268" s="166">
        <v>0</v>
      </c>
      <c r="AA1268" s="166">
        <v>0</v>
      </c>
      <c r="AB1268" s="166">
        <v>0</v>
      </c>
      <c r="AC1268" s="166">
        <v>0</v>
      </c>
      <c r="AD1268" s="166">
        <v>0</v>
      </c>
      <c r="AE1268" s="166">
        <v>0</v>
      </c>
      <c r="AF1268" s="166">
        <v>0</v>
      </c>
      <c r="AG1268" s="166">
        <v>0</v>
      </c>
      <c r="AH1268" s="166">
        <v>0</v>
      </c>
      <c r="AI1268" s="166">
        <v>0</v>
      </c>
      <c r="AJ1268" s="166">
        <v>0</v>
      </c>
      <c r="AK1268" s="166">
        <v>0</v>
      </c>
      <c r="AL1268" s="166">
        <v>0</v>
      </c>
      <c r="AM1268" s="166">
        <v>0</v>
      </c>
      <c r="AN1268" s="166">
        <v>0</v>
      </c>
      <c r="AO1268" s="166">
        <v>0</v>
      </c>
      <c r="AP1268" s="166">
        <v>0</v>
      </c>
      <c r="AQ1268" s="166">
        <v>0</v>
      </c>
      <c r="AR1268" s="166">
        <v>0</v>
      </c>
      <c r="AS1268" s="166">
        <v>0</v>
      </c>
      <c r="AT1268" s="166">
        <v>0</v>
      </c>
      <c r="AU1268" s="166">
        <v>0</v>
      </c>
      <c r="AV1268" s="166">
        <v>0</v>
      </c>
      <c r="AW1268" s="166">
        <v>0</v>
      </c>
      <c r="AX1268" s="166">
        <v>0</v>
      </c>
      <c r="AY1268" s="166">
        <v>0</v>
      </c>
      <c r="AZ1268" s="166">
        <v>0</v>
      </c>
      <c r="BA1268" s="166">
        <v>0</v>
      </c>
      <c r="BB1268" s="166">
        <v>0</v>
      </c>
      <c r="BC1268" s="166">
        <v>0</v>
      </c>
      <c r="BD1268" s="166">
        <v>0</v>
      </c>
      <c r="BE1268" s="166">
        <v>0</v>
      </c>
      <c r="BF1268" s="166">
        <v>0</v>
      </c>
      <c r="BG1268" s="166">
        <v>0</v>
      </c>
      <c r="BH1268" s="166">
        <v>0</v>
      </c>
      <c r="BI1268" s="166">
        <v>0</v>
      </c>
      <c r="BJ1268" s="166">
        <v>0</v>
      </c>
      <c r="BK1268" s="166">
        <v>0</v>
      </c>
      <c r="BL1268" s="166">
        <v>0</v>
      </c>
      <c r="BM1268" s="166">
        <v>0</v>
      </c>
      <c r="BN1268" s="166">
        <v>0</v>
      </c>
      <c r="BO1268" s="166">
        <v>0</v>
      </c>
      <c r="BP1268" s="166">
        <v>0</v>
      </c>
      <c r="BQ1268" s="166">
        <v>0</v>
      </c>
      <c r="BR1268" s="166">
        <v>0</v>
      </c>
      <c r="BS1268" s="166">
        <v>0</v>
      </c>
      <c r="BT1268" s="166">
        <v>1000</v>
      </c>
      <c r="BU1268" s="166">
        <v>0</v>
      </c>
      <c r="BV1268" s="166">
        <v>0</v>
      </c>
      <c r="BW1268" s="166">
        <v>0</v>
      </c>
      <c r="BX1268" s="166">
        <v>0</v>
      </c>
      <c r="BY1268" s="166">
        <v>0</v>
      </c>
      <c r="BZ1268" s="166">
        <v>0</v>
      </c>
      <c r="CA1268" s="166">
        <v>0</v>
      </c>
      <c r="CB1268" s="166">
        <v>0</v>
      </c>
      <c r="CC1268" s="166">
        <v>0</v>
      </c>
      <c r="CD1268" s="166">
        <v>0</v>
      </c>
      <c r="CE1268" s="166">
        <v>0</v>
      </c>
      <c r="CF1268" s="166">
        <v>0</v>
      </c>
      <c r="CG1268" s="166">
        <v>0</v>
      </c>
      <c r="CH1268" s="166">
        <v>0</v>
      </c>
      <c r="CI1268" s="166">
        <v>0</v>
      </c>
      <c r="CJ1268" s="166">
        <v>0</v>
      </c>
      <c r="CK1268" s="166">
        <v>0</v>
      </c>
      <c r="CL1268" s="166">
        <v>0</v>
      </c>
      <c r="CM1268" s="166">
        <v>0</v>
      </c>
      <c r="CN1268" s="166">
        <v>0</v>
      </c>
      <c r="CO1268" s="166">
        <v>0</v>
      </c>
      <c r="CP1268" s="166">
        <v>0</v>
      </c>
      <c r="CQ1268" s="166">
        <v>0</v>
      </c>
      <c r="CR1268" s="166">
        <v>0</v>
      </c>
      <c r="CS1268" s="166">
        <v>0</v>
      </c>
      <c r="CT1268" s="166">
        <v>0</v>
      </c>
      <c r="CU1268" s="166">
        <v>0</v>
      </c>
      <c r="CV1268" s="166">
        <v>0</v>
      </c>
      <c r="CW1268" s="166">
        <v>0</v>
      </c>
      <c r="CX1268" s="166">
        <v>0</v>
      </c>
      <c r="CY1268" s="166">
        <v>0</v>
      </c>
      <c r="CZ1268" s="166">
        <v>0</v>
      </c>
    </row>
    <row r="1269" spans="1:104" x14ac:dyDescent="0.2">
      <c r="A1269" s="167" t="s">
        <v>1087</v>
      </c>
      <c r="B1269" s="166">
        <v>0</v>
      </c>
      <c r="C1269" s="166">
        <v>0</v>
      </c>
      <c r="D1269" s="166">
        <v>0</v>
      </c>
      <c r="E1269" s="166">
        <v>0</v>
      </c>
      <c r="F1269" s="166">
        <v>0</v>
      </c>
      <c r="G1269" s="166">
        <v>0</v>
      </c>
      <c r="H1269" s="166">
        <v>0</v>
      </c>
      <c r="I1269" s="166">
        <v>0</v>
      </c>
      <c r="J1269" s="166">
        <v>0</v>
      </c>
      <c r="K1269" s="166">
        <v>0</v>
      </c>
      <c r="L1269" s="166">
        <v>0</v>
      </c>
      <c r="M1269" s="166">
        <v>0</v>
      </c>
      <c r="N1269" s="166">
        <v>0</v>
      </c>
      <c r="O1269" s="166">
        <v>0</v>
      </c>
      <c r="P1269" s="166">
        <v>0</v>
      </c>
      <c r="Q1269" s="166">
        <v>0</v>
      </c>
      <c r="R1269" s="166">
        <v>0</v>
      </c>
      <c r="S1269" s="166">
        <v>0</v>
      </c>
      <c r="T1269" s="166">
        <v>0</v>
      </c>
      <c r="U1269" s="166">
        <v>0</v>
      </c>
      <c r="V1269" s="166">
        <v>0</v>
      </c>
      <c r="W1269" s="166">
        <v>0</v>
      </c>
      <c r="X1269" s="166">
        <v>0</v>
      </c>
      <c r="Y1269" s="166">
        <v>0</v>
      </c>
      <c r="Z1269" s="166">
        <v>0</v>
      </c>
      <c r="AA1269" s="166">
        <v>0</v>
      </c>
      <c r="AB1269" s="166">
        <v>0</v>
      </c>
      <c r="AC1269" s="166">
        <v>0</v>
      </c>
      <c r="AD1269" s="166">
        <v>0</v>
      </c>
      <c r="AE1269" s="166">
        <v>0</v>
      </c>
      <c r="AF1269" s="166">
        <v>0</v>
      </c>
      <c r="AG1269" s="166">
        <v>0</v>
      </c>
      <c r="AH1269" s="166">
        <v>0</v>
      </c>
      <c r="AI1269" s="166">
        <v>0</v>
      </c>
      <c r="AJ1269" s="166">
        <v>0</v>
      </c>
      <c r="AK1269" s="166">
        <v>0</v>
      </c>
      <c r="AL1269" s="166">
        <v>0</v>
      </c>
      <c r="AM1269" s="166">
        <v>0</v>
      </c>
      <c r="AN1269" s="166">
        <v>0</v>
      </c>
      <c r="AO1269" s="166">
        <v>0</v>
      </c>
      <c r="AP1269" s="166">
        <v>0</v>
      </c>
      <c r="AQ1269" s="166">
        <v>0</v>
      </c>
      <c r="AR1269" s="166">
        <v>0</v>
      </c>
      <c r="AS1269" s="166">
        <v>0</v>
      </c>
      <c r="AT1269" s="166">
        <v>0</v>
      </c>
      <c r="AU1269" s="166">
        <v>0</v>
      </c>
      <c r="AV1269" s="166">
        <v>0</v>
      </c>
      <c r="AW1269" s="166">
        <v>0</v>
      </c>
      <c r="AX1269" s="166">
        <v>0</v>
      </c>
      <c r="AY1269" s="166">
        <v>0</v>
      </c>
      <c r="AZ1269" s="166">
        <v>0</v>
      </c>
      <c r="BA1269" s="166">
        <v>0</v>
      </c>
      <c r="BB1269" s="166">
        <v>0</v>
      </c>
      <c r="BC1269" s="166">
        <v>0</v>
      </c>
      <c r="BD1269" s="166">
        <v>0</v>
      </c>
      <c r="BE1269" s="166">
        <v>0</v>
      </c>
      <c r="BF1269" s="166">
        <v>0</v>
      </c>
      <c r="BG1269" s="166">
        <v>0</v>
      </c>
      <c r="BH1269" s="166">
        <v>0</v>
      </c>
      <c r="BI1269" s="166">
        <v>0</v>
      </c>
      <c r="BJ1269" s="166">
        <v>0</v>
      </c>
      <c r="BK1269" s="166">
        <v>0</v>
      </c>
      <c r="BL1269" s="166">
        <v>0</v>
      </c>
      <c r="BM1269" s="166">
        <v>0</v>
      </c>
      <c r="BN1269" s="166">
        <v>0</v>
      </c>
      <c r="BO1269" s="166">
        <v>0</v>
      </c>
      <c r="BP1269" s="166">
        <v>0</v>
      </c>
      <c r="BQ1269" s="166">
        <v>0</v>
      </c>
      <c r="BR1269" s="166">
        <v>0</v>
      </c>
      <c r="BS1269" s="166">
        <v>0</v>
      </c>
      <c r="BT1269" s="168">
        <v>0.70897047844185501</v>
      </c>
      <c r="BU1269" s="166">
        <v>0</v>
      </c>
      <c r="BV1269" s="166">
        <v>0</v>
      </c>
      <c r="BW1269" s="166">
        <v>0</v>
      </c>
      <c r="BX1269" s="166">
        <v>0</v>
      </c>
      <c r="BY1269" s="166">
        <v>0</v>
      </c>
      <c r="BZ1269" s="166">
        <v>0</v>
      </c>
      <c r="CA1269" s="166">
        <v>0</v>
      </c>
      <c r="CB1269" s="166">
        <v>0</v>
      </c>
      <c r="CC1269" s="166">
        <v>0</v>
      </c>
      <c r="CD1269" s="166">
        <v>0</v>
      </c>
      <c r="CE1269" s="166">
        <v>0</v>
      </c>
      <c r="CF1269" s="166">
        <v>0</v>
      </c>
      <c r="CG1269" s="166">
        <v>0</v>
      </c>
      <c r="CH1269" s="166">
        <v>0</v>
      </c>
      <c r="CI1269" s="166">
        <v>0</v>
      </c>
      <c r="CJ1269" s="166">
        <v>0</v>
      </c>
      <c r="CK1269" s="166">
        <v>0</v>
      </c>
      <c r="CL1269" s="166">
        <v>0</v>
      </c>
      <c r="CM1269" s="166">
        <v>0</v>
      </c>
      <c r="CN1269" s="166">
        <v>0</v>
      </c>
      <c r="CO1269" s="166">
        <v>0</v>
      </c>
      <c r="CP1269" s="166">
        <v>0</v>
      </c>
      <c r="CQ1269" s="166">
        <v>0</v>
      </c>
      <c r="CR1269" s="166">
        <v>0</v>
      </c>
      <c r="CS1269" s="166">
        <v>0</v>
      </c>
      <c r="CT1269" s="166">
        <v>0</v>
      </c>
      <c r="CU1269" s="166">
        <v>0</v>
      </c>
      <c r="CV1269" s="166">
        <v>0</v>
      </c>
      <c r="CW1269" s="166">
        <v>0</v>
      </c>
      <c r="CX1269" s="166">
        <v>0</v>
      </c>
      <c r="CY1269" s="166">
        <v>0</v>
      </c>
      <c r="CZ1269" s="166">
        <v>0</v>
      </c>
    </row>
    <row r="1270" spans="1:104" x14ac:dyDescent="0.2">
      <c r="A1270" s="167" t="s">
        <v>1088</v>
      </c>
      <c r="B1270" s="166">
        <v>0</v>
      </c>
      <c r="C1270" s="166">
        <v>0</v>
      </c>
      <c r="D1270" s="166">
        <v>0</v>
      </c>
      <c r="E1270" s="166">
        <v>0</v>
      </c>
      <c r="F1270" s="166">
        <v>0</v>
      </c>
      <c r="G1270" s="166">
        <v>0</v>
      </c>
      <c r="H1270" s="166">
        <v>0</v>
      </c>
      <c r="I1270" s="166">
        <v>0</v>
      </c>
      <c r="J1270" s="166">
        <v>0</v>
      </c>
      <c r="K1270" s="166">
        <v>0</v>
      </c>
      <c r="L1270" s="166">
        <v>0</v>
      </c>
      <c r="M1270" s="166">
        <v>0</v>
      </c>
      <c r="N1270" s="166">
        <v>0</v>
      </c>
      <c r="O1270" s="166">
        <v>0</v>
      </c>
      <c r="P1270" s="166">
        <v>0</v>
      </c>
      <c r="Q1270" s="166">
        <v>0</v>
      </c>
      <c r="R1270" s="166">
        <v>0</v>
      </c>
      <c r="S1270" s="166">
        <v>0</v>
      </c>
      <c r="T1270" s="166">
        <v>0</v>
      </c>
      <c r="U1270" s="166">
        <v>0</v>
      </c>
      <c r="V1270" s="166">
        <v>0</v>
      </c>
      <c r="W1270" s="166">
        <v>0</v>
      </c>
      <c r="X1270" s="166">
        <v>0</v>
      </c>
      <c r="Y1270" s="166">
        <v>0</v>
      </c>
      <c r="Z1270" s="166">
        <v>0</v>
      </c>
      <c r="AA1270" s="166">
        <v>0</v>
      </c>
      <c r="AB1270" s="166">
        <v>0</v>
      </c>
      <c r="AC1270" s="166">
        <v>0</v>
      </c>
      <c r="AD1270" s="166">
        <v>0</v>
      </c>
      <c r="AE1270" s="166">
        <v>0</v>
      </c>
      <c r="AF1270" s="166">
        <v>0</v>
      </c>
      <c r="AG1270" s="166">
        <v>0</v>
      </c>
      <c r="AH1270" s="166">
        <v>0</v>
      </c>
      <c r="AI1270" s="166">
        <v>0</v>
      </c>
      <c r="AJ1270" s="166">
        <v>0</v>
      </c>
      <c r="AK1270" s="166">
        <v>0</v>
      </c>
      <c r="AL1270" s="166">
        <v>0</v>
      </c>
      <c r="AM1270" s="166">
        <v>0</v>
      </c>
      <c r="AN1270" s="166">
        <v>0</v>
      </c>
      <c r="AO1270" s="166">
        <v>0</v>
      </c>
      <c r="AP1270" s="166">
        <v>0</v>
      </c>
      <c r="AQ1270" s="166">
        <v>0</v>
      </c>
      <c r="AR1270" s="166">
        <v>0</v>
      </c>
      <c r="AS1270" s="166">
        <v>0</v>
      </c>
      <c r="AT1270" s="166">
        <v>0</v>
      </c>
      <c r="AU1270" s="166">
        <v>0</v>
      </c>
      <c r="AV1270" s="166">
        <v>0</v>
      </c>
      <c r="AW1270" s="166">
        <v>0</v>
      </c>
      <c r="AX1270" s="166">
        <v>0</v>
      </c>
      <c r="AY1270" s="166">
        <v>0</v>
      </c>
      <c r="AZ1270" s="166">
        <v>0</v>
      </c>
      <c r="BA1270" s="166">
        <v>0</v>
      </c>
      <c r="BB1270" s="166">
        <v>0</v>
      </c>
      <c r="BC1270" s="166">
        <v>0</v>
      </c>
      <c r="BD1270" s="166">
        <v>0</v>
      </c>
      <c r="BE1270" s="166">
        <v>0</v>
      </c>
      <c r="BF1270" s="166">
        <v>0</v>
      </c>
      <c r="BG1270" s="166">
        <v>0</v>
      </c>
      <c r="BH1270" s="166">
        <v>0</v>
      </c>
      <c r="BI1270" s="166">
        <v>0</v>
      </c>
      <c r="BJ1270" s="166">
        <v>0</v>
      </c>
      <c r="BK1270" s="166">
        <v>0</v>
      </c>
      <c r="BL1270" s="166">
        <v>0</v>
      </c>
      <c r="BM1270" s="166">
        <v>0</v>
      </c>
      <c r="BN1270" s="166">
        <v>0</v>
      </c>
      <c r="BO1270" s="166">
        <v>0</v>
      </c>
      <c r="BP1270" s="166">
        <v>0</v>
      </c>
      <c r="BQ1270" s="166">
        <v>0</v>
      </c>
      <c r="BR1270" s="166">
        <v>0</v>
      </c>
      <c r="BS1270" s="166">
        <v>0</v>
      </c>
      <c r="BT1270" s="168">
        <v>0</v>
      </c>
      <c r="BU1270" s="166">
        <v>0</v>
      </c>
      <c r="BV1270" s="166">
        <v>0</v>
      </c>
      <c r="BW1270" s="166">
        <v>0</v>
      </c>
      <c r="BX1270" s="166">
        <v>0</v>
      </c>
      <c r="BY1270" s="166">
        <v>0</v>
      </c>
      <c r="BZ1270" s="166">
        <v>0</v>
      </c>
      <c r="CA1270" s="166">
        <v>0</v>
      </c>
      <c r="CB1270" s="166">
        <v>0</v>
      </c>
      <c r="CC1270" s="166">
        <v>0</v>
      </c>
      <c r="CD1270" s="166">
        <v>0</v>
      </c>
      <c r="CE1270" s="166">
        <v>0</v>
      </c>
      <c r="CF1270" s="166">
        <v>0</v>
      </c>
      <c r="CG1270" s="166">
        <v>0</v>
      </c>
      <c r="CH1270" s="166">
        <v>0</v>
      </c>
      <c r="CI1270" s="166">
        <v>0</v>
      </c>
      <c r="CJ1270" s="166">
        <v>0</v>
      </c>
      <c r="CK1270" s="166">
        <v>0</v>
      </c>
      <c r="CL1270" s="166">
        <v>0</v>
      </c>
      <c r="CM1270" s="166">
        <v>0</v>
      </c>
      <c r="CN1270" s="166">
        <v>0</v>
      </c>
      <c r="CO1270" s="166">
        <v>0</v>
      </c>
      <c r="CP1270" s="166">
        <v>0</v>
      </c>
      <c r="CQ1270" s="166">
        <v>0</v>
      </c>
      <c r="CR1270" s="166">
        <v>0</v>
      </c>
      <c r="CS1270" s="166">
        <v>0</v>
      </c>
      <c r="CT1270" s="166">
        <v>0</v>
      </c>
      <c r="CU1270" s="166">
        <v>0</v>
      </c>
      <c r="CV1270" s="166">
        <v>0</v>
      </c>
      <c r="CW1270" s="166">
        <v>0</v>
      </c>
      <c r="CX1270" s="166">
        <v>0</v>
      </c>
      <c r="CY1270" s="166">
        <v>0</v>
      </c>
      <c r="CZ1270" s="166">
        <v>0</v>
      </c>
    </row>
    <row r="1271" spans="1:104" x14ac:dyDescent="0.2">
      <c r="A1271" s="167" t="s">
        <v>241</v>
      </c>
    </row>
    <row r="1272" spans="1:104" x14ac:dyDescent="0.2">
      <c r="A1272" s="167" t="s">
        <v>1089</v>
      </c>
      <c r="B1272" s="166">
        <v>30675.074762680601</v>
      </c>
      <c r="C1272" s="166">
        <v>30675.074762680601</v>
      </c>
      <c r="D1272" s="166">
        <v>0</v>
      </c>
      <c r="E1272" s="166">
        <v>0</v>
      </c>
      <c r="F1272" s="166">
        <v>0</v>
      </c>
      <c r="G1272" s="166">
        <v>0</v>
      </c>
      <c r="H1272" s="166">
        <v>0</v>
      </c>
      <c r="I1272" s="166">
        <v>0</v>
      </c>
      <c r="J1272" s="166">
        <v>0</v>
      </c>
      <c r="K1272" s="166">
        <v>0</v>
      </c>
      <c r="L1272" s="166">
        <v>0</v>
      </c>
      <c r="M1272" s="166">
        <v>0</v>
      </c>
      <c r="N1272" s="166">
        <v>0</v>
      </c>
      <c r="O1272" s="166">
        <v>0</v>
      </c>
      <c r="P1272" s="166">
        <v>0</v>
      </c>
      <c r="Q1272" s="166">
        <v>0</v>
      </c>
      <c r="R1272" s="166">
        <v>0</v>
      </c>
      <c r="S1272" s="166">
        <v>0</v>
      </c>
      <c r="T1272" s="166">
        <v>0</v>
      </c>
      <c r="U1272" s="166">
        <v>0</v>
      </c>
      <c r="V1272" s="166">
        <v>0</v>
      </c>
      <c r="W1272" s="166">
        <v>0</v>
      </c>
      <c r="X1272" s="166">
        <v>0</v>
      </c>
      <c r="Y1272" s="166">
        <v>0</v>
      </c>
      <c r="Z1272" s="166">
        <v>0</v>
      </c>
      <c r="AA1272" s="166">
        <v>0</v>
      </c>
      <c r="AB1272" s="166">
        <v>0</v>
      </c>
      <c r="AC1272" s="166">
        <v>0</v>
      </c>
      <c r="AD1272" s="166">
        <v>0</v>
      </c>
      <c r="AE1272" s="166">
        <v>0</v>
      </c>
      <c r="AF1272" s="166">
        <v>0</v>
      </c>
      <c r="AG1272" s="166">
        <v>0</v>
      </c>
      <c r="AH1272" s="166">
        <v>0</v>
      </c>
      <c r="AI1272" s="166">
        <v>0</v>
      </c>
      <c r="AJ1272" s="166">
        <v>0</v>
      </c>
      <c r="AK1272" s="166">
        <v>0</v>
      </c>
      <c r="AL1272" s="166">
        <v>0</v>
      </c>
      <c r="AM1272" s="166">
        <v>0</v>
      </c>
      <c r="AN1272" s="166">
        <v>0</v>
      </c>
      <c r="AO1272" s="166">
        <v>0</v>
      </c>
      <c r="AP1272" s="166">
        <v>0</v>
      </c>
      <c r="AQ1272" s="166">
        <v>0</v>
      </c>
      <c r="AR1272" s="166">
        <v>0</v>
      </c>
      <c r="AS1272" s="166">
        <v>0</v>
      </c>
      <c r="AT1272" s="166">
        <v>0</v>
      </c>
      <c r="AU1272" s="166">
        <v>0</v>
      </c>
      <c r="AV1272" s="166">
        <v>0</v>
      </c>
      <c r="AW1272" s="166">
        <v>0</v>
      </c>
      <c r="AX1272" s="166">
        <v>0</v>
      </c>
      <c r="AY1272" s="166">
        <v>0</v>
      </c>
      <c r="AZ1272" s="166">
        <v>0</v>
      </c>
      <c r="BA1272" s="166">
        <v>0</v>
      </c>
      <c r="BB1272" s="166">
        <v>0</v>
      </c>
      <c r="BC1272" s="166">
        <v>0</v>
      </c>
      <c r="BD1272" s="166">
        <v>0</v>
      </c>
      <c r="BE1272" s="166">
        <v>0</v>
      </c>
      <c r="BF1272" s="166">
        <v>0</v>
      </c>
      <c r="BG1272" s="166">
        <v>0</v>
      </c>
      <c r="BH1272" s="166">
        <v>0</v>
      </c>
      <c r="BI1272" s="166">
        <v>0</v>
      </c>
      <c r="BJ1272" s="166">
        <v>0</v>
      </c>
      <c r="BK1272" s="166">
        <v>0</v>
      </c>
      <c r="BL1272" s="166">
        <v>0</v>
      </c>
      <c r="BM1272" s="166">
        <v>0</v>
      </c>
      <c r="BN1272" s="166">
        <v>0</v>
      </c>
      <c r="BO1272" s="166">
        <v>0</v>
      </c>
      <c r="BP1272" s="166">
        <v>0</v>
      </c>
      <c r="BQ1272" s="166">
        <v>0</v>
      </c>
      <c r="BR1272" s="166">
        <v>30675.074762680601</v>
      </c>
      <c r="BS1272" s="166">
        <v>30675.074762680601</v>
      </c>
      <c r="BT1272" s="168">
        <v>0.999998128641303</v>
      </c>
      <c r="BU1272" s="166">
        <v>1725.7300792445101</v>
      </c>
      <c r="BV1272" s="166">
        <v>30675.017358612698</v>
      </c>
      <c r="BW1272" s="166">
        <v>0</v>
      </c>
      <c r="BX1272" s="166">
        <v>0</v>
      </c>
      <c r="BY1272" s="166">
        <v>0</v>
      </c>
      <c r="BZ1272" s="166">
        <v>0</v>
      </c>
      <c r="CA1272" s="166">
        <v>0</v>
      </c>
      <c r="CB1272" s="166">
        <v>0</v>
      </c>
      <c r="CC1272" s="166">
        <v>0</v>
      </c>
      <c r="CD1272" s="166">
        <v>0</v>
      </c>
      <c r="CE1272" s="166">
        <v>0</v>
      </c>
      <c r="CF1272" s="166">
        <v>0</v>
      </c>
      <c r="CG1272" s="166">
        <v>0</v>
      </c>
      <c r="CH1272" s="166">
        <v>0</v>
      </c>
      <c r="CI1272" s="166">
        <v>0</v>
      </c>
      <c r="CJ1272" s="166">
        <v>0</v>
      </c>
      <c r="CK1272" s="166">
        <v>0</v>
      </c>
      <c r="CL1272" s="166">
        <v>0</v>
      </c>
      <c r="CM1272" s="166">
        <v>0</v>
      </c>
      <c r="CN1272" s="166">
        <v>0</v>
      </c>
      <c r="CO1272" s="166">
        <v>0</v>
      </c>
      <c r="CP1272" s="166">
        <v>0</v>
      </c>
      <c r="CQ1272" s="166">
        <v>0</v>
      </c>
      <c r="CR1272" s="166">
        <v>0</v>
      </c>
      <c r="CS1272" s="166">
        <v>0</v>
      </c>
      <c r="CT1272" s="166">
        <v>0</v>
      </c>
      <c r="CU1272" s="166">
        <v>0</v>
      </c>
      <c r="CV1272" s="166">
        <v>0</v>
      </c>
      <c r="CW1272" s="166">
        <v>0</v>
      </c>
      <c r="CX1272" s="166">
        <v>0</v>
      </c>
      <c r="CY1272" s="166">
        <v>30675.017358612698</v>
      </c>
      <c r="CZ1272" s="166">
        <v>30675.017358612698</v>
      </c>
    </row>
    <row r="1273" spans="1:104" x14ac:dyDescent="0.2">
      <c r="A1273" s="167" t="s">
        <v>1090</v>
      </c>
      <c r="B1273" s="166">
        <v>969.83981178566103</v>
      </c>
      <c r="C1273" s="166">
        <v>969.83981178566103</v>
      </c>
      <c r="D1273" s="166">
        <v>0</v>
      </c>
      <c r="E1273" s="166">
        <v>0</v>
      </c>
      <c r="F1273" s="166">
        <v>0</v>
      </c>
      <c r="G1273" s="166">
        <v>0</v>
      </c>
      <c r="H1273" s="166">
        <v>0</v>
      </c>
      <c r="I1273" s="166">
        <v>0</v>
      </c>
      <c r="J1273" s="166">
        <v>0</v>
      </c>
      <c r="K1273" s="166">
        <v>0</v>
      </c>
      <c r="L1273" s="166">
        <v>0</v>
      </c>
      <c r="M1273" s="166">
        <v>0</v>
      </c>
      <c r="N1273" s="166">
        <v>0</v>
      </c>
      <c r="O1273" s="166">
        <v>0</v>
      </c>
      <c r="P1273" s="166">
        <v>0</v>
      </c>
      <c r="Q1273" s="166">
        <v>0</v>
      </c>
      <c r="R1273" s="166">
        <v>0</v>
      </c>
      <c r="S1273" s="166">
        <v>0</v>
      </c>
      <c r="T1273" s="166">
        <v>0</v>
      </c>
      <c r="U1273" s="166">
        <v>0</v>
      </c>
      <c r="V1273" s="166">
        <v>0</v>
      </c>
      <c r="W1273" s="166">
        <v>0</v>
      </c>
      <c r="X1273" s="166">
        <v>0</v>
      </c>
      <c r="Y1273" s="166">
        <v>0</v>
      </c>
      <c r="Z1273" s="166">
        <v>0</v>
      </c>
      <c r="AA1273" s="166">
        <v>0</v>
      </c>
      <c r="AB1273" s="166">
        <v>0</v>
      </c>
      <c r="AC1273" s="166">
        <v>0</v>
      </c>
      <c r="AD1273" s="166">
        <v>0</v>
      </c>
      <c r="AE1273" s="166">
        <v>0</v>
      </c>
      <c r="AF1273" s="166">
        <v>0</v>
      </c>
      <c r="AG1273" s="166">
        <v>0</v>
      </c>
      <c r="AH1273" s="166">
        <v>0</v>
      </c>
      <c r="AI1273" s="166">
        <v>0</v>
      </c>
      <c r="AJ1273" s="166">
        <v>0</v>
      </c>
      <c r="AK1273" s="166">
        <v>0</v>
      </c>
      <c r="AL1273" s="166">
        <v>0</v>
      </c>
      <c r="AM1273" s="166">
        <v>0</v>
      </c>
      <c r="AN1273" s="166">
        <v>0</v>
      </c>
      <c r="AO1273" s="166">
        <v>0</v>
      </c>
      <c r="AP1273" s="166">
        <v>0</v>
      </c>
      <c r="AQ1273" s="166">
        <v>0</v>
      </c>
      <c r="AR1273" s="166">
        <v>0</v>
      </c>
      <c r="AS1273" s="166">
        <v>0</v>
      </c>
      <c r="AT1273" s="166">
        <v>0</v>
      </c>
      <c r="AU1273" s="166">
        <v>0</v>
      </c>
      <c r="AV1273" s="166">
        <v>0</v>
      </c>
      <c r="AW1273" s="166">
        <v>0</v>
      </c>
      <c r="AX1273" s="166">
        <v>0</v>
      </c>
      <c r="AY1273" s="166">
        <v>0</v>
      </c>
      <c r="AZ1273" s="166">
        <v>0</v>
      </c>
      <c r="BA1273" s="166">
        <v>0</v>
      </c>
      <c r="BB1273" s="166">
        <v>0</v>
      </c>
      <c r="BC1273" s="166">
        <v>0</v>
      </c>
      <c r="BD1273" s="166">
        <v>0</v>
      </c>
      <c r="BE1273" s="166">
        <v>0</v>
      </c>
      <c r="BF1273" s="166">
        <v>0</v>
      </c>
      <c r="BG1273" s="166">
        <v>0</v>
      </c>
      <c r="BH1273" s="166">
        <v>0</v>
      </c>
      <c r="BI1273" s="166">
        <v>0</v>
      </c>
      <c r="BJ1273" s="166">
        <v>0</v>
      </c>
      <c r="BK1273" s="166">
        <v>0</v>
      </c>
      <c r="BL1273" s="166">
        <v>0</v>
      </c>
      <c r="BM1273" s="166">
        <v>0</v>
      </c>
      <c r="BN1273" s="166">
        <v>0</v>
      </c>
      <c r="BO1273" s="166">
        <v>0</v>
      </c>
      <c r="BP1273" s="166">
        <v>0</v>
      </c>
      <c r="BQ1273" s="166">
        <v>0</v>
      </c>
      <c r="BR1273" s="166">
        <v>969.83981178566103</v>
      </c>
      <c r="BS1273" s="166">
        <v>969.83981178566103</v>
      </c>
      <c r="BT1273" s="168">
        <v>0.95155251885650005</v>
      </c>
      <c r="BU1273" s="166">
        <v>51.918342940776803</v>
      </c>
      <c r="BV1273" s="166">
        <v>922.85351579195901</v>
      </c>
      <c r="BW1273" s="166">
        <v>0</v>
      </c>
      <c r="BX1273" s="166">
        <v>0</v>
      </c>
      <c r="BY1273" s="166">
        <v>0</v>
      </c>
      <c r="BZ1273" s="166">
        <v>0</v>
      </c>
      <c r="CA1273" s="166">
        <v>0</v>
      </c>
      <c r="CB1273" s="166">
        <v>0</v>
      </c>
      <c r="CC1273" s="166">
        <v>0</v>
      </c>
      <c r="CD1273" s="166">
        <v>0</v>
      </c>
      <c r="CE1273" s="166">
        <v>0</v>
      </c>
      <c r="CF1273" s="166">
        <v>0</v>
      </c>
      <c r="CG1273" s="166">
        <v>0</v>
      </c>
      <c r="CH1273" s="166">
        <v>0</v>
      </c>
      <c r="CI1273" s="166">
        <v>0</v>
      </c>
      <c r="CJ1273" s="166">
        <v>0</v>
      </c>
      <c r="CK1273" s="166">
        <v>0</v>
      </c>
      <c r="CL1273" s="166">
        <v>0</v>
      </c>
      <c r="CM1273" s="166">
        <v>0</v>
      </c>
      <c r="CN1273" s="166">
        <v>0</v>
      </c>
      <c r="CO1273" s="166">
        <v>0</v>
      </c>
      <c r="CP1273" s="166">
        <v>0</v>
      </c>
      <c r="CQ1273" s="166">
        <v>0</v>
      </c>
      <c r="CR1273" s="166">
        <v>0</v>
      </c>
      <c r="CS1273" s="166">
        <v>0</v>
      </c>
      <c r="CT1273" s="166">
        <v>0</v>
      </c>
      <c r="CU1273" s="166">
        <v>0</v>
      </c>
      <c r="CV1273" s="166">
        <v>0</v>
      </c>
      <c r="CW1273" s="166">
        <v>0</v>
      </c>
      <c r="CX1273" s="166">
        <v>0</v>
      </c>
      <c r="CY1273" s="166">
        <v>922.85351579195901</v>
      </c>
      <c r="CZ1273" s="166">
        <v>922.85351579195901</v>
      </c>
    </row>
    <row r="1274" spans="1:104" x14ac:dyDescent="0.2">
      <c r="A1274" s="167" t="s">
        <v>1091</v>
      </c>
      <c r="B1274" s="166">
        <v>6996.2570438788998</v>
      </c>
      <c r="C1274" s="166">
        <v>6996.2570438788998</v>
      </c>
      <c r="D1274" s="166">
        <v>0</v>
      </c>
      <c r="E1274" s="166">
        <v>0</v>
      </c>
      <c r="F1274" s="166">
        <v>0</v>
      </c>
      <c r="G1274" s="166">
        <v>0</v>
      </c>
      <c r="H1274" s="166">
        <v>0</v>
      </c>
      <c r="I1274" s="166">
        <v>0</v>
      </c>
      <c r="J1274" s="166">
        <v>0</v>
      </c>
      <c r="K1274" s="166">
        <v>0</v>
      </c>
      <c r="L1274" s="166">
        <v>0</v>
      </c>
      <c r="M1274" s="166">
        <v>0</v>
      </c>
      <c r="N1274" s="166">
        <v>0</v>
      </c>
      <c r="O1274" s="166">
        <v>0</v>
      </c>
      <c r="P1274" s="166">
        <v>0</v>
      </c>
      <c r="Q1274" s="166">
        <v>0</v>
      </c>
      <c r="R1274" s="166">
        <v>0</v>
      </c>
      <c r="S1274" s="166">
        <v>0</v>
      </c>
      <c r="T1274" s="166">
        <v>0</v>
      </c>
      <c r="U1274" s="166">
        <v>0</v>
      </c>
      <c r="V1274" s="166">
        <v>0</v>
      </c>
      <c r="W1274" s="166">
        <v>0</v>
      </c>
      <c r="X1274" s="166">
        <v>0</v>
      </c>
      <c r="Y1274" s="166">
        <v>0</v>
      </c>
      <c r="Z1274" s="166">
        <v>0</v>
      </c>
      <c r="AA1274" s="166">
        <v>0</v>
      </c>
      <c r="AB1274" s="166">
        <v>0</v>
      </c>
      <c r="AC1274" s="166">
        <v>0</v>
      </c>
      <c r="AD1274" s="166">
        <v>0</v>
      </c>
      <c r="AE1274" s="166">
        <v>0</v>
      </c>
      <c r="AF1274" s="166">
        <v>0</v>
      </c>
      <c r="AG1274" s="166">
        <v>0</v>
      </c>
      <c r="AH1274" s="166">
        <v>0</v>
      </c>
      <c r="AI1274" s="166">
        <v>0</v>
      </c>
      <c r="AJ1274" s="166">
        <v>0</v>
      </c>
      <c r="AK1274" s="166">
        <v>0</v>
      </c>
      <c r="AL1274" s="166">
        <v>0</v>
      </c>
      <c r="AM1274" s="166">
        <v>0</v>
      </c>
      <c r="AN1274" s="166">
        <v>0</v>
      </c>
      <c r="AO1274" s="166">
        <v>0</v>
      </c>
      <c r="AP1274" s="166">
        <v>0</v>
      </c>
      <c r="AQ1274" s="166">
        <v>0</v>
      </c>
      <c r="AR1274" s="166">
        <v>0</v>
      </c>
      <c r="AS1274" s="166">
        <v>0</v>
      </c>
      <c r="AT1274" s="166">
        <v>0</v>
      </c>
      <c r="AU1274" s="166">
        <v>0</v>
      </c>
      <c r="AV1274" s="166">
        <v>0</v>
      </c>
      <c r="AW1274" s="166">
        <v>0</v>
      </c>
      <c r="AX1274" s="166">
        <v>0</v>
      </c>
      <c r="AY1274" s="166">
        <v>0</v>
      </c>
      <c r="AZ1274" s="166">
        <v>0</v>
      </c>
      <c r="BA1274" s="166">
        <v>0</v>
      </c>
      <c r="BB1274" s="166">
        <v>0</v>
      </c>
      <c r="BC1274" s="166">
        <v>0</v>
      </c>
      <c r="BD1274" s="166">
        <v>0</v>
      </c>
      <c r="BE1274" s="166">
        <v>0</v>
      </c>
      <c r="BF1274" s="166">
        <v>0</v>
      </c>
      <c r="BG1274" s="166">
        <v>0</v>
      </c>
      <c r="BH1274" s="166">
        <v>0</v>
      </c>
      <c r="BI1274" s="166">
        <v>0</v>
      </c>
      <c r="BJ1274" s="166">
        <v>0</v>
      </c>
      <c r="BK1274" s="166">
        <v>0</v>
      </c>
      <c r="BL1274" s="166">
        <v>0</v>
      </c>
      <c r="BM1274" s="166">
        <v>0</v>
      </c>
      <c r="BN1274" s="166">
        <v>0</v>
      </c>
      <c r="BO1274" s="166">
        <v>0</v>
      </c>
      <c r="BP1274" s="166">
        <v>0</v>
      </c>
      <c r="BQ1274" s="166">
        <v>0</v>
      </c>
      <c r="BR1274" s="166">
        <v>6996.2570438788998</v>
      </c>
      <c r="BS1274" s="166">
        <v>6996.2570438788998</v>
      </c>
      <c r="BT1274" s="168">
        <v>0.97633653435224499</v>
      </c>
      <c r="BU1274" s="166">
        <v>384.28492652461</v>
      </c>
      <c r="BV1274" s="166">
        <v>6830.7013556581996</v>
      </c>
      <c r="BW1274" s="166">
        <v>0</v>
      </c>
      <c r="BX1274" s="166">
        <v>0</v>
      </c>
      <c r="BY1274" s="166">
        <v>0</v>
      </c>
      <c r="BZ1274" s="166">
        <v>0</v>
      </c>
      <c r="CA1274" s="166">
        <v>0</v>
      </c>
      <c r="CB1274" s="166">
        <v>0</v>
      </c>
      <c r="CC1274" s="166">
        <v>0</v>
      </c>
      <c r="CD1274" s="166">
        <v>0</v>
      </c>
      <c r="CE1274" s="166">
        <v>0</v>
      </c>
      <c r="CF1274" s="166">
        <v>0</v>
      </c>
      <c r="CG1274" s="166">
        <v>0</v>
      </c>
      <c r="CH1274" s="166">
        <v>0</v>
      </c>
      <c r="CI1274" s="166">
        <v>0</v>
      </c>
      <c r="CJ1274" s="166">
        <v>0</v>
      </c>
      <c r="CK1274" s="166">
        <v>0</v>
      </c>
      <c r="CL1274" s="166">
        <v>0</v>
      </c>
      <c r="CM1274" s="166">
        <v>0</v>
      </c>
      <c r="CN1274" s="166">
        <v>0</v>
      </c>
      <c r="CO1274" s="166">
        <v>0</v>
      </c>
      <c r="CP1274" s="166">
        <v>0</v>
      </c>
      <c r="CQ1274" s="166">
        <v>0</v>
      </c>
      <c r="CR1274" s="166">
        <v>0</v>
      </c>
      <c r="CS1274" s="166">
        <v>0</v>
      </c>
      <c r="CT1274" s="166">
        <v>0</v>
      </c>
      <c r="CU1274" s="166">
        <v>0</v>
      </c>
      <c r="CV1274" s="166">
        <v>0</v>
      </c>
      <c r="CW1274" s="166">
        <v>0</v>
      </c>
      <c r="CX1274" s="166">
        <v>0</v>
      </c>
      <c r="CY1274" s="166">
        <v>6830.7013556581996</v>
      </c>
      <c r="CZ1274" s="166">
        <v>6830.7013556581996</v>
      </c>
    </row>
    <row r="1275" spans="1:104" x14ac:dyDescent="0.2">
      <c r="A1275" s="167" t="s">
        <v>245</v>
      </c>
      <c r="B1275" s="166">
        <v>22380.991099443199</v>
      </c>
      <c r="C1275" s="166">
        <v>22380.991099443199</v>
      </c>
      <c r="D1275" s="166">
        <v>0</v>
      </c>
      <c r="E1275" s="166">
        <v>0</v>
      </c>
      <c r="F1275" s="166">
        <v>0</v>
      </c>
      <c r="G1275" s="166">
        <v>0</v>
      </c>
      <c r="H1275" s="166">
        <v>0</v>
      </c>
      <c r="I1275" s="166">
        <v>0</v>
      </c>
      <c r="J1275" s="166">
        <v>0</v>
      </c>
      <c r="K1275" s="166">
        <v>0</v>
      </c>
      <c r="L1275" s="166">
        <v>0</v>
      </c>
      <c r="M1275" s="166">
        <v>0</v>
      </c>
      <c r="N1275" s="166">
        <v>0</v>
      </c>
      <c r="O1275" s="166">
        <v>0</v>
      </c>
      <c r="P1275" s="166">
        <v>0</v>
      </c>
      <c r="Q1275" s="166">
        <v>0</v>
      </c>
      <c r="R1275" s="166">
        <v>0</v>
      </c>
      <c r="S1275" s="166">
        <v>0</v>
      </c>
      <c r="T1275" s="166">
        <v>0</v>
      </c>
      <c r="U1275" s="166">
        <v>0</v>
      </c>
      <c r="V1275" s="166">
        <v>0</v>
      </c>
      <c r="W1275" s="166">
        <v>0</v>
      </c>
      <c r="X1275" s="166">
        <v>0</v>
      </c>
      <c r="Y1275" s="166">
        <v>0</v>
      </c>
      <c r="Z1275" s="166">
        <v>0</v>
      </c>
      <c r="AA1275" s="166">
        <v>0</v>
      </c>
      <c r="AB1275" s="166">
        <v>0</v>
      </c>
      <c r="AC1275" s="166">
        <v>0</v>
      </c>
      <c r="AD1275" s="166">
        <v>0</v>
      </c>
      <c r="AE1275" s="166">
        <v>0</v>
      </c>
      <c r="AF1275" s="166">
        <v>0</v>
      </c>
      <c r="AG1275" s="166">
        <v>0</v>
      </c>
      <c r="AH1275" s="166">
        <v>0</v>
      </c>
      <c r="AI1275" s="166">
        <v>0</v>
      </c>
      <c r="AJ1275" s="166">
        <v>0</v>
      </c>
      <c r="AK1275" s="166">
        <v>0</v>
      </c>
      <c r="AL1275" s="166">
        <v>0</v>
      </c>
      <c r="AM1275" s="166">
        <v>0</v>
      </c>
      <c r="AN1275" s="166">
        <v>0</v>
      </c>
      <c r="AO1275" s="166">
        <v>0</v>
      </c>
      <c r="AP1275" s="166">
        <v>0</v>
      </c>
      <c r="AQ1275" s="166">
        <v>0</v>
      </c>
      <c r="AR1275" s="166">
        <v>0</v>
      </c>
      <c r="AS1275" s="166">
        <v>0</v>
      </c>
      <c r="AT1275" s="166">
        <v>0</v>
      </c>
      <c r="AU1275" s="166">
        <v>0</v>
      </c>
      <c r="AV1275" s="166">
        <v>0</v>
      </c>
      <c r="AW1275" s="166">
        <v>0</v>
      </c>
      <c r="AX1275" s="166">
        <v>0</v>
      </c>
      <c r="AY1275" s="166">
        <v>0</v>
      </c>
      <c r="AZ1275" s="166">
        <v>0</v>
      </c>
      <c r="BA1275" s="166">
        <v>0</v>
      </c>
      <c r="BB1275" s="166">
        <v>0</v>
      </c>
      <c r="BC1275" s="166">
        <v>0</v>
      </c>
      <c r="BD1275" s="166">
        <v>0</v>
      </c>
      <c r="BE1275" s="166">
        <v>0</v>
      </c>
      <c r="BF1275" s="166">
        <v>0</v>
      </c>
      <c r="BG1275" s="166">
        <v>0</v>
      </c>
      <c r="BH1275" s="166">
        <v>0</v>
      </c>
      <c r="BI1275" s="166">
        <v>0</v>
      </c>
      <c r="BJ1275" s="166">
        <v>0</v>
      </c>
      <c r="BK1275" s="166">
        <v>0</v>
      </c>
      <c r="BL1275" s="166">
        <v>0</v>
      </c>
      <c r="BM1275" s="166">
        <v>0</v>
      </c>
      <c r="BN1275" s="166">
        <v>0</v>
      </c>
      <c r="BO1275" s="166">
        <v>0</v>
      </c>
      <c r="BP1275" s="166">
        <v>0</v>
      </c>
      <c r="BQ1275" s="166">
        <v>0</v>
      </c>
      <c r="BR1275" s="166">
        <v>22380.991099443199</v>
      </c>
      <c r="BS1275" s="166">
        <v>22380.991099443199</v>
      </c>
      <c r="BT1275" s="168">
        <v>0.999998128641303</v>
      </c>
      <c r="BU1275" s="166">
        <v>1259.11835072696</v>
      </c>
      <c r="BV1275" s="166">
        <v>22380.949216580899</v>
      </c>
      <c r="BW1275" s="166">
        <v>0</v>
      </c>
      <c r="BX1275" s="166">
        <v>0</v>
      </c>
      <c r="BY1275" s="166">
        <v>0</v>
      </c>
      <c r="BZ1275" s="166">
        <v>0</v>
      </c>
      <c r="CA1275" s="166">
        <v>0</v>
      </c>
      <c r="CB1275" s="166">
        <v>0</v>
      </c>
      <c r="CC1275" s="166">
        <v>0</v>
      </c>
      <c r="CD1275" s="166">
        <v>0</v>
      </c>
      <c r="CE1275" s="166">
        <v>0</v>
      </c>
      <c r="CF1275" s="166">
        <v>0</v>
      </c>
      <c r="CG1275" s="166">
        <v>0</v>
      </c>
      <c r="CH1275" s="166">
        <v>0</v>
      </c>
      <c r="CI1275" s="166">
        <v>0</v>
      </c>
      <c r="CJ1275" s="166">
        <v>0</v>
      </c>
      <c r="CK1275" s="166">
        <v>0</v>
      </c>
      <c r="CL1275" s="166">
        <v>0</v>
      </c>
      <c r="CM1275" s="166">
        <v>0</v>
      </c>
      <c r="CN1275" s="166">
        <v>0</v>
      </c>
      <c r="CO1275" s="166">
        <v>0</v>
      </c>
      <c r="CP1275" s="166">
        <v>0</v>
      </c>
      <c r="CQ1275" s="166">
        <v>0</v>
      </c>
      <c r="CR1275" s="166">
        <v>0</v>
      </c>
      <c r="CS1275" s="166">
        <v>0</v>
      </c>
      <c r="CT1275" s="166">
        <v>0</v>
      </c>
      <c r="CU1275" s="166">
        <v>0</v>
      </c>
      <c r="CV1275" s="166">
        <v>0</v>
      </c>
      <c r="CW1275" s="166">
        <v>0</v>
      </c>
      <c r="CX1275" s="166">
        <v>0</v>
      </c>
      <c r="CY1275" s="166">
        <v>22380.949216580899</v>
      </c>
      <c r="CZ1275" s="166">
        <v>22380.949216580899</v>
      </c>
    </row>
    <row r="1276" spans="1:104" x14ac:dyDescent="0.2">
      <c r="A1276" s="167" t="s">
        <v>246</v>
      </c>
      <c r="B1276" s="166">
        <v>17570.430681358601</v>
      </c>
      <c r="C1276" s="166">
        <v>17570.430681358601</v>
      </c>
      <c r="D1276" s="166">
        <v>0</v>
      </c>
      <c r="E1276" s="166">
        <v>0</v>
      </c>
      <c r="F1276" s="166">
        <v>0</v>
      </c>
      <c r="G1276" s="166">
        <v>0</v>
      </c>
      <c r="H1276" s="166">
        <v>0</v>
      </c>
      <c r="I1276" s="166">
        <v>0</v>
      </c>
      <c r="J1276" s="166">
        <v>0</v>
      </c>
      <c r="K1276" s="166">
        <v>0</v>
      </c>
      <c r="L1276" s="166">
        <v>0</v>
      </c>
      <c r="M1276" s="166">
        <v>0</v>
      </c>
      <c r="N1276" s="166">
        <v>0</v>
      </c>
      <c r="O1276" s="166">
        <v>0</v>
      </c>
      <c r="P1276" s="166">
        <v>0</v>
      </c>
      <c r="Q1276" s="166">
        <v>0</v>
      </c>
      <c r="R1276" s="166">
        <v>0</v>
      </c>
      <c r="S1276" s="166">
        <v>0</v>
      </c>
      <c r="T1276" s="166">
        <v>0</v>
      </c>
      <c r="U1276" s="166">
        <v>0</v>
      </c>
      <c r="V1276" s="166">
        <v>0</v>
      </c>
      <c r="W1276" s="166">
        <v>0</v>
      </c>
      <c r="X1276" s="166">
        <v>0</v>
      </c>
      <c r="Y1276" s="166">
        <v>0</v>
      </c>
      <c r="Z1276" s="166">
        <v>0</v>
      </c>
      <c r="AA1276" s="166">
        <v>0</v>
      </c>
      <c r="AB1276" s="166">
        <v>0</v>
      </c>
      <c r="AC1276" s="166">
        <v>0</v>
      </c>
      <c r="AD1276" s="166">
        <v>0</v>
      </c>
      <c r="AE1276" s="166">
        <v>0</v>
      </c>
      <c r="AF1276" s="166">
        <v>0</v>
      </c>
      <c r="AG1276" s="166">
        <v>0</v>
      </c>
      <c r="AH1276" s="166">
        <v>0</v>
      </c>
      <c r="AI1276" s="166">
        <v>0</v>
      </c>
      <c r="AJ1276" s="166">
        <v>0</v>
      </c>
      <c r="AK1276" s="166">
        <v>0</v>
      </c>
      <c r="AL1276" s="166">
        <v>0</v>
      </c>
      <c r="AM1276" s="166">
        <v>0</v>
      </c>
      <c r="AN1276" s="166">
        <v>0</v>
      </c>
      <c r="AO1276" s="166">
        <v>0</v>
      </c>
      <c r="AP1276" s="166">
        <v>0</v>
      </c>
      <c r="AQ1276" s="166">
        <v>0</v>
      </c>
      <c r="AR1276" s="166">
        <v>0</v>
      </c>
      <c r="AS1276" s="166">
        <v>0</v>
      </c>
      <c r="AT1276" s="166">
        <v>0</v>
      </c>
      <c r="AU1276" s="166">
        <v>0</v>
      </c>
      <c r="AV1276" s="166">
        <v>0</v>
      </c>
      <c r="AW1276" s="166">
        <v>0</v>
      </c>
      <c r="AX1276" s="166">
        <v>0</v>
      </c>
      <c r="AY1276" s="166">
        <v>0</v>
      </c>
      <c r="AZ1276" s="166">
        <v>0</v>
      </c>
      <c r="BA1276" s="166">
        <v>0</v>
      </c>
      <c r="BB1276" s="166">
        <v>0</v>
      </c>
      <c r="BC1276" s="166">
        <v>0</v>
      </c>
      <c r="BD1276" s="166">
        <v>0</v>
      </c>
      <c r="BE1276" s="166">
        <v>0</v>
      </c>
      <c r="BF1276" s="166">
        <v>0</v>
      </c>
      <c r="BG1276" s="166">
        <v>0</v>
      </c>
      <c r="BH1276" s="166">
        <v>0</v>
      </c>
      <c r="BI1276" s="166">
        <v>0</v>
      </c>
      <c r="BJ1276" s="166">
        <v>0</v>
      </c>
      <c r="BK1276" s="166">
        <v>0</v>
      </c>
      <c r="BL1276" s="166">
        <v>0</v>
      </c>
      <c r="BM1276" s="166">
        <v>0</v>
      </c>
      <c r="BN1276" s="166">
        <v>0</v>
      </c>
      <c r="BO1276" s="166">
        <v>0</v>
      </c>
      <c r="BP1276" s="166">
        <v>0</v>
      </c>
      <c r="BQ1276" s="166">
        <v>0</v>
      </c>
      <c r="BR1276" s="166">
        <v>17570.430681358601</v>
      </c>
      <c r="BS1276" s="166">
        <v>17570.430681358601</v>
      </c>
      <c r="BT1276" s="166">
        <v>1000</v>
      </c>
      <c r="BU1276" s="166">
        <v>988.48585406220604</v>
      </c>
      <c r="BV1276" s="166">
        <v>17570.430681358601</v>
      </c>
      <c r="BW1276" s="166">
        <v>0</v>
      </c>
      <c r="BX1276" s="166">
        <v>0</v>
      </c>
      <c r="BY1276" s="166">
        <v>0</v>
      </c>
      <c r="BZ1276" s="166">
        <v>0</v>
      </c>
      <c r="CA1276" s="166">
        <v>0</v>
      </c>
      <c r="CB1276" s="166">
        <v>0</v>
      </c>
      <c r="CC1276" s="166">
        <v>0</v>
      </c>
      <c r="CD1276" s="166">
        <v>0</v>
      </c>
      <c r="CE1276" s="166">
        <v>0</v>
      </c>
      <c r="CF1276" s="166">
        <v>0</v>
      </c>
      <c r="CG1276" s="166">
        <v>0</v>
      </c>
      <c r="CH1276" s="166">
        <v>0</v>
      </c>
      <c r="CI1276" s="166">
        <v>0</v>
      </c>
      <c r="CJ1276" s="166">
        <v>0</v>
      </c>
      <c r="CK1276" s="166">
        <v>0</v>
      </c>
      <c r="CL1276" s="166">
        <v>0</v>
      </c>
      <c r="CM1276" s="166">
        <v>0</v>
      </c>
      <c r="CN1276" s="166">
        <v>0</v>
      </c>
      <c r="CO1276" s="166">
        <v>0</v>
      </c>
      <c r="CP1276" s="166">
        <v>0</v>
      </c>
      <c r="CQ1276" s="166">
        <v>0</v>
      </c>
      <c r="CR1276" s="166">
        <v>0</v>
      </c>
      <c r="CS1276" s="166">
        <v>0</v>
      </c>
      <c r="CT1276" s="166">
        <v>0</v>
      </c>
      <c r="CU1276" s="166">
        <v>0</v>
      </c>
      <c r="CV1276" s="166">
        <v>0</v>
      </c>
      <c r="CW1276" s="166">
        <v>0</v>
      </c>
      <c r="CX1276" s="166">
        <v>0</v>
      </c>
      <c r="CY1276" s="166">
        <v>17570.430681358601</v>
      </c>
      <c r="CZ1276" s="166">
        <v>17570.430681358601</v>
      </c>
    </row>
    <row r="1277" spans="1:104" x14ac:dyDescent="0.2">
      <c r="A1277" s="167" t="s">
        <v>1092</v>
      </c>
      <c r="B1277" s="166">
        <v>2466494.6366008501</v>
      </c>
      <c r="C1277" s="166">
        <v>2466494.6366008501</v>
      </c>
      <c r="D1277" s="166">
        <v>0</v>
      </c>
      <c r="E1277" s="166">
        <v>0</v>
      </c>
      <c r="F1277" s="166">
        <v>0</v>
      </c>
      <c r="G1277" s="166">
        <v>0</v>
      </c>
      <c r="H1277" s="166">
        <v>0</v>
      </c>
      <c r="I1277" s="166">
        <v>0</v>
      </c>
      <c r="J1277" s="166">
        <v>0</v>
      </c>
      <c r="K1277" s="166">
        <v>0</v>
      </c>
      <c r="L1277" s="166">
        <v>0</v>
      </c>
      <c r="M1277" s="166">
        <v>0</v>
      </c>
      <c r="N1277" s="166">
        <v>0</v>
      </c>
      <c r="O1277" s="166">
        <v>0</v>
      </c>
      <c r="P1277" s="166">
        <v>0</v>
      </c>
      <c r="Q1277" s="166">
        <v>0</v>
      </c>
      <c r="R1277" s="166">
        <v>0</v>
      </c>
      <c r="S1277" s="166">
        <v>0</v>
      </c>
      <c r="T1277" s="166">
        <v>0</v>
      </c>
      <c r="U1277" s="166">
        <v>0</v>
      </c>
      <c r="V1277" s="166">
        <v>0</v>
      </c>
      <c r="W1277" s="166">
        <v>0</v>
      </c>
      <c r="X1277" s="166">
        <v>0</v>
      </c>
      <c r="Y1277" s="166">
        <v>0</v>
      </c>
      <c r="Z1277" s="166">
        <v>0</v>
      </c>
      <c r="AA1277" s="166">
        <v>0</v>
      </c>
      <c r="AB1277" s="166">
        <v>0</v>
      </c>
      <c r="AC1277" s="166">
        <v>0</v>
      </c>
      <c r="AD1277" s="166">
        <v>0</v>
      </c>
      <c r="AE1277" s="166">
        <v>0</v>
      </c>
      <c r="AF1277" s="166">
        <v>0</v>
      </c>
      <c r="AG1277" s="166">
        <v>0</v>
      </c>
      <c r="AH1277" s="166">
        <v>0</v>
      </c>
      <c r="AI1277" s="166">
        <v>0</v>
      </c>
      <c r="AJ1277" s="166">
        <v>0</v>
      </c>
      <c r="AK1277" s="166">
        <v>0</v>
      </c>
      <c r="AL1277" s="166">
        <v>0</v>
      </c>
      <c r="AM1277" s="166">
        <v>0</v>
      </c>
      <c r="AN1277" s="166">
        <v>0</v>
      </c>
      <c r="AO1277" s="166">
        <v>0</v>
      </c>
      <c r="AP1277" s="166">
        <v>0</v>
      </c>
      <c r="AQ1277" s="166">
        <v>0</v>
      </c>
      <c r="AR1277" s="166">
        <v>0</v>
      </c>
      <c r="AS1277" s="166">
        <v>0</v>
      </c>
      <c r="AT1277" s="166">
        <v>0</v>
      </c>
      <c r="AU1277" s="166">
        <v>0</v>
      </c>
      <c r="AV1277" s="166">
        <v>0</v>
      </c>
      <c r="AW1277" s="166">
        <v>0</v>
      </c>
      <c r="AX1277" s="166">
        <v>0</v>
      </c>
      <c r="AY1277" s="166">
        <v>0</v>
      </c>
      <c r="AZ1277" s="166">
        <v>0</v>
      </c>
      <c r="BA1277" s="166">
        <v>0</v>
      </c>
      <c r="BB1277" s="166">
        <v>0</v>
      </c>
      <c r="BC1277" s="166">
        <v>0</v>
      </c>
      <c r="BD1277" s="166">
        <v>0</v>
      </c>
      <c r="BE1277" s="166">
        <v>0</v>
      </c>
      <c r="BF1277" s="166">
        <v>0</v>
      </c>
      <c r="BG1277" s="166">
        <v>0</v>
      </c>
      <c r="BH1277" s="166">
        <v>0</v>
      </c>
      <c r="BI1277" s="166">
        <v>0</v>
      </c>
      <c r="BJ1277" s="166">
        <v>0</v>
      </c>
      <c r="BK1277" s="166">
        <v>0</v>
      </c>
      <c r="BL1277" s="166">
        <v>0</v>
      </c>
      <c r="BM1277" s="166">
        <v>0</v>
      </c>
      <c r="BN1277" s="166">
        <v>0</v>
      </c>
      <c r="BO1277" s="166">
        <v>0</v>
      </c>
      <c r="BP1277" s="166">
        <v>0</v>
      </c>
      <c r="BQ1277" s="166">
        <v>0</v>
      </c>
      <c r="BR1277" s="166">
        <v>2466494.6366008501</v>
      </c>
      <c r="BS1277" s="166">
        <v>2466494.6366008501</v>
      </c>
      <c r="BT1277" s="168">
        <v>0.70897047844185501</v>
      </c>
      <c r="BU1277" s="166">
        <v>102827.192027029</v>
      </c>
      <c r="BV1277" s="166">
        <v>1748671.88258517</v>
      </c>
      <c r="BW1277" s="166">
        <v>0</v>
      </c>
      <c r="BX1277" s="166">
        <v>0</v>
      </c>
      <c r="BY1277" s="166">
        <v>0</v>
      </c>
      <c r="BZ1277" s="166">
        <v>0</v>
      </c>
      <c r="CA1277" s="166">
        <v>0</v>
      </c>
      <c r="CB1277" s="166">
        <v>0</v>
      </c>
      <c r="CC1277" s="166">
        <v>0</v>
      </c>
      <c r="CD1277" s="166">
        <v>0</v>
      </c>
      <c r="CE1277" s="166">
        <v>0</v>
      </c>
      <c r="CF1277" s="166">
        <v>0</v>
      </c>
      <c r="CG1277" s="166">
        <v>0</v>
      </c>
      <c r="CH1277" s="166">
        <v>0</v>
      </c>
      <c r="CI1277" s="166">
        <v>0</v>
      </c>
      <c r="CJ1277" s="166">
        <v>0</v>
      </c>
      <c r="CK1277" s="166">
        <v>0</v>
      </c>
      <c r="CL1277" s="166">
        <v>0</v>
      </c>
      <c r="CM1277" s="166">
        <v>0</v>
      </c>
      <c r="CN1277" s="166">
        <v>0</v>
      </c>
      <c r="CO1277" s="166">
        <v>0</v>
      </c>
      <c r="CP1277" s="166">
        <v>0</v>
      </c>
      <c r="CQ1277" s="166">
        <v>0</v>
      </c>
      <c r="CR1277" s="166">
        <v>0</v>
      </c>
      <c r="CS1277" s="166">
        <v>0</v>
      </c>
      <c r="CT1277" s="166">
        <v>0</v>
      </c>
      <c r="CU1277" s="166">
        <v>0</v>
      </c>
      <c r="CV1277" s="166">
        <v>0</v>
      </c>
      <c r="CW1277" s="166">
        <v>0</v>
      </c>
      <c r="CX1277" s="166">
        <v>0</v>
      </c>
      <c r="CY1277" s="166">
        <v>1748671.88258517</v>
      </c>
      <c r="CZ1277" s="166">
        <v>1748671.88258517</v>
      </c>
    </row>
    <row r="1278" spans="1:104" x14ac:dyDescent="0.2">
      <c r="A1278" s="167" t="s">
        <v>1093</v>
      </c>
      <c r="B1278" s="166">
        <v>2545087.23</v>
      </c>
      <c r="C1278" s="166">
        <v>2545087.23</v>
      </c>
      <c r="D1278" s="166">
        <v>0</v>
      </c>
      <c r="E1278" s="166">
        <v>0</v>
      </c>
      <c r="F1278" s="166">
        <v>0</v>
      </c>
      <c r="G1278" s="166">
        <v>0</v>
      </c>
      <c r="H1278" s="166">
        <v>0</v>
      </c>
      <c r="I1278" s="166">
        <v>0</v>
      </c>
      <c r="J1278" s="166">
        <v>0</v>
      </c>
      <c r="K1278" s="166">
        <v>0</v>
      </c>
      <c r="L1278" s="166">
        <v>0</v>
      </c>
      <c r="M1278" s="166">
        <v>0</v>
      </c>
      <c r="N1278" s="166">
        <v>0</v>
      </c>
      <c r="O1278" s="166">
        <v>0</v>
      </c>
      <c r="P1278" s="166">
        <v>0</v>
      </c>
      <c r="Q1278" s="166">
        <v>0</v>
      </c>
      <c r="R1278" s="166">
        <v>0</v>
      </c>
      <c r="S1278" s="166">
        <v>0</v>
      </c>
      <c r="T1278" s="166">
        <v>0</v>
      </c>
      <c r="U1278" s="166">
        <v>0</v>
      </c>
      <c r="V1278" s="166">
        <v>0</v>
      </c>
      <c r="W1278" s="166">
        <v>0</v>
      </c>
      <c r="X1278" s="166">
        <v>0</v>
      </c>
      <c r="Y1278" s="166">
        <v>0</v>
      </c>
      <c r="Z1278" s="166">
        <v>0</v>
      </c>
      <c r="AA1278" s="166">
        <v>0</v>
      </c>
      <c r="AB1278" s="166">
        <v>0</v>
      </c>
      <c r="AC1278" s="166">
        <v>0</v>
      </c>
      <c r="AD1278" s="166">
        <v>0</v>
      </c>
      <c r="AE1278" s="166">
        <v>0</v>
      </c>
      <c r="AF1278" s="166">
        <v>0</v>
      </c>
      <c r="AG1278" s="166">
        <v>0</v>
      </c>
      <c r="AH1278" s="166">
        <v>0</v>
      </c>
      <c r="AI1278" s="166">
        <v>0</v>
      </c>
      <c r="AJ1278" s="166">
        <v>0</v>
      </c>
      <c r="AK1278" s="166">
        <v>0</v>
      </c>
      <c r="AL1278" s="166">
        <v>0</v>
      </c>
      <c r="AM1278" s="166">
        <v>0</v>
      </c>
      <c r="AN1278" s="166">
        <v>0</v>
      </c>
      <c r="AO1278" s="166">
        <v>0</v>
      </c>
      <c r="AP1278" s="166">
        <v>0</v>
      </c>
      <c r="AQ1278" s="166">
        <v>0</v>
      </c>
      <c r="AR1278" s="166">
        <v>0</v>
      </c>
      <c r="AS1278" s="166">
        <v>0</v>
      </c>
      <c r="AT1278" s="166">
        <v>0</v>
      </c>
      <c r="AU1278" s="166">
        <v>0</v>
      </c>
      <c r="AV1278" s="166">
        <v>0</v>
      </c>
      <c r="AW1278" s="166">
        <v>0</v>
      </c>
      <c r="AX1278" s="166">
        <v>0</v>
      </c>
      <c r="AY1278" s="166">
        <v>0</v>
      </c>
      <c r="AZ1278" s="166">
        <v>0</v>
      </c>
      <c r="BA1278" s="166">
        <v>0</v>
      </c>
      <c r="BB1278" s="166">
        <v>0</v>
      </c>
      <c r="BC1278" s="166">
        <v>0</v>
      </c>
      <c r="BD1278" s="166">
        <v>0</v>
      </c>
      <c r="BE1278" s="166">
        <v>0</v>
      </c>
      <c r="BF1278" s="166">
        <v>0</v>
      </c>
      <c r="BG1278" s="166">
        <v>0</v>
      </c>
      <c r="BH1278" s="166">
        <v>0</v>
      </c>
      <c r="BI1278" s="166">
        <v>0</v>
      </c>
      <c r="BJ1278" s="166">
        <v>0</v>
      </c>
      <c r="BK1278" s="166">
        <v>0</v>
      </c>
      <c r="BL1278" s="166">
        <v>0</v>
      </c>
      <c r="BM1278" s="166">
        <v>0</v>
      </c>
      <c r="BN1278" s="166">
        <v>0</v>
      </c>
      <c r="BO1278" s="166">
        <v>0</v>
      </c>
      <c r="BP1278" s="166">
        <v>0</v>
      </c>
      <c r="BQ1278" s="166">
        <v>0</v>
      </c>
      <c r="BR1278" s="166">
        <v>2545087.23</v>
      </c>
      <c r="BS1278" s="166">
        <v>2545087.2299999902</v>
      </c>
      <c r="BT1278" s="168">
        <v>0</v>
      </c>
      <c r="BU1278" s="166">
        <v>107236.729580528</v>
      </c>
      <c r="BV1278" s="166">
        <v>1827051.8347131801</v>
      </c>
      <c r="BW1278" s="166">
        <v>0</v>
      </c>
      <c r="BX1278" s="166">
        <v>0</v>
      </c>
      <c r="BY1278" s="166">
        <v>0</v>
      </c>
      <c r="BZ1278" s="166">
        <v>0</v>
      </c>
      <c r="CA1278" s="166">
        <v>0</v>
      </c>
      <c r="CB1278" s="166">
        <v>0</v>
      </c>
      <c r="CC1278" s="166">
        <v>0</v>
      </c>
      <c r="CD1278" s="166">
        <v>0</v>
      </c>
      <c r="CE1278" s="166">
        <v>0</v>
      </c>
      <c r="CF1278" s="166">
        <v>0</v>
      </c>
      <c r="CG1278" s="166">
        <v>0</v>
      </c>
      <c r="CH1278" s="166">
        <v>0</v>
      </c>
      <c r="CI1278" s="166">
        <v>0</v>
      </c>
      <c r="CJ1278" s="166">
        <v>0</v>
      </c>
      <c r="CK1278" s="166">
        <v>0</v>
      </c>
      <c r="CL1278" s="166">
        <v>0</v>
      </c>
      <c r="CM1278" s="166">
        <v>0</v>
      </c>
      <c r="CN1278" s="166">
        <v>0</v>
      </c>
      <c r="CO1278" s="166">
        <v>0</v>
      </c>
      <c r="CP1278" s="166">
        <v>0</v>
      </c>
      <c r="CQ1278" s="166">
        <v>0</v>
      </c>
      <c r="CR1278" s="166">
        <v>0</v>
      </c>
      <c r="CS1278" s="166">
        <v>0</v>
      </c>
      <c r="CT1278" s="166">
        <v>0</v>
      </c>
      <c r="CU1278" s="166">
        <v>0</v>
      </c>
      <c r="CV1278" s="166">
        <v>0</v>
      </c>
      <c r="CW1278" s="166">
        <v>0</v>
      </c>
      <c r="CX1278" s="166">
        <v>0</v>
      </c>
      <c r="CY1278" s="166">
        <v>1827051.8347131801</v>
      </c>
      <c r="CZ1278" s="166">
        <v>1827051.8347131801</v>
      </c>
    </row>
    <row r="1279" spans="1:104" x14ac:dyDescent="0.2">
      <c r="A1279" s="167" t="s">
        <v>249</v>
      </c>
    </row>
    <row r="1280" spans="1:104" x14ac:dyDescent="0.2">
      <c r="A1280" s="167" t="s">
        <v>1094</v>
      </c>
      <c r="B1280" s="166">
        <v>68639.634837767706</v>
      </c>
      <c r="C1280" s="166">
        <v>68639.634837767706</v>
      </c>
      <c r="D1280" s="166">
        <v>0</v>
      </c>
      <c r="E1280" s="166">
        <v>0</v>
      </c>
      <c r="F1280" s="166">
        <v>0</v>
      </c>
      <c r="G1280" s="166">
        <v>0</v>
      </c>
      <c r="H1280" s="166">
        <v>0</v>
      </c>
      <c r="I1280" s="166">
        <v>0</v>
      </c>
      <c r="J1280" s="166">
        <v>0</v>
      </c>
      <c r="K1280" s="166">
        <v>0</v>
      </c>
      <c r="L1280" s="166">
        <v>0</v>
      </c>
      <c r="M1280" s="166">
        <v>0</v>
      </c>
      <c r="N1280" s="166">
        <v>0</v>
      </c>
      <c r="O1280" s="166">
        <v>0</v>
      </c>
      <c r="P1280" s="166">
        <v>0</v>
      </c>
      <c r="Q1280" s="166">
        <v>0</v>
      </c>
      <c r="R1280" s="166">
        <v>0</v>
      </c>
      <c r="S1280" s="166">
        <v>0</v>
      </c>
      <c r="T1280" s="166">
        <v>0</v>
      </c>
      <c r="U1280" s="166">
        <v>0</v>
      </c>
      <c r="V1280" s="166">
        <v>0</v>
      </c>
      <c r="W1280" s="166">
        <v>0</v>
      </c>
      <c r="X1280" s="166">
        <v>0</v>
      </c>
      <c r="Y1280" s="166">
        <v>0</v>
      </c>
      <c r="Z1280" s="166">
        <v>0</v>
      </c>
      <c r="AA1280" s="166">
        <v>0</v>
      </c>
      <c r="AB1280" s="166">
        <v>0</v>
      </c>
      <c r="AC1280" s="166">
        <v>0</v>
      </c>
      <c r="AD1280" s="166">
        <v>0</v>
      </c>
      <c r="AE1280" s="166">
        <v>0</v>
      </c>
      <c r="AF1280" s="166">
        <v>0</v>
      </c>
      <c r="AG1280" s="166">
        <v>0</v>
      </c>
      <c r="AH1280" s="166">
        <v>0</v>
      </c>
      <c r="AI1280" s="166">
        <v>0</v>
      </c>
      <c r="AJ1280" s="166">
        <v>0</v>
      </c>
      <c r="AK1280" s="166">
        <v>0</v>
      </c>
      <c r="AL1280" s="166">
        <v>0</v>
      </c>
      <c r="AM1280" s="166">
        <v>0</v>
      </c>
      <c r="AN1280" s="166">
        <v>0</v>
      </c>
      <c r="AO1280" s="166">
        <v>0</v>
      </c>
      <c r="AP1280" s="166">
        <v>0</v>
      </c>
      <c r="AQ1280" s="166">
        <v>0</v>
      </c>
      <c r="AR1280" s="166">
        <v>0</v>
      </c>
      <c r="AS1280" s="166">
        <v>0</v>
      </c>
      <c r="AT1280" s="166">
        <v>0</v>
      </c>
      <c r="AU1280" s="166">
        <v>0</v>
      </c>
      <c r="AV1280" s="166">
        <v>0</v>
      </c>
      <c r="AW1280" s="166">
        <v>0</v>
      </c>
      <c r="AX1280" s="166">
        <v>0</v>
      </c>
      <c r="AY1280" s="166">
        <v>0</v>
      </c>
      <c r="AZ1280" s="166">
        <v>0</v>
      </c>
      <c r="BA1280" s="166">
        <v>0</v>
      </c>
      <c r="BB1280" s="166">
        <v>0</v>
      </c>
      <c r="BC1280" s="166">
        <v>0</v>
      </c>
      <c r="BD1280" s="166">
        <v>0</v>
      </c>
      <c r="BE1280" s="166">
        <v>0</v>
      </c>
      <c r="BF1280" s="166">
        <v>0</v>
      </c>
      <c r="BG1280" s="166">
        <v>0</v>
      </c>
      <c r="BH1280" s="166">
        <v>0</v>
      </c>
      <c r="BI1280" s="166">
        <v>0</v>
      </c>
      <c r="BJ1280" s="166">
        <v>0</v>
      </c>
      <c r="BK1280" s="166">
        <v>0</v>
      </c>
      <c r="BL1280" s="166">
        <v>0</v>
      </c>
      <c r="BM1280" s="166">
        <v>0</v>
      </c>
      <c r="BN1280" s="166">
        <v>0</v>
      </c>
      <c r="BO1280" s="166">
        <v>0</v>
      </c>
      <c r="BP1280" s="166">
        <v>0</v>
      </c>
      <c r="BQ1280" s="166">
        <v>0</v>
      </c>
      <c r="BR1280" s="166">
        <v>68639.634837767706</v>
      </c>
      <c r="BS1280" s="166">
        <v>68639.634837767706</v>
      </c>
      <c r="BT1280" s="168">
        <v>0.999998128641303</v>
      </c>
      <c r="BU1280" s="166">
        <v>2054.8926114444298</v>
      </c>
      <c r="BV1280" s="166">
        <v>68639.506388390102</v>
      </c>
      <c r="BW1280" s="166">
        <v>0</v>
      </c>
      <c r="BX1280" s="166">
        <v>0</v>
      </c>
      <c r="BY1280" s="166">
        <v>0</v>
      </c>
      <c r="BZ1280" s="166">
        <v>0</v>
      </c>
      <c r="CA1280" s="166">
        <v>0</v>
      </c>
      <c r="CB1280" s="166">
        <v>0</v>
      </c>
      <c r="CC1280" s="166">
        <v>0</v>
      </c>
      <c r="CD1280" s="166">
        <v>0</v>
      </c>
      <c r="CE1280" s="166">
        <v>0</v>
      </c>
      <c r="CF1280" s="166">
        <v>0</v>
      </c>
      <c r="CG1280" s="166">
        <v>0</v>
      </c>
      <c r="CH1280" s="166">
        <v>0</v>
      </c>
      <c r="CI1280" s="166">
        <v>0</v>
      </c>
      <c r="CJ1280" s="166">
        <v>0</v>
      </c>
      <c r="CK1280" s="166">
        <v>0</v>
      </c>
      <c r="CL1280" s="166">
        <v>0</v>
      </c>
      <c r="CM1280" s="166">
        <v>0</v>
      </c>
      <c r="CN1280" s="166">
        <v>0</v>
      </c>
      <c r="CO1280" s="166">
        <v>0</v>
      </c>
      <c r="CP1280" s="166">
        <v>0</v>
      </c>
      <c r="CQ1280" s="166">
        <v>0</v>
      </c>
      <c r="CR1280" s="166">
        <v>0</v>
      </c>
      <c r="CS1280" s="166">
        <v>0</v>
      </c>
      <c r="CT1280" s="166">
        <v>0</v>
      </c>
      <c r="CU1280" s="166">
        <v>0</v>
      </c>
      <c r="CV1280" s="166">
        <v>0</v>
      </c>
      <c r="CW1280" s="166">
        <v>0</v>
      </c>
      <c r="CX1280" s="166">
        <v>0</v>
      </c>
      <c r="CY1280" s="166">
        <v>68639.506388390102</v>
      </c>
      <c r="CZ1280" s="166">
        <v>68639.506388390102</v>
      </c>
    </row>
    <row r="1281" spans="1:104" x14ac:dyDescent="0.2">
      <c r="A1281" s="167" t="s">
        <v>1095</v>
      </c>
      <c r="B1281" s="166">
        <v>2170.1479473844802</v>
      </c>
      <c r="C1281" s="166">
        <v>2170.1479473844802</v>
      </c>
      <c r="D1281" s="166">
        <v>0</v>
      </c>
      <c r="E1281" s="166">
        <v>0</v>
      </c>
      <c r="F1281" s="166">
        <v>0</v>
      </c>
      <c r="G1281" s="166">
        <v>0</v>
      </c>
      <c r="H1281" s="166">
        <v>0</v>
      </c>
      <c r="I1281" s="166">
        <v>0</v>
      </c>
      <c r="J1281" s="166">
        <v>0</v>
      </c>
      <c r="K1281" s="166">
        <v>0</v>
      </c>
      <c r="L1281" s="166">
        <v>0</v>
      </c>
      <c r="M1281" s="166">
        <v>0</v>
      </c>
      <c r="N1281" s="166">
        <v>0</v>
      </c>
      <c r="O1281" s="166">
        <v>0</v>
      </c>
      <c r="P1281" s="166">
        <v>0</v>
      </c>
      <c r="Q1281" s="166">
        <v>0</v>
      </c>
      <c r="R1281" s="166">
        <v>0</v>
      </c>
      <c r="S1281" s="166">
        <v>0</v>
      </c>
      <c r="T1281" s="166">
        <v>0</v>
      </c>
      <c r="U1281" s="166">
        <v>0</v>
      </c>
      <c r="V1281" s="166">
        <v>0</v>
      </c>
      <c r="W1281" s="166">
        <v>0</v>
      </c>
      <c r="X1281" s="166">
        <v>0</v>
      </c>
      <c r="Y1281" s="166">
        <v>0</v>
      </c>
      <c r="Z1281" s="166">
        <v>0</v>
      </c>
      <c r="AA1281" s="166">
        <v>0</v>
      </c>
      <c r="AB1281" s="166">
        <v>0</v>
      </c>
      <c r="AC1281" s="166">
        <v>0</v>
      </c>
      <c r="AD1281" s="166">
        <v>0</v>
      </c>
      <c r="AE1281" s="166">
        <v>0</v>
      </c>
      <c r="AF1281" s="166">
        <v>0</v>
      </c>
      <c r="AG1281" s="166">
        <v>0</v>
      </c>
      <c r="AH1281" s="166">
        <v>0</v>
      </c>
      <c r="AI1281" s="166">
        <v>0</v>
      </c>
      <c r="AJ1281" s="166">
        <v>0</v>
      </c>
      <c r="AK1281" s="166">
        <v>0</v>
      </c>
      <c r="AL1281" s="166">
        <v>0</v>
      </c>
      <c r="AM1281" s="166">
        <v>0</v>
      </c>
      <c r="AN1281" s="166">
        <v>0</v>
      </c>
      <c r="AO1281" s="166">
        <v>0</v>
      </c>
      <c r="AP1281" s="166">
        <v>0</v>
      </c>
      <c r="AQ1281" s="166">
        <v>0</v>
      </c>
      <c r="AR1281" s="166">
        <v>0</v>
      </c>
      <c r="AS1281" s="166">
        <v>0</v>
      </c>
      <c r="AT1281" s="166">
        <v>0</v>
      </c>
      <c r="AU1281" s="166">
        <v>0</v>
      </c>
      <c r="AV1281" s="166">
        <v>0</v>
      </c>
      <c r="AW1281" s="166">
        <v>0</v>
      </c>
      <c r="AX1281" s="166">
        <v>0</v>
      </c>
      <c r="AY1281" s="166">
        <v>0</v>
      </c>
      <c r="AZ1281" s="166">
        <v>0</v>
      </c>
      <c r="BA1281" s="166">
        <v>0</v>
      </c>
      <c r="BB1281" s="166">
        <v>0</v>
      </c>
      <c r="BC1281" s="166">
        <v>0</v>
      </c>
      <c r="BD1281" s="166">
        <v>0</v>
      </c>
      <c r="BE1281" s="166">
        <v>0</v>
      </c>
      <c r="BF1281" s="166">
        <v>0</v>
      </c>
      <c r="BG1281" s="166">
        <v>0</v>
      </c>
      <c r="BH1281" s="166">
        <v>0</v>
      </c>
      <c r="BI1281" s="166">
        <v>0</v>
      </c>
      <c r="BJ1281" s="166">
        <v>0</v>
      </c>
      <c r="BK1281" s="166">
        <v>0</v>
      </c>
      <c r="BL1281" s="166">
        <v>0</v>
      </c>
      <c r="BM1281" s="166">
        <v>0</v>
      </c>
      <c r="BN1281" s="166">
        <v>0</v>
      </c>
      <c r="BO1281" s="166">
        <v>0</v>
      </c>
      <c r="BP1281" s="166">
        <v>0</v>
      </c>
      <c r="BQ1281" s="166">
        <v>0</v>
      </c>
      <c r="BR1281" s="166">
        <v>2170.1479473844802</v>
      </c>
      <c r="BS1281" s="166">
        <v>2170.1479473844802</v>
      </c>
      <c r="BT1281" s="168">
        <v>0.95155251885650005</v>
      </c>
      <c r="BU1281" s="166">
        <v>61.821150706340802</v>
      </c>
      <c r="BV1281" s="166">
        <v>2065.00974562497</v>
      </c>
      <c r="BW1281" s="166">
        <v>0</v>
      </c>
      <c r="BX1281" s="166">
        <v>0</v>
      </c>
      <c r="BY1281" s="166">
        <v>0</v>
      </c>
      <c r="BZ1281" s="166">
        <v>0</v>
      </c>
      <c r="CA1281" s="166">
        <v>0</v>
      </c>
      <c r="CB1281" s="166">
        <v>0</v>
      </c>
      <c r="CC1281" s="166">
        <v>0</v>
      </c>
      <c r="CD1281" s="166">
        <v>0</v>
      </c>
      <c r="CE1281" s="166">
        <v>0</v>
      </c>
      <c r="CF1281" s="166">
        <v>0</v>
      </c>
      <c r="CG1281" s="166">
        <v>0</v>
      </c>
      <c r="CH1281" s="166">
        <v>0</v>
      </c>
      <c r="CI1281" s="166">
        <v>0</v>
      </c>
      <c r="CJ1281" s="166">
        <v>0</v>
      </c>
      <c r="CK1281" s="166">
        <v>0</v>
      </c>
      <c r="CL1281" s="166">
        <v>0</v>
      </c>
      <c r="CM1281" s="166">
        <v>0</v>
      </c>
      <c r="CN1281" s="166">
        <v>0</v>
      </c>
      <c r="CO1281" s="166">
        <v>0</v>
      </c>
      <c r="CP1281" s="166">
        <v>0</v>
      </c>
      <c r="CQ1281" s="166">
        <v>0</v>
      </c>
      <c r="CR1281" s="166">
        <v>0</v>
      </c>
      <c r="CS1281" s="166">
        <v>0</v>
      </c>
      <c r="CT1281" s="166">
        <v>0</v>
      </c>
      <c r="CU1281" s="166">
        <v>0</v>
      </c>
      <c r="CV1281" s="166">
        <v>0</v>
      </c>
      <c r="CW1281" s="166">
        <v>0</v>
      </c>
      <c r="CX1281" s="166">
        <v>0</v>
      </c>
      <c r="CY1281" s="166">
        <v>2065.00974562497</v>
      </c>
      <c r="CZ1281" s="166">
        <v>2065.00974562497</v>
      </c>
    </row>
    <row r="1282" spans="1:104" x14ac:dyDescent="0.2">
      <c r="A1282" s="167" t="s">
        <v>1096</v>
      </c>
      <c r="B1282" s="166">
        <v>15655.072805470199</v>
      </c>
      <c r="C1282" s="166">
        <v>15655.072805470199</v>
      </c>
      <c r="D1282" s="166">
        <v>0</v>
      </c>
      <c r="E1282" s="166">
        <v>0</v>
      </c>
      <c r="F1282" s="166">
        <v>0</v>
      </c>
      <c r="G1282" s="166">
        <v>0</v>
      </c>
      <c r="H1282" s="166">
        <v>0</v>
      </c>
      <c r="I1282" s="166">
        <v>0</v>
      </c>
      <c r="J1282" s="166">
        <v>0</v>
      </c>
      <c r="K1282" s="166">
        <v>0</v>
      </c>
      <c r="L1282" s="166">
        <v>0</v>
      </c>
      <c r="M1282" s="166">
        <v>0</v>
      </c>
      <c r="N1282" s="166">
        <v>0</v>
      </c>
      <c r="O1282" s="166">
        <v>0</v>
      </c>
      <c r="P1282" s="166">
        <v>0</v>
      </c>
      <c r="Q1282" s="166">
        <v>0</v>
      </c>
      <c r="R1282" s="166">
        <v>0</v>
      </c>
      <c r="S1282" s="166">
        <v>0</v>
      </c>
      <c r="T1282" s="166">
        <v>0</v>
      </c>
      <c r="U1282" s="166">
        <v>0</v>
      </c>
      <c r="V1282" s="166">
        <v>0</v>
      </c>
      <c r="W1282" s="166">
        <v>0</v>
      </c>
      <c r="X1282" s="166">
        <v>0</v>
      </c>
      <c r="Y1282" s="166">
        <v>0</v>
      </c>
      <c r="Z1282" s="166">
        <v>0</v>
      </c>
      <c r="AA1282" s="166">
        <v>0</v>
      </c>
      <c r="AB1282" s="166">
        <v>0</v>
      </c>
      <c r="AC1282" s="166">
        <v>0</v>
      </c>
      <c r="AD1282" s="166">
        <v>0</v>
      </c>
      <c r="AE1282" s="166">
        <v>0</v>
      </c>
      <c r="AF1282" s="166">
        <v>0</v>
      </c>
      <c r="AG1282" s="166">
        <v>0</v>
      </c>
      <c r="AH1282" s="166">
        <v>0</v>
      </c>
      <c r="AI1282" s="166">
        <v>0</v>
      </c>
      <c r="AJ1282" s="166">
        <v>0</v>
      </c>
      <c r="AK1282" s="166">
        <v>0</v>
      </c>
      <c r="AL1282" s="166">
        <v>0</v>
      </c>
      <c r="AM1282" s="166">
        <v>0</v>
      </c>
      <c r="AN1282" s="166">
        <v>0</v>
      </c>
      <c r="AO1282" s="166">
        <v>0</v>
      </c>
      <c r="AP1282" s="166">
        <v>0</v>
      </c>
      <c r="AQ1282" s="166">
        <v>0</v>
      </c>
      <c r="AR1282" s="166">
        <v>0</v>
      </c>
      <c r="AS1282" s="166">
        <v>0</v>
      </c>
      <c r="AT1282" s="166">
        <v>0</v>
      </c>
      <c r="AU1282" s="166">
        <v>0</v>
      </c>
      <c r="AV1282" s="166">
        <v>0</v>
      </c>
      <c r="AW1282" s="166">
        <v>0</v>
      </c>
      <c r="AX1282" s="166">
        <v>0</v>
      </c>
      <c r="AY1282" s="166">
        <v>0</v>
      </c>
      <c r="AZ1282" s="166">
        <v>0</v>
      </c>
      <c r="BA1282" s="166">
        <v>0</v>
      </c>
      <c r="BB1282" s="166">
        <v>0</v>
      </c>
      <c r="BC1282" s="166">
        <v>0</v>
      </c>
      <c r="BD1282" s="166">
        <v>0</v>
      </c>
      <c r="BE1282" s="166">
        <v>0</v>
      </c>
      <c r="BF1282" s="166">
        <v>0</v>
      </c>
      <c r="BG1282" s="166">
        <v>0</v>
      </c>
      <c r="BH1282" s="166">
        <v>0</v>
      </c>
      <c r="BI1282" s="166">
        <v>0</v>
      </c>
      <c r="BJ1282" s="166">
        <v>0</v>
      </c>
      <c r="BK1282" s="166">
        <v>0</v>
      </c>
      <c r="BL1282" s="166">
        <v>0</v>
      </c>
      <c r="BM1282" s="166">
        <v>0</v>
      </c>
      <c r="BN1282" s="166">
        <v>0</v>
      </c>
      <c r="BO1282" s="166">
        <v>0</v>
      </c>
      <c r="BP1282" s="166">
        <v>0</v>
      </c>
      <c r="BQ1282" s="166">
        <v>0</v>
      </c>
      <c r="BR1282" s="166">
        <v>15655.072805470199</v>
      </c>
      <c r="BS1282" s="166">
        <v>15655.072805470199</v>
      </c>
      <c r="BT1282" s="168">
        <v>0.97633653435224499</v>
      </c>
      <c r="BU1282" s="166">
        <v>457.58271568783601</v>
      </c>
      <c r="BV1282" s="166">
        <v>15284.6195279248</v>
      </c>
      <c r="BW1282" s="166">
        <v>0</v>
      </c>
      <c r="BX1282" s="166">
        <v>0</v>
      </c>
      <c r="BY1282" s="166">
        <v>0</v>
      </c>
      <c r="BZ1282" s="166">
        <v>0</v>
      </c>
      <c r="CA1282" s="166">
        <v>0</v>
      </c>
      <c r="CB1282" s="166">
        <v>0</v>
      </c>
      <c r="CC1282" s="166">
        <v>0</v>
      </c>
      <c r="CD1282" s="166">
        <v>0</v>
      </c>
      <c r="CE1282" s="166">
        <v>0</v>
      </c>
      <c r="CF1282" s="166">
        <v>0</v>
      </c>
      <c r="CG1282" s="166">
        <v>0</v>
      </c>
      <c r="CH1282" s="166">
        <v>0</v>
      </c>
      <c r="CI1282" s="166">
        <v>0</v>
      </c>
      <c r="CJ1282" s="166">
        <v>0</v>
      </c>
      <c r="CK1282" s="166">
        <v>0</v>
      </c>
      <c r="CL1282" s="166">
        <v>0</v>
      </c>
      <c r="CM1282" s="166">
        <v>0</v>
      </c>
      <c r="CN1282" s="166">
        <v>0</v>
      </c>
      <c r="CO1282" s="166">
        <v>0</v>
      </c>
      <c r="CP1282" s="166">
        <v>0</v>
      </c>
      <c r="CQ1282" s="166">
        <v>0</v>
      </c>
      <c r="CR1282" s="166">
        <v>0</v>
      </c>
      <c r="CS1282" s="166">
        <v>0</v>
      </c>
      <c r="CT1282" s="166">
        <v>0</v>
      </c>
      <c r="CU1282" s="166">
        <v>0</v>
      </c>
      <c r="CV1282" s="166">
        <v>0</v>
      </c>
      <c r="CW1282" s="166">
        <v>0</v>
      </c>
      <c r="CX1282" s="166">
        <v>0</v>
      </c>
      <c r="CY1282" s="166">
        <v>15284.6195279248</v>
      </c>
      <c r="CZ1282" s="166">
        <v>15284.6195279248</v>
      </c>
    </row>
    <row r="1283" spans="1:104" x14ac:dyDescent="0.2">
      <c r="A1283" s="167" t="s">
        <v>253</v>
      </c>
      <c r="B1283" s="166">
        <v>50080.499175900397</v>
      </c>
      <c r="C1283" s="166">
        <v>50080.499175900397</v>
      </c>
      <c r="D1283" s="166">
        <v>0</v>
      </c>
      <c r="E1283" s="166">
        <v>0</v>
      </c>
      <c r="F1283" s="166">
        <v>0</v>
      </c>
      <c r="G1283" s="166">
        <v>0</v>
      </c>
      <c r="H1283" s="166">
        <v>0</v>
      </c>
      <c r="I1283" s="166">
        <v>0</v>
      </c>
      <c r="J1283" s="166">
        <v>0</v>
      </c>
      <c r="K1283" s="166">
        <v>0</v>
      </c>
      <c r="L1283" s="166">
        <v>0</v>
      </c>
      <c r="M1283" s="166">
        <v>0</v>
      </c>
      <c r="N1283" s="166">
        <v>0</v>
      </c>
      <c r="O1283" s="166">
        <v>0</v>
      </c>
      <c r="P1283" s="166">
        <v>0</v>
      </c>
      <c r="Q1283" s="166">
        <v>0</v>
      </c>
      <c r="R1283" s="166">
        <v>0</v>
      </c>
      <c r="S1283" s="166">
        <v>0</v>
      </c>
      <c r="T1283" s="166">
        <v>0</v>
      </c>
      <c r="U1283" s="166">
        <v>0</v>
      </c>
      <c r="V1283" s="166">
        <v>0</v>
      </c>
      <c r="W1283" s="166">
        <v>0</v>
      </c>
      <c r="X1283" s="166">
        <v>0</v>
      </c>
      <c r="Y1283" s="166">
        <v>0</v>
      </c>
      <c r="Z1283" s="166">
        <v>0</v>
      </c>
      <c r="AA1283" s="166">
        <v>0</v>
      </c>
      <c r="AB1283" s="166">
        <v>0</v>
      </c>
      <c r="AC1283" s="166">
        <v>0</v>
      </c>
      <c r="AD1283" s="166">
        <v>0</v>
      </c>
      <c r="AE1283" s="166">
        <v>0</v>
      </c>
      <c r="AF1283" s="166">
        <v>0</v>
      </c>
      <c r="AG1283" s="166">
        <v>0</v>
      </c>
      <c r="AH1283" s="166">
        <v>0</v>
      </c>
      <c r="AI1283" s="166">
        <v>0</v>
      </c>
      <c r="AJ1283" s="166">
        <v>0</v>
      </c>
      <c r="AK1283" s="166">
        <v>0</v>
      </c>
      <c r="AL1283" s="166">
        <v>0</v>
      </c>
      <c r="AM1283" s="166">
        <v>0</v>
      </c>
      <c r="AN1283" s="166">
        <v>0</v>
      </c>
      <c r="AO1283" s="166">
        <v>0</v>
      </c>
      <c r="AP1283" s="166">
        <v>0</v>
      </c>
      <c r="AQ1283" s="166">
        <v>0</v>
      </c>
      <c r="AR1283" s="166">
        <v>0</v>
      </c>
      <c r="AS1283" s="166">
        <v>0</v>
      </c>
      <c r="AT1283" s="166">
        <v>0</v>
      </c>
      <c r="AU1283" s="166">
        <v>0</v>
      </c>
      <c r="AV1283" s="166">
        <v>0</v>
      </c>
      <c r="AW1283" s="166">
        <v>0</v>
      </c>
      <c r="AX1283" s="166">
        <v>0</v>
      </c>
      <c r="AY1283" s="166">
        <v>0</v>
      </c>
      <c r="AZ1283" s="166">
        <v>0</v>
      </c>
      <c r="BA1283" s="166">
        <v>0</v>
      </c>
      <c r="BB1283" s="166">
        <v>0</v>
      </c>
      <c r="BC1283" s="166">
        <v>0</v>
      </c>
      <c r="BD1283" s="166">
        <v>0</v>
      </c>
      <c r="BE1283" s="166">
        <v>0</v>
      </c>
      <c r="BF1283" s="166">
        <v>0</v>
      </c>
      <c r="BG1283" s="166">
        <v>0</v>
      </c>
      <c r="BH1283" s="166">
        <v>0</v>
      </c>
      <c r="BI1283" s="166">
        <v>0</v>
      </c>
      <c r="BJ1283" s="166">
        <v>0</v>
      </c>
      <c r="BK1283" s="166">
        <v>0</v>
      </c>
      <c r="BL1283" s="166">
        <v>0</v>
      </c>
      <c r="BM1283" s="166">
        <v>0</v>
      </c>
      <c r="BN1283" s="166">
        <v>0</v>
      </c>
      <c r="BO1283" s="166">
        <v>0</v>
      </c>
      <c r="BP1283" s="166">
        <v>0</v>
      </c>
      <c r="BQ1283" s="166">
        <v>0</v>
      </c>
      <c r="BR1283" s="166">
        <v>50080.499175900397</v>
      </c>
      <c r="BS1283" s="166">
        <v>50080.499175900397</v>
      </c>
      <c r="BT1283" s="168">
        <v>0.999998128641303</v>
      </c>
      <c r="BU1283" s="166">
        <v>1499.28023331182</v>
      </c>
      <c r="BV1283" s="166">
        <v>50080.405457322697</v>
      </c>
      <c r="BW1283" s="166">
        <v>0</v>
      </c>
      <c r="BX1283" s="166">
        <v>0</v>
      </c>
      <c r="BY1283" s="166">
        <v>0</v>
      </c>
      <c r="BZ1283" s="166">
        <v>0</v>
      </c>
      <c r="CA1283" s="166">
        <v>0</v>
      </c>
      <c r="CB1283" s="166">
        <v>0</v>
      </c>
      <c r="CC1283" s="166">
        <v>0</v>
      </c>
      <c r="CD1283" s="166">
        <v>0</v>
      </c>
      <c r="CE1283" s="166">
        <v>0</v>
      </c>
      <c r="CF1283" s="166">
        <v>0</v>
      </c>
      <c r="CG1283" s="166">
        <v>0</v>
      </c>
      <c r="CH1283" s="166">
        <v>0</v>
      </c>
      <c r="CI1283" s="166">
        <v>0</v>
      </c>
      <c r="CJ1283" s="166">
        <v>0</v>
      </c>
      <c r="CK1283" s="166">
        <v>0</v>
      </c>
      <c r="CL1283" s="166">
        <v>0</v>
      </c>
      <c r="CM1283" s="166">
        <v>0</v>
      </c>
      <c r="CN1283" s="166">
        <v>0</v>
      </c>
      <c r="CO1283" s="166">
        <v>0</v>
      </c>
      <c r="CP1283" s="166">
        <v>0</v>
      </c>
      <c r="CQ1283" s="166">
        <v>0</v>
      </c>
      <c r="CR1283" s="166">
        <v>0</v>
      </c>
      <c r="CS1283" s="166">
        <v>0</v>
      </c>
      <c r="CT1283" s="166">
        <v>0</v>
      </c>
      <c r="CU1283" s="166">
        <v>0</v>
      </c>
      <c r="CV1283" s="166">
        <v>0</v>
      </c>
      <c r="CW1283" s="166">
        <v>0</v>
      </c>
      <c r="CX1283" s="166">
        <v>0</v>
      </c>
      <c r="CY1283" s="166">
        <v>50080.405457322697</v>
      </c>
      <c r="CZ1283" s="166">
        <v>50080.405457322697</v>
      </c>
    </row>
    <row r="1284" spans="1:104" x14ac:dyDescent="0.2">
      <c r="A1284" s="167" t="s">
        <v>254</v>
      </c>
      <c r="B1284" s="166">
        <v>39316.218631617499</v>
      </c>
      <c r="C1284" s="166">
        <v>39316.218631617499</v>
      </c>
      <c r="D1284" s="166">
        <v>0</v>
      </c>
      <c r="E1284" s="166">
        <v>0</v>
      </c>
      <c r="F1284" s="166">
        <v>0</v>
      </c>
      <c r="G1284" s="166">
        <v>0</v>
      </c>
      <c r="H1284" s="166">
        <v>0</v>
      </c>
      <c r="I1284" s="166">
        <v>0</v>
      </c>
      <c r="J1284" s="166">
        <v>0</v>
      </c>
      <c r="K1284" s="166">
        <v>0</v>
      </c>
      <c r="L1284" s="166">
        <v>0</v>
      </c>
      <c r="M1284" s="166">
        <v>0</v>
      </c>
      <c r="N1284" s="166">
        <v>0</v>
      </c>
      <c r="O1284" s="166">
        <v>0</v>
      </c>
      <c r="P1284" s="166">
        <v>0</v>
      </c>
      <c r="Q1284" s="166">
        <v>0</v>
      </c>
      <c r="R1284" s="166">
        <v>0</v>
      </c>
      <c r="S1284" s="166">
        <v>0</v>
      </c>
      <c r="T1284" s="166">
        <v>0</v>
      </c>
      <c r="U1284" s="166">
        <v>0</v>
      </c>
      <c r="V1284" s="166">
        <v>0</v>
      </c>
      <c r="W1284" s="166">
        <v>0</v>
      </c>
      <c r="X1284" s="166">
        <v>0</v>
      </c>
      <c r="Y1284" s="166">
        <v>0</v>
      </c>
      <c r="Z1284" s="166">
        <v>0</v>
      </c>
      <c r="AA1284" s="166">
        <v>0</v>
      </c>
      <c r="AB1284" s="166">
        <v>0</v>
      </c>
      <c r="AC1284" s="166">
        <v>0</v>
      </c>
      <c r="AD1284" s="166">
        <v>0</v>
      </c>
      <c r="AE1284" s="166">
        <v>0</v>
      </c>
      <c r="AF1284" s="166">
        <v>0</v>
      </c>
      <c r="AG1284" s="166">
        <v>0</v>
      </c>
      <c r="AH1284" s="166">
        <v>0</v>
      </c>
      <c r="AI1284" s="166">
        <v>0</v>
      </c>
      <c r="AJ1284" s="166">
        <v>0</v>
      </c>
      <c r="AK1284" s="166">
        <v>0</v>
      </c>
      <c r="AL1284" s="166">
        <v>0</v>
      </c>
      <c r="AM1284" s="166">
        <v>0</v>
      </c>
      <c r="AN1284" s="166">
        <v>0</v>
      </c>
      <c r="AO1284" s="166">
        <v>0</v>
      </c>
      <c r="AP1284" s="166">
        <v>0</v>
      </c>
      <c r="AQ1284" s="166">
        <v>0</v>
      </c>
      <c r="AR1284" s="166">
        <v>0</v>
      </c>
      <c r="AS1284" s="166">
        <v>0</v>
      </c>
      <c r="AT1284" s="166">
        <v>0</v>
      </c>
      <c r="AU1284" s="166">
        <v>0</v>
      </c>
      <c r="AV1284" s="166">
        <v>0</v>
      </c>
      <c r="AW1284" s="166">
        <v>0</v>
      </c>
      <c r="AX1284" s="166">
        <v>0</v>
      </c>
      <c r="AY1284" s="166">
        <v>0</v>
      </c>
      <c r="AZ1284" s="166">
        <v>0</v>
      </c>
      <c r="BA1284" s="166">
        <v>0</v>
      </c>
      <c r="BB1284" s="166">
        <v>0</v>
      </c>
      <c r="BC1284" s="166">
        <v>0</v>
      </c>
      <c r="BD1284" s="166">
        <v>0</v>
      </c>
      <c r="BE1284" s="166">
        <v>0</v>
      </c>
      <c r="BF1284" s="166">
        <v>0</v>
      </c>
      <c r="BG1284" s="166">
        <v>0</v>
      </c>
      <c r="BH1284" s="166">
        <v>0</v>
      </c>
      <c r="BI1284" s="166">
        <v>0</v>
      </c>
      <c r="BJ1284" s="166">
        <v>0</v>
      </c>
      <c r="BK1284" s="166">
        <v>0</v>
      </c>
      <c r="BL1284" s="166">
        <v>0</v>
      </c>
      <c r="BM1284" s="166">
        <v>0</v>
      </c>
      <c r="BN1284" s="166">
        <v>0</v>
      </c>
      <c r="BO1284" s="166">
        <v>0</v>
      </c>
      <c r="BP1284" s="166">
        <v>0</v>
      </c>
      <c r="BQ1284" s="166">
        <v>0</v>
      </c>
      <c r="BR1284" s="166">
        <v>39316.218631617499</v>
      </c>
      <c r="BS1284" s="166">
        <v>39316.218631617499</v>
      </c>
      <c r="BT1284" s="166">
        <v>1000</v>
      </c>
      <c r="BU1284" s="166">
        <v>1177.02779968869</v>
      </c>
      <c r="BV1284" s="166">
        <v>39316.218631617499</v>
      </c>
      <c r="BW1284" s="166">
        <v>0</v>
      </c>
      <c r="BX1284" s="166">
        <v>0</v>
      </c>
      <c r="BY1284" s="166">
        <v>0</v>
      </c>
      <c r="BZ1284" s="166">
        <v>0</v>
      </c>
      <c r="CA1284" s="166">
        <v>0</v>
      </c>
      <c r="CB1284" s="166">
        <v>0</v>
      </c>
      <c r="CC1284" s="166">
        <v>0</v>
      </c>
      <c r="CD1284" s="166">
        <v>0</v>
      </c>
      <c r="CE1284" s="166">
        <v>0</v>
      </c>
      <c r="CF1284" s="166">
        <v>0</v>
      </c>
      <c r="CG1284" s="166">
        <v>0</v>
      </c>
      <c r="CH1284" s="166">
        <v>0</v>
      </c>
      <c r="CI1284" s="166">
        <v>0</v>
      </c>
      <c r="CJ1284" s="166">
        <v>0</v>
      </c>
      <c r="CK1284" s="166">
        <v>0</v>
      </c>
      <c r="CL1284" s="166">
        <v>0</v>
      </c>
      <c r="CM1284" s="166">
        <v>0</v>
      </c>
      <c r="CN1284" s="166">
        <v>0</v>
      </c>
      <c r="CO1284" s="166">
        <v>0</v>
      </c>
      <c r="CP1284" s="166">
        <v>0</v>
      </c>
      <c r="CQ1284" s="166">
        <v>0</v>
      </c>
      <c r="CR1284" s="166">
        <v>0</v>
      </c>
      <c r="CS1284" s="166">
        <v>0</v>
      </c>
      <c r="CT1284" s="166">
        <v>0</v>
      </c>
      <c r="CU1284" s="166">
        <v>0</v>
      </c>
      <c r="CV1284" s="166">
        <v>0</v>
      </c>
      <c r="CW1284" s="166">
        <v>0</v>
      </c>
      <c r="CX1284" s="166">
        <v>0</v>
      </c>
      <c r="CY1284" s="166">
        <v>39316.218631617499</v>
      </c>
      <c r="CZ1284" s="166">
        <v>39316.218631617499</v>
      </c>
    </row>
    <row r="1285" spans="1:104" x14ac:dyDescent="0.2">
      <c r="A1285" s="167" t="s">
        <v>1097</v>
      </c>
      <c r="B1285" s="166">
        <v>5544174.5466018496</v>
      </c>
      <c r="C1285" s="166">
        <v>5544174.5466018496</v>
      </c>
      <c r="D1285" s="166">
        <v>0</v>
      </c>
      <c r="E1285" s="166">
        <v>0</v>
      </c>
      <c r="F1285" s="166">
        <v>0</v>
      </c>
      <c r="G1285" s="166">
        <v>0</v>
      </c>
      <c r="H1285" s="166">
        <v>0</v>
      </c>
      <c r="I1285" s="166">
        <v>0</v>
      </c>
      <c r="J1285" s="166">
        <v>0</v>
      </c>
      <c r="K1285" s="166">
        <v>0</v>
      </c>
      <c r="L1285" s="166">
        <v>0</v>
      </c>
      <c r="M1285" s="166">
        <v>0</v>
      </c>
      <c r="N1285" s="166">
        <v>0</v>
      </c>
      <c r="O1285" s="166">
        <v>0</v>
      </c>
      <c r="P1285" s="166">
        <v>0</v>
      </c>
      <c r="Q1285" s="166">
        <v>0</v>
      </c>
      <c r="R1285" s="166">
        <v>0</v>
      </c>
      <c r="S1285" s="166">
        <v>0</v>
      </c>
      <c r="T1285" s="166">
        <v>0</v>
      </c>
      <c r="U1285" s="166">
        <v>0</v>
      </c>
      <c r="V1285" s="166">
        <v>0</v>
      </c>
      <c r="W1285" s="166">
        <v>0</v>
      </c>
      <c r="X1285" s="166">
        <v>0</v>
      </c>
      <c r="Y1285" s="166">
        <v>0</v>
      </c>
      <c r="Z1285" s="166">
        <v>0</v>
      </c>
      <c r="AA1285" s="166">
        <v>0</v>
      </c>
      <c r="AB1285" s="166">
        <v>0</v>
      </c>
      <c r="AC1285" s="166">
        <v>0</v>
      </c>
      <c r="AD1285" s="166">
        <v>0</v>
      </c>
      <c r="AE1285" s="166">
        <v>0</v>
      </c>
      <c r="AF1285" s="166">
        <v>0</v>
      </c>
      <c r="AG1285" s="166">
        <v>0</v>
      </c>
      <c r="AH1285" s="166">
        <v>0</v>
      </c>
      <c r="AI1285" s="166">
        <v>0</v>
      </c>
      <c r="AJ1285" s="166">
        <v>0</v>
      </c>
      <c r="AK1285" s="166">
        <v>0</v>
      </c>
      <c r="AL1285" s="166">
        <v>0</v>
      </c>
      <c r="AM1285" s="166">
        <v>0</v>
      </c>
      <c r="AN1285" s="166">
        <v>0</v>
      </c>
      <c r="AO1285" s="166">
        <v>0</v>
      </c>
      <c r="AP1285" s="166">
        <v>0</v>
      </c>
      <c r="AQ1285" s="166">
        <v>0</v>
      </c>
      <c r="AR1285" s="166">
        <v>0</v>
      </c>
      <c r="AS1285" s="166">
        <v>0</v>
      </c>
      <c r="AT1285" s="166">
        <v>0</v>
      </c>
      <c r="AU1285" s="166">
        <v>0</v>
      </c>
      <c r="AV1285" s="166">
        <v>0</v>
      </c>
      <c r="AW1285" s="166">
        <v>0</v>
      </c>
      <c r="AX1285" s="166">
        <v>0</v>
      </c>
      <c r="AY1285" s="166">
        <v>0</v>
      </c>
      <c r="AZ1285" s="166">
        <v>0</v>
      </c>
      <c r="BA1285" s="166">
        <v>0</v>
      </c>
      <c r="BB1285" s="166">
        <v>0</v>
      </c>
      <c r="BC1285" s="166">
        <v>0</v>
      </c>
      <c r="BD1285" s="166">
        <v>0</v>
      </c>
      <c r="BE1285" s="166">
        <v>0</v>
      </c>
      <c r="BF1285" s="166">
        <v>0</v>
      </c>
      <c r="BG1285" s="166">
        <v>0</v>
      </c>
      <c r="BH1285" s="166">
        <v>0</v>
      </c>
      <c r="BI1285" s="166">
        <v>0</v>
      </c>
      <c r="BJ1285" s="166">
        <v>0</v>
      </c>
      <c r="BK1285" s="166">
        <v>0</v>
      </c>
      <c r="BL1285" s="166">
        <v>0</v>
      </c>
      <c r="BM1285" s="166">
        <v>0</v>
      </c>
      <c r="BN1285" s="166">
        <v>0</v>
      </c>
      <c r="BO1285" s="166">
        <v>0</v>
      </c>
      <c r="BP1285" s="166">
        <v>0</v>
      </c>
      <c r="BQ1285" s="166">
        <v>0</v>
      </c>
      <c r="BR1285" s="166">
        <v>5544174.5466018496</v>
      </c>
      <c r="BS1285" s="166">
        <v>5544174.5466018496</v>
      </c>
      <c r="BT1285" s="168">
        <v>0.70897047844185501</v>
      </c>
      <c r="BU1285" s="166">
        <v>122440.258585759</v>
      </c>
      <c r="BV1285" s="166">
        <v>3930656.08086948</v>
      </c>
      <c r="BW1285" s="166">
        <v>0</v>
      </c>
      <c r="BX1285" s="166">
        <v>0</v>
      </c>
      <c r="BY1285" s="166">
        <v>0</v>
      </c>
      <c r="BZ1285" s="166">
        <v>0</v>
      </c>
      <c r="CA1285" s="166">
        <v>0</v>
      </c>
      <c r="CB1285" s="166">
        <v>0</v>
      </c>
      <c r="CC1285" s="166">
        <v>0</v>
      </c>
      <c r="CD1285" s="166">
        <v>0</v>
      </c>
      <c r="CE1285" s="166">
        <v>0</v>
      </c>
      <c r="CF1285" s="166">
        <v>0</v>
      </c>
      <c r="CG1285" s="166">
        <v>0</v>
      </c>
      <c r="CH1285" s="166">
        <v>0</v>
      </c>
      <c r="CI1285" s="166">
        <v>0</v>
      </c>
      <c r="CJ1285" s="166">
        <v>0</v>
      </c>
      <c r="CK1285" s="166">
        <v>0</v>
      </c>
      <c r="CL1285" s="166">
        <v>0</v>
      </c>
      <c r="CM1285" s="166">
        <v>0</v>
      </c>
      <c r="CN1285" s="166">
        <v>0</v>
      </c>
      <c r="CO1285" s="166">
        <v>0</v>
      </c>
      <c r="CP1285" s="166">
        <v>0</v>
      </c>
      <c r="CQ1285" s="166">
        <v>0</v>
      </c>
      <c r="CR1285" s="166">
        <v>0</v>
      </c>
      <c r="CS1285" s="166">
        <v>0</v>
      </c>
      <c r="CT1285" s="166">
        <v>0</v>
      </c>
      <c r="CU1285" s="166">
        <v>0</v>
      </c>
      <c r="CV1285" s="166">
        <v>0</v>
      </c>
      <c r="CW1285" s="166">
        <v>0</v>
      </c>
      <c r="CX1285" s="166">
        <v>0</v>
      </c>
      <c r="CY1285" s="166">
        <v>3930656.08086948</v>
      </c>
      <c r="CZ1285" s="166">
        <v>3930656.08086948</v>
      </c>
    </row>
    <row r="1286" spans="1:104" x14ac:dyDescent="0.2">
      <c r="A1286" s="167" t="s">
        <v>1098</v>
      </c>
      <c r="B1286" s="166">
        <v>5720036.1200000001</v>
      </c>
      <c r="C1286" s="166">
        <v>5720036.1200000001</v>
      </c>
      <c r="D1286" s="166">
        <v>0</v>
      </c>
      <c r="E1286" s="166">
        <v>0</v>
      </c>
      <c r="F1286" s="166">
        <v>0</v>
      </c>
      <c r="G1286" s="166">
        <v>0</v>
      </c>
      <c r="H1286" s="166">
        <v>0</v>
      </c>
      <c r="I1286" s="166">
        <v>0</v>
      </c>
      <c r="J1286" s="166">
        <v>0</v>
      </c>
      <c r="K1286" s="166">
        <v>0</v>
      </c>
      <c r="L1286" s="166">
        <v>0</v>
      </c>
      <c r="M1286" s="166">
        <v>0</v>
      </c>
      <c r="N1286" s="166">
        <v>0</v>
      </c>
      <c r="O1286" s="166">
        <v>0</v>
      </c>
      <c r="P1286" s="166">
        <v>0</v>
      </c>
      <c r="Q1286" s="166">
        <v>0</v>
      </c>
      <c r="R1286" s="166">
        <v>0</v>
      </c>
      <c r="S1286" s="166">
        <v>0</v>
      </c>
      <c r="T1286" s="166">
        <v>0</v>
      </c>
      <c r="U1286" s="166">
        <v>0</v>
      </c>
      <c r="V1286" s="166">
        <v>0</v>
      </c>
      <c r="W1286" s="166">
        <v>0</v>
      </c>
      <c r="X1286" s="166">
        <v>0</v>
      </c>
      <c r="Y1286" s="166">
        <v>0</v>
      </c>
      <c r="Z1286" s="166">
        <v>0</v>
      </c>
      <c r="AA1286" s="166">
        <v>0</v>
      </c>
      <c r="AB1286" s="166">
        <v>0</v>
      </c>
      <c r="AC1286" s="166">
        <v>0</v>
      </c>
      <c r="AD1286" s="166">
        <v>0</v>
      </c>
      <c r="AE1286" s="166">
        <v>0</v>
      </c>
      <c r="AF1286" s="166">
        <v>0</v>
      </c>
      <c r="AG1286" s="166">
        <v>0</v>
      </c>
      <c r="AH1286" s="166">
        <v>0</v>
      </c>
      <c r="AI1286" s="166">
        <v>0</v>
      </c>
      <c r="AJ1286" s="166">
        <v>0</v>
      </c>
      <c r="AK1286" s="166">
        <v>0</v>
      </c>
      <c r="AL1286" s="166">
        <v>0</v>
      </c>
      <c r="AM1286" s="166">
        <v>0</v>
      </c>
      <c r="AN1286" s="166">
        <v>0</v>
      </c>
      <c r="AO1286" s="166">
        <v>0</v>
      </c>
      <c r="AP1286" s="166">
        <v>0</v>
      </c>
      <c r="AQ1286" s="166">
        <v>0</v>
      </c>
      <c r="AR1286" s="166">
        <v>0</v>
      </c>
      <c r="AS1286" s="166">
        <v>0</v>
      </c>
      <c r="AT1286" s="166">
        <v>0</v>
      </c>
      <c r="AU1286" s="166">
        <v>0</v>
      </c>
      <c r="AV1286" s="166">
        <v>0</v>
      </c>
      <c r="AW1286" s="166">
        <v>0</v>
      </c>
      <c r="AX1286" s="166">
        <v>0</v>
      </c>
      <c r="AY1286" s="166">
        <v>0</v>
      </c>
      <c r="AZ1286" s="166">
        <v>0</v>
      </c>
      <c r="BA1286" s="166">
        <v>0</v>
      </c>
      <c r="BB1286" s="166">
        <v>0</v>
      </c>
      <c r="BC1286" s="166">
        <v>0</v>
      </c>
      <c r="BD1286" s="166">
        <v>0</v>
      </c>
      <c r="BE1286" s="166">
        <v>0</v>
      </c>
      <c r="BF1286" s="166">
        <v>0</v>
      </c>
      <c r="BG1286" s="166">
        <v>0</v>
      </c>
      <c r="BH1286" s="166">
        <v>0</v>
      </c>
      <c r="BI1286" s="166">
        <v>0</v>
      </c>
      <c r="BJ1286" s="166">
        <v>0</v>
      </c>
      <c r="BK1286" s="166">
        <v>0</v>
      </c>
      <c r="BL1286" s="166">
        <v>0</v>
      </c>
      <c r="BM1286" s="166">
        <v>0</v>
      </c>
      <c r="BN1286" s="166">
        <v>0</v>
      </c>
      <c r="BO1286" s="166">
        <v>0</v>
      </c>
      <c r="BP1286" s="166">
        <v>0</v>
      </c>
      <c r="BQ1286" s="166">
        <v>0</v>
      </c>
      <c r="BR1286" s="166">
        <v>5720036.1200000001</v>
      </c>
      <c r="BS1286" s="166">
        <v>5720036.1200000001</v>
      </c>
      <c r="BT1286" s="168">
        <v>0</v>
      </c>
      <c r="BU1286" s="166">
        <v>127690.863096598</v>
      </c>
      <c r="BV1286" s="166">
        <v>4106041.8406203599</v>
      </c>
      <c r="BW1286" s="166">
        <v>0</v>
      </c>
      <c r="BX1286" s="166">
        <v>0</v>
      </c>
      <c r="BY1286" s="166">
        <v>0</v>
      </c>
      <c r="BZ1286" s="166">
        <v>0</v>
      </c>
      <c r="CA1286" s="166">
        <v>0</v>
      </c>
      <c r="CB1286" s="166">
        <v>0</v>
      </c>
      <c r="CC1286" s="166">
        <v>0</v>
      </c>
      <c r="CD1286" s="166">
        <v>0</v>
      </c>
      <c r="CE1286" s="166">
        <v>0</v>
      </c>
      <c r="CF1286" s="166">
        <v>0</v>
      </c>
      <c r="CG1286" s="166">
        <v>0</v>
      </c>
      <c r="CH1286" s="166">
        <v>0</v>
      </c>
      <c r="CI1286" s="166">
        <v>0</v>
      </c>
      <c r="CJ1286" s="166">
        <v>0</v>
      </c>
      <c r="CK1286" s="166">
        <v>0</v>
      </c>
      <c r="CL1286" s="166">
        <v>0</v>
      </c>
      <c r="CM1286" s="166">
        <v>0</v>
      </c>
      <c r="CN1286" s="166">
        <v>0</v>
      </c>
      <c r="CO1286" s="166">
        <v>0</v>
      </c>
      <c r="CP1286" s="166">
        <v>0</v>
      </c>
      <c r="CQ1286" s="166">
        <v>0</v>
      </c>
      <c r="CR1286" s="166">
        <v>0</v>
      </c>
      <c r="CS1286" s="166">
        <v>0</v>
      </c>
      <c r="CT1286" s="166">
        <v>0</v>
      </c>
      <c r="CU1286" s="166">
        <v>0</v>
      </c>
      <c r="CV1286" s="166">
        <v>0</v>
      </c>
      <c r="CW1286" s="166">
        <v>0</v>
      </c>
      <c r="CX1286" s="166">
        <v>0</v>
      </c>
      <c r="CY1286" s="166">
        <v>4106041.8406203599</v>
      </c>
      <c r="CZ1286" s="166">
        <v>4106041.8406203599</v>
      </c>
    </row>
    <row r="1287" spans="1:104" x14ac:dyDescent="0.2">
      <c r="A1287" s="167" t="s">
        <v>257</v>
      </c>
    </row>
    <row r="1288" spans="1:104" x14ac:dyDescent="0.2">
      <c r="A1288" s="167" t="s">
        <v>1099</v>
      </c>
      <c r="B1288" s="166">
        <v>55840.393632155799</v>
      </c>
      <c r="C1288" s="166">
        <v>55840.393632155799</v>
      </c>
      <c r="D1288" s="166">
        <v>0</v>
      </c>
      <c r="E1288" s="166">
        <v>0</v>
      </c>
      <c r="F1288" s="166">
        <v>0</v>
      </c>
      <c r="G1288" s="166">
        <v>0</v>
      </c>
      <c r="H1288" s="166">
        <v>0</v>
      </c>
      <c r="I1288" s="166">
        <v>0</v>
      </c>
      <c r="J1288" s="166">
        <v>0</v>
      </c>
      <c r="K1288" s="166">
        <v>0</v>
      </c>
      <c r="L1288" s="166">
        <v>0</v>
      </c>
      <c r="M1288" s="166">
        <v>0</v>
      </c>
      <c r="N1288" s="166">
        <v>0</v>
      </c>
      <c r="O1288" s="166">
        <v>0</v>
      </c>
      <c r="P1288" s="166">
        <v>0</v>
      </c>
      <c r="Q1288" s="166">
        <v>0</v>
      </c>
      <c r="R1288" s="166">
        <v>0</v>
      </c>
      <c r="S1288" s="166">
        <v>0</v>
      </c>
      <c r="T1288" s="166">
        <v>0</v>
      </c>
      <c r="U1288" s="166">
        <v>0</v>
      </c>
      <c r="V1288" s="166">
        <v>0</v>
      </c>
      <c r="W1288" s="166">
        <v>0</v>
      </c>
      <c r="X1288" s="166">
        <v>0</v>
      </c>
      <c r="Y1288" s="166">
        <v>0</v>
      </c>
      <c r="Z1288" s="166">
        <v>0</v>
      </c>
      <c r="AA1288" s="166">
        <v>0</v>
      </c>
      <c r="AB1288" s="166">
        <v>0</v>
      </c>
      <c r="AC1288" s="166">
        <v>0</v>
      </c>
      <c r="AD1288" s="166">
        <v>0</v>
      </c>
      <c r="AE1288" s="166">
        <v>0</v>
      </c>
      <c r="AF1288" s="166">
        <v>0</v>
      </c>
      <c r="AG1288" s="166">
        <v>0</v>
      </c>
      <c r="AH1288" s="166">
        <v>0</v>
      </c>
      <c r="AI1288" s="166">
        <v>0</v>
      </c>
      <c r="AJ1288" s="166">
        <v>0</v>
      </c>
      <c r="AK1288" s="166">
        <v>0</v>
      </c>
      <c r="AL1288" s="166">
        <v>0</v>
      </c>
      <c r="AM1288" s="166">
        <v>0</v>
      </c>
      <c r="AN1288" s="166">
        <v>0</v>
      </c>
      <c r="AO1288" s="166">
        <v>0</v>
      </c>
      <c r="AP1288" s="166">
        <v>0</v>
      </c>
      <c r="AQ1288" s="166">
        <v>0</v>
      </c>
      <c r="AR1288" s="166">
        <v>0</v>
      </c>
      <c r="AS1288" s="166">
        <v>0</v>
      </c>
      <c r="AT1288" s="166">
        <v>0</v>
      </c>
      <c r="AU1288" s="166">
        <v>0</v>
      </c>
      <c r="AV1288" s="166">
        <v>0</v>
      </c>
      <c r="AW1288" s="166">
        <v>0</v>
      </c>
      <c r="AX1288" s="166">
        <v>0</v>
      </c>
      <c r="AY1288" s="166">
        <v>0</v>
      </c>
      <c r="AZ1288" s="166">
        <v>0</v>
      </c>
      <c r="BA1288" s="166">
        <v>0</v>
      </c>
      <c r="BB1288" s="166">
        <v>0</v>
      </c>
      <c r="BC1288" s="166">
        <v>0</v>
      </c>
      <c r="BD1288" s="166">
        <v>0</v>
      </c>
      <c r="BE1288" s="166">
        <v>0</v>
      </c>
      <c r="BF1288" s="166">
        <v>0</v>
      </c>
      <c r="BG1288" s="166">
        <v>0</v>
      </c>
      <c r="BH1288" s="166">
        <v>0</v>
      </c>
      <c r="BI1288" s="166">
        <v>0</v>
      </c>
      <c r="BJ1288" s="166">
        <v>0</v>
      </c>
      <c r="BK1288" s="166">
        <v>0</v>
      </c>
      <c r="BL1288" s="166">
        <v>0</v>
      </c>
      <c r="BM1288" s="166">
        <v>0</v>
      </c>
      <c r="BN1288" s="166">
        <v>0</v>
      </c>
      <c r="BO1288" s="166">
        <v>0</v>
      </c>
      <c r="BP1288" s="166">
        <v>0</v>
      </c>
      <c r="BQ1288" s="166">
        <v>0</v>
      </c>
      <c r="BR1288" s="166">
        <v>55840.393632155799</v>
      </c>
      <c r="BS1288" s="166">
        <v>55840.393632155799</v>
      </c>
      <c r="BT1288" s="168">
        <v>0.999998128641303</v>
      </c>
      <c r="BU1288" s="166">
        <v>1871.7358749006701</v>
      </c>
      <c r="BV1288" s="166">
        <v>55840.289134749502</v>
      </c>
      <c r="BW1288" s="166">
        <v>0</v>
      </c>
      <c r="BX1288" s="166">
        <v>0</v>
      </c>
      <c r="BY1288" s="166">
        <v>0</v>
      </c>
      <c r="BZ1288" s="166">
        <v>0</v>
      </c>
      <c r="CA1288" s="166">
        <v>0</v>
      </c>
      <c r="CB1288" s="166">
        <v>0</v>
      </c>
      <c r="CC1288" s="166">
        <v>0</v>
      </c>
      <c r="CD1288" s="166">
        <v>0</v>
      </c>
      <c r="CE1288" s="166">
        <v>0</v>
      </c>
      <c r="CF1288" s="166">
        <v>0</v>
      </c>
      <c r="CG1288" s="166">
        <v>0</v>
      </c>
      <c r="CH1288" s="166">
        <v>0</v>
      </c>
      <c r="CI1288" s="166">
        <v>0</v>
      </c>
      <c r="CJ1288" s="166">
        <v>0</v>
      </c>
      <c r="CK1288" s="166">
        <v>0</v>
      </c>
      <c r="CL1288" s="166">
        <v>0</v>
      </c>
      <c r="CM1288" s="166">
        <v>0</v>
      </c>
      <c r="CN1288" s="166">
        <v>0</v>
      </c>
      <c r="CO1288" s="166">
        <v>0</v>
      </c>
      <c r="CP1288" s="166">
        <v>0</v>
      </c>
      <c r="CQ1288" s="166">
        <v>0</v>
      </c>
      <c r="CR1288" s="166">
        <v>0</v>
      </c>
      <c r="CS1288" s="166">
        <v>0</v>
      </c>
      <c r="CT1288" s="166">
        <v>0</v>
      </c>
      <c r="CU1288" s="166">
        <v>0</v>
      </c>
      <c r="CV1288" s="166">
        <v>0</v>
      </c>
      <c r="CW1288" s="166">
        <v>0</v>
      </c>
      <c r="CX1288" s="166">
        <v>0</v>
      </c>
      <c r="CY1288" s="166">
        <v>55840.289134749502</v>
      </c>
      <c r="CZ1288" s="166">
        <v>55840.289134749502</v>
      </c>
    </row>
    <row r="1289" spans="1:104" x14ac:dyDescent="0.2">
      <c r="A1289" s="167" t="s">
        <v>1100</v>
      </c>
      <c r="B1289" s="166">
        <v>1765.4801909768701</v>
      </c>
      <c r="C1289" s="166">
        <v>1765.4801909768701</v>
      </c>
      <c r="D1289" s="166">
        <v>0</v>
      </c>
      <c r="E1289" s="166">
        <v>0</v>
      </c>
      <c r="F1289" s="166">
        <v>0</v>
      </c>
      <c r="G1289" s="166">
        <v>0</v>
      </c>
      <c r="H1289" s="166">
        <v>0</v>
      </c>
      <c r="I1289" s="166">
        <v>0</v>
      </c>
      <c r="J1289" s="166">
        <v>0</v>
      </c>
      <c r="K1289" s="166">
        <v>0</v>
      </c>
      <c r="L1289" s="166">
        <v>0</v>
      </c>
      <c r="M1289" s="166">
        <v>0</v>
      </c>
      <c r="N1289" s="166">
        <v>0</v>
      </c>
      <c r="O1289" s="166">
        <v>0</v>
      </c>
      <c r="P1289" s="166">
        <v>0</v>
      </c>
      <c r="Q1289" s="166">
        <v>0</v>
      </c>
      <c r="R1289" s="166">
        <v>0</v>
      </c>
      <c r="S1289" s="166">
        <v>0</v>
      </c>
      <c r="T1289" s="166">
        <v>0</v>
      </c>
      <c r="U1289" s="166">
        <v>0</v>
      </c>
      <c r="V1289" s="166">
        <v>0</v>
      </c>
      <c r="W1289" s="166">
        <v>0</v>
      </c>
      <c r="X1289" s="166">
        <v>0</v>
      </c>
      <c r="Y1289" s="166">
        <v>0</v>
      </c>
      <c r="Z1289" s="166">
        <v>0</v>
      </c>
      <c r="AA1289" s="166">
        <v>0</v>
      </c>
      <c r="AB1289" s="166">
        <v>0</v>
      </c>
      <c r="AC1289" s="166">
        <v>0</v>
      </c>
      <c r="AD1289" s="166">
        <v>0</v>
      </c>
      <c r="AE1289" s="166">
        <v>0</v>
      </c>
      <c r="AF1289" s="166">
        <v>0</v>
      </c>
      <c r="AG1289" s="166">
        <v>0</v>
      </c>
      <c r="AH1289" s="166">
        <v>0</v>
      </c>
      <c r="AI1289" s="166">
        <v>0</v>
      </c>
      <c r="AJ1289" s="166">
        <v>0</v>
      </c>
      <c r="AK1289" s="166">
        <v>0</v>
      </c>
      <c r="AL1289" s="166">
        <v>0</v>
      </c>
      <c r="AM1289" s="166">
        <v>0</v>
      </c>
      <c r="AN1289" s="166">
        <v>0</v>
      </c>
      <c r="AO1289" s="166">
        <v>0</v>
      </c>
      <c r="AP1289" s="166">
        <v>0</v>
      </c>
      <c r="AQ1289" s="166">
        <v>0</v>
      </c>
      <c r="AR1289" s="166">
        <v>0</v>
      </c>
      <c r="AS1289" s="166">
        <v>0</v>
      </c>
      <c r="AT1289" s="166">
        <v>0</v>
      </c>
      <c r="AU1289" s="166">
        <v>0</v>
      </c>
      <c r="AV1289" s="166">
        <v>0</v>
      </c>
      <c r="AW1289" s="166">
        <v>0</v>
      </c>
      <c r="AX1289" s="166">
        <v>0</v>
      </c>
      <c r="AY1289" s="166">
        <v>0</v>
      </c>
      <c r="AZ1289" s="166">
        <v>0</v>
      </c>
      <c r="BA1289" s="166">
        <v>0</v>
      </c>
      <c r="BB1289" s="166">
        <v>0</v>
      </c>
      <c r="BC1289" s="166">
        <v>0</v>
      </c>
      <c r="BD1289" s="166">
        <v>0</v>
      </c>
      <c r="BE1289" s="166">
        <v>0</v>
      </c>
      <c r="BF1289" s="166">
        <v>0</v>
      </c>
      <c r="BG1289" s="166">
        <v>0</v>
      </c>
      <c r="BH1289" s="166">
        <v>0</v>
      </c>
      <c r="BI1289" s="166">
        <v>0</v>
      </c>
      <c r="BJ1289" s="166">
        <v>0</v>
      </c>
      <c r="BK1289" s="166">
        <v>0</v>
      </c>
      <c r="BL1289" s="166">
        <v>0</v>
      </c>
      <c r="BM1289" s="166">
        <v>0</v>
      </c>
      <c r="BN1289" s="166">
        <v>0</v>
      </c>
      <c r="BO1289" s="166">
        <v>0</v>
      </c>
      <c r="BP1289" s="166">
        <v>0</v>
      </c>
      <c r="BQ1289" s="166">
        <v>0</v>
      </c>
      <c r="BR1289" s="166">
        <v>1765.4801909768701</v>
      </c>
      <c r="BS1289" s="166">
        <v>1765.4801909768701</v>
      </c>
      <c r="BT1289" s="168">
        <v>0.95155251885650005</v>
      </c>
      <c r="BU1289" s="166">
        <v>56.310906448469702</v>
      </c>
      <c r="BV1289" s="166">
        <v>1679.9471227152901</v>
      </c>
      <c r="BW1289" s="166">
        <v>0</v>
      </c>
      <c r="BX1289" s="166">
        <v>0</v>
      </c>
      <c r="BY1289" s="166">
        <v>0</v>
      </c>
      <c r="BZ1289" s="166">
        <v>0</v>
      </c>
      <c r="CA1289" s="166">
        <v>0</v>
      </c>
      <c r="CB1289" s="166">
        <v>0</v>
      </c>
      <c r="CC1289" s="166">
        <v>0</v>
      </c>
      <c r="CD1289" s="166">
        <v>0</v>
      </c>
      <c r="CE1289" s="166">
        <v>0</v>
      </c>
      <c r="CF1289" s="166">
        <v>0</v>
      </c>
      <c r="CG1289" s="166">
        <v>0</v>
      </c>
      <c r="CH1289" s="166">
        <v>0</v>
      </c>
      <c r="CI1289" s="166">
        <v>0</v>
      </c>
      <c r="CJ1289" s="166">
        <v>0</v>
      </c>
      <c r="CK1289" s="166">
        <v>0</v>
      </c>
      <c r="CL1289" s="166">
        <v>0</v>
      </c>
      <c r="CM1289" s="166">
        <v>0</v>
      </c>
      <c r="CN1289" s="166">
        <v>0</v>
      </c>
      <c r="CO1289" s="166">
        <v>0</v>
      </c>
      <c r="CP1289" s="166">
        <v>0</v>
      </c>
      <c r="CQ1289" s="166">
        <v>0</v>
      </c>
      <c r="CR1289" s="166">
        <v>0</v>
      </c>
      <c r="CS1289" s="166">
        <v>0</v>
      </c>
      <c r="CT1289" s="166">
        <v>0</v>
      </c>
      <c r="CU1289" s="166">
        <v>0</v>
      </c>
      <c r="CV1289" s="166">
        <v>0</v>
      </c>
      <c r="CW1289" s="166">
        <v>0</v>
      </c>
      <c r="CX1289" s="166">
        <v>0</v>
      </c>
      <c r="CY1289" s="166">
        <v>1679.9471227152901</v>
      </c>
      <c r="CZ1289" s="166">
        <v>1679.9471227152901</v>
      </c>
    </row>
    <row r="1290" spans="1:104" x14ac:dyDescent="0.2">
      <c r="A1290" s="167" t="s">
        <v>1101</v>
      </c>
      <c r="B1290" s="166">
        <v>12735.8694413757</v>
      </c>
      <c r="C1290" s="166">
        <v>12735.8694413757</v>
      </c>
      <c r="D1290" s="166">
        <v>0</v>
      </c>
      <c r="E1290" s="166">
        <v>0</v>
      </c>
      <c r="F1290" s="166">
        <v>0</v>
      </c>
      <c r="G1290" s="166">
        <v>0</v>
      </c>
      <c r="H1290" s="166">
        <v>0</v>
      </c>
      <c r="I1290" s="166">
        <v>0</v>
      </c>
      <c r="J1290" s="166">
        <v>0</v>
      </c>
      <c r="K1290" s="166">
        <v>0</v>
      </c>
      <c r="L1290" s="166">
        <v>0</v>
      </c>
      <c r="M1290" s="166">
        <v>0</v>
      </c>
      <c r="N1290" s="166">
        <v>0</v>
      </c>
      <c r="O1290" s="166">
        <v>0</v>
      </c>
      <c r="P1290" s="166">
        <v>0</v>
      </c>
      <c r="Q1290" s="166">
        <v>0</v>
      </c>
      <c r="R1290" s="166">
        <v>0</v>
      </c>
      <c r="S1290" s="166">
        <v>0</v>
      </c>
      <c r="T1290" s="166">
        <v>0</v>
      </c>
      <c r="U1290" s="166">
        <v>0</v>
      </c>
      <c r="V1290" s="166">
        <v>0</v>
      </c>
      <c r="W1290" s="166">
        <v>0</v>
      </c>
      <c r="X1290" s="166">
        <v>0</v>
      </c>
      <c r="Y1290" s="166">
        <v>0</v>
      </c>
      <c r="Z1290" s="166">
        <v>0</v>
      </c>
      <c r="AA1290" s="166">
        <v>0</v>
      </c>
      <c r="AB1290" s="166">
        <v>0</v>
      </c>
      <c r="AC1290" s="166">
        <v>0</v>
      </c>
      <c r="AD1290" s="166">
        <v>0</v>
      </c>
      <c r="AE1290" s="166">
        <v>0</v>
      </c>
      <c r="AF1290" s="166">
        <v>0</v>
      </c>
      <c r="AG1290" s="166">
        <v>0</v>
      </c>
      <c r="AH1290" s="166">
        <v>0</v>
      </c>
      <c r="AI1290" s="166">
        <v>0</v>
      </c>
      <c r="AJ1290" s="166">
        <v>0</v>
      </c>
      <c r="AK1290" s="166">
        <v>0</v>
      </c>
      <c r="AL1290" s="166">
        <v>0</v>
      </c>
      <c r="AM1290" s="166">
        <v>0</v>
      </c>
      <c r="AN1290" s="166">
        <v>0</v>
      </c>
      <c r="AO1290" s="166">
        <v>0</v>
      </c>
      <c r="AP1290" s="166">
        <v>0</v>
      </c>
      <c r="AQ1290" s="166">
        <v>0</v>
      </c>
      <c r="AR1290" s="166">
        <v>0</v>
      </c>
      <c r="AS1290" s="166">
        <v>0</v>
      </c>
      <c r="AT1290" s="166">
        <v>0</v>
      </c>
      <c r="AU1290" s="166">
        <v>0</v>
      </c>
      <c r="AV1290" s="166">
        <v>0</v>
      </c>
      <c r="AW1290" s="166">
        <v>0</v>
      </c>
      <c r="AX1290" s="166">
        <v>0</v>
      </c>
      <c r="AY1290" s="166">
        <v>0</v>
      </c>
      <c r="AZ1290" s="166">
        <v>0</v>
      </c>
      <c r="BA1290" s="166">
        <v>0</v>
      </c>
      <c r="BB1290" s="166">
        <v>0</v>
      </c>
      <c r="BC1290" s="166">
        <v>0</v>
      </c>
      <c r="BD1290" s="166">
        <v>0</v>
      </c>
      <c r="BE1290" s="166">
        <v>0</v>
      </c>
      <c r="BF1290" s="166">
        <v>0</v>
      </c>
      <c r="BG1290" s="166">
        <v>0</v>
      </c>
      <c r="BH1290" s="166">
        <v>0</v>
      </c>
      <c r="BI1290" s="166">
        <v>0</v>
      </c>
      <c r="BJ1290" s="166">
        <v>0</v>
      </c>
      <c r="BK1290" s="166">
        <v>0</v>
      </c>
      <c r="BL1290" s="166">
        <v>0</v>
      </c>
      <c r="BM1290" s="166">
        <v>0</v>
      </c>
      <c r="BN1290" s="166">
        <v>0</v>
      </c>
      <c r="BO1290" s="166">
        <v>0</v>
      </c>
      <c r="BP1290" s="166">
        <v>0</v>
      </c>
      <c r="BQ1290" s="166">
        <v>0</v>
      </c>
      <c r="BR1290" s="166">
        <v>12735.8694413757</v>
      </c>
      <c r="BS1290" s="166">
        <v>12735.8694413757</v>
      </c>
      <c r="BT1290" s="168">
        <v>0.97633653435224499</v>
      </c>
      <c r="BU1290" s="166">
        <v>416.79744231761202</v>
      </c>
      <c r="BV1290" s="166">
        <v>12434.4946323554</v>
      </c>
      <c r="BW1290" s="166">
        <v>0</v>
      </c>
      <c r="BX1290" s="166">
        <v>0</v>
      </c>
      <c r="BY1290" s="166">
        <v>0</v>
      </c>
      <c r="BZ1290" s="166">
        <v>0</v>
      </c>
      <c r="CA1290" s="166">
        <v>0</v>
      </c>
      <c r="CB1290" s="166">
        <v>0</v>
      </c>
      <c r="CC1290" s="166">
        <v>0</v>
      </c>
      <c r="CD1290" s="166">
        <v>0</v>
      </c>
      <c r="CE1290" s="166">
        <v>0</v>
      </c>
      <c r="CF1290" s="166">
        <v>0</v>
      </c>
      <c r="CG1290" s="166">
        <v>0</v>
      </c>
      <c r="CH1290" s="166">
        <v>0</v>
      </c>
      <c r="CI1290" s="166">
        <v>0</v>
      </c>
      <c r="CJ1290" s="166">
        <v>0</v>
      </c>
      <c r="CK1290" s="166">
        <v>0</v>
      </c>
      <c r="CL1290" s="166">
        <v>0</v>
      </c>
      <c r="CM1290" s="166">
        <v>0</v>
      </c>
      <c r="CN1290" s="166">
        <v>0</v>
      </c>
      <c r="CO1290" s="166">
        <v>0</v>
      </c>
      <c r="CP1290" s="166">
        <v>0</v>
      </c>
      <c r="CQ1290" s="166">
        <v>0</v>
      </c>
      <c r="CR1290" s="166">
        <v>0</v>
      </c>
      <c r="CS1290" s="166">
        <v>0</v>
      </c>
      <c r="CT1290" s="166">
        <v>0</v>
      </c>
      <c r="CU1290" s="166">
        <v>0</v>
      </c>
      <c r="CV1290" s="166">
        <v>0</v>
      </c>
      <c r="CW1290" s="166">
        <v>0</v>
      </c>
      <c r="CX1290" s="166">
        <v>0</v>
      </c>
      <c r="CY1290" s="166">
        <v>12434.4946323554</v>
      </c>
      <c r="CZ1290" s="166">
        <v>12434.4946323554</v>
      </c>
    </row>
    <row r="1291" spans="1:104" x14ac:dyDescent="0.2">
      <c r="A1291" s="167" t="s">
        <v>261</v>
      </c>
      <c r="B1291" s="166">
        <v>40741.982294731002</v>
      </c>
      <c r="C1291" s="166">
        <v>40741.982294731002</v>
      </c>
      <c r="D1291" s="166">
        <v>0</v>
      </c>
      <c r="E1291" s="166">
        <v>0</v>
      </c>
      <c r="F1291" s="166">
        <v>0</v>
      </c>
      <c r="G1291" s="166">
        <v>0</v>
      </c>
      <c r="H1291" s="166">
        <v>0</v>
      </c>
      <c r="I1291" s="166">
        <v>0</v>
      </c>
      <c r="J1291" s="166">
        <v>0</v>
      </c>
      <c r="K1291" s="166">
        <v>0</v>
      </c>
      <c r="L1291" s="166">
        <v>0</v>
      </c>
      <c r="M1291" s="166">
        <v>0</v>
      </c>
      <c r="N1291" s="166">
        <v>0</v>
      </c>
      <c r="O1291" s="166">
        <v>0</v>
      </c>
      <c r="P1291" s="166">
        <v>0</v>
      </c>
      <c r="Q1291" s="166">
        <v>0</v>
      </c>
      <c r="R1291" s="166">
        <v>0</v>
      </c>
      <c r="S1291" s="166">
        <v>0</v>
      </c>
      <c r="T1291" s="166">
        <v>0</v>
      </c>
      <c r="U1291" s="166">
        <v>0</v>
      </c>
      <c r="V1291" s="166">
        <v>0</v>
      </c>
      <c r="W1291" s="166">
        <v>0</v>
      </c>
      <c r="X1291" s="166">
        <v>0</v>
      </c>
      <c r="Y1291" s="166">
        <v>0</v>
      </c>
      <c r="Z1291" s="166">
        <v>0</v>
      </c>
      <c r="AA1291" s="166">
        <v>0</v>
      </c>
      <c r="AB1291" s="166">
        <v>0</v>
      </c>
      <c r="AC1291" s="166">
        <v>0</v>
      </c>
      <c r="AD1291" s="166">
        <v>0</v>
      </c>
      <c r="AE1291" s="166">
        <v>0</v>
      </c>
      <c r="AF1291" s="166">
        <v>0</v>
      </c>
      <c r="AG1291" s="166">
        <v>0</v>
      </c>
      <c r="AH1291" s="166">
        <v>0</v>
      </c>
      <c r="AI1291" s="166">
        <v>0</v>
      </c>
      <c r="AJ1291" s="166">
        <v>0</v>
      </c>
      <c r="AK1291" s="166">
        <v>0</v>
      </c>
      <c r="AL1291" s="166">
        <v>0</v>
      </c>
      <c r="AM1291" s="166">
        <v>0</v>
      </c>
      <c r="AN1291" s="166">
        <v>0</v>
      </c>
      <c r="AO1291" s="166">
        <v>0</v>
      </c>
      <c r="AP1291" s="166">
        <v>0</v>
      </c>
      <c r="AQ1291" s="166">
        <v>0</v>
      </c>
      <c r="AR1291" s="166">
        <v>0</v>
      </c>
      <c r="AS1291" s="166">
        <v>0</v>
      </c>
      <c r="AT1291" s="166">
        <v>0</v>
      </c>
      <c r="AU1291" s="166">
        <v>0</v>
      </c>
      <c r="AV1291" s="166">
        <v>0</v>
      </c>
      <c r="AW1291" s="166">
        <v>0</v>
      </c>
      <c r="AX1291" s="166">
        <v>0</v>
      </c>
      <c r="AY1291" s="166">
        <v>0</v>
      </c>
      <c r="AZ1291" s="166">
        <v>0</v>
      </c>
      <c r="BA1291" s="166">
        <v>0</v>
      </c>
      <c r="BB1291" s="166">
        <v>0</v>
      </c>
      <c r="BC1291" s="166">
        <v>0</v>
      </c>
      <c r="BD1291" s="166">
        <v>0</v>
      </c>
      <c r="BE1291" s="166">
        <v>0</v>
      </c>
      <c r="BF1291" s="166">
        <v>0</v>
      </c>
      <c r="BG1291" s="166">
        <v>0</v>
      </c>
      <c r="BH1291" s="166">
        <v>0</v>
      </c>
      <c r="BI1291" s="166">
        <v>0</v>
      </c>
      <c r="BJ1291" s="166">
        <v>0</v>
      </c>
      <c r="BK1291" s="166">
        <v>0</v>
      </c>
      <c r="BL1291" s="166">
        <v>0</v>
      </c>
      <c r="BM1291" s="166">
        <v>0</v>
      </c>
      <c r="BN1291" s="166">
        <v>0</v>
      </c>
      <c r="BO1291" s="166">
        <v>0</v>
      </c>
      <c r="BP1291" s="166">
        <v>0</v>
      </c>
      <c r="BQ1291" s="166">
        <v>0</v>
      </c>
      <c r="BR1291" s="166">
        <v>40741.982294731002</v>
      </c>
      <c r="BS1291" s="166">
        <v>40741.982294731002</v>
      </c>
      <c r="BT1291" s="168">
        <v>0.999998128641303</v>
      </c>
      <c r="BU1291" s="166">
        <v>1365.6463523155101</v>
      </c>
      <c r="BV1291" s="166">
        <v>40741.9060518681</v>
      </c>
      <c r="BW1291" s="166">
        <v>0</v>
      </c>
      <c r="BX1291" s="166">
        <v>0</v>
      </c>
      <c r="BY1291" s="166">
        <v>0</v>
      </c>
      <c r="BZ1291" s="166">
        <v>0</v>
      </c>
      <c r="CA1291" s="166">
        <v>0</v>
      </c>
      <c r="CB1291" s="166">
        <v>0</v>
      </c>
      <c r="CC1291" s="166">
        <v>0</v>
      </c>
      <c r="CD1291" s="166">
        <v>0</v>
      </c>
      <c r="CE1291" s="166">
        <v>0</v>
      </c>
      <c r="CF1291" s="166">
        <v>0</v>
      </c>
      <c r="CG1291" s="166">
        <v>0</v>
      </c>
      <c r="CH1291" s="166">
        <v>0</v>
      </c>
      <c r="CI1291" s="166">
        <v>0</v>
      </c>
      <c r="CJ1291" s="166">
        <v>0</v>
      </c>
      <c r="CK1291" s="166">
        <v>0</v>
      </c>
      <c r="CL1291" s="166">
        <v>0</v>
      </c>
      <c r="CM1291" s="166">
        <v>0</v>
      </c>
      <c r="CN1291" s="166">
        <v>0</v>
      </c>
      <c r="CO1291" s="166">
        <v>0</v>
      </c>
      <c r="CP1291" s="166">
        <v>0</v>
      </c>
      <c r="CQ1291" s="166">
        <v>0</v>
      </c>
      <c r="CR1291" s="166">
        <v>0</v>
      </c>
      <c r="CS1291" s="166">
        <v>0</v>
      </c>
      <c r="CT1291" s="166">
        <v>0</v>
      </c>
      <c r="CU1291" s="166">
        <v>0</v>
      </c>
      <c r="CV1291" s="166">
        <v>0</v>
      </c>
      <c r="CW1291" s="166">
        <v>0</v>
      </c>
      <c r="CX1291" s="166">
        <v>0</v>
      </c>
      <c r="CY1291" s="166">
        <v>40741.9060518681</v>
      </c>
      <c r="CZ1291" s="166">
        <v>40741.9060518681</v>
      </c>
    </row>
    <row r="1292" spans="1:104" x14ac:dyDescent="0.2">
      <c r="A1292" s="167" t="s">
        <v>262</v>
      </c>
      <c r="B1292" s="166">
        <v>31984.918476131301</v>
      </c>
      <c r="C1292" s="166">
        <v>31984.918476131301</v>
      </c>
      <c r="D1292" s="166">
        <v>0</v>
      </c>
      <c r="E1292" s="166">
        <v>0</v>
      </c>
      <c r="F1292" s="166">
        <v>0</v>
      </c>
      <c r="G1292" s="166">
        <v>0</v>
      </c>
      <c r="H1292" s="166">
        <v>0</v>
      </c>
      <c r="I1292" s="166">
        <v>0</v>
      </c>
      <c r="J1292" s="166">
        <v>0</v>
      </c>
      <c r="K1292" s="166">
        <v>0</v>
      </c>
      <c r="L1292" s="166">
        <v>0</v>
      </c>
      <c r="M1292" s="166">
        <v>0</v>
      </c>
      <c r="N1292" s="166">
        <v>0</v>
      </c>
      <c r="O1292" s="166">
        <v>0</v>
      </c>
      <c r="P1292" s="166">
        <v>0</v>
      </c>
      <c r="Q1292" s="166">
        <v>0</v>
      </c>
      <c r="R1292" s="166">
        <v>0</v>
      </c>
      <c r="S1292" s="166">
        <v>0</v>
      </c>
      <c r="T1292" s="166">
        <v>0</v>
      </c>
      <c r="U1292" s="166">
        <v>0</v>
      </c>
      <c r="V1292" s="166">
        <v>0</v>
      </c>
      <c r="W1292" s="166">
        <v>0</v>
      </c>
      <c r="X1292" s="166">
        <v>0</v>
      </c>
      <c r="Y1292" s="166">
        <v>0</v>
      </c>
      <c r="Z1292" s="166">
        <v>0</v>
      </c>
      <c r="AA1292" s="166">
        <v>0</v>
      </c>
      <c r="AB1292" s="166">
        <v>0</v>
      </c>
      <c r="AC1292" s="166">
        <v>0</v>
      </c>
      <c r="AD1292" s="166">
        <v>0</v>
      </c>
      <c r="AE1292" s="166">
        <v>0</v>
      </c>
      <c r="AF1292" s="166">
        <v>0</v>
      </c>
      <c r="AG1292" s="166">
        <v>0</v>
      </c>
      <c r="AH1292" s="166">
        <v>0</v>
      </c>
      <c r="AI1292" s="166">
        <v>0</v>
      </c>
      <c r="AJ1292" s="166">
        <v>0</v>
      </c>
      <c r="AK1292" s="166">
        <v>0</v>
      </c>
      <c r="AL1292" s="166">
        <v>0</v>
      </c>
      <c r="AM1292" s="166">
        <v>0</v>
      </c>
      <c r="AN1292" s="166">
        <v>0</v>
      </c>
      <c r="AO1292" s="166">
        <v>0</v>
      </c>
      <c r="AP1292" s="166">
        <v>0</v>
      </c>
      <c r="AQ1292" s="166">
        <v>0</v>
      </c>
      <c r="AR1292" s="166">
        <v>0</v>
      </c>
      <c r="AS1292" s="166">
        <v>0</v>
      </c>
      <c r="AT1292" s="166">
        <v>0</v>
      </c>
      <c r="AU1292" s="166">
        <v>0</v>
      </c>
      <c r="AV1292" s="166">
        <v>0</v>
      </c>
      <c r="AW1292" s="166">
        <v>0</v>
      </c>
      <c r="AX1292" s="166">
        <v>0</v>
      </c>
      <c r="AY1292" s="166">
        <v>0</v>
      </c>
      <c r="AZ1292" s="166">
        <v>0</v>
      </c>
      <c r="BA1292" s="166">
        <v>0</v>
      </c>
      <c r="BB1292" s="166">
        <v>0</v>
      </c>
      <c r="BC1292" s="166">
        <v>0</v>
      </c>
      <c r="BD1292" s="166">
        <v>0</v>
      </c>
      <c r="BE1292" s="166">
        <v>0</v>
      </c>
      <c r="BF1292" s="166">
        <v>0</v>
      </c>
      <c r="BG1292" s="166">
        <v>0</v>
      </c>
      <c r="BH1292" s="166">
        <v>0</v>
      </c>
      <c r="BI1292" s="166">
        <v>0</v>
      </c>
      <c r="BJ1292" s="166">
        <v>0</v>
      </c>
      <c r="BK1292" s="166">
        <v>0</v>
      </c>
      <c r="BL1292" s="166">
        <v>0</v>
      </c>
      <c r="BM1292" s="166">
        <v>0</v>
      </c>
      <c r="BN1292" s="166">
        <v>0</v>
      </c>
      <c r="BO1292" s="166">
        <v>0</v>
      </c>
      <c r="BP1292" s="166">
        <v>0</v>
      </c>
      <c r="BQ1292" s="166">
        <v>0</v>
      </c>
      <c r="BR1292" s="166">
        <v>31984.918476131301</v>
      </c>
      <c r="BS1292" s="166">
        <v>31984.918476131301</v>
      </c>
      <c r="BT1292" s="166">
        <v>1000</v>
      </c>
      <c r="BU1292" s="166">
        <v>1072.1169301806599</v>
      </c>
      <c r="BV1292" s="166">
        <v>31984.918476131301</v>
      </c>
      <c r="BW1292" s="166">
        <v>0</v>
      </c>
      <c r="BX1292" s="166">
        <v>0</v>
      </c>
      <c r="BY1292" s="166">
        <v>0</v>
      </c>
      <c r="BZ1292" s="166">
        <v>0</v>
      </c>
      <c r="CA1292" s="166">
        <v>0</v>
      </c>
      <c r="CB1292" s="166">
        <v>0</v>
      </c>
      <c r="CC1292" s="166">
        <v>0</v>
      </c>
      <c r="CD1292" s="166">
        <v>0</v>
      </c>
      <c r="CE1292" s="166">
        <v>0</v>
      </c>
      <c r="CF1292" s="166">
        <v>0</v>
      </c>
      <c r="CG1292" s="166">
        <v>0</v>
      </c>
      <c r="CH1292" s="166">
        <v>0</v>
      </c>
      <c r="CI1292" s="166">
        <v>0</v>
      </c>
      <c r="CJ1292" s="166">
        <v>0</v>
      </c>
      <c r="CK1292" s="166">
        <v>0</v>
      </c>
      <c r="CL1292" s="166">
        <v>0</v>
      </c>
      <c r="CM1292" s="166">
        <v>0</v>
      </c>
      <c r="CN1292" s="166">
        <v>0</v>
      </c>
      <c r="CO1292" s="166">
        <v>0</v>
      </c>
      <c r="CP1292" s="166">
        <v>0</v>
      </c>
      <c r="CQ1292" s="166">
        <v>0</v>
      </c>
      <c r="CR1292" s="166">
        <v>0</v>
      </c>
      <c r="CS1292" s="166">
        <v>0</v>
      </c>
      <c r="CT1292" s="166">
        <v>0</v>
      </c>
      <c r="CU1292" s="166">
        <v>0</v>
      </c>
      <c r="CV1292" s="166">
        <v>0</v>
      </c>
      <c r="CW1292" s="166">
        <v>0</v>
      </c>
      <c r="CX1292" s="166">
        <v>0</v>
      </c>
      <c r="CY1292" s="166">
        <v>31984.918476131301</v>
      </c>
      <c r="CZ1292" s="166">
        <v>31984.918476131301</v>
      </c>
    </row>
    <row r="1293" spans="1:104" x14ac:dyDescent="0.2">
      <c r="A1293" s="167" t="s">
        <v>1102</v>
      </c>
      <c r="B1293" s="166">
        <v>4517373.1259646202</v>
      </c>
      <c r="C1293" s="166">
        <v>4517373.1259646202</v>
      </c>
      <c r="D1293" s="166">
        <v>0</v>
      </c>
      <c r="E1293" s="166">
        <v>0</v>
      </c>
      <c r="F1293" s="166">
        <v>0</v>
      </c>
      <c r="G1293" s="166">
        <v>0</v>
      </c>
      <c r="H1293" s="166">
        <v>0</v>
      </c>
      <c r="I1293" s="166">
        <v>0</v>
      </c>
      <c r="J1293" s="166">
        <v>0</v>
      </c>
      <c r="K1293" s="166">
        <v>0</v>
      </c>
      <c r="L1293" s="166">
        <v>0</v>
      </c>
      <c r="M1293" s="166">
        <v>0</v>
      </c>
      <c r="N1293" s="166">
        <v>0</v>
      </c>
      <c r="O1293" s="166">
        <v>0</v>
      </c>
      <c r="P1293" s="166">
        <v>0</v>
      </c>
      <c r="Q1293" s="166">
        <v>0</v>
      </c>
      <c r="R1293" s="166">
        <v>0</v>
      </c>
      <c r="S1293" s="166">
        <v>0</v>
      </c>
      <c r="T1293" s="166">
        <v>0</v>
      </c>
      <c r="U1293" s="166">
        <v>0</v>
      </c>
      <c r="V1293" s="166">
        <v>0</v>
      </c>
      <c r="W1293" s="166">
        <v>0</v>
      </c>
      <c r="X1293" s="166">
        <v>0</v>
      </c>
      <c r="Y1293" s="166">
        <v>0</v>
      </c>
      <c r="Z1293" s="166">
        <v>0</v>
      </c>
      <c r="AA1293" s="166">
        <v>0</v>
      </c>
      <c r="AB1293" s="166">
        <v>0</v>
      </c>
      <c r="AC1293" s="166">
        <v>0</v>
      </c>
      <c r="AD1293" s="166">
        <v>0</v>
      </c>
      <c r="AE1293" s="166">
        <v>0</v>
      </c>
      <c r="AF1293" s="166">
        <v>0</v>
      </c>
      <c r="AG1293" s="166">
        <v>0</v>
      </c>
      <c r="AH1293" s="166">
        <v>0</v>
      </c>
      <c r="AI1293" s="166">
        <v>0</v>
      </c>
      <c r="AJ1293" s="166">
        <v>0</v>
      </c>
      <c r="AK1293" s="166">
        <v>0</v>
      </c>
      <c r="AL1293" s="166">
        <v>0</v>
      </c>
      <c r="AM1293" s="166">
        <v>0</v>
      </c>
      <c r="AN1293" s="166">
        <v>0</v>
      </c>
      <c r="AO1293" s="166">
        <v>0</v>
      </c>
      <c r="AP1293" s="166">
        <v>0</v>
      </c>
      <c r="AQ1293" s="166">
        <v>0</v>
      </c>
      <c r="AR1293" s="166">
        <v>0</v>
      </c>
      <c r="AS1293" s="166">
        <v>0</v>
      </c>
      <c r="AT1293" s="166">
        <v>0</v>
      </c>
      <c r="AU1293" s="166">
        <v>0</v>
      </c>
      <c r="AV1293" s="166">
        <v>0</v>
      </c>
      <c r="AW1293" s="166">
        <v>0</v>
      </c>
      <c r="AX1293" s="166">
        <v>0</v>
      </c>
      <c r="AY1293" s="166">
        <v>0</v>
      </c>
      <c r="AZ1293" s="166">
        <v>0</v>
      </c>
      <c r="BA1293" s="166">
        <v>0</v>
      </c>
      <c r="BB1293" s="166">
        <v>0</v>
      </c>
      <c r="BC1293" s="166">
        <v>0</v>
      </c>
      <c r="BD1293" s="166">
        <v>0</v>
      </c>
      <c r="BE1293" s="166">
        <v>0</v>
      </c>
      <c r="BF1293" s="166">
        <v>0</v>
      </c>
      <c r="BG1293" s="166">
        <v>0</v>
      </c>
      <c r="BH1293" s="166">
        <v>0</v>
      </c>
      <c r="BI1293" s="166">
        <v>0</v>
      </c>
      <c r="BJ1293" s="166">
        <v>0</v>
      </c>
      <c r="BK1293" s="166">
        <v>0</v>
      </c>
      <c r="BL1293" s="166">
        <v>0</v>
      </c>
      <c r="BM1293" s="166">
        <v>0</v>
      </c>
      <c r="BN1293" s="166">
        <v>0</v>
      </c>
      <c r="BO1293" s="166">
        <v>0</v>
      </c>
      <c r="BP1293" s="166">
        <v>0</v>
      </c>
      <c r="BQ1293" s="166">
        <v>0</v>
      </c>
      <c r="BR1293" s="166">
        <v>4517373.1259646202</v>
      </c>
      <c r="BS1293" s="166">
        <v>4517373.1259646202</v>
      </c>
      <c r="BT1293" s="168">
        <v>0.70897047844185501</v>
      </c>
      <c r="BU1293" s="166">
        <v>111526.91057952</v>
      </c>
      <c r="BV1293" s="166">
        <v>3202684.18641552</v>
      </c>
      <c r="BW1293" s="166">
        <v>0</v>
      </c>
      <c r="BX1293" s="166">
        <v>0</v>
      </c>
      <c r="BY1293" s="166">
        <v>0</v>
      </c>
      <c r="BZ1293" s="166">
        <v>0</v>
      </c>
      <c r="CA1293" s="166">
        <v>0</v>
      </c>
      <c r="CB1293" s="166">
        <v>0</v>
      </c>
      <c r="CC1293" s="166">
        <v>0</v>
      </c>
      <c r="CD1293" s="166">
        <v>0</v>
      </c>
      <c r="CE1293" s="166">
        <v>0</v>
      </c>
      <c r="CF1293" s="166">
        <v>0</v>
      </c>
      <c r="CG1293" s="166">
        <v>0</v>
      </c>
      <c r="CH1293" s="166">
        <v>0</v>
      </c>
      <c r="CI1293" s="166">
        <v>0</v>
      </c>
      <c r="CJ1293" s="166">
        <v>0</v>
      </c>
      <c r="CK1293" s="166">
        <v>0</v>
      </c>
      <c r="CL1293" s="166">
        <v>0</v>
      </c>
      <c r="CM1293" s="166">
        <v>0</v>
      </c>
      <c r="CN1293" s="166">
        <v>0</v>
      </c>
      <c r="CO1293" s="166">
        <v>0</v>
      </c>
      <c r="CP1293" s="166">
        <v>0</v>
      </c>
      <c r="CQ1293" s="166">
        <v>0</v>
      </c>
      <c r="CR1293" s="166">
        <v>0</v>
      </c>
      <c r="CS1293" s="166">
        <v>0</v>
      </c>
      <c r="CT1293" s="166">
        <v>0</v>
      </c>
      <c r="CU1293" s="166">
        <v>0</v>
      </c>
      <c r="CV1293" s="166">
        <v>0</v>
      </c>
      <c r="CW1293" s="166">
        <v>0</v>
      </c>
      <c r="CX1293" s="166">
        <v>0</v>
      </c>
      <c r="CY1293" s="166">
        <v>3202684.18641552</v>
      </c>
      <c r="CZ1293" s="166">
        <v>3202684.18641552</v>
      </c>
    </row>
    <row r="1294" spans="1:104" x14ac:dyDescent="0.2">
      <c r="A1294" s="167" t="s">
        <v>1103</v>
      </c>
      <c r="B1294" s="166">
        <v>4660441.7699999902</v>
      </c>
      <c r="C1294" s="166">
        <v>4660441.7699999902</v>
      </c>
      <c r="D1294" s="166">
        <v>0</v>
      </c>
      <c r="E1294" s="166">
        <v>0</v>
      </c>
      <c r="F1294" s="166">
        <v>0</v>
      </c>
      <c r="G1294" s="166">
        <v>0</v>
      </c>
      <c r="H1294" s="166">
        <v>0</v>
      </c>
      <c r="I1294" s="166">
        <v>0</v>
      </c>
      <c r="J1294" s="166">
        <v>0</v>
      </c>
      <c r="K1294" s="166">
        <v>0</v>
      </c>
      <c r="L1294" s="166">
        <v>0</v>
      </c>
      <c r="M1294" s="166">
        <v>0</v>
      </c>
      <c r="N1294" s="166">
        <v>0</v>
      </c>
      <c r="O1294" s="166">
        <v>0</v>
      </c>
      <c r="P1294" s="166">
        <v>0</v>
      </c>
      <c r="Q1294" s="166">
        <v>0</v>
      </c>
      <c r="R1294" s="166">
        <v>0</v>
      </c>
      <c r="S1294" s="166">
        <v>0</v>
      </c>
      <c r="T1294" s="166">
        <v>0</v>
      </c>
      <c r="U1294" s="166">
        <v>0</v>
      </c>
      <c r="V1294" s="166">
        <v>0</v>
      </c>
      <c r="W1294" s="166">
        <v>0</v>
      </c>
      <c r="X1294" s="166">
        <v>0</v>
      </c>
      <c r="Y1294" s="166">
        <v>0</v>
      </c>
      <c r="Z1294" s="166">
        <v>0</v>
      </c>
      <c r="AA1294" s="166">
        <v>0</v>
      </c>
      <c r="AB1294" s="166">
        <v>0</v>
      </c>
      <c r="AC1294" s="166">
        <v>0</v>
      </c>
      <c r="AD1294" s="166">
        <v>0</v>
      </c>
      <c r="AE1294" s="166">
        <v>0</v>
      </c>
      <c r="AF1294" s="166">
        <v>0</v>
      </c>
      <c r="AG1294" s="166">
        <v>0</v>
      </c>
      <c r="AH1294" s="166">
        <v>0</v>
      </c>
      <c r="AI1294" s="166">
        <v>0</v>
      </c>
      <c r="AJ1294" s="166">
        <v>0</v>
      </c>
      <c r="AK1294" s="166">
        <v>0</v>
      </c>
      <c r="AL1294" s="166">
        <v>0</v>
      </c>
      <c r="AM1294" s="166">
        <v>0</v>
      </c>
      <c r="AN1294" s="166">
        <v>0</v>
      </c>
      <c r="AO1294" s="166">
        <v>0</v>
      </c>
      <c r="AP1294" s="166">
        <v>0</v>
      </c>
      <c r="AQ1294" s="166">
        <v>0</v>
      </c>
      <c r="AR1294" s="166">
        <v>0</v>
      </c>
      <c r="AS1294" s="166">
        <v>0</v>
      </c>
      <c r="AT1294" s="166">
        <v>0</v>
      </c>
      <c r="AU1294" s="166">
        <v>0</v>
      </c>
      <c r="AV1294" s="166">
        <v>0</v>
      </c>
      <c r="AW1294" s="166">
        <v>0</v>
      </c>
      <c r="AX1294" s="166">
        <v>0</v>
      </c>
      <c r="AY1294" s="166">
        <v>0</v>
      </c>
      <c r="AZ1294" s="166">
        <v>0</v>
      </c>
      <c r="BA1294" s="166">
        <v>0</v>
      </c>
      <c r="BB1294" s="166">
        <v>0</v>
      </c>
      <c r="BC1294" s="166">
        <v>0</v>
      </c>
      <c r="BD1294" s="166">
        <v>0</v>
      </c>
      <c r="BE1294" s="166">
        <v>0</v>
      </c>
      <c r="BF1294" s="166">
        <v>0</v>
      </c>
      <c r="BG1294" s="166">
        <v>0</v>
      </c>
      <c r="BH1294" s="166">
        <v>0</v>
      </c>
      <c r="BI1294" s="166">
        <v>0</v>
      </c>
      <c r="BJ1294" s="166">
        <v>0</v>
      </c>
      <c r="BK1294" s="166">
        <v>0</v>
      </c>
      <c r="BL1294" s="166">
        <v>0</v>
      </c>
      <c r="BM1294" s="166">
        <v>0</v>
      </c>
      <c r="BN1294" s="166">
        <v>0</v>
      </c>
      <c r="BO1294" s="166">
        <v>0</v>
      </c>
      <c r="BP1294" s="166">
        <v>0</v>
      </c>
      <c r="BQ1294" s="166">
        <v>0</v>
      </c>
      <c r="BR1294" s="166">
        <v>4660441.7699999902</v>
      </c>
      <c r="BS1294" s="166">
        <v>4660441.7699999902</v>
      </c>
      <c r="BT1294" s="168">
        <v>0</v>
      </c>
      <c r="BU1294" s="166">
        <v>116309.518085683</v>
      </c>
      <c r="BV1294" s="166">
        <v>3345365.7418333399</v>
      </c>
      <c r="BW1294" s="166">
        <v>0</v>
      </c>
      <c r="BX1294" s="166">
        <v>0</v>
      </c>
      <c r="BY1294" s="166">
        <v>0</v>
      </c>
      <c r="BZ1294" s="166">
        <v>0</v>
      </c>
      <c r="CA1294" s="166">
        <v>0</v>
      </c>
      <c r="CB1294" s="166">
        <v>0</v>
      </c>
      <c r="CC1294" s="166">
        <v>0</v>
      </c>
      <c r="CD1294" s="166">
        <v>0</v>
      </c>
      <c r="CE1294" s="166">
        <v>0</v>
      </c>
      <c r="CF1294" s="166">
        <v>0</v>
      </c>
      <c r="CG1294" s="166">
        <v>0</v>
      </c>
      <c r="CH1294" s="166">
        <v>0</v>
      </c>
      <c r="CI1294" s="166">
        <v>0</v>
      </c>
      <c r="CJ1294" s="166">
        <v>0</v>
      </c>
      <c r="CK1294" s="166">
        <v>0</v>
      </c>
      <c r="CL1294" s="166">
        <v>0</v>
      </c>
      <c r="CM1294" s="166">
        <v>0</v>
      </c>
      <c r="CN1294" s="166">
        <v>0</v>
      </c>
      <c r="CO1294" s="166">
        <v>0</v>
      </c>
      <c r="CP1294" s="166">
        <v>0</v>
      </c>
      <c r="CQ1294" s="166">
        <v>0</v>
      </c>
      <c r="CR1294" s="166">
        <v>0</v>
      </c>
      <c r="CS1294" s="166">
        <v>0</v>
      </c>
      <c r="CT1294" s="166">
        <v>0</v>
      </c>
      <c r="CU1294" s="166">
        <v>0</v>
      </c>
      <c r="CV1294" s="166">
        <v>0</v>
      </c>
      <c r="CW1294" s="166">
        <v>0</v>
      </c>
      <c r="CX1294" s="166">
        <v>0</v>
      </c>
      <c r="CY1294" s="166">
        <v>3345365.7418333399</v>
      </c>
      <c r="CZ1294" s="166">
        <v>3345365.7418333399</v>
      </c>
    </row>
    <row r="1295" spans="1:104" x14ac:dyDescent="0.2">
      <c r="A1295" s="167" t="s">
        <v>265</v>
      </c>
    </row>
    <row r="1296" spans="1:104" x14ac:dyDescent="0.2">
      <c r="A1296" s="167" t="s">
        <v>266</v>
      </c>
      <c r="B1296" s="166">
        <v>8.5311574152387505E-12</v>
      </c>
      <c r="C1296" s="166">
        <v>8.5311574152387505E-12</v>
      </c>
      <c r="D1296" s="166">
        <v>0</v>
      </c>
      <c r="E1296" s="166">
        <v>0</v>
      </c>
      <c r="F1296" s="166">
        <v>0</v>
      </c>
      <c r="G1296" s="166">
        <v>0</v>
      </c>
      <c r="H1296" s="166">
        <v>0</v>
      </c>
      <c r="I1296" s="166">
        <v>0</v>
      </c>
      <c r="J1296" s="166">
        <v>0</v>
      </c>
      <c r="K1296" s="166">
        <v>0</v>
      </c>
      <c r="L1296" s="166">
        <v>0</v>
      </c>
      <c r="M1296" s="166">
        <v>0</v>
      </c>
      <c r="N1296" s="166">
        <v>0</v>
      </c>
      <c r="O1296" s="166">
        <v>0</v>
      </c>
      <c r="P1296" s="166">
        <v>0</v>
      </c>
      <c r="Q1296" s="166">
        <v>0</v>
      </c>
      <c r="R1296" s="166">
        <v>0</v>
      </c>
      <c r="S1296" s="166">
        <v>0</v>
      </c>
      <c r="T1296" s="166">
        <v>0</v>
      </c>
      <c r="U1296" s="166">
        <v>0</v>
      </c>
      <c r="V1296" s="166">
        <v>0</v>
      </c>
      <c r="W1296" s="166">
        <v>0</v>
      </c>
      <c r="X1296" s="166">
        <v>0</v>
      </c>
      <c r="Y1296" s="166">
        <v>0</v>
      </c>
      <c r="Z1296" s="166">
        <v>0</v>
      </c>
      <c r="AA1296" s="166">
        <v>0</v>
      </c>
      <c r="AB1296" s="166">
        <v>0</v>
      </c>
      <c r="AC1296" s="166">
        <v>0</v>
      </c>
      <c r="AD1296" s="166">
        <v>0</v>
      </c>
      <c r="AE1296" s="166">
        <v>0</v>
      </c>
      <c r="AF1296" s="166">
        <v>0</v>
      </c>
      <c r="AG1296" s="166">
        <v>0</v>
      </c>
      <c r="AH1296" s="166">
        <v>0</v>
      </c>
      <c r="AI1296" s="166">
        <v>0</v>
      </c>
      <c r="AJ1296" s="166">
        <v>0</v>
      </c>
      <c r="AK1296" s="166">
        <v>0</v>
      </c>
      <c r="AL1296" s="166">
        <v>0</v>
      </c>
      <c r="AM1296" s="166">
        <v>0</v>
      </c>
      <c r="AN1296" s="166">
        <v>0</v>
      </c>
      <c r="AO1296" s="166">
        <v>0</v>
      </c>
      <c r="AP1296" s="166">
        <v>0</v>
      </c>
      <c r="AQ1296" s="166">
        <v>0</v>
      </c>
      <c r="AR1296" s="166">
        <v>0</v>
      </c>
      <c r="AS1296" s="166">
        <v>0</v>
      </c>
      <c r="AT1296" s="166">
        <v>0</v>
      </c>
      <c r="AU1296" s="166">
        <v>0</v>
      </c>
      <c r="AV1296" s="166">
        <v>0</v>
      </c>
      <c r="AW1296" s="166">
        <v>0</v>
      </c>
      <c r="AX1296" s="166">
        <v>0</v>
      </c>
      <c r="AY1296" s="166">
        <v>0</v>
      </c>
      <c r="AZ1296" s="166">
        <v>0</v>
      </c>
      <c r="BA1296" s="166">
        <v>0</v>
      </c>
      <c r="BB1296" s="166">
        <v>0</v>
      </c>
      <c r="BC1296" s="166">
        <v>0</v>
      </c>
      <c r="BD1296" s="166">
        <v>0</v>
      </c>
      <c r="BE1296" s="166">
        <v>0</v>
      </c>
      <c r="BF1296" s="166">
        <v>0</v>
      </c>
      <c r="BG1296" s="166">
        <v>0</v>
      </c>
      <c r="BH1296" s="166">
        <v>0</v>
      </c>
      <c r="BI1296" s="166">
        <v>0</v>
      </c>
      <c r="BJ1296" s="166">
        <v>0</v>
      </c>
      <c r="BK1296" s="166">
        <v>0</v>
      </c>
      <c r="BL1296" s="166">
        <v>0</v>
      </c>
      <c r="BM1296" s="166">
        <v>0</v>
      </c>
      <c r="BN1296" s="166">
        <v>0</v>
      </c>
      <c r="BO1296" s="166">
        <v>0</v>
      </c>
      <c r="BP1296" s="166">
        <v>0</v>
      </c>
      <c r="BQ1296" s="166">
        <v>0</v>
      </c>
      <c r="BR1296" s="166">
        <v>8.5311574152387505E-12</v>
      </c>
      <c r="BS1296" s="166">
        <v>8.5311574152387505E-12</v>
      </c>
      <c r="BT1296" s="168">
        <v>0.999998128641303</v>
      </c>
      <c r="BU1296" s="166">
        <v>0</v>
      </c>
      <c r="BV1296" s="166">
        <v>8.53114145038313E-12</v>
      </c>
      <c r="BW1296" s="166">
        <v>0</v>
      </c>
      <c r="BX1296" s="166">
        <v>0</v>
      </c>
      <c r="BY1296" s="166">
        <v>0</v>
      </c>
      <c r="BZ1296" s="166">
        <v>0</v>
      </c>
      <c r="CA1296" s="166">
        <v>0</v>
      </c>
      <c r="CB1296" s="166">
        <v>0</v>
      </c>
      <c r="CC1296" s="166">
        <v>0</v>
      </c>
      <c r="CD1296" s="166">
        <v>0</v>
      </c>
      <c r="CE1296" s="166">
        <v>0</v>
      </c>
      <c r="CF1296" s="166">
        <v>0</v>
      </c>
      <c r="CG1296" s="166">
        <v>0</v>
      </c>
      <c r="CH1296" s="166">
        <v>0</v>
      </c>
      <c r="CI1296" s="166">
        <v>0</v>
      </c>
      <c r="CJ1296" s="166">
        <v>0</v>
      </c>
      <c r="CK1296" s="166">
        <v>0</v>
      </c>
      <c r="CL1296" s="166">
        <v>0</v>
      </c>
      <c r="CM1296" s="166">
        <v>0</v>
      </c>
      <c r="CN1296" s="166">
        <v>0</v>
      </c>
      <c r="CO1296" s="166">
        <v>0</v>
      </c>
      <c r="CP1296" s="166">
        <v>0</v>
      </c>
      <c r="CQ1296" s="166">
        <v>0</v>
      </c>
      <c r="CR1296" s="166">
        <v>0</v>
      </c>
      <c r="CS1296" s="166">
        <v>0</v>
      </c>
      <c r="CT1296" s="166">
        <v>0</v>
      </c>
      <c r="CU1296" s="166">
        <v>0</v>
      </c>
      <c r="CV1296" s="166">
        <v>0</v>
      </c>
      <c r="CW1296" s="166">
        <v>0</v>
      </c>
      <c r="CX1296" s="166">
        <v>0</v>
      </c>
      <c r="CY1296" s="166">
        <v>8.53114145038313E-12</v>
      </c>
      <c r="CZ1296" s="166">
        <v>8.53114145038313E-12</v>
      </c>
    </row>
    <row r="1297" spans="1:104" x14ac:dyDescent="0.2">
      <c r="A1297" s="167" t="s">
        <v>267</v>
      </c>
      <c r="B1297" s="166">
        <v>7.3190891565460204E-13</v>
      </c>
      <c r="C1297" s="166">
        <v>7.3190891565460204E-13</v>
      </c>
      <c r="D1297" s="166">
        <v>0</v>
      </c>
      <c r="E1297" s="166">
        <v>0</v>
      </c>
      <c r="F1297" s="166">
        <v>0</v>
      </c>
      <c r="G1297" s="166">
        <v>0</v>
      </c>
      <c r="H1297" s="166">
        <v>0</v>
      </c>
      <c r="I1297" s="166">
        <v>0</v>
      </c>
      <c r="J1297" s="166">
        <v>0</v>
      </c>
      <c r="K1297" s="166">
        <v>0</v>
      </c>
      <c r="L1297" s="166">
        <v>0</v>
      </c>
      <c r="M1297" s="166">
        <v>0</v>
      </c>
      <c r="N1297" s="166">
        <v>0</v>
      </c>
      <c r="O1297" s="166">
        <v>0</v>
      </c>
      <c r="P1297" s="166">
        <v>0</v>
      </c>
      <c r="Q1297" s="166">
        <v>0</v>
      </c>
      <c r="R1297" s="166">
        <v>0</v>
      </c>
      <c r="S1297" s="166">
        <v>0</v>
      </c>
      <c r="T1297" s="166">
        <v>0</v>
      </c>
      <c r="U1297" s="166">
        <v>0</v>
      </c>
      <c r="V1297" s="166">
        <v>0</v>
      </c>
      <c r="W1297" s="166">
        <v>0</v>
      </c>
      <c r="X1297" s="166">
        <v>0</v>
      </c>
      <c r="Y1297" s="166">
        <v>0</v>
      </c>
      <c r="Z1297" s="166">
        <v>0</v>
      </c>
      <c r="AA1297" s="166">
        <v>0</v>
      </c>
      <c r="AB1297" s="166">
        <v>0</v>
      </c>
      <c r="AC1297" s="166">
        <v>0</v>
      </c>
      <c r="AD1297" s="166">
        <v>0</v>
      </c>
      <c r="AE1297" s="166">
        <v>0</v>
      </c>
      <c r="AF1297" s="166">
        <v>0</v>
      </c>
      <c r="AG1297" s="166">
        <v>0</v>
      </c>
      <c r="AH1297" s="166">
        <v>0</v>
      </c>
      <c r="AI1297" s="166">
        <v>0</v>
      </c>
      <c r="AJ1297" s="166">
        <v>0</v>
      </c>
      <c r="AK1297" s="166">
        <v>0</v>
      </c>
      <c r="AL1297" s="166">
        <v>0</v>
      </c>
      <c r="AM1297" s="166">
        <v>0</v>
      </c>
      <c r="AN1297" s="166">
        <v>0</v>
      </c>
      <c r="AO1297" s="166">
        <v>0</v>
      </c>
      <c r="AP1297" s="166">
        <v>0</v>
      </c>
      <c r="AQ1297" s="166">
        <v>0</v>
      </c>
      <c r="AR1297" s="166">
        <v>0</v>
      </c>
      <c r="AS1297" s="166">
        <v>0</v>
      </c>
      <c r="AT1297" s="166">
        <v>0</v>
      </c>
      <c r="AU1297" s="166">
        <v>0</v>
      </c>
      <c r="AV1297" s="166">
        <v>0</v>
      </c>
      <c r="AW1297" s="166">
        <v>0</v>
      </c>
      <c r="AX1297" s="166">
        <v>0</v>
      </c>
      <c r="AY1297" s="166">
        <v>0</v>
      </c>
      <c r="AZ1297" s="166">
        <v>0</v>
      </c>
      <c r="BA1297" s="166">
        <v>0</v>
      </c>
      <c r="BB1297" s="166">
        <v>0</v>
      </c>
      <c r="BC1297" s="166">
        <v>0</v>
      </c>
      <c r="BD1297" s="166">
        <v>0</v>
      </c>
      <c r="BE1297" s="166">
        <v>0</v>
      </c>
      <c r="BF1297" s="166">
        <v>0</v>
      </c>
      <c r="BG1297" s="166">
        <v>0</v>
      </c>
      <c r="BH1297" s="166">
        <v>0</v>
      </c>
      <c r="BI1297" s="166">
        <v>0</v>
      </c>
      <c r="BJ1297" s="166">
        <v>0</v>
      </c>
      <c r="BK1297" s="166">
        <v>0</v>
      </c>
      <c r="BL1297" s="166">
        <v>0</v>
      </c>
      <c r="BM1297" s="166">
        <v>0</v>
      </c>
      <c r="BN1297" s="166">
        <v>0</v>
      </c>
      <c r="BO1297" s="166">
        <v>0</v>
      </c>
      <c r="BP1297" s="166">
        <v>0</v>
      </c>
      <c r="BQ1297" s="166">
        <v>0</v>
      </c>
      <c r="BR1297" s="166">
        <v>7.3190891565460204E-13</v>
      </c>
      <c r="BS1297" s="166">
        <v>7.3190891565460204E-13</v>
      </c>
      <c r="BT1297" s="168">
        <v>0.95155251885650005</v>
      </c>
      <c r="BU1297" s="166">
        <v>0</v>
      </c>
      <c r="BV1297" s="166">
        <v>6.9644977226466598E-13</v>
      </c>
      <c r="BW1297" s="166">
        <v>0</v>
      </c>
      <c r="BX1297" s="166">
        <v>0</v>
      </c>
      <c r="BY1297" s="166">
        <v>0</v>
      </c>
      <c r="BZ1297" s="166">
        <v>0</v>
      </c>
      <c r="CA1297" s="166">
        <v>0</v>
      </c>
      <c r="CB1297" s="166">
        <v>0</v>
      </c>
      <c r="CC1297" s="166">
        <v>0</v>
      </c>
      <c r="CD1297" s="166">
        <v>0</v>
      </c>
      <c r="CE1297" s="166">
        <v>0</v>
      </c>
      <c r="CF1297" s="166">
        <v>0</v>
      </c>
      <c r="CG1297" s="166">
        <v>0</v>
      </c>
      <c r="CH1297" s="166">
        <v>0</v>
      </c>
      <c r="CI1297" s="166">
        <v>0</v>
      </c>
      <c r="CJ1297" s="166">
        <v>0</v>
      </c>
      <c r="CK1297" s="166">
        <v>0</v>
      </c>
      <c r="CL1297" s="166">
        <v>0</v>
      </c>
      <c r="CM1297" s="166">
        <v>0</v>
      </c>
      <c r="CN1297" s="166">
        <v>0</v>
      </c>
      <c r="CO1297" s="166">
        <v>0</v>
      </c>
      <c r="CP1297" s="166">
        <v>0</v>
      </c>
      <c r="CQ1297" s="166">
        <v>0</v>
      </c>
      <c r="CR1297" s="166">
        <v>0</v>
      </c>
      <c r="CS1297" s="166">
        <v>0</v>
      </c>
      <c r="CT1297" s="166">
        <v>0</v>
      </c>
      <c r="CU1297" s="166">
        <v>0</v>
      </c>
      <c r="CV1297" s="166">
        <v>0</v>
      </c>
      <c r="CW1297" s="166">
        <v>0</v>
      </c>
      <c r="CX1297" s="166">
        <v>0</v>
      </c>
      <c r="CY1297" s="166">
        <v>6.9644977226466598E-13</v>
      </c>
      <c r="CZ1297" s="166">
        <v>6.9644977226466598E-13</v>
      </c>
    </row>
    <row r="1298" spans="1:104" x14ac:dyDescent="0.2">
      <c r="A1298" s="167" t="s">
        <v>268</v>
      </c>
      <c r="B1298" s="166">
        <v>7.8739245913850798E-13</v>
      </c>
      <c r="C1298" s="166">
        <v>7.8739245913850798E-13</v>
      </c>
      <c r="D1298" s="166">
        <v>0</v>
      </c>
      <c r="E1298" s="166">
        <v>0</v>
      </c>
      <c r="F1298" s="166">
        <v>0</v>
      </c>
      <c r="G1298" s="166">
        <v>0</v>
      </c>
      <c r="H1298" s="166">
        <v>0</v>
      </c>
      <c r="I1298" s="166">
        <v>0</v>
      </c>
      <c r="J1298" s="166">
        <v>0</v>
      </c>
      <c r="K1298" s="166">
        <v>0</v>
      </c>
      <c r="L1298" s="166">
        <v>0</v>
      </c>
      <c r="M1298" s="166">
        <v>0</v>
      </c>
      <c r="N1298" s="166">
        <v>0</v>
      </c>
      <c r="O1298" s="166">
        <v>0</v>
      </c>
      <c r="P1298" s="166">
        <v>0</v>
      </c>
      <c r="Q1298" s="166">
        <v>0</v>
      </c>
      <c r="R1298" s="166">
        <v>0</v>
      </c>
      <c r="S1298" s="166">
        <v>0</v>
      </c>
      <c r="T1298" s="166">
        <v>0</v>
      </c>
      <c r="U1298" s="166">
        <v>0</v>
      </c>
      <c r="V1298" s="166">
        <v>0</v>
      </c>
      <c r="W1298" s="166">
        <v>0</v>
      </c>
      <c r="X1298" s="166">
        <v>0</v>
      </c>
      <c r="Y1298" s="166">
        <v>0</v>
      </c>
      <c r="Z1298" s="166">
        <v>0</v>
      </c>
      <c r="AA1298" s="166">
        <v>0</v>
      </c>
      <c r="AB1298" s="166">
        <v>0</v>
      </c>
      <c r="AC1298" s="166">
        <v>0</v>
      </c>
      <c r="AD1298" s="166">
        <v>0</v>
      </c>
      <c r="AE1298" s="166">
        <v>0</v>
      </c>
      <c r="AF1298" s="166">
        <v>0</v>
      </c>
      <c r="AG1298" s="166">
        <v>0</v>
      </c>
      <c r="AH1298" s="166">
        <v>0</v>
      </c>
      <c r="AI1298" s="166">
        <v>0</v>
      </c>
      <c r="AJ1298" s="166">
        <v>0</v>
      </c>
      <c r="AK1298" s="166">
        <v>0</v>
      </c>
      <c r="AL1298" s="166">
        <v>0</v>
      </c>
      <c r="AM1298" s="166">
        <v>0</v>
      </c>
      <c r="AN1298" s="166">
        <v>0</v>
      </c>
      <c r="AO1298" s="166">
        <v>0</v>
      </c>
      <c r="AP1298" s="166">
        <v>0</v>
      </c>
      <c r="AQ1298" s="166">
        <v>0</v>
      </c>
      <c r="AR1298" s="166">
        <v>0</v>
      </c>
      <c r="AS1298" s="166">
        <v>0</v>
      </c>
      <c r="AT1298" s="166">
        <v>0</v>
      </c>
      <c r="AU1298" s="166">
        <v>0</v>
      </c>
      <c r="AV1298" s="166">
        <v>0</v>
      </c>
      <c r="AW1298" s="166">
        <v>0</v>
      </c>
      <c r="AX1298" s="166">
        <v>0</v>
      </c>
      <c r="AY1298" s="166">
        <v>0</v>
      </c>
      <c r="AZ1298" s="166">
        <v>0</v>
      </c>
      <c r="BA1298" s="166">
        <v>0</v>
      </c>
      <c r="BB1298" s="166">
        <v>0</v>
      </c>
      <c r="BC1298" s="166">
        <v>0</v>
      </c>
      <c r="BD1298" s="166">
        <v>0</v>
      </c>
      <c r="BE1298" s="166">
        <v>0</v>
      </c>
      <c r="BF1298" s="166">
        <v>0</v>
      </c>
      <c r="BG1298" s="166">
        <v>0</v>
      </c>
      <c r="BH1298" s="166">
        <v>0</v>
      </c>
      <c r="BI1298" s="166">
        <v>0</v>
      </c>
      <c r="BJ1298" s="166">
        <v>0</v>
      </c>
      <c r="BK1298" s="166">
        <v>0</v>
      </c>
      <c r="BL1298" s="166">
        <v>0</v>
      </c>
      <c r="BM1298" s="166">
        <v>0</v>
      </c>
      <c r="BN1298" s="166">
        <v>0</v>
      </c>
      <c r="BO1298" s="166">
        <v>0</v>
      </c>
      <c r="BP1298" s="166">
        <v>0</v>
      </c>
      <c r="BQ1298" s="166">
        <v>0</v>
      </c>
      <c r="BR1298" s="166">
        <v>7.8739245913850798E-13</v>
      </c>
      <c r="BS1298" s="166">
        <v>7.8739245913850798E-13</v>
      </c>
      <c r="BT1298" s="168">
        <v>0.97633653435224499</v>
      </c>
      <c r="BU1298" s="166">
        <v>0</v>
      </c>
      <c r="BV1298" s="166">
        <v>7.68760024730382E-13</v>
      </c>
      <c r="BW1298" s="166">
        <v>0</v>
      </c>
      <c r="BX1298" s="166">
        <v>0</v>
      </c>
      <c r="BY1298" s="166">
        <v>0</v>
      </c>
      <c r="BZ1298" s="166">
        <v>0</v>
      </c>
      <c r="CA1298" s="166">
        <v>0</v>
      </c>
      <c r="CB1298" s="166">
        <v>0</v>
      </c>
      <c r="CC1298" s="166">
        <v>0</v>
      </c>
      <c r="CD1298" s="166">
        <v>0</v>
      </c>
      <c r="CE1298" s="166">
        <v>0</v>
      </c>
      <c r="CF1298" s="166">
        <v>0</v>
      </c>
      <c r="CG1298" s="166">
        <v>0</v>
      </c>
      <c r="CH1298" s="166">
        <v>0</v>
      </c>
      <c r="CI1298" s="166">
        <v>0</v>
      </c>
      <c r="CJ1298" s="166">
        <v>0</v>
      </c>
      <c r="CK1298" s="166">
        <v>0</v>
      </c>
      <c r="CL1298" s="166">
        <v>0</v>
      </c>
      <c r="CM1298" s="166">
        <v>0</v>
      </c>
      <c r="CN1298" s="166">
        <v>0</v>
      </c>
      <c r="CO1298" s="166">
        <v>0</v>
      </c>
      <c r="CP1298" s="166">
        <v>0</v>
      </c>
      <c r="CQ1298" s="166">
        <v>0</v>
      </c>
      <c r="CR1298" s="166">
        <v>0</v>
      </c>
      <c r="CS1298" s="166">
        <v>0</v>
      </c>
      <c r="CT1298" s="166">
        <v>0</v>
      </c>
      <c r="CU1298" s="166">
        <v>0</v>
      </c>
      <c r="CV1298" s="166">
        <v>0</v>
      </c>
      <c r="CW1298" s="166">
        <v>0</v>
      </c>
      <c r="CX1298" s="166">
        <v>0</v>
      </c>
      <c r="CY1298" s="166">
        <v>7.68760024730382E-13</v>
      </c>
      <c r="CZ1298" s="166">
        <v>7.68760024730382E-13</v>
      </c>
    </row>
    <row r="1299" spans="1:104" x14ac:dyDescent="0.2">
      <c r="A1299" s="167" t="s">
        <v>269</v>
      </c>
      <c r="B1299" s="166">
        <v>2.3840390857698801E-12</v>
      </c>
      <c r="C1299" s="166">
        <v>2.3840390857698801E-12</v>
      </c>
      <c r="D1299" s="166">
        <v>0</v>
      </c>
      <c r="E1299" s="166">
        <v>0</v>
      </c>
      <c r="F1299" s="166">
        <v>0</v>
      </c>
      <c r="G1299" s="166">
        <v>0</v>
      </c>
      <c r="H1299" s="166">
        <v>0</v>
      </c>
      <c r="I1299" s="166">
        <v>0</v>
      </c>
      <c r="J1299" s="166">
        <v>0</v>
      </c>
      <c r="K1299" s="166">
        <v>0</v>
      </c>
      <c r="L1299" s="166">
        <v>0</v>
      </c>
      <c r="M1299" s="166">
        <v>0</v>
      </c>
      <c r="N1299" s="166">
        <v>0</v>
      </c>
      <c r="O1299" s="166">
        <v>0</v>
      </c>
      <c r="P1299" s="166">
        <v>0</v>
      </c>
      <c r="Q1299" s="166">
        <v>0</v>
      </c>
      <c r="R1299" s="166">
        <v>0</v>
      </c>
      <c r="S1299" s="166">
        <v>0</v>
      </c>
      <c r="T1299" s="166">
        <v>0</v>
      </c>
      <c r="U1299" s="166">
        <v>0</v>
      </c>
      <c r="V1299" s="166">
        <v>0</v>
      </c>
      <c r="W1299" s="166">
        <v>0</v>
      </c>
      <c r="X1299" s="166">
        <v>0</v>
      </c>
      <c r="Y1299" s="166">
        <v>0</v>
      </c>
      <c r="Z1299" s="166">
        <v>0</v>
      </c>
      <c r="AA1299" s="166">
        <v>0</v>
      </c>
      <c r="AB1299" s="166">
        <v>0</v>
      </c>
      <c r="AC1299" s="166">
        <v>0</v>
      </c>
      <c r="AD1299" s="166">
        <v>0</v>
      </c>
      <c r="AE1299" s="166">
        <v>0</v>
      </c>
      <c r="AF1299" s="166">
        <v>0</v>
      </c>
      <c r="AG1299" s="166">
        <v>0</v>
      </c>
      <c r="AH1299" s="166">
        <v>0</v>
      </c>
      <c r="AI1299" s="166">
        <v>0</v>
      </c>
      <c r="AJ1299" s="166">
        <v>0</v>
      </c>
      <c r="AK1299" s="166">
        <v>0</v>
      </c>
      <c r="AL1299" s="166">
        <v>0</v>
      </c>
      <c r="AM1299" s="166">
        <v>0</v>
      </c>
      <c r="AN1299" s="166">
        <v>0</v>
      </c>
      <c r="AO1299" s="166">
        <v>0</v>
      </c>
      <c r="AP1299" s="166">
        <v>0</v>
      </c>
      <c r="AQ1299" s="166">
        <v>0</v>
      </c>
      <c r="AR1299" s="166">
        <v>0</v>
      </c>
      <c r="AS1299" s="166">
        <v>0</v>
      </c>
      <c r="AT1299" s="166">
        <v>0</v>
      </c>
      <c r="AU1299" s="166">
        <v>0</v>
      </c>
      <c r="AV1299" s="166">
        <v>0</v>
      </c>
      <c r="AW1299" s="166">
        <v>0</v>
      </c>
      <c r="AX1299" s="166">
        <v>0</v>
      </c>
      <c r="AY1299" s="166">
        <v>0</v>
      </c>
      <c r="AZ1299" s="166">
        <v>0</v>
      </c>
      <c r="BA1299" s="166">
        <v>0</v>
      </c>
      <c r="BB1299" s="166">
        <v>0</v>
      </c>
      <c r="BC1299" s="166">
        <v>0</v>
      </c>
      <c r="BD1299" s="166">
        <v>0</v>
      </c>
      <c r="BE1299" s="166">
        <v>0</v>
      </c>
      <c r="BF1299" s="166">
        <v>0</v>
      </c>
      <c r="BG1299" s="166">
        <v>0</v>
      </c>
      <c r="BH1299" s="166">
        <v>0</v>
      </c>
      <c r="BI1299" s="166">
        <v>0</v>
      </c>
      <c r="BJ1299" s="166">
        <v>0</v>
      </c>
      <c r="BK1299" s="166">
        <v>0</v>
      </c>
      <c r="BL1299" s="166">
        <v>0</v>
      </c>
      <c r="BM1299" s="166">
        <v>0</v>
      </c>
      <c r="BN1299" s="166">
        <v>0</v>
      </c>
      <c r="BO1299" s="166">
        <v>0</v>
      </c>
      <c r="BP1299" s="166">
        <v>0</v>
      </c>
      <c r="BQ1299" s="166">
        <v>0</v>
      </c>
      <c r="BR1299" s="166">
        <v>2.3840390857698801E-12</v>
      </c>
      <c r="BS1299" s="166">
        <v>2.3840390857698801E-12</v>
      </c>
      <c r="BT1299" s="168">
        <v>0.999998128641303</v>
      </c>
      <c r="BU1299" s="166">
        <v>0</v>
      </c>
      <c r="BV1299" s="166">
        <v>2.3840346243776101E-12</v>
      </c>
      <c r="BW1299" s="166">
        <v>0</v>
      </c>
      <c r="BX1299" s="166">
        <v>0</v>
      </c>
      <c r="BY1299" s="166">
        <v>0</v>
      </c>
      <c r="BZ1299" s="166">
        <v>0</v>
      </c>
      <c r="CA1299" s="166">
        <v>0</v>
      </c>
      <c r="CB1299" s="166">
        <v>0</v>
      </c>
      <c r="CC1299" s="166">
        <v>0</v>
      </c>
      <c r="CD1299" s="166">
        <v>0</v>
      </c>
      <c r="CE1299" s="166">
        <v>0</v>
      </c>
      <c r="CF1299" s="166">
        <v>0</v>
      </c>
      <c r="CG1299" s="166">
        <v>0</v>
      </c>
      <c r="CH1299" s="166">
        <v>0</v>
      </c>
      <c r="CI1299" s="166">
        <v>0</v>
      </c>
      <c r="CJ1299" s="166">
        <v>0</v>
      </c>
      <c r="CK1299" s="166">
        <v>0</v>
      </c>
      <c r="CL1299" s="166">
        <v>0</v>
      </c>
      <c r="CM1299" s="166">
        <v>0</v>
      </c>
      <c r="CN1299" s="166">
        <v>0</v>
      </c>
      <c r="CO1299" s="166">
        <v>0</v>
      </c>
      <c r="CP1299" s="166">
        <v>0</v>
      </c>
      <c r="CQ1299" s="166">
        <v>0</v>
      </c>
      <c r="CR1299" s="166">
        <v>0</v>
      </c>
      <c r="CS1299" s="166">
        <v>0</v>
      </c>
      <c r="CT1299" s="166">
        <v>0</v>
      </c>
      <c r="CU1299" s="166">
        <v>0</v>
      </c>
      <c r="CV1299" s="166">
        <v>0</v>
      </c>
      <c r="CW1299" s="166">
        <v>0</v>
      </c>
      <c r="CX1299" s="166">
        <v>0</v>
      </c>
      <c r="CY1299" s="166">
        <v>2.3840346243776101E-12</v>
      </c>
      <c r="CZ1299" s="166">
        <v>2.3840346243776101E-12</v>
      </c>
    </row>
    <row r="1300" spans="1:104" x14ac:dyDescent="0.2">
      <c r="A1300" s="167" t="s">
        <v>1104</v>
      </c>
      <c r="B1300" s="166">
        <v>396723.47</v>
      </c>
      <c r="C1300" s="166">
        <v>396723.47</v>
      </c>
      <c r="D1300" s="166">
        <v>0</v>
      </c>
      <c r="E1300" s="166">
        <v>0</v>
      </c>
      <c r="F1300" s="166">
        <v>0</v>
      </c>
      <c r="G1300" s="166">
        <v>0</v>
      </c>
      <c r="H1300" s="166">
        <v>0</v>
      </c>
      <c r="I1300" s="166">
        <v>0</v>
      </c>
      <c r="J1300" s="166">
        <v>0</v>
      </c>
      <c r="K1300" s="166">
        <v>0</v>
      </c>
      <c r="L1300" s="166">
        <v>0</v>
      </c>
      <c r="M1300" s="166">
        <v>0</v>
      </c>
      <c r="N1300" s="166">
        <v>0</v>
      </c>
      <c r="O1300" s="166">
        <v>0</v>
      </c>
      <c r="P1300" s="166">
        <v>0</v>
      </c>
      <c r="Q1300" s="166">
        <v>0</v>
      </c>
      <c r="R1300" s="166">
        <v>0</v>
      </c>
      <c r="S1300" s="166">
        <v>0</v>
      </c>
      <c r="T1300" s="166">
        <v>0</v>
      </c>
      <c r="U1300" s="166">
        <v>0</v>
      </c>
      <c r="V1300" s="166">
        <v>0</v>
      </c>
      <c r="W1300" s="166">
        <v>0</v>
      </c>
      <c r="X1300" s="166">
        <v>0</v>
      </c>
      <c r="Y1300" s="166">
        <v>0</v>
      </c>
      <c r="Z1300" s="166">
        <v>0</v>
      </c>
      <c r="AA1300" s="166">
        <v>0</v>
      </c>
      <c r="AB1300" s="166">
        <v>0</v>
      </c>
      <c r="AC1300" s="166">
        <v>0</v>
      </c>
      <c r="AD1300" s="166">
        <v>0</v>
      </c>
      <c r="AE1300" s="166">
        <v>0</v>
      </c>
      <c r="AF1300" s="166">
        <v>0</v>
      </c>
      <c r="AG1300" s="166">
        <v>0</v>
      </c>
      <c r="AH1300" s="166">
        <v>0</v>
      </c>
      <c r="AI1300" s="166">
        <v>0</v>
      </c>
      <c r="AJ1300" s="166">
        <v>0</v>
      </c>
      <c r="AK1300" s="166">
        <v>0</v>
      </c>
      <c r="AL1300" s="166">
        <v>0</v>
      </c>
      <c r="AM1300" s="166">
        <v>0</v>
      </c>
      <c r="AN1300" s="166">
        <v>0</v>
      </c>
      <c r="AO1300" s="166">
        <v>0</v>
      </c>
      <c r="AP1300" s="166">
        <v>0</v>
      </c>
      <c r="AQ1300" s="166">
        <v>0</v>
      </c>
      <c r="AR1300" s="166">
        <v>0</v>
      </c>
      <c r="AS1300" s="166">
        <v>0</v>
      </c>
      <c r="AT1300" s="166">
        <v>0</v>
      </c>
      <c r="AU1300" s="166">
        <v>0</v>
      </c>
      <c r="AV1300" s="166">
        <v>0</v>
      </c>
      <c r="AW1300" s="166">
        <v>0</v>
      </c>
      <c r="AX1300" s="166">
        <v>0</v>
      </c>
      <c r="AY1300" s="166">
        <v>0</v>
      </c>
      <c r="AZ1300" s="166">
        <v>0</v>
      </c>
      <c r="BA1300" s="166">
        <v>0</v>
      </c>
      <c r="BB1300" s="166">
        <v>0</v>
      </c>
      <c r="BC1300" s="166">
        <v>0</v>
      </c>
      <c r="BD1300" s="166">
        <v>0</v>
      </c>
      <c r="BE1300" s="166">
        <v>0</v>
      </c>
      <c r="BF1300" s="166">
        <v>0</v>
      </c>
      <c r="BG1300" s="166">
        <v>0</v>
      </c>
      <c r="BH1300" s="166">
        <v>0</v>
      </c>
      <c r="BI1300" s="166">
        <v>0</v>
      </c>
      <c r="BJ1300" s="166">
        <v>0</v>
      </c>
      <c r="BK1300" s="166">
        <v>0</v>
      </c>
      <c r="BL1300" s="166">
        <v>0</v>
      </c>
      <c r="BM1300" s="166">
        <v>0</v>
      </c>
      <c r="BN1300" s="166">
        <v>0</v>
      </c>
      <c r="BO1300" s="166">
        <v>0</v>
      </c>
      <c r="BP1300" s="166">
        <v>0</v>
      </c>
      <c r="BQ1300" s="166">
        <v>0</v>
      </c>
      <c r="BR1300" s="166">
        <v>396723.47</v>
      </c>
      <c r="BS1300" s="166">
        <v>396723.47</v>
      </c>
      <c r="BT1300" s="168">
        <v>0.70897047844185501</v>
      </c>
      <c r="BU1300" s="166">
        <v>28290.495652666701</v>
      </c>
      <c r="BV1300" s="166">
        <v>281265.22833501297</v>
      </c>
      <c r="BW1300" s="166">
        <v>0</v>
      </c>
      <c r="BX1300" s="166">
        <v>0</v>
      </c>
      <c r="BY1300" s="166">
        <v>0</v>
      </c>
      <c r="BZ1300" s="166">
        <v>0</v>
      </c>
      <c r="CA1300" s="166">
        <v>0</v>
      </c>
      <c r="CB1300" s="166">
        <v>0</v>
      </c>
      <c r="CC1300" s="166">
        <v>0</v>
      </c>
      <c r="CD1300" s="166">
        <v>0</v>
      </c>
      <c r="CE1300" s="166">
        <v>0</v>
      </c>
      <c r="CF1300" s="166">
        <v>0</v>
      </c>
      <c r="CG1300" s="166">
        <v>0</v>
      </c>
      <c r="CH1300" s="166">
        <v>0</v>
      </c>
      <c r="CI1300" s="166">
        <v>0</v>
      </c>
      <c r="CJ1300" s="166">
        <v>0</v>
      </c>
      <c r="CK1300" s="166">
        <v>0</v>
      </c>
      <c r="CL1300" s="166">
        <v>0</v>
      </c>
      <c r="CM1300" s="166">
        <v>0</v>
      </c>
      <c r="CN1300" s="166">
        <v>0</v>
      </c>
      <c r="CO1300" s="166">
        <v>0</v>
      </c>
      <c r="CP1300" s="166">
        <v>0</v>
      </c>
      <c r="CQ1300" s="166">
        <v>0</v>
      </c>
      <c r="CR1300" s="166">
        <v>0</v>
      </c>
      <c r="CS1300" s="166">
        <v>0</v>
      </c>
      <c r="CT1300" s="166">
        <v>0</v>
      </c>
      <c r="CU1300" s="166">
        <v>0</v>
      </c>
      <c r="CV1300" s="166">
        <v>0</v>
      </c>
      <c r="CW1300" s="166">
        <v>0</v>
      </c>
      <c r="CX1300" s="166">
        <v>0</v>
      </c>
      <c r="CY1300" s="166">
        <v>281265.22833501297</v>
      </c>
      <c r="CZ1300" s="166">
        <v>281265.22833501297</v>
      </c>
    </row>
    <row r="1301" spans="1:104" x14ac:dyDescent="0.2">
      <c r="A1301" s="167" t="s">
        <v>271</v>
      </c>
      <c r="B1301" s="166">
        <v>396723.47</v>
      </c>
      <c r="C1301" s="166">
        <v>396723.47</v>
      </c>
      <c r="D1301" s="166">
        <v>0</v>
      </c>
      <c r="E1301" s="166">
        <v>0</v>
      </c>
      <c r="F1301" s="166">
        <v>0</v>
      </c>
      <c r="G1301" s="166">
        <v>0</v>
      </c>
      <c r="H1301" s="166">
        <v>0</v>
      </c>
      <c r="I1301" s="166">
        <v>0</v>
      </c>
      <c r="J1301" s="166">
        <v>0</v>
      </c>
      <c r="K1301" s="166">
        <v>0</v>
      </c>
      <c r="L1301" s="166">
        <v>0</v>
      </c>
      <c r="M1301" s="166">
        <v>0</v>
      </c>
      <c r="N1301" s="166">
        <v>0</v>
      </c>
      <c r="O1301" s="166">
        <v>0</v>
      </c>
      <c r="P1301" s="166">
        <v>0</v>
      </c>
      <c r="Q1301" s="166">
        <v>0</v>
      </c>
      <c r="R1301" s="166">
        <v>0</v>
      </c>
      <c r="S1301" s="166">
        <v>0</v>
      </c>
      <c r="T1301" s="166">
        <v>0</v>
      </c>
      <c r="U1301" s="166">
        <v>0</v>
      </c>
      <c r="V1301" s="166">
        <v>0</v>
      </c>
      <c r="W1301" s="166">
        <v>0</v>
      </c>
      <c r="X1301" s="166">
        <v>0</v>
      </c>
      <c r="Y1301" s="166">
        <v>0</v>
      </c>
      <c r="Z1301" s="166">
        <v>0</v>
      </c>
      <c r="AA1301" s="166">
        <v>0</v>
      </c>
      <c r="AB1301" s="166">
        <v>0</v>
      </c>
      <c r="AC1301" s="166">
        <v>0</v>
      </c>
      <c r="AD1301" s="166">
        <v>0</v>
      </c>
      <c r="AE1301" s="166">
        <v>0</v>
      </c>
      <c r="AF1301" s="166">
        <v>0</v>
      </c>
      <c r="AG1301" s="166">
        <v>0</v>
      </c>
      <c r="AH1301" s="166">
        <v>0</v>
      </c>
      <c r="AI1301" s="166">
        <v>0</v>
      </c>
      <c r="AJ1301" s="166">
        <v>0</v>
      </c>
      <c r="AK1301" s="166">
        <v>0</v>
      </c>
      <c r="AL1301" s="166">
        <v>0</v>
      </c>
      <c r="AM1301" s="166">
        <v>0</v>
      </c>
      <c r="AN1301" s="166">
        <v>0</v>
      </c>
      <c r="AO1301" s="166">
        <v>0</v>
      </c>
      <c r="AP1301" s="166">
        <v>0</v>
      </c>
      <c r="AQ1301" s="166">
        <v>0</v>
      </c>
      <c r="AR1301" s="166">
        <v>0</v>
      </c>
      <c r="AS1301" s="166">
        <v>0</v>
      </c>
      <c r="AT1301" s="166">
        <v>0</v>
      </c>
      <c r="AU1301" s="166">
        <v>0</v>
      </c>
      <c r="AV1301" s="166">
        <v>0</v>
      </c>
      <c r="AW1301" s="166">
        <v>0</v>
      </c>
      <c r="AX1301" s="166">
        <v>0</v>
      </c>
      <c r="AY1301" s="166">
        <v>0</v>
      </c>
      <c r="AZ1301" s="166">
        <v>0</v>
      </c>
      <c r="BA1301" s="166">
        <v>0</v>
      </c>
      <c r="BB1301" s="166">
        <v>0</v>
      </c>
      <c r="BC1301" s="166">
        <v>0</v>
      </c>
      <c r="BD1301" s="166">
        <v>0</v>
      </c>
      <c r="BE1301" s="166">
        <v>0</v>
      </c>
      <c r="BF1301" s="166">
        <v>0</v>
      </c>
      <c r="BG1301" s="166">
        <v>0</v>
      </c>
      <c r="BH1301" s="166">
        <v>0</v>
      </c>
      <c r="BI1301" s="166">
        <v>0</v>
      </c>
      <c r="BJ1301" s="166">
        <v>0</v>
      </c>
      <c r="BK1301" s="166">
        <v>0</v>
      </c>
      <c r="BL1301" s="166">
        <v>0</v>
      </c>
      <c r="BM1301" s="166">
        <v>0</v>
      </c>
      <c r="BN1301" s="166">
        <v>0</v>
      </c>
      <c r="BO1301" s="166">
        <v>0</v>
      </c>
      <c r="BP1301" s="166">
        <v>0</v>
      </c>
      <c r="BQ1301" s="166">
        <v>0</v>
      </c>
      <c r="BR1301" s="166">
        <v>396723.47</v>
      </c>
      <c r="BS1301" s="166">
        <v>396723.47</v>
      </c>
      <c r="BT1301" s="168">
        <v>0</v>
      </c>
      <c r="BU1301" s="166">
        <v>28290.495652666701</v>
      </c>
      <c r="BV1301" s="166">
        <v>281265.22833501297</v>
      </c>
      <c r="BW1301" s="166">
        <v>0</v>
      </c>
      <c r="BX1301" s="166">
        <v>0</v>
      </c>
      <c r="BY1301" s="166">
        <v>0</v>
      </c>
      <c r="BZ1301" s="166">
        <v>0</v>
      </c>
      <c r="CA1301" s="166">
        <v>0</v>
      </c>
      <c r="CB1301" s="166">
        <v>0</v>
      </c>
      <c r="CC1301" s="166">
        <v>0</v>
      </c>
      <c r="CD1301" s="166">
        <v>0</v>
      </c>
      <c r="CE1301" s="166">
        <v>0</v>
      </c>
      <c r="CF1301" s="166">
        <v>0</v>
      </c>
      <c r="CG1301" s="166">
        <v>0</v>
      </c>
      <c r="CH1301" s="166">
        <v>0</v>
      </c>
      <c r="CI1301" s="166">
        <v>0</v>
      </c>
      <c r="CJ1301" s="166">
        <v>0</v>
      </c>
      <c r="CK1301" s="166">
        <v>0</v>
      </c>
      <c r="CL1301" s="166">
        <v>0</v>
      </c>
      <c r="CM1301" s="166">
        <v>0</v>
      </c>
      <c r="CN1301" s="166">
        <v>0</v>
      </c>
      <c r="CO1301" s="166">
        <v>0</v>
      </c>
      <c r="CP1301" s="166">
        <v>0</v>
      </c>
      <c r="CQ1301" s="166">
        <v>0</v>
      </c>
      <c r="CR1301" s="166">
        <v>0</v>
      </c>
      <c r="CS1301" s="166">
        <v>0</v>
      </c>
      <c r="CT1301" s="166">
        <v>0</v>
      </c>
      <c r="CU1301" s="166">
        <v>0</v>
      </c>
      <c r="CV1301" s="166">
        <v>0</v>
      </c>
      <c r="CW1301" s="166">
        <v>0</v>
      </c>
      <c r="CX1301" s="166">
        <v>0</v>
      </c>
      <c r="CY1301" s="166">
        <v>281265.22833501297</v>
      </c>
      <c r="CZ1301" s="166">
        <v>281265.22833501297</v>
      </c>
    </row>
    <row r="1302" spans="1:104" x14ac:dyDescent="0.2">
      <c r="A1302" s="167" t="s">
        <v>272</v>
      </c>
    </row>
    <row r="1303" spans="1:104" x14ac:dyDescent="0.2">
      <c r="A1303" s="167" t="s">
        <v>1105</v>
      </c>
      <c r="B1303" s="166">
        <v>0</v>
      </c>
      <c r="C1303" s="166">
        <v>0</v>
      </c>
      <c r="D1303" s="166">
        <v>0</v>
      </c>
      <c r="E1303" s="166">
        <v>0</v>
      </c>
      <c r="F1303" s="166">
        <v>0</v>
      </c>
      <c r="G1303" s="166">
        <v>0</v>
      </c>
      <c r="H1303" s="166">
        <v>0</v>
      </c>
      <c r="I1303" s="166">
        <v>0</v>
      </c>
      <c r="J1303" s="166">
        <v>0</v>
      </c>
      <c r="K1303" s="166">
        <v>0</v>
      </c>
      <c r="L1303" s="166">
        <v>0</v>
      </c>
      <c r="M1303" s="166">
        <v>0</v>
      </c>
      <c r="N1303" s="166">
        <v>0</v>
      </c>
      <c r="O1303" s="166">
        <v>0</v>
      </c>
      <c r="P1303" s="166">
        <v>0</v>
      </c>
      <c r="Q1303" s="166">
        <v>0</v>
      </c>
      <c r="R1303" s="166">
        <v>0</v>
      </c>
      <c r="S1303" s="166">
        <v>0</v>
      </c>
      <c r="T1303" s="166">
        <v>0</v>
      </c>
      <c r="U1303" s="166">
        <v>0</v>
      </c>
      <c r="V1303" s="166">
        <v>0</v>
      </c>
      <c r="W1303" s="166">
        <v>0</v>
      </c>
      <c r="X1303" s="166">
        <v>0</v>
      </c>
      <c r="Y1303" s="166">
        <v>0</v>
      </c>
      <c r="Z1303" s="166">
        <v>0</v>
      </c>
      <c r="AA1303" s="166">
        <v>0</v>
      </c>
      <c r="AB1303" s="166">
        <v>0</v>
      </c>
      <c r="AC1303" s="166">
        <v>0</v>
      </c>
      <c r="AD1303" s="166">
        <v>0</v>
      </c>
      <c r="AE1303" s="166">
        <v>0</v>
      </c>
      <c r="AF1303" s="166">
        <v>0</v>
      </c>
      <c r="AG1303" s="166">
        <v>0</v>
      </c>
      <c r="AH1303" s="166">
        <v>0</v>
      </c>
      <c r="AI1303" s="166">
        <v>0</v>
      </c>
      <c r="AJ1303" s="166">
        <v>0</v>
      </c>
      <c r="AK1303" s="166">
        <v>0</v>
      </c>
      <c r="AL1303" s="166">
        <v>0</v>
      </c>
      <c r="AM1303" s="166">
        <v>0</v>
      </c>
      <c r="AN1303" s="166">
        <v>0</v>
      </c>
      <c r="AO1303" s="166">
        <v>0</v>
      </c>
      <c r="AP1303" s="166">
        <v>0</v>
      </c>
      <c r="AQ1303" s="166">
        <v>0</v>
      </c>
      <c r="AR1303" s="166">
        <v>0</v>
      </c>
      <c r="AS1303" s="166">
        <v>0</v>
      </c>
      <c r="AT1303" s="166">
        <v>0</v>
      </c>
      <c r="AU1303" s="166">
        <v>0</v>
      </c>
      <c r="AV1303" s="166">
        <v>0</v>
      </c>
      <c r="AW1303" s="166">
        <v>0</v>
      </c>
      <c r="AX1303" s="166">
        <v>0</v>
      </c>
      <c r="AY1303" s="166">
        <v>0</v>
      </c>
      <c r="AZ1303" s="166">
        <v>0</v>
      </c>
      <c r="BA1303" s="166">
        <v>0</v>
      </c>
      <c r="BB1303" s="166">
        <v>0</v>
      </c>
      <c r="BC1303" s="166">
        <v>0</v>
      </c>
      <c r="BD1303" s="166">
        <v>0</v>
      </c>
      <c r="BE1303" s="166">
        <v>0</v>
      </c>
      <c r="BF1303" s="166">
        <v>0</v>
      </c>
      <c r="BG1303" s="166">
        <v>0</v>
      </c>
      <c r="BH1303" s="166">
        <v>0</v>
      </c>
      <c r="BI1303" s="166">
        <v>0</v>
      </c>
      <c r="BJ1303" s="166">
        <v>0</v>
      </c>
      <c r="BK1303" s="166">
        <v>0</v>
      </c>
      <c r="BL1303" s="166">
        <v>0</v>
      </c>
      <c r="BM1303" s="166">
        <v>0</v>
      </c>
      <c r="BN1303" s="166">
        <v>0</v>
      </c>
      <c r="BO1303" s="166">
        <v>0</v>
      </c>
      <c r="BP1303" s="166">
        <v>0</v>
      </c>
      <c r="BQ1303" s="166">
        <v>0</v>
      </c>
      <c r="BR1303" s="166">
        <v>0</v>
      </c>
      <c r="BS1303" s="166">
        <v>0</v>
      </c>
      <c r="BT1303" s="168">
        <v>0.999998128641303</v>
      </c>
      <c r="BU1303" s="166">
        <v>0</v>
      </c>
      <c r="BV1303" s="166">
        <v>0</v>
      </c>
      <c r="BW1303" s="166">
        <v>0</v>
      </c>
      <c r="BX1303" s="166">
        <v>0</v>
      </c>
      <c r="BY1303" s="166">
        <v>0</v>
      </c>
      <c r="BZ1303" s="166">
        <v>0</v>
      </c>
      <c r="CA1303" s="166">
        <v>0</v>
      </c>
      <c r="CB1303" s="166">
        <v>0</v>
      </c>
      <c r="CC1303" s="166">
        <v>0</v>
      </c>
      <c r="CD1303" s="166">
        <v>0</v>
      </c>
      <c r="CE1303" s="166">
        <v>0</v>
      </c>
      <c r="CF1303" s="166">
        <v>0</v>
      </c>
      <c r="CG1303" s="166">
        <v>0</v>
      </c>
      <c r="CH1303" s="166">
        <v>0</v>
      </c>
      <c r="CI1303" s="166">
        <v>0</v>
      </c>
      <c r="CJ1303" s="166">
        <v>0</v>
      </c>
      <c r="CK1303" s="166">
        <v>0</v>
      </c>
      <c r="CL1303" s="166">
        <v>0</v>
      </c>
      <c r="CM1303" s="166">
        <v>0</v>
      </c>
      <c r="CN1303" s="166">
        <v>0</v>
      </c>
      <c r="CO1303" s="166">
        <v>0</v>
      </c>
      <c r="CP1303" s="166">
        <v>0</v>
      </c>
      <c r="CQ1303" s="166">
        <v>0</v>
      </c>
      <c r="CR1303" s="166">
        <v>0</v>
      </c>
      <c r="CS1303" s="166">
        <v>0</v>
      </c>
      <c r="CT1303" s="166">
        <v>0</v>
      </c>
      <c r="CU1303" s="166">
        <v>0</v>
      </c>
      <c r="CV1303" s="166">
        <v>0</v>
      </c>
      <c r="CW1303" s="166">
        <v>0</v>
      </c>
      <c r="CX1303" s="166">
        <v>0</v>
      </c>
      <c r="CY1303" s="166">
        <v>0</v>
      </c>
      <c r="CZ1303" s="166">
        <v>0</v>
      </c>
    </row>
    <row r="1304" spans="1:104" x14ac:dyDescent="0.2">
      <c r="A1304" s="167" t="s">
        <v>1106</v>
      </c>
      <c r="B1304" s="166">
        <v>0</v>
      </c>
      <c r="C1304" s="166">
        <v>0</v>
      </c>
      <c r="D1304" s="166">
        <v>0</v>
      </c>
      <c r="E1304" s="166">
        <v>0</v>
      </c>
      <c r="F1304" s="166">
        <v>0</v>
      </c>
      <c r="G1304" s="166">
        <v>0</v>
      </c>
      <c r="H1304" s="166">
        <v>0</v>
      </c>
      <c r="I1304" s="166">
        <v>0</v>
      </c>
      <c r="J1304" s="166">
        <v>0</v>
      </c>
      <c r="K1304" s="166">
        <v>0</v>
      </c>
      <c r="L1304" s="166">
        <v>0</v>
      </c>
      <c r="M1304" s="166">
        <v>0</v>
      </c>
      <c r="N1304" s="166">
        <v>0</v>
      </c>
      <c r="O1304" s="166">
        <v>0</v>
      </c>
      <c r="P1304" s="166">
        <v>0</v>
      </c>
      <c r="Q1304" s="166">
        <v>0</v>
      </c>
      <c r="R1304" s="166">
        <v>0</v>
      </c>
      <c r="S1304" s="166">
        <v>0</v>
      </c>
      <c r="T1304" s="166">
        <v>0</v>
      </c>
      <c r="U1304" s="166">
        <v>0</v>
      </c>
      <c r="V1304" s="166">
        <v>0</v>
      </c>
      <c r="W1304" s="166">
        <v>0</v>
      </c>
      <c r="X1304" s="166">
        <v>0</v>
      </c>
      <c r="Y1304" s="166">
        <v>0</v>
      </c>
      <c r="Z1304" s="166">
        <v>0</v>
      </c>
      <c r="AA1304" s="166">
        <v>0</v>
      </c>
      <c r="AB1304" s="166">
        <v>0</v>
      </c>
      <c r="AC1304" s="166">
        <v>0</v>
      </c>
      <c r="AD1304" s="166">
        <v>0</v>
      </c>
      <c r="AE1304" s="166">
        <v>0</v>
      </c>
      <c r="AF1304" s="166">
        <v>0</v>
      </c>
      <c r="AG1304" s="166">
        <v>0</v>
      </c>
      <c r="AH1304" s="166">
        <v>0</v>
      </c>
      <c r="AI1304" s="166">
        <v>0</v>
      </c>
      <c r="AJ1304" s="166">
        <v>0</v>
      </c>
      <c r="AK1304" s="166">
        <v>0</v>
      </c>
      <c r="AL1304" s="166">
        <v>0</v>
      </c>
      <c r="AM1304" s="166">
        <v>0</v>
      </c>
      <c r="AN1304" s="166">
        <v>0</v>
      </c>
      <c r="AO1304" s="166">
        <v>0</v>
      </c>
      <c r="AP1304" s="166">
        <v>0</v>
      </c>
      <c r="AQ1304" s="166">
        <v>0</v>
      </c>
      <c r="AR1304" s="166">
        <v>0</v>
      </c>
      <c r="AS1304" s="166">
        <v>0</v>
      </c>
      <c r="AT1304" s="166">
        <v>0</v>
      </c>
      <c r="AU1304" s="166">
        <v>0</v>
      </c>
      <c r="AV1304" s="166">
        <v>0</v>
      </c>
      <c r="AW1304" s="166">
        <v>0</v>
      </c>
      <c r="AX1304" s="166">
        <v>0</v>
      </c>
      <c r="AY1304" s="166">
        <v>0</v>
      </c>
      <c r="AZ1304" s="166">
        <v>0</v>
      </c>
      <c r="BA1304" s="166">
        <v>0</v>
      </c>
      <c r="BB1304" s="166">
        <v>0</v>
      </c>
      <c r="BC1304" s="166">
        <v>0</v>
      </c>
      <c r="BD1304" s="166">
        <v>0</v>
      </c>
      <c r="BE1304" s="166">
        <v>0</v>
      </c>
      <c r="BF1304" s="166">
        <v>0</v>
      </c>
      <c r="BG1304" s="166">
        <v>0</v>
      </c>
      <c r="BH1304" s="166">
        <v>0</v>
      </c>
      <c r="BI1304" s="166">
        <v>0</v>
      </c>
      <c r="BJ1304" s="166">
        <v>0</v>
      </c>
      <c r="BK1304" s="166">
        <v>0</v>
      </c>
      <c r="BL1304" s="166">
        <v>0</v>
      </c>
      <c r="BM1304" s="166">
        <v>0</v>
      </c>
      <c r="BN1304" s="166">
        <v>0</v>
      </c>
      <c r="BO1304" s="166">
        <v>0</v>
      </c>
      <c r="BP1304" s="166">
        <v>0</v>
      </c>
      <c r="BQ1304" s="166">
        <v>0</v>
      </c>
      <c r="BR1304" s="166">
        <v>0</v>
      </c>
      <c r="BS1304" s="166">
        <v>0</v>
      </c>
      <c r="BT1304" s="168">
        <v>0.95155251885650005</v>
      </c>
      <c r="BU1304" s="166">
        <v>0</v>
      </c>
      <c r="BV1304" s="166">
        <v>0</v>
      </c>
      <c r="BW1304" s="166">
        <v>0</v>
      </c>
      <c r="BX1304" s="166">
        <v>0</v>
      </c>
      <c r="BY1304" s="166">
        <v>0</v>
      </c>
      <c r="BZ1304" s="166">
        <v>0</v>
      </c>
      <c r="CA1304" s="166">
        <v>0</v>
      </c>
      <c r="CB1304" s="166">
        <v>0</v>
      </c>
      <c r="CC1304" s="166">
        <v>0</v>
      </c>
      <c r="CD1304" s="166">
        <v>0</v>
      </c>
      <c r="CE1304" s="166">
        <v>0</v>
      </c>
      <c r="CF1304" s="166">
        <v>0</v>
      </c>
      <c r="CG1304" s="166">
        <v>0</v>
      </c>
      <c r="CH1304" s="166">
        <v>0</v>
      </c>
      <c r="CI1304" s="166">
        <v>0</v>
      </c>
      <c r="CJ1304" s="166">
        <v>0</v>
      </c>
      <c r="CK1304" s="166">
        <v>0</v>
      </c>
      <c r="CL1304" s="166">
        <v>0</v>
      </c>
      <c r="CM1304" s="166">
        <v>0</v>
      </c>
      <c r="CN1304" s="166">
        <v>0</v>
      </c>
      <c r="CO1304" s="166">
        <v>0</v>
      </c>
      <c r="CP1304" s="166">
        <v>0</v>
      </c>
      <c r="CQ1304" s="166">
        <v>0</v>
      </c>
      <c r="CR1304" s="166">
        <v>0</v>
      </c>
      <c r="CS1304" s="166">
        <v>0</v>
      </c>
      <c r="CT1304" s="166">
        <v>0</v>
      </c>
      <c r="CU1304" s="166">
        <v>0</v>
      </c>
      <c r="CV1304" s="166">
        <v>0</v>
      </c>
      <c r="CW1304" s="166">
        <v>0</v>
      </c>
      <c r="CX1304" s="166">
        <v>0</v>
      </c>
      <c r="CY1304" s="166">
        <v>0</v>
      </c>
      <c r="CZ1304" s="166">
        <v>0</v>
      </c>
    </row>
    <row r="1305" spans="1:104" x14ac:dyDescent="0.2">
      <c r="A1305" s="167" t="s">
        <v>275</v>
      </c>
      <c r="B1305" s="166">
        <v>0</v>
      </c>
      <c r="C1305" s="166">
        <v>0</v>
      </c>
      <c r="D1305" s="166">
        <v>0</v>
      </c>
      <c r="E1305" s="166">
        <v>0</v>
      </c>
      <c r="F1305" s="166">
        <v>0</v>
      </c>
      <c r="G1305" s="166">
        <v>0</v>
      </c>
      <c r="H1305" s="166">
        <v>0</v>
      </c>
      <c r="I1305" s="166">
        <v>0</v>
      </c>
      <c r="J1305" s="166">
        <v>0</v>
      </c>
      <c r="K1305" s="166">
        <v>0</v>
      </c>
      <c r="L1305" s="166">
        <v>0</v>
      </c>
      <c r="M1305" s="166">
        <v>0</v>
      </c>
      <c r="N1305" s="166">
        <v>0</v>
      </c>
      <c r="O1305" s="166">
        <v>0</v>
      </c>
      <c r="P1305" s="166">
        <v>0</v>
      </c>
      <c r="Q1305" s="166">
        <v>0</v>
      </c>
      <c r="R1305" s="166">
        <v>0</v>
      </c>
      <c r="S1305" s="166">
        <v>0</v>
      </c>
      <c r="T1305" s="166">
        <v>0</v>
      </c>
      <c r="U1305" s="166">
        <v>0</v>
      </c>
      <c r="V1305" s="166">
        <v>0</v>
      </c>
      <c r="W1305" s="166">
        <v>0</v>
      </c>
      <c r="X1305" s="166">
        <v>0</v>
      </c>
      <c r="Y1305" s="166">
        <v>0</v>
      </c>
      <c r="Z1305" s="166">
        <v>0</v>
      </c>
      <c r="AA1305" s="166">
        <v>0</v>
      </c>
      <c r="AB1305" s="166">
        <v>0</v>
      </c>
      <c r="AC1305" s="166">
        <v>0</v>
      </c>
      <c r="AD1305" s="166">
        <v>0</v>
      </c>
      <c r="AE1305" s="166">
        <v>0</v>
      </c>
      <c r="AF1305" s="166">
        <v>0</v>
      </c>
      <c r="AG1305" s="166">
        <v>0</v>
      </c>
      <c r="AH1305" s="166">
        <v>0</v>
      </c>
      <c r="AI1305" s="166">
        <v>0</v>
      </c>
      <c r="AJ1305" s="166">
        <v>0</v>
      </c>
      <c r="AK1305" s="166">
        <v>0</v>
      </c>
      <c r="AL1305" s="166">
        <v>0</v>
      </c>
      <c r="AM1305" s="166">
        <v>0</v>
      </c>
      <c r="AN1305" s="166">
        <v>0</v>
      </c>
      <c r="AO1305" s="166">
        <v>0</v>
      </c>
      <c r="AP1305" s="166">
        <v>0</v>
      </c>
      <c r="AQ1305" s="166">
        <v>0</v>
      </c>
      <c r="AR1305" s="166">
        <v>0</v>
      </c>
      <c r="AS1305" s="166">
        <v>0</v>
      </c>
      <c r="AT1305" s="166">
        <v>0</v>
      </c>
      <c r="AU1305" s="166">
        <v>0</v>
      </c>
      <c r="AV1305" s="166">
        <v>0</v>
      </c>
      <c r="AW1305" s="166">
        <v>0</v>
      </c>
      <c r="AX1305" s="166">
        <v>0</v>
      </c>
      <c r="AY1305" s="166">
        <v>0</v>
      </c>
      <c r="AZ1305" s="166">
        <v>0</v>
      </c>
      <c r="BA1305" s="166">
        <v>0</v>
      </c>
      <c r="BB1305" s="166">
        <v>0</v>
      </c>
      <c r="BC1305" s="166">
        <v>0</v>
      </c>
      <c r="BD1305" s="166">
        <v>0</v>
      </c>
      <c r="BE1305" s="166">
        <v>0</v>
      </c>
      <c r="BF1305" s="166">
        <v>0</v>
      </c>
      <c r="BG1305" s="166">
        <v>0</v>
      </c>
      <c r="BH1305" s="166">
        <v>0</v>
      </c>
      <c r="BI1305" s="166">
        <v>0</v>
      </c>
      <c r="BJ1305" s="166">
        <v>0</v>
      </c>
      <c r="BK1305" s="166">
        <v>0</v>
      </c>
      <c r="BL1305" s="166">
        <v>0</v>
      </c>
      <c r="BM1305" s="166">
        <v>0</v>
      </c>
      <c r="BN1305" s="166">
        <v>0</v>
      </c>
      <c r="BO1305" s="166">
        <v>0</v>
      </c>
      <c r="BP1305" s="166">
        <v>0</v>
      </c>
      <c r="BQ1305" s="166">
        <v>0</v>
      </c>
      <c r="BR1305" s="166">
        <v>0</v>
      </c>
      <c r="BS1305" s="166">
        <v>0</v>
      </c>
      <c r="BT1305" s="168">
        <v>0.97633653435224499</v>
      </c>
      <c r="BU1305" s="166">
        <v>0</v>
      </c>
      <c r="BV1305" s="166">
        <v>0</v>
      </c>
      <c r="BW1305" s="166">
        <v>0</v>
      </c>
      <c r="BX1305" s="166">
        <v>0</v>
      </c>
      <c r="BY1305" s="166">
        <v>0</v>
      </c>
      <c r="BZ1305" s="166">
        <v>0</v>
      </c>
      <c r="CA1305" s="166">
        <v>0</v>
      </c>
      <c r="CB1305" s="166">
        <v>0</v>
      </c>
      <c r="CC1305" s="166">
        <v>0</v>
      </c>
      <c r="CD1305" s="166">
        <v>0</v>
      </c>
      <c r="CE1305" s="166">
        <v>0</v>
      </c>
      <c r="CF1305" s="166">
        <v>0</v>
      </c>
      <c r="CG1305" s="166">
        <v>0</v>
      </c>
      <c r="CH1305" s="166">
        <v>0</v>
      </c>
      <c r="CI1305" s="166">
        <v>0</v>
      </c>
      <c r="CJ1305" s="166">
        <v>0</v>
      </c>
      <c r="CK1305" s="166">
        <v>0</v>
      </c>
      <c r="CL1305" s="166">
        <v>0</v>
      </c>
      <c r="CM1305" s="166">
        <v>0</v>
      </c>
      <c r="CN1305" s="166">
        <v>0</v>
      </c>
      <c r="CO1305" s="166">
        <v>0</v>
      </c>
      <c r="CP1305" s="166">
        <v>0</v>
      </c>
      <c r="CQ1305" s="166">
        <v>0</v>
      </c>
      <c r="CR1305" s="166">
        <v>0</v>
      </c>
      <c r="CS1305" s="166">
        <v>0</v>
      </c>
      <c r="CT1305" s="166">
        <v>0</v>
      </c>
      <c r="CU1305" s="166">
        <v>0</v>
      </c>
      <c r="CV1305" s="166">
        <v>0</v>
      </c>
      <c r="CW1305" s="166">
        <v>0</v>
      </c>
      <c r="CX1305" s="166">
        <v>0</v>
      </c>
      <c r="CY1305" s="166">
        <v>0</v>
      </c>
      <c r="CZ1305" s="166">
        <v>0</v>
      </c>
    </row>
    <row r="1306" spans="1:104" x14ac:dyDescent="0.2">
      <c r="A1306" s="167" t="s">
        <v>276</v>
      </c>
      <c r="B1306" s="166">
        <v>0</v>
      </c>
      <c r="C1306" s="166">
        <v>0</v>
      </c>
      <c r="D1306" s="166">
        <v>0</v>
      </c>
      <c r="E1306" s="166">
        <v>0</v>
      </c>
      <c r="F1306" s="166">
        <v>0</v>
      </c>
      <c r="G1306" s="166">
        <v>0</v>
      </c>
      <c r="H1306" s="166">
        <v>0</v>
      </c>
      <c r="I1306" s="166">
        <v>0</v>
      </c>
      <c r="J1306" s="166">
        <v>0</v>
      </c>
      <c r="K1306" s="166">
        <v>0</v>
      </c>
      <c r="L1306" s="166">
        <v>0</v>
      </c>
      <c r="M1306" s="166">
        <v>0</v>
      </c>
      <c r="N1306" s="166">
        <v>0</v>
      </c>
      <c r="O1306" s="166">
        <v>0</v>
      </c>
      <c r="P1306" s="166">
        <v>0</v>
      </c>
      <c r="Q1306" s="166">
        <v>0</v>
      </c>
      <c r="R1306" s="166">
        <v>0</v>
      </c>
      <c r="S1306" s="166">
        <v>0</v>
      </c>
      <c r="T1306" s="166">
        <v>0</v>
      </c>
      <c r="U1306" s="166">
        <v>0</v>
      </c>
      <c r="V1306" s="166">
        <v>0</v>
      </c>
      <c r="W1306" s="166">
        <v>0</v>
      </c>
      <c r="X1306" s="166">
        <v>0</v>
      </c>
      <c r="Y1306" s="166">
        <v>0</v>
      </c>
      <c r="Z1306" s="166">
        <v>0</v>
      </c>
      <c r="AA1306" s="166">
        <v>0</v>
      </c>
      <c r="AB1306" s="166">
        <v>0</v>
      </c>
      <c r="AC1306" s="166">
        <v>0</v>
      </c>
      <c r="AD1306" s="166">
        <v>0</v>
      </c>
      <c r="AE1306" s="166">
        <v>0</v>
      </c>
      <c r="AF1306" s="166">
        <v>0</v>
      </c>
      <c r="AG1306" s="166">
        <v>0</v>
      </c>
      <c r="AH1306" s="166">
        <v>0</v>
      </c>
      <c r="AI1306" s="166">
        <v>0</v>
      </c>
      <c r="AJ1306" s="166">
        <v>0</v>
      </c>
      <c r="AK1306" s="166">
        <v>0</v>
      </c>
      <c r="AL1306" s="166">
        <v>0</v>
      </c>
      <c r="AM1306" s="166">
        <v>0</v>
      </c>
      <c r="AN1306" s="166">
        <v>0</v>
      </c>
      <c r="AO1306" s="166">
        <v>0</v>
      </c>
      <c r="AP1306" s="166">
        <v>0</v>
      </c>
      <c r="AQ1306" s="166">
        <v>0</v>
      </c>
      <c r="AR1306" s="166">
        <v>0</v>
      </c>
      <c r="AS1306" s="166">
        <v>0</v>
      </c>
      <c r="AT1306" s="166">
        <v>0</v>
      </c>
      <c r="AU1306" s="166">
        <v>0</v>
      </c>
      <c r="AV1306" s="166">
        <v>0</v>
      </c>
      <c r="AW1306" s="166">
        <v>0</v>
      </c>
      <c r="AX1306" s="166">
        <v>0</v>
      </c>
      <c r="AY1306" s="166">
        <v>0</v>
      </c>
      <c r="AZ1306" s="166">
        <v>0</v>
      </c>
      <c r="BA1306" s="166">
        <v>0</v>
      </c>
      <c r="BB1306" s="166">
        <v>0</v>
      </c>
      <c r="BC1306" s="166">
        <v>0</v>
      </c>
      <c r="BD1306" s="166">
        <v>0</v>
      </c>
      <c r="BE1306" s="166">
        <v>0</v>
      </c>
      <c r="BF1306" s="166">
        <v>0</v>
      </c>
      <c r="BG1306" s="166">
        <v>0</v>
      </c>
      <c r="BH1306" s="166">
        <v>0</v>
      </c>
      <c r="BI1306" s="166">
        <v>0</v>
      </c>
      <c r="BJ1306" s="166">
        <v>0</v>
      </c>
      <c r="BK1306" s="166">
        <v>0</v>
      </c>
      <c r="BL1306" s="166">
        <v>0</v>
      </c>
      <c r="BM1306" s="166">
        <v>0</v>
      </c>
      <c r="BN1306" s="166">
        <v>0</v>
      </c>
      <c r="BO1306" s="166">
        <v>0</v>
      </c>
      <c r="BP1306" s="166">
        <v>0</v>
      </c>
      <c r="BQ1306" s="166">
        <v>0</v>
      </c>
      <c r="BR1306" s="166">
        <v>0</v>
      </c>
      <c r="BS1306" s="166">
        <v>0</v>
      </c>
      <c r="BT1306" s="168">
        <v>0.999998128641303</v>
      </c>
      <c r="BU1306" s="166">
        <v>0</v>
      </c>
      <c r="BV1306" s="166">
        <v>0</v>
      </c>
      <c r="BW1306" s="166">
        <v>0</v>
      </c>
      <c r="BX1306" s="166">
        <v>0</v>
      </c>
      <c r="BY1306" s="166">
        <v>0</v>
      </c>
      <c r="BZ1306" s="166">
        <v>0</v>
      </c>
      <c r="CA1306" s="166">
        <v>0</v>
      </c>
      <c r="CB1306" s="166">
        <v>0</v>
      </c>
      <c r="CC1306" s="166">
        <v>0</v>
      </c>
      <c r="CD1306" s="166">
        <v>0</v>
      </c>
      <c r="CE1306" s="166">
        <v>0</v>
      </c>
      <c r="CF1306" s="166">
        <v>0</v>
      </c>
      <c r="CG1306" s="166">
        <v>0</v>
      </c>
      <c r="CH1306" s="166">
        <v>0</v>
      </c>
      <c r="CI1306" s="166">
        <v>0</v>
      </c>
      <c r="CJ1306" s="166">
        <v>0</v>
      </c>
      <c r="CK1306" s="166">
        <v>0</v>
      </c>
      <c r="CL1306" s="166">
        <v>0</v>
      </c>
      <c r="CM1306" s="166">
        <v>0</v>
      </c>
      <c r="CN1306" s="166">
        <v>0</v>
      </c>
      <c r="CO1306" s="166">
        <v>0</v>
      </c>
      <c r="CP1306" s="166">
        <v>0</v>
      </c>
      <c r="CQ1306" s="166">
        <v>0</v>
      </c>
      <c r="CR1306" s="166">
        <v>0</v>
      </c>
      <c r="CS1306" s="166">
        <v>0</v>
      </c>
      <c r="CT1306" s="166">
        <v>0</v>
      </c>
      <c r="CU1306" s="166">
        <v>0</v>
      </c>
      <c r="CV1306" s="166">
        <v>0</v>
      </c>
      <c r="CW1306" s="166">
        <v>0</v>
      </c>
      <c r="CX1306" s="166">
        <v>0</v>
      </c>
      <c r="CY1306" s="166">
        <v>0</v>
      </c>
      <c r="CZ1306" s="166">
        <v>0</v>
      </c>
    </row>
    <row r="1307" spans="1:104" x14ac:dyDescent="0.2">
      <c r="A1307" s="167" t="s">
        <v>1107</v>
      </c>
      <c r="B1307" s="166">
        <v>0</v>
      </c>
      <c r="C1307" s="166">
        <v>0</v>
      </c>
      <c r="D1307" s="166">
        <v>0</v>
      </c>
      <c r="E1307" s="166">
        <v>0</v>
      </c>
      <c r="F1307" s="166">
        <v>0</v>
      </c>
      <c r="G1307" s="166">
        <v>0</v>
      </c>
      <c r="H1307" s="166">
        <v>0</v>
      </c>
      <c r="I1307" s="166">
        <v>0</v>
      </c>
      <c r="J1307" s="166">
        <v>0</v>
      </c>
      <c r="K1307" s="166">
        <v>0</v>
      </c>
      <c r="L1307" s="166">
        <v>0</v>
      </c>
      <c r="M1307" s="166">
        <v>0</v>
      </c>
      <c r="N1307" s="166">
        <v>0</v>
      </c>
      <c r="O1307" s="166">
        <v>0</v>
      </c>
      <c r="P1307" s="166">
        <v>0</v>
      </c>
      <c r="Q1307" s="166">
        <v>0</v>
      </c>
      <c r="R1307" s="166">
        <v>0</v>
      </c>
      <c r="S1307" s="166">
        <v>0</v>
      </c>
      <c r="T1307" s="166">
        <v>0</v>
      </c>
      <c r="U1307" s="166">
        <v>0</v>
      </c>
      <c r="V1307" s="166">
        <v>0</v>
      </c>
      <c r="W1307" s="166">
        <v>0</v>
      </c>
      <c r="X1307" s="166">
        <v>0</v>
      </c>
      <c r="Y1307" s="166">
        <v>0</v>
      </c>
      <c r="Z1307" s="166">
        <v>0</v>
      </c>
      <c r="AA1307" s="166">
        <v>0</v>
      </c>
      <c r="AB1307" s="166">
        <v>0</v>
      </c>
      <c r="AC1307" s="166">
        <v>0</v>
      </c>
      <c r="AD1307" s="166">
        <v>0</v>
      </c>
      <c r="AE1307" s="166">
        <v>0</v>
      </c>
      <c r="AF1307" s="166">
        <v>0</v>
      </c>
      <c r="AG1307" s="166">
        <v>0</v>
      </c>
      <c r="AH1307" s="166">
        <v>0</v>
      </c>
      <c r="AI1307" s="166">
        <v>0</v>
      </c>
      <c r="AJ1307" s="166">
        <v>0</v>
      </c>
      <c r="AK1307" s="166">
        <v>0</v>
      </c>
      <c r="AL1307" s="166">
        <v>0</v>
      </c>
      <c r="AM1307" s="166">
        <v>0</v>
      </c>
      <c r="AN1307" s="166">
        <v>0</v>
      </c>
      <c r="AO1307" s="166">
        <v>0</v>
      </c>
      <c r="AP1307" s="166">
        <v>0</v>
      </c>
      <c r="AQ1307" s="166">
        <v>0</v>
      </c>
      <c r="AR1307" s="166">
        <v>0</v>
      </c>
      <c r="AS1307" s="166">
        <v>0</v>
      </c>
      <c r="AT1307" s="166">
        <v>0</v>
      </c>
      <c r="AU1307" s="166">
        <v>0</v>
      </c>
      <c r="AV1307" s="166">
        <v>0</v>
      </c>
      <c r="AW1307" s="166">
        <v>0</v>
      </c>
      <c r="AX1307" s="166">
        <v>0</v>
      </c>
      <c r="AY1307" s="166">
        <v>0</v>
      </c>
      <c r="AZ1307" s="166">
        <v>0</v>
      </c>
      <c r="BA1307" s="166">
        <v>0</v>
      </c>
      <c r="BB1307" s="166">
        <v>0</v>
      </c>
      <c r="BC1307" s="166">
        <v>0</v>
      </c>
      <c r="BD1307" s="166">
        <v>0</v>
      </c>
      <c r="BE1307" s="166">
        <v>0</v>
      </c>
      <c r="BF1307" s="166">
        <v>0</v>
      </c>
      <c r="BG1307" s="166">
        <v>0</v>
      </c>
      <c r="BH1307" s="166">
        <v>0</v>
      </c>
      <c r="BI1307" s="166">
        <v>0</v>
      </c>
      <c r="BJ1307" s="166">
        <v>0</v>
      </c>
      <c r="BK1307" s="166">
        <v>0</v>
      </c>
      <c r="BL1307" s="166">
        <v>0</v>
      </c>
      <c r="BM1307" s="166">
        <v>0</v>
      </c>
      <c r="BN1307" s="166">
        <v>0</v>
      </c>
      <c r="BO1307" s="166">
        <v>0</v>
      </c>
      <c r="BP1307" s="166">
        <v>0</v>
      </c>
      <c r="BQ1307" s="166">
        <v>0</v>
      </c>
      <c r="BR1307" s="166">
        <v>0</v>
      </c>
      <c r="BS1307" s="166">
        <v>0</v>
      </c>
      <c r="BT1307" s="168">
        <v>0.70897047844185501</v>
      </c>
      <c r="BU1307" s="166">
        <v>0</v>
      </c>
      <c r="BV1307" s="166">
        <v>0</v>
      </c>
      <c r="BW1307" s="166">
        <v>0</v>
      </c>
      <c r="BX1307" s="166">
        <v>0</v>
      </c>
      <c r="BY1307" s="166">
        <v>0</v>
      </c>
      <c r="BZ1307" s="166">
        <v>0</v>
      </c>
      <c r="CA1307" s="166">
        <v>0</v>
      </c>
      <c r="CB1307" s="166">
        <v>0</v>
      </c>
      <c r="CC1307" s="166">
        <v>0</v>
      </c>
      <c r="CD1307" s="166">
        <v>0</v>
      </c>
      <c r="CE1307" s="166">
        <v>0</v>
      </c>
      <c r="CF1307" s="166">
        <v>0</v>
      </c>
      <c r="CG1307" s="166">
        <v>0</v>
      </c>
      <c r="CH1307" s="166">
        <v>0</v>
      </c>
      <c r="CI1307" s="166">
        <v>0</v>
      </c>
      <c r="CJ1307" s="166">
        <v>0</v>
      </c>
      <c r="CK1307" s="166">
        <v>0</v>
      </c>
      <c r="CL1307" s="166">
        <v>0</v>
      </c>
      <c r="CM1307" s="166">
        <v>0</v>
      </c>
      <c r="CN1307" s="166">
        <v>0</v>
      </c>
      <c r="CO1307" s="166">
        <v>0</v>
      </c>
      <c r="CP1307" s="166">
        <v>0</v>
      </c>
      <c r="CQ1307" s="166">
        <v>0</v>
      </c>
      <c r="CR1307" s="166">
        <v>0</v>
      </c>
      <c r="CS1307" s="166">
        <v>0</v>
      </c>
      <c r="CT1307" s="166">
        <v>0</v>
      </c>
      <c r="CU1307" s="166">
        <v>0</v>
      </c>
      <c r="CV1307" s="166">
        <v>0</v>
      </c>
      <c r="CW1307" s="166">
        <v>0</v>
      </c>
      <c r="CX1307" s="166">
        <v>0</v>
      </c>
      <c r="CY1307" s="166">
        <v>0</v>
      </c>
      <c r="CZ1307" s="166">
        <v>0</v>
      </c>
    </row>
    <row r="1308" spans="1:104" x14ac:dyDescent="0.2">
      <c r="A1308" s="167" t="s">
        <v>1108</v>
      </c>
      <c r="B1308" s="166">
        <v>0</v>
      </c>
      <c r="C1308" s="166">
        <v>0</v>
      </c>
      <c r="D1308" s="166">
        <v>0</v>
      </c>
      <c r="E1308" s="166">
        <v>0</v>
      </c>
      <c r="F1308" s="166">
        <v>0</v>
      </c>
      <c r="G1308" s="166">
        <v>0</v>
      </c>
      <c r="H1308" s="166">
        <v>0</v>
      </c>
      <c r="I1308" s="166">
        <v>0</v>
      </c>
      <c r="J1308" s="166">
        <v>0</v>
      </c>
      <c r="K1308" s="166">
        <v>0</v>
      </c>
      <c r="L1308" s="166">
        <v>0</v>
      </c>
      <c r="M1308" s="166">
        <v>0</v>
      </c>
      <c r="N1308" s="166">
        <v>0</v>
      </c>
      <c r="O1308" s="166">
        <v>0</v>
      </c>
      <c r="P1308" s="166">
        <v>0</v>
      </c>
      <c r="Q1308" s="166">
        <v>0</v>
      </c>
      <c r="R1308" s="166">
        <v>0</v>
      </c>
      <c r="S1308" s="166">
        <v>0</v>
      </c>
      <c r="T1308" s="166">
        <v>0</v>
      </c>
      <c r="U1308" s="166">
        <v>0</v>
      </c>
      <c r="V1308" s="166">
        <v>0</v>
      </c>
      <c r="W1308" s="166">
        <v>0</v>
      </c>
      <c r="X1308" s="166">
        <v>0</v>
      </c>
      <c r="Y1308" s="166">
        <v>0</v>
      </c>
      <c r="Z1308" s="166">
        <v>0</v>
      </c>
      <c r="AA1308" s="166">
        <v>0</v>
      </c>
      <c r="AB1308" s="166">
        <v>0</v>
      </c>
      <c r="AC1308" s="166">
        <v>0</v>
      </c>
      <c r="AD1308" s="166">
        <v>0</v>
      </c>
      <c r="AE1308" s="166">
        <v>0</v>
      </c>
      <c r="AF1308" s="166">
        <v>0</v>
      </c>
      <c r="AG1308" s="166">
        <v>0</v>
      </c>
      <c r="AH1308" s="166">
        <v>0</v>
      </c>
      <c r="AI1308" s="166">
        <v>0</v>
      </c>
      <c r="AJ1308" s="166">
        <v>0</v>
      </c>
      <c r="AK1308" s="166">
        <v>0</v>
      </c>
      <c r="AL1308" s="166">
        <v>0</v>
      </c>
      <c r="AM1308" s="166">
        <v>0</v>
      </c>
      <c r="AN1308" s="166">
        <v>0</v>
      </c>
      <c r="AO1308" s="166">
        <v>0</v>
      </c>
      <c r="AP1308" s="166">
        <v>0</v>
      </c>
      <c r="AQ1308" s="166">
        <v>0</v>
      </c>
      <c r="AR1308" s="166">
        <v>0</v>
      </c>
      <c r="AS1308" s="166">
        <v>0</v>
      </c>
      <c r="AT1308" s="166">
        <v>0</v>
      </c>
      <c r="AU1308" s="166">
        <v>0</v>
      </c>
      <c r="AV1308" s="166">
        <v>0</v>
      </c>
      <c r="AW1308" s="166">
        <v>0</v>
      </c>
      <c r="AX1308" s="166">
        <v>0</v>
      </c>
      <c r="AY1308" s="166">
        <v>0</v>
      </c>
      <c r="AZ1308" s="166">
        <v>0</v>
      </c>
      <c r="BA1308" s="166">
        <v>0</v>
      </c>
      <c r="BB1308" s="166">
        <v>0</v>
      </c>
      <c r="BC1308" s="166">
        <v>0</v>
      </c>
      <c r="BD1308" s="166">
        <v>0</v>
      </c>
      <c r="BE1308" s="166">
        <v>0</v>
      </c>
      <c r="BF1308" s="166">
        <v>0</v>
      </c>
      <c r="BG1308" s="166">
        <v>0</v>
      </c>
      <c r="BH1308" s="166">
        <v>0</v>
      </c>
      <c r="BI1308" s="166">
        <v>0</v>
      </c>
      <c r="BJ1308" s="166">
        <v>0</v>
      </c>
      <c r="BK1308" s="166">
        <v>0</v>
      </c>
      <c r="BL1308" s="166">
        <v>0</v>
      </c>
      <c r="BM1308" s="166">
        <v>0</v>
      </c>
      <c r="BN1308" s="166">
        <v>0</v>
      </c>
      <c r="BO1308" s="166">
        <v>0</v>
      </c>
      <c r="BP1308" s="166">
        <v>0</v>
      </c>
      <c r="BQ1308" s="166">
        <v>0</v>
      </c>
      <c r="BR1308" s="166">
        <v>0</v>
      </c>
      <c r="BS1308" s="166">
        <v>0</v>
      </c>
      <c r="BT1308" s="168">
        <v>0</v>
      </c>
      <c r="BU1308" s="166">
        <v>0</v>
      </c>
      <c r="BV1308" s="166">
        <v>0</v>
      </c>
      <c r="BW1308" s="166">
        <v>0</v>
      </c>
      <c r="BX1308" s="166">
        <v>0</v>
      </c>
      <c r="BY1308" s="166">
        <v>0</v>
      </c>
      <c r="BZ1308" s="166">
        <v>0</v>
      </c>
      <c r="CA1308" s="166">
        <v>0</v>
      </c>
      <c r="CB1308" s="166">
        <v>0</v>
      </c>
      <c r="CC1308" s="166">
        <v>0</v>
      </c>
      <c r="CD1308" s="166">
        <v>0</v>
      </c>
      <c r="CE1308" s="166">
        <v>0</v>
      </c>
      <c r="CF1308" s="166">
        <v>0</v>
      </c>
      <c r="CG1308" s="166">
        <v>0</v>
      </c>
      <c r="CH1308" s="166">
        <v>0</v>
      </c>
      <c r="CI1308" s="166">
        <v>0</v>
      </c>
      <c r="CJ1308" s="166">
        <v>0</v>
      </c>
      <c r="CK1308" s="166">
        <v>0</v>
      </c>
      <c r="CL1308" s="166">
        <v>0</v>
      </c>
      <c r="CM1308" s="166">
        <v>0</v>
      </c>
      <c r="CN1308" s="166">
        <v>0</v>
      </c>
      <c r="CO1308" s="166">
        <v>0</v>
      </c>
      <c r="CP1308" s="166">
        <v>0</v>
      </c>
      <c r="CQ1308" s="166">
        <v>0</v>
      </c>
      <c r="CR1308" s="166">
        <v>0</v>
      </c>
      <c r="CS1308" s="166">
        <v>0</v>
      </c>
      <c r="CT1308" s="166">
        <v>0</v>
      </c>
      <c r="CU1308" s="166">
        <v>0</v>
      </c>
      <c r="CV1308" s="166">
        <v>0</v>
      </c>
      <c r="CW1308" s="166">
        <v>0</v>
      </c>
      <c r="CX1308" s="166">
        <v>0</v>
      </c>
      <c r="CY1308" s="166">
        <v>0</v>
      </c>
      <c r="CZ1308" s="166">
        <v>0</v>
      </c>
    </row>
    <row r="1309" spans="1:104" x14ac:dyDescent="0.2">
      <c r="A1309" s="170" t="s">
        <v>279</v>
      </c>
      <c r="B1309" s="166">
        <v>13322288.59</v>
      </c>
      <c r="C1309" s="166">
        <v>13322288.59</v>
      </c>
      <c r="D1309" s="166">
        <v>0</v>
      </c>
      <c r="E1309" s="166">
        <v>0</v>
      </c>
      <c r="F1309" s="166">
        <v>0</v>
      </c>
      <c r="G1309" s="166">
        <v>0</v>
      </c>
      <c r="H1309" s="166">
        <v>0</v>
      </c>
      <c r="I1309" s="166">
        <v>0</v>
      </c>
      <c r="J1309" s="166">
        <v>0</v>
      </c>
      <c r="K1309" s="166">
        <v>0</v>
      </c>
      <c r="L1309" s="166">
        <v>0</v>
      </c>
      <c r="M1309" s="166">
        <v>0</v>
      </c>
      <c r="N1309" s="166">
        <v>0</v>
      </c>
      <c r="O1309" s="166">
        <v>0</v>
      </c>
      <c r="P1309" s="166">
        <v>0</v>
      </c>
      <c r="Q1309" s="166">
        <v>0</v>
      </c>
      <c r="R1309" s="166">
        <v>0</v>
      </c>
      <c r="S1309" s="166">
        <v>0</v>
      </c>
      <c r="T1309" s="166">
        <v>0</v>
      </c>
      <c r="U1309" s="166">
        <v>0</v>
      </c>
      <c r="V1309" s="166">
        <v>0</v>
      </c>
      <c r="W1309" s="166">
        <v>0</v>
      </c>
      <c r="X1309" s="166">
        <v>0</v>
      </c>
      <c r="Y1309" s="166">
        <v>0</v>
      </c>
      <c r="Z1309" s="166">
        <v>0</v>
      </c>
      <c r="AA1309" s="166">
        <v>0</v>
      </c>
      <c r="AB1309" s="166">
        <v>0</v>
      </c>
      <c r="AC1309" s="166">
        <v>0</v>
      </c>
      <c r="AD1309" s="166">
        <v>0</v>
      </c>
      <c r="AE1309" s="166">
        <v>0</v>
      </c>
      <c r="AF1309" s="166">
        <v>0</v>
      </c>
      <c r="AG1309" s="166">
        <v>0</v>
      </c>
      <c r="AH1309" s="166">
        <v>0</v>
      </c>
      <c r="AI1309" s="166">
        <v>0</v>
      </c>
      <c r="AJ1309" s="166">
        <v>0</v>
      </c>
      <c r="AK1309" s="166">
        <v>0</v>
      </c>
      <c r="AL1309" s="166">
        <v>0</v>
      </c>
      <c r="AM1309" s="166">
        <v>0</v>
      </c>
      <c r="AN1309" s="166">
        <v>0</v>
      </c>
      <c r="AO1309" s="166">
        <v>0</v>
      </c>
      <c r="AP1309" s="166">
        <v>0</v>
      </c>
      <c r="AQ1309" s="166">
        <v>0</v>
      </c>
      <c r="AR1309" s="166">
        <v>0</v>
      </c>
      <c r="AS1309" s="166">
        <v>0</v>
      </c>
      <c r="AT1309" s="166">
        <v>0</v>
      </c>
      <c r="AU1309" s="166">
        <v>0</v>
      </c>
      <c r="AV1309" s="166">
        <v>0</v>
      </c>
      <c r="AW1309" s="166">
        <v>0</v>
      </c>
      <c r="AX1309" s="166">
        <v>0</v>
      </c>
      <c r="AY1309" s="166">
        <v>0</v>
      </c>
      <c r="AZ1309" s="166">
        <v>0</v>
      </c>
      <c r="BA1309" s="166">
        <v>0</v>
      </c>
      <c r="BB1309" s="166">
        <v>0</v>
      </c>
      <c r="BC1309" s="166">
        <v>0</v>
      </c>
      <c r="BD1309" s="166">
        <v>0</v>
      </c>
      <c r="BE1309" s="166">
        <v>0</v>
      </c>
      <c r="BF1309" s="166">
        <v>0</v>
      </c>
      <c r="BG1309" s="166">
        <v>0</v>
      </c>
      <c r="BH1309" s="166">
        <v>0</v>
      </c>
      <c r="BI1309" s="166">
        <v>0</v>
      </c>
      <c r="BJ1309" s="166">
        <v>0</v>
      </c>
      <c r="BK1309" s="166">
        <v>0</v>
      </c>
      <c r="BL1309" s="166">
        <v>0</v>
      </c>
      <c r="BM1309" s="166">
        <v>0</v>
      </c>
      <c r="BN1309" s="166">
        <v>0</v>
      </c>
      <c r="BO1309" s="166">
        <v>0</v>
      </c>
      <c r="BP1309" s="166">
        <v>0</v>
      </c>
      <c r="BQ1309" s="166">
        <v>0</v>
      </c>
      <c r="BR1309" s="166">
        <v>13322288.59</v>
      </c>
      <c r="BS1309" s="166">
        <v>13322288.59</v>
      </c>
      <c r="BT1309" s="168">
        <v>0</v>
      </c>
      <c r="BU1309" s="166">
        <v>379527.60641547799</v>
      </c>
      <c r="BV1309" s="166">
        <v>9559724.6455018893</v>
      </c>
      <c r="BW1309" s="166">
        <v>0</v>
      </c>
      <c r="BX1309" s="166">
        <v>0</v>
      </c>
      <c r="BY1309" s="166">
        <v>0</v>
      </c>
      <c r="BZ1309" s="166">
        <v>0</v>
      </c>
      <c r="CA1309" s="166">
        <v>0</v>
      </c>
      <c r="CB1309" s="166">
        <v>0</v>
      </c>
      <c r="CC1309" s="166">
        <v>0</v>
      </c>
      <c r="CD1309" s="166">
        <v>0</v>
      </c>
      <c r="CE1309" s="166">
        <v>0</v>
      </c>
      <c r="CF1309" s="166">
        <v>0</v>
      </c>
      <c r="CG1309" s="166">
        <v>0</v>
      </c>
      <c r="CH1309" s="166">
        <v>0</v>
      </c>
      <c r="CI1309" s="166">
        <v>0</v>
      </c>
      <c r="CJ1309" s="166">
        <v>0</v>
      </c>
      <c r="CK1309" s="166">
        <v>0</v>
      </c>
      <c r="CL1309" s="166">
        <v>0</v>
      </c>
      <c r="CM1309" s="166">
        <v>0</v>
      </c>
      <c r="CN1309" s="166">
        <v>0</v>
      </c>
      <c r="CO1309" s="166">
        <v>0</v>
      </c>
      <c r="CP1309" s="166">
        <v>0</v>
      </c>
      <c r="CQ1309" s="166">
        <v>0</v>
      </c>
      <c r="CR1309" s="166">
        <v>0</v>
      </c>
      <c r="CS1309" s="166">
        <v>0</v>
      </c>
      <c r="CT1309" s="166">
        <v>0</v>
      </c>
      <c r="CU1309" s="166">
        <v>0</v>
      </c>
      <c r="CV1309" s="166">
        <v>0</v>
      </c>
      <c r="CW1309" s="166">
        <v>0</v>
      </c>
      <c r="CX1309" s="166">
        <v>0</v>
      </c>
      <c r="CY1309" s="166">
        <v>9559724.6455018893</v>
      </c>
      <c r="CZ1309" s="166">
        <v>9559724.6455018893</v>
      </c>
    </row>
    <row r="1310" spans="1:104" x14ac:dyDescent="0.2">
      <c r="A1310" s="167" t="s">
        <v>280</v>
      </c>
    </row>
    <row r="1311" spans="1:104" x14ac:dyDescent="0.2">
      <c r="A1311" s="170" t="s">
        <v>281</v>
      </c>
      <c r="B1311" s="166">
        <v>31929233.589999899</v>
      </c>
      <c r="C1311" s="166">
        <v>31929233.589999899</v>
      </c>
      <c r="D1311" s="166">
        <v>0</v>
      </c>
      <c r="E1311" s="166">
        <v>0</v>
      </c>
      <c r="F1311" s="166">
        <v>0</v>
      </c>
      <c r="G1311" s="166">
        <v>0</v>
      </c>
      <c r="H1311" s="166">
        <v>0</v>
      </c>
      <c r="I1311" s="166">
        <v>0</v>
      </c>
      <c r="J1311" s="166">
        <v>0</v>
      </c>
      <c r="K1311" s="166">
        <v>0</v>
      </c>
      <c r="L1311" s="166">
        <v>0</v>
      </c>
      <c r="M1311" s="166">
        <v>0</v>
      </c>
      <c r="N1311" s="166">
        <v>0</v>
      </c>
      <c r="O1311" s="166">
        <v>0</v>
      </c>
      <c r="P1311" s="166">
        <v>0</v>
      </c>
      <c r="Q1311" s="166">
        <v>0</v>
      </c>
      <c r="R1311" s="166">
        <v>0</v>
      </c>
      <c r="S1311" s="166">
        <v>0</v>
      </c>
      <c r="T1311" s="166">
        <v>0</v>
      </c>
      <c r="U1311" s="166">
        <v>0</v>
      </c>
      <c r="V1311" s="166">
        <v>0</v>
      </c>
      <c r="W1311" s="166">
        <v>0</v>
      </c>
      <c r="X1311" s="166">
        <v>0</v>
      </c>
      <c r="Y1311" s="166">
        <v>0</v>
      </c>
      <c r="Z1311" s="166">
        <v>0</v>
      </c>
      <c r="AA1311" s="166">
        <v>0</v>
      </c>
      <c r="AB1311" s="166">
        <v>0</v>
      </c>
      <c r="AC1311" s="166">
        <v>0</v>
      </c>
      <c r="AD1311" s="166">
        <v>0</v>
      </c>
      <c r="AE1311" s="166">
        <v>0</v>
      </c>
      <c r="AF1311" s="166">
        <v>0</v>
      </c>
      <c r="AG1311" s="166">
        <v>0</v>
      </c>
      <c r="AH1311" s="166">
        <v>0</v>
      </c>
      <c r="AI1311" s="166">
        <v>0</v>
      </c>
      <c r="AJ1311" s="166">
        <v>0</v>
      </c>
      <c r="AK1311" s="166">
        <v>0</v>
      </c>
      <c r="AL1311" s="166">
        <v>0</v>
      </c>
      <c r="AM1311" s="166">
        <v>0</v>
      </c>
      <c r="AN1311" s="166">
        <v>0</v>
      </c>
      <c r="AO1311" s="166">
        <v>0</v>
      </c>
      <c r="AP1311" s="166">
        <v>0</v>
      </c>
      <c r="AQ1311" s="166">
        <v>0</v>
      </c>
      <c r="AR1311" s="166">
        <v>0</v>
      </c>
      <c r="AS1311" s="166">
        <v>0</v>
      </c>
      <c r="AT1311" s="166">
        <v>0</v>
      </c>
      <c r="AU1311" s="166">
        <v>0</v>
      </c>
      <c r="AV1311" s="166">
        <v>0</v>
      </c>
      <c r="AW1311" s="166">
        <v>0</v>
      </c>
      <c r="AX1311" s="166">
        <v>0</v>
      </c>
      <c r="AY1311" s="166">
        <v>0</v>
      </c>
      <c r="AZ1311" s="166">
        <v>0</v>
      </c>
      <c r="BA1311" s="166">
        <v>0</v>
      </c>
      <c r="BB1311" s="166">
        <v>0</v>
      </c>
      <c r="BC1311" s="166">
        <v>0</v>
      </c>
      <c r="BD1311" s="166">
        <v>0</v>
      </c>
      <c r="BE1311" s="166">
        <v>0</v>
      </c>
      <c r="BF1311" s="166">
        <v>0</v>
      </c>
      <c r="BG1311" s="166">
        <v>0</v>
      </c>
      <c r="BH1311" s="166">
        <v>0</v>
      </c>
      <c r="BI1311" s="166">
        <v>0</v>
      </c>
      <c r="BJ1311" s="166">
        <v>0</v>
      </c>
      <c r="BK1311" s="166">
        <v>0</v>
      </c>
      <c r="BL1311" s="166">
        <v>0</v>
      </c>
      <c r="BM1311" s="166">
        <v>0</v>
      </c>
      <c r="BN1311" s="166">
        <v>0</v>
      </c>
      <c r="BO1311" s="166">
        <v>0</v>
      </c>
      <c r="BP1311" s="166">
        <v>0</v>
      </c>
      <c r="BQ1311" s="166">
        <v>0</v>
      </c>
      <c r="BR1311" s="166">
        <v>31929233.589999899</v>
      </c>
      <c r="BS1311" s="166">
        <v>31929233.589999899</v>
      </c>
      <c r="BT1311" s="168">
        <v>0</v>
      </c>
      <c r="BU1311" s="166">
        <v>1875404.1616141901</v>
      </c>
      <c r="BV1311" s="166">
        <v>22810249.496037699</v>
      </c>
      <c r="BW1311" s="166">
        <v>0</v>
      </c>
      <c r="BX1311" s="166">
        <v>0</v>
      </c>
      <c r="BY1311" s="166">
        <v>0</v>
      </c>
      <c r="BZ1311" s="166">
        <v>0</v>
      </c>
      <c r="CA1311" s="166">
        <v>0</v>
      </c>
      <c r="CB1311" s="166">
        <v>0</v>
      </c>
      <c r="CC1311" s="166">
        <v>0</v>
      </c>
      <c r="CD1311" s="166">
        <v>0</v>
      </c>
      <c r="CE1311" s="166">
        <v>0</v>
      </c>
      <c r="CF1311" s="166">
        <v>0</v>
      </c>
      <c r="CG1311" s="166">
        <v>0</v>
      </c>
      <c r="CH1311" s="166">
        <v>0</v>
      </c>
      <c r="CI1311" s="166">
        <v>0</v>
      </c>
      <c r="CJ1311" s="166">
        <v>0</v>
      </c>
      <c r="CK1311" s="166">
        <v>0</v>
      </c>
      <c r="CL1311" s="166">
        <v>0</v>
      </c>
      <c r="CM1311" s="166">
        <v>0</v>
      </c>
      <c r="CN1311" s="166">
        <v>0</v>
      </c>
      <c r="CO1311" s="166">
        <v>0</v>
      </c>
      <c r="CP1311" s="166">
        <v>0</v>
      </c>
      <c r="CQ1311" s="166">
        <v>0</v>
      </c>
      <c r="CR1311" s="166">
        <v>0</v>
      </c>
      <c r="CS1311" s="166">
        <v>0</v>
      </c>
      <c r="CT1311" s="166">
        <v>0</v>
      </c>
      <c r="CU1311" s="166">
        <v>0</v>
      </c>
      <c r="CV1311" s="166">
        <v>0</v>
      </c>
      <c r="CW1311" s="166">
        <v>0</v>
      </c>
      <c r="CX1311" s="166">
        <v>0</v>
      </c>
      <c r="CY1311" s="166">
        <v>22810249.496037699</v>
      </c>
      <c r="CZ1311" s="166">
        <v>22810249.496037699</v>
      </c>
    </row>
    <row r="1312" spans="1:104" x14ac:dyDescent="0.2">
      <c r="A1312" s="167" t="s">
        <v>282</v>
      </c>
    </row>
    <row r="1313" spans="1:104" ht="10.8" thickBot="1" x14ac:dyDescent="0.25">
      <c r="A1313" s="169" t="s">
        <v>283</v>
      </c>
    </row>
    <row r="1314" spans="1:104" x14ac:dyDescent="0.2">
      <c r="A1314" s="170" t="s">
        <v>284</v>
      </c>
    </row>
    <row r="1315" spans="1:104" x14ac:dyDescent="0.2">
      <c r="A1315" s="167" t="s">
        <v>1109</v>
      </c>
      <c r="B1315" s="166">
        <v>125719.18900199</v>
      </c>
      <c r="C1315" s="166">
        <v>125719.18900199</v>
      </c>
      <c r="D1315" s="166">
        <v>0</v>
      </c>
      <c r="E1315" s="166">
        <v>0</v>
      </c>
      <c r="F1315" s="166">
        <v>0</v>
      </c>
      <c r="G1315" s="166">
        <v>0</v>
      </c>
      <c r="H1315" s="166">
        <v>0</v>
      </c>
      <c r="I1315" s="166">
        <v>0</v>
      </c>
      <c r="J1315" s="166">
        <v>0</v>
      </c>
      <c r="K1315" s="166">
        <v>0</v>
      </c>
      <c r="L1315" s="166">
        <v>0</v>
      </c>
      <c r="M1315" s="166">
        <v>0</v>
      </c>
      <c r="N1315" s="166">
        <v>0</v>
      </c>
      <c r="O1315" s="166">
        <v>0</v>
      </c>
      <c r="P1315" s="166">
        <v>0</v>
      </c>
      <c r="Q1315" s="166">
        <v>0</v>
      </c>
      <c r="R1315" s="166">
        <v>0</v>
      </c>
      <c r="S1315" s="166">
        <v>0</v>
      </c>
      <c r="T1315" s="166">
        <v>0</v>
      </c>
      <c r="U1315" s="166">
        <v>0</v>
      </c>
      <c r="V1315" s="166">
        <v>0</v>
      </c>
      <c r="W1315" s="166">
        <v>0</v>
      </c>
      <c r="X1315" s="166">
        <v>0</v>
      </c>
      <c r="Y1315" s="166">
        <v>0</v>
      </c>
      <c r="Z1315" s="166">
        <v>0</v>
      </c>
      <c r="AA1315" s="166">
        <v>0</v>
      </c>
      <c r="AB1315" s="166">
        <v>0</v>
      </c>
      <c r="AC1315" s="166">
        <v>0</v>
      </c>
      <c r="AD1315" s="166">
        <v>0</v>
      </c>
      <c r="AE1315" s="166">
        <v>0</v>
      </c>
      <c r="AF1315" s="166">
        <v>0</v>
      </c>
      <c r="AG1315" s="166">
        <v>0</v>
      </c>
      <c r="AH1315" s="166">
        <v>0</v>
      </c>
      <c r="AI1315" s="166">
        <v>0</v>
      </c>
      <c r="AJ1315" s="166">
        <v>0</v>
      </c>
      <c r="AK1315" s="166">
        <v>0</v>
      </c>
      <c r="AL1315" s="166">
        <v>0</v>
      </c>
      <c r="AM1315" s="166">
        <v>0</v>
      </c>
      <c r="AN1315" s="166">
        <v>0</v>
      </c>
      <c r="AO1315" s="166">
        <v>0</v>
      </c>
      <c r="AP1315" s="166">
        <v>0</v>
      </c>
      <c r="AQ1315" s="166">
        <v>0</v>
      </c>
      <c r="AR1315" s="166">
        <v>0</v>
      </c>
      <c r="AS1315" s="166">
        <v>0</v>
      </c>
      <c r="AT1315" s="166">
        <v>0</v>
      </c>
      <c r="AU1315" s="166">
        <v>0</v>
      </c>
      <c r="AV1315" s="166">
        <v>0</v>
      </c>
      <c r="AW1315" s="166">
        <v>0</v>
      </c>
      <c r="AX1315" s="166">
        <v>0</v>
      </c>
      <c r="AY1315" s="166">
        <v>0</v>
      </c>
      <c r="AZ1315" s="166">
        <v>0</v>
      </c>
      <c r="BA1315" s="166">
        <v>0</v>
      </c>
      <c r="BB1315" s="166">
        <v>0</v>
      </c>
      <c r="BC1315" s="166">
        <v>0</v>
      </c>
      <c r="BD1315" s="166">
        <v>0</v>
      </c>
      <c r="BE1315" s="166">
        <v>0</v>
      </c>
      <c r="BF1315" s="166">
        <v>0</v>
      </c>
      <c r="BG1315" s="166">
        <v>0</v>
      </c>
      <c r="BH1315" s="166">
        <v>0</v>
      </c>
      <c r="BI1315" s="166">
        <v>0</v>
      </c>
      <c r="BJ1315" s="166">
        <v>0</v>
      </c>
      <c r="BK1315" s="166">
        <v>0</v>
      </c>
      <c r="BL1315" s="166">
        <v>0</v>
      </c>
      <c r="BM1315" s="166">
        <v>0</v>
      </c>
      <c r="BN1315" s="166">
        <v>0</v>
      </c>
      <c r="BO1315" s="166">
        <v>0</v>
      </c>
      <c r="BP1315" s="166">
        <v>0</v>
      </c>
      <c r="BQ1315" s="166">
        <v>0</v>
      </c>
      <c r="BR1315" s="166">
        <v>125719.18900199</v>
      </c>
      <c r="BS1315" s="166">
        <v>125719.18900199</v>
      </c>
      <c r="BT1315" s="168">
        <v>1</v>
      </c>
      <c r="BU1315" s="166">
        <v>10523.2434220958</v>
      </c>
      <c r="BV1315" s="166">
        <v>125719.18900199</v>
      </c>
      <c r="BW1315" s="166">
        <v>0</v>
      </c>
      <c r="BX1315" s="166">
        <v>0</v>
      </c>
      <c r="BY1315" s="166">
        <v>0</v>
      </c>
      <c r="BZ1315" s="166">
        <v>0</v>
      </c>
      <c r="CA1315" s="166">
        <v>0</v>
      </c>
      <c r="CB1315" s="166">
        <v>0</v>
      </c>
      <c r="CC1315" s="166">
        <v>0</v>
      </c>
      <c r="CD1315" s="166">
        <v>0</v>
      </c>
      <c r="CE1315" s="166">
        <v>0</v>
      </c>
      <c r="CF1315" s="166">
        <v>0</v>
      </c>
      <c r="CG1315" s="166">
        <v>0</v>
      </c>
      <c r="CH1315" s="166">
        <v>0</v>
      </c>
      <c r="CI1315" s="166">
        <v>0</v>
      </c>
      <c r="CJ1315" s="166">
        <v>0</v>
      </c>
      <c r="CK1315" s="166">
        <v>0</v>
      </c>
      <c r="CL1315" s="166">
        <v>0</v>
      </c>
      <c r="CM1315" s="166">
        <v>0</v>
      </c>
      <c r="CN1315" s="166">
        <v>0</v>
      </c>
      <c r="CO1315" s="166">
        <v>0</v>
      </c>
      <c r="CP1315" s="166">
        <v>0</v>
      </c>
      <c r="CQ1315" s="166">
        <v>0</v>
      </c>
      <c r="CR1315" s="166">
        <v>0</v>
      </c>
      <c r="CS1315" s="166">
        <v>0</v>
      </c>
      <c r="CT1315" s="166">
        <v>0</v>
      </c>
      <c r="CU1315" s="166">
        <v>0</v>
      </c>
      <c r="CV1315" s="166">
        <v>0</v>
      </c>
      <c r="CW1315" s="166">
        <v>0</v>
      </c>
      <c r="CX1315" s="166">
        <v>0</v>
      </c>
      <c r="CY1315" s="166">
        <v>125719.18900199</v>
      </c>
      <c r="CZ1315" s="166">
        <v>125719.18900199</v>
      </c>
    </row>
    <row r="1316" spans="1:104" x14ac:dyDescent="0.2">
      <c r="A1316" s="167" t="s">
        <v>1110</v>
      </c>
      <c r="B1316" s="166">
        <v>60160.2048094653</v>
      </c>
      <c r="C1316" s="166">
        <v>60160.2048094653</v>
      </c>
      <c r="D1316" s="166">
        <v>0</v>
      </c>
      <c r="E1316" s="166">
        <v>0</v>
      </c>
      <c r="F1316" s="166">
        <v>0</v>
      </c>
      <c r="G1316" s="166">
        <v>0</v>
      </c>
      <c r="H1316" s="166">
        <v>0</v>
      </c>
      <c r="I1316" s="166">
        <v>0</v>
      </c>
      <c r="J1316" s="166">
        <v>0</v>
      </c>
      <c r="K1316" s="166">
        <v>0</v>
      </c>
      <c r="L1316" s="166">
        <v>0</v>
      </c>
      <c r="M1316" s="166">
        <v>0</v>
      </c>
      <c r="N1316" s="166">
        <v>0</v>
      </c>
      <c r="O1316" s="166">
        <v>0</v>
      </c>
      <c r="P1316" s="166">
        <v>0</v>
      </c>
      <c r="Q1316" s="166">
        <v>0</v>
      </c>
      <c r="R1316" s="166">
        <v>0</v>
      </c>
      <c r="S1316" s="166">
        <v>0</v>
      </c>
      <c r="T1316" s="166">
        <v>0</v>
      </c>
      <c r="U1316" s="166">
        <v>0</v>
      </c>
      <c r="V1316" s="166">
        <v>0</v>
      </c>
      <c r="W1316" s="166">
        <v>0</v>
      </c>
      <c r="X1316" s="166">
        <v>0</v>
      </c>
      <c r="Y1316" s="166">
        <v>0</v>
      </c>
      <c r="Z1316" s="166">
        <v>0</v>
      </c>
      <c r="AA1316" s="166">
        <v>0</v>
      </c>
      <c r="AB1316" s="166">
        <v>0</v>
      </c>
      <c r="AC1316" s="166">
        <v>0</v>
      </c>
      <c r="AD1316" s="166">
        <v>0</v>
      </c>
      <c r="AE1316" s="166">
        <v>0</v>
      </c>
      <c r="AF1316" s="166">
        <v>0</v>
      </c>
      <c r="AG1316" s="166">
        <v>0</v>
      </c>
      <c r="AH1316" s="166">
        <v>0</v>
      </c>
      <c r="AI1316" s="166">
        <v>0</v>
      </c>
      <c r="AJ1316" s="166">
        <v>0</v>
      </c>
      <c r="AK1316" s="166">
        <v>0</v>
      </c>
      <c r="AL1316" s="166">
        <v>0</v>
      </c>
      <c r="AM1316" s="166">
        <v>0</v>
      </c>
      <c r="AN1316" s="166">
        <v>0</v>
      </c>
      <c r="AO1316" s="166">
        <v>0</v>
      </c>
      <c r="AP1316" s="166">
        <v>0</v>
      </c>
      <c r="AQ1316" s="166">
        <v>0</v>
      </c>
      <c r="AR1316" s="166">
        <v>0</v>
      </c>
      <c r="AS1316" s="166">
        <v>0</v>
      </c>
      <c r="AT1316" s="166">
        <v>0</v>
      </c>
      <c r="AU1316" s="166">
        <v>0</v>
      </c>
      <c r="AV1316" s="166">
        <v>0</v>
      </c>
      <c r="AW1316" s="166">
        <v>0</v>
      </c>
      <c r="AX1316" s="166">
        <v>0</v>
      </c>
      <c r="AY1316" s="166">
        <v>0</v>
      </c>
      <c r="AZ1316" s="166">
        <v>0</v>
      </c>
      <c r="BA1316" s="166">
        <v>0</v>
      </c>
      <c r="BB1316" s="166">
        <v>0</v>
      </c>
      <c r="BC1316" s="166">
        <v>0</v>
      </c>
      <c r="BD1316" s="166">
        <v>0</v>
      </c>
      <c r="BE1316" s="166">
        <v>0</v>
      </c>
      <c r="BF1316" s="166">
        <v>0</v>
      </c>
      <c r="BG1316" s="166">
        <v>0</v>
      </c>
      <c r="BH1316" s="166">
        <v>0</v>
      </c>
      <c r="BI1316" s="166">
        <v>0</v>
      </c>
      <c r="BJ1316" s="166">
        <v>0</v>
      </c>
      <c r="BK1316" s="166">
        <v>0</v>
      </c>
      <c r="BL1316" s="166">
        <v>0</v>
      </c>
      <c r="BM1316" s="166">
        <v>0</v>
      </c>
      <c r="BN1316" s="166">
        <v>0</v>
      </c>
      <c r="BO1316" s="166">
        <v>0</v>
      </c>
      <c r="BP1316" s="166">
        <v>0</v>
      </c>
      <c r="BQ1316" s="166">
        <v>0</v>
      </c>
      <c r="BR1316" s="166">
        <v>60160.2048094653</v>
      </c>
      <c r="BS1316" s="166">
        <v>60160.2048094653</v>
      </c>
      <c r="BT1316" s="168">
        <v>1</v>
      </c>
      <c r="BU1316" s="166">
        <v>5118.25672011815</v>
      </c>
      <c r="BV1316" s="166">
        <v>60160.2048094653</v>
      </c>
      <c r="BW1316" s="166">
        <v>0</v>
      </c>
      <c r="BX1316" s="166">
        <v>0</v>
      </c>
      <c r="BY1316" s="166">
        <v>0</v>
      </c>
      <c r="BZ1316" s="166">
        <v>0</v>
      </c>
      <c r="CA1316" s="166">
        <v>0</v>
      </c>
      <c r="CB1316" s="166">
        <v>0</v>
      </c>
      <c r="CC1316" s="166">
        <v>0</v>
      </c>
      <c r="CD1316" s="166">
        <v>0</v>
      </c>
      <c r="CE1316" s="166">
        <v>0</v>
      </c>
      <c r="CF1316" s="166">
        <v>0</v>
      </c>
      <c r="CG1316" s="166">
        <v>0</v>
      </c>
      <c r="CH1316" s="166">
        <v>0</v>
      </c>
      <c r="CI1316" s="166">
        <v>0</v>
      </c>
      <c r="CJ1316" s="166">
        <v>0</v>
      </c>
      <c r="CK1316" s="166">
        <v>0</v>
      </c>
      <c r="CL1316" s="166">
        <v>0</v>
      </c>
      <c r="CM1316" s="166">
        <v>0</v>
      </c>
      <c r="CN1316" s="166">
        <v>0</v>
      </c>
      <c r="CO1316" s="166">
        <v>0</v>
      </c>
      <c r="CP1316" s="166">
        <v>0</v>
      </c>
      <c r="CQ1316" s="166">
        <v>0</v>
      </c>
      <c r="CR1316" s="166">
        <v>0</v>
      </c>
      <c r="CS1316" s="166">
        <v>0</v>
      </c>
      <c r="CT1316" s="166">
        <v>0</v>
      </c>
      <c r="CU1316" s="166">
        <v>0</v>
      </c>
      <c r="CV1316" s="166">
        <v>0</v>
      </c>
      <c r="CW1316" s="166">
        <v>0</v>
      </c>
      <c r="CX1316" s="166">
        <v>0</v>
      </c>
      <c r="CY1316" s="166">
        <v>60160.2048094653</v>
      </c>
      <c r="CZ1316" s="166">
        <v>60160.2048094653</v>
      </c>
    </row>
    <row r="1317" spans="1:104" x14ac:dyDescent="0.2">
      <c r="A1317" s="167" t="s">
        <v>1111</v>
      </c>
      <c r="B1317" s="166">
        <v>15777.288374482399</v>
      </c>
      <c r="C1317" s="166">
        <v>15777.288374482399</v>
      </c>
      <c r="D1317" s="166">
        <v>0</v>
      </c>
      <c r="E1317" s="166">
        <v>0</v>
      </c>
      <c r="F1317" s="166">
        <v>0</v>
      </c>
      <c r="G1317" s="166">
        <v>0</v>
      </c>
      <c r="H1317" s="166">
        <v>0</v>
      </c>
      <c r="I1317" s="166">
        <v>0</v>
      </c>
      <c r="J1317" s="166">
        <v>0</v>
      </c>
      <c r="K1317" s="166">
        <v>0</v>
      </c>
      <c r="L1317" s="166">
        <v>0</v>
      </c>
      <c r="M1317" s="166">
        <v>0</v>
      </c>
      <c r="N1317" s="166">
        <v>0</v>
      </c>
      <c r="O1317" s="166">
        <v>0</v>
      </c>
      <c r="P1317" s="166">
        <v>0</v>
      </c>
      <c r="Q1317" s="166">
        <v>0</v>
      </c>
      <c r="R1317" s="166">
        <v>0</v>
      </c>
      <c r="S1317" s="166">
        <v>0</v>
      </c>
      <c r="T1317" s="166">
        <v>0</v>
      </c>
      <c r="U1317" s="166">
        <v>0</v>
      </c>
      <c r="V1317" s="166">
        <v>0</v>
      </c>
      <c r="W1317" s="166">
        <v>0</v>
      </c>
      <c r="X1317" s="166">
        <v>0</v>
      </c>
      <c r="Y1317" s="166">
        <v>0</v>
      </c>
      <c r="Z1317" s="166">
        <v>0</v>
      </c>
      <c r="AA1317" s="166">
        <v>0</v>
      </c>
      <c r="AB1317" s="166">
        <v>0</v>
      </c>
      <c r="AC1317" s="166">
        <v>0</v>
      </c>
      <c r="AD1317" s="166">
        <v>0</v>
      </c>
      <c r="AE1317" s="166">
        <v>0</v>
      </c>
      <c r="AF1317" s="166">
        <v>0</v>
      </c>
      <c r="AG1317" s="166">
        <v>0</v>
      </c>
      <c r="AH1317" s="166">
        <v>0</v>
      </c>
      <c r="AI1317" s="166">
        <v>0</v>
      </c>
      <c r="AJ1317" s="166">
        <v>0</v>
      </c>
      <c r="AK1317" s="166">
        <v>0</v>
      </c>
      <c r="AL1317" s="166">
        <v>0</v>
      </c>
      <c r="AM1317" s="166">
        <v>0</v>
      </c>
      <c r="AN1317" s="166">
        <v>0</v>
      </c>
      <c r="AO1317" s="166">
        <v>0</v>
      </c>
      <c r="AP1317" s="166">
        <v>0</v>
      </c>
      <c r="AQ1317" s="166">
        <v>0</v>
      </c>
      <c r="AR1317" s="166">
        <v>0</v>
      </c>
      <c r="AS1317" s="166">
        <v>0</v>
      </c>
      <c r="AT1317" s="166">
        <v>0</v>
      </c>
      <c r="AU1317" s="166">
        <v>0</v>
      </c>
      <c r="AV1317" s="166">
        <v>0</v>
      </c>
      <c r="AW1317" s="166">
        <v>0</v>
      </c>
      <c r="AX1317" s="166">
        <v>0</v>
      </c>
      <c r="AY1317" s="166">
        <v>0</v>
      </c>
      <c r="AZ1317" s="166">
        <v>0</v>
      </c>
      <c r="BA1317" s="166">
        <v>0</v>
      </c>
      <c r="BB1317" s="166">
        <v>0</v>
      </c>
      <c r="BC1317" s="166">
        <v>0</v>
      </c>
      <c r="BD1317" s="166">
        <v>0</v>
      </c>
      <c r="BE1317" s="166">
        <v>0</v>
      </c>
      <c r="BF1317" s="166">
        <v>0</v>
      </c>
      <c r="BG1317" s="166">
        <v>0</v>
      </c>
      <c r="BH1317" s="166">
        <v>0</v>
      </c>
      <c r="BI1317" s="166">
        <v>0</v>
      </c>
      <c r="BJ1317" s="166">
        <v>0</v>
      </c>
      <c r="BK1317" s="166">
        <v>0</v>
      </c>
      <c r="BL1317" s="166">
        <v>0</v>
      </c>
      <c r="BM1317" s="166">
        <v>0</v>
      </c>
      <c r="BN1317" s="166">
        <v>0</v>
      </c>
      <c r="BO1317" s="166">
        <v>0</v>
      </c>
      <c r="BP1317" s="166">
        <v>0</v>
      </c>
      <c r="BQ1317" s="166">
        <v>0</v>
      </c>
      <c r="BR1317" s="166">
        <v>15777.288374482399</v>
      </c>
      <c r="BS1317" s="166">
        <v>15777.288374482399</v>
      </c>
      <c r="BT1317" s="168">
        <v>1</v>
      </c>
      <c r="BU1317" s="166">
        <v>1277.7041784099799</v>
      </c>
      <c r="BV1317" s="166">
        <v>15777.288374482399</v>
      </c>
      <c r="BW1317" s="166">
        <v>0</v>
      </c>
      <c r="BX1317" s="166">
        <v>0</v>
      </c>
      <c r="BY1317" s="166">
        <v>0</v>
      </c>
      <c r="BZ1317" s="166">
        <v>0</v>
      </c>
      <c r="CA1317" s="166">
        <v>0</v>
      </c>
      <c r="CB1317" s="166">
        <v>0</v>
      </c>
      <c r="CC1317" s="166">
        <v>0</v>
      </c>
      <c r="CD1317" s="166">
        <v>0</v>
      </c>
      <c r="CE1317" s="166">
        <v>0</v>
      </c>
      <c r="CF1317" s="166">
        <v>0</v>
      </c>
      <c r="CG1317" s="166">
        <v>0</v>
      </c>
      <c r="CH1317" s="166">
        <v>0</v>
      </c>
      <c r="CI1317" s="166">
        <v>0</v>
      </c>
      <c r="CJ1317" s="166">
        <v>0</v>
      </c>
      <c r="CK1317" s="166">
        <v>0</v>
      </c>
      <c r="CL1317" s="166">
        <v>0</v>
      </c>
      <c r="CM1317" s="166">
        <v>0</v>
      </c>
      <c r="CN1317" s="166">
        <v>0</v>
      </c>
      <c r="CO1317" s="166">
        <v>0</v>
      </c>
      <c r="CP1317" s="166">
        <v>0</v>
      </c>
      <c r="CQ1317" s="166">
        <v>0</v>
      </c>
      <c r="CR1317" s="166">
        <v>0</v>
      </c>
      <c r="CS1317" s="166">
        <v>0</v>
      </c>
      <c r="CT1317" s="166">
        <v>0</v>
      </c>
      <c r="CU1317" s="166">
        <v>0</v>
      </c>
      <c r="CV1317" s="166">
        <v>0</v>
      </c>
      <c r="CW1317" s="166">
        <v>0</v>
      </c>
      <c r="CX1317" s="166">
        <v>0</v>
      </c>
      <c r="CY1317" s="166">
        <v>15777.288374482399</v>
      </c>
      <c r="CZ1317" s="166">
        <v>15777.288374482399</v>
      </c>
    </row>
    <row r="1318" spans="1:104" x14ac:dyDescent="0.2">
      <c r="A1318" s="167" t="s">
        <v>1112</v>
      </c>
      <c r="B1318" s="166">
        <v>8517.5023668111808</v>
      </c>
      <c r="C1318" s="166">
        <v>8517.5023668111808</v>
      </c>
      <c r="D1318" s="166">
        <v>0</v>
      </c>
      <c r="E1318" s="166">
        <v>0</v>
      </c>
      <c r="F1318" s="166">
        <v>0</v>
      </c>
      <c r="G1318" s="166">
        <v>0</v>
      </c>
      <c r="H1318" s="166">
        <v>0</v>
      </c>
      <c r="I1318" s="166">
        <v>0</v>
      </c>
      <c r="J1318" s="166">
        <v>0</v>
      </c>
      <c r="K1318" s="166">
        <v>0</v>
      </c>
      <c r="L1318" s="166">
        <v>0</v>
      </c>
      <c r="M1318" s="166">
        <v>0</v>
      </c>
      <c r="N1318" s="166">
        <v>0</v>
      </c>
      <c r="O1318" s="166">
        <v>0</v>
      </c>
      <c r="P1318" s="166">
        <v>0</v>
      </c>
      <c r="Q1318" s="166">
        <v>0</v>
      </c>
      <c r="R1318" s="166">
        <v>0</v>
      </c>
      <c r="S1318" s="166">
        <v>0</v>
      </c>
      <c r="T1318" s="166">
        <v>0</v>
      </c>
      <c r="U1318" s="166">
        <v>0</v>
      </c>
      <c r="V1318" s="166">
        <v>0</v>
      </c>
      <c r="W1318" s="166">
        <v>0</v>
      </c>
      <c r="X1318" s="166">
        <v>0</v>
      </c>
      <c r="Y1318" s="166">
        <v>0</v>
      </c>
      <c r="Z1318" s="166">
        <v>0</v>
      </c>
      <c r="AA1318" s="166">
        <v>0</v>
      </c>
      <c r="AB1318" s="166">
        <v>0</v>
      </c>
      <c r="AC1318" s="166">
        <v>0</v>
      </c>
      <c r="AD1318" s="166">
        <v>0</v>
      </c>
      <c r="AE1318" s="166">
        <v>0</v>
      </c>
      <c r="AF1318" s="166">
        <v>0</v>
      </c>
      <c r="AG1318" s="166">
        <v>0</v>
      </c>
      <c r="AH1318" s="166">
        <v>0</v>
      </c>
      <c r="AI1318" s="166">
        <v>0</v>
      </c>
      <c r="AJ1318" s="166">
        <v>0</v>
      </c>
      <c r="AK1318" s="166">
        <v>0</v>
      </c>
      <c r="AL1318" s="166">
        <v>0</v>
      </c>
      <c r="AM1318" s="166">
        <v>0</v>
      </c>
      <c r="AN1318" s="166">
        <v>0</v>
      </c>
      <c r="AO1318" s="166">
        <v>0</v>
      </c>
      <c r="AP1318" s="166">
        <v>0</v>
      </c>
      <c r="AQ1318" s="166">
        <v>0</v>
      </c>
      <c r="AR1318" s="166">
        <v>0</v>
      </c>
      <c r="AS1318" s="166">
        <v>0</v>
      </c>
      <c r="AT1318" s="166">
        <v>0</v>
      </c>
      <c r="AU1318" s="166">
        <v>0</v>
      </c>
      <c r="AV1318" s="166">
        <v>0</v>
      </c>
      <c r="AW1318" s="166">
        <v>0</v>
      </c>
      <c r="AX1318" s="166">
        <v>0</v>
      </c>
      <c r="AY1318" s="166">
        <v>0</v>
      </c>
      <c r="AZ1318" s="166">
        <v>0</v>
      </c>
      <c r="BA1318" s="166">
        <v>0</v>
      </c>
      <c r="BB1318" s="166">
        <v>0</v>
      </c>
      <c r="BC1318" s="166">
        <v>0</v>
      </c>
      <c r="BD1318" s="166">
        <v>0</v>
      </c>
      <c r="BE1318" s="166">
        <v>0</v>
      </c>
      <c r="BF1318" s="166">
        <v>0</v>
      </c>
      <c r="BG1318" s="166">
        <v>0</v>
      </c>
      <c r="BH1318" s="166">
        <v>0</v>
      </c>
      <c r="BI1318" s="166">
        <v>0</v>
      </c>
      <c r="BJ1318" s="166">
        <v>0</v>
      </c>
      <c r="BK1318" s="166">
        <v>0</v>
      </c>
      <c r="BL1318" s="166">
        <v>0</v>
      </c>
      <c r="BM1318" s="166">
        <v>0</v>
      </c>
      <c r="BN1318" s="166">
        <v>0</v>
      </c>
      <c r="BO1318" s="166">
        <v>0</v>
      </c>
      <c r="BP1318" s="166">
        <v>0</v>
      </c>
      <c r="BQ1318" s="166">
        <v>0</v>
      </c>
      <c r="BR1318" s="166">
        <v>8517.5023668111808</v>
      </c>
      <c r="BS1318" s="166">
        <v>8517.5023668111808</v>
      </c>
      <c r="BT1318" s="168">
        <v>0.98751</v>
      </c>
      <c r="BU1318" s="166">
        <v>689.81850066310199</v>
      </c>
      <c r="BV1318" s="166">
        <v>8411.1187622497091</v>
      </c>
      <c r="BW1318" s="166">
        <v>0</v>
      </c>
      <c r="BX1318" s="166">
        <v>0</v>
      </c>
      <c r="BY1318" s="166">
        <v>0</v>
      </c>
      <c r="BZ1318" s="166">
        <v>0</v>
      </c>
      <c r="CA1318" s="166">
        <v>0</v>
      </c>
      <c r="CB1318" s="166">
        <v>0</v>
      </c>
      <c r="CC1318" s="166">
        <v>0</v>
      </c>
      <c r="CD1318" s="166">
        <v>0</v>
      </c>
      <c r="CE1318" s="166">
        <v>0</v>
      </c>
      <c r="CF1318" s="166">
        <v>0</v>
      </c>
      <c r="CG1318" s="166">
        <v>0</v>
      </c>
      <c r="CH1318" s="166">
        <v>0</v>
      </c>
      <c r="CI1318" s="166">
        <v>0</v>
      </c>
      <c r="CJ1318" s="166">
        <v>0</v>
      </c>
      <c r="CK1318" s="166">
        <v>0</v>
      </c>
      <c r="CL1318" s="166">
        <v>0</v>
      </c>
      <c r="CM1318" s="166">
        <v>0</v>
      </c>
      <c r="CN1318" s="166">
        <v>0</v>
      </c>
      <c r="CO1318" s="166">
        <v>0</v>
      </c>
      <c r="CP1318" s="166">
        <v>0</v>
      </c>
      <c r="CQ1318" s="166">
        <v>0</v>
      </c>
      <c r="CR1318" s="166">
        <v>0</v>
      </c>
      <c r="CS1318" s="166">
        <v>0</v>
      </c>
      <c r="CT1318" s="166">
        <v>0</v>
      </c>
      <c r="CU1318" s="166">
        <v>0</v>
      </c>
      <c r="CV1318" s="166">
        <v>0</v>
      </c>
      <c r="CW1318" s="166">
        <v>0</v>
      </c>
      <c r="CX1318" s="166">
        <v>0</v>
      </c>
      <c r="CY1318" s="166">
        <v>8411.1187622497091</v>
      </c>
      <c r="CZ1318" s="166">
        <v>8411.1187622497091</v>
      </c>
    </row>
    <row r="1319" spans="1:104" x14ac:dyDescent="0.2">
      <c r="A1319" s="167" t="s">
        <v>1113</v>
      </c>
      <c r="B1319" s="166">
        <v>20877.515447250302</v>
      </c>
      <c r="C1319" s="166">
        <v>20877.515447250302</v>
      </c>
      <c r="D1319" s="166">
        <v>0</v>
      </c>
      <c r="E1319" s="166">
        <v>0</v>
      </c>
      <c r="F1319" s="166">
        <v>0</v>
      </c>
      <c r="G1319" s="166">
        <v>0</v>
      </c>
      <c r="H1319" s="166">
        <v>0</v>
      </c>
      <c r="I1319" s="166">
        <v>0</v>
      </c>
      <c r="J1319" s="166">
        <v>0</v>
      </c>
      <c r="K1319" s="166">
        <v>0</v>
      </c>
      <c r="L1319" s="166">
        <v>0</v>
      </c>
      <c r="M1319" s="166">
        <v>0</v>
      </c>
      <c r="N1319" s="166">
        <v>0</v>
      </c>
      <c r="O1319" s="166">
        <v>0</v>
      </c>
      <c r="P1319" s="166">
        <v>0</v>
      </c>
      <c r="Q1319" s="166">
        <v>0</v>
      </c>
      <c r="R1319" s="166">
        <v>0</v>
      </c>
      <c r="S1319" s="166">
        <v>0</v>
      </c>
      <c r="T1319" s="166">
        <v>0</v>
      </c>
      <c r="U1319" s="166">
        <v>0</v>
      </c>
      <c r="V1319" s="166">
        <v>0</v>
      </c>
      <c r="W1319" s="166">
        <v>0</v>
      </c>
      <c r="X1319" s="166">
        <v>0</v>
      </c>
      <c r="Y1319" s="166">
        <v>0</v>
      </c>
      <c r="Z1319" s="166">
        <v>0</v>
      </c>
      <c r="AA1319" s="166">
        <v>0</v>
      </c>
      <c r="AB1319" s="166">
        <v>0</v>
      </c>
      <c r="AC1319" s="166">
        <v>0</v>
      </c>
      <c r="AD1319" s="166">
        <v>0</v>
      </c>
      <c r="AE1319" s="166">
        <v>0</v>
      </c>
      <c r="AF1319" s="166">
        <v>0</v>
      </c>
      <c r="AG1319" s="166">
        <v>0</v>
      </c>
      <c r="AH1319" s="166">
        <v>0</v>
      </c>
      <c r="AI1319" s="166">
        <v>0</v>
      </c>
      <c r="AJ1319" s="166">
        <v>0</v>
      </c>
      <c r="AK1319" s="166">
        <v>0</v>
      </c>
      <c r="AL1319" s="166">
        <v>0</v>
      </c>
      <c r="AM1319" s="166">
        <v>0</v>
      </c>
      <c r="AN1319" s="166">
        <v>0</v>
      </c>
      <c r="AO1319" s="166">
        <v>0</v>
      </c>
      <c r="AP1319" s="166">
        <v>0</v>
      </c>
      <c r="AQ1319" s="166">
        <v>0</v>
      </c>
      <c r="AR1319" s="166">
        <v>0</v>
      </c>
      <c r="AS1319" s="166">
        <v>0</v>
      </c>
      <c r="AT1319" s="166">
        <v>0</v>
      </c>
      <c r="AU1319" s="166">
        <v>0</v>
      </c>
      <c r="AV1319" s="166">
        <v>0</v>
      </c>
      <c r="AW1319" s="166">
        <v>0</v>
      </c>
      <c r="AX1319" s="166">
        <v>0</v>
      </c>
      <c r="AY1319" s="166">
        <v>0</v>
      </c>
      <c r="AZ1319" s="166">
        <v>0</v>
      </c>
      <c r="BA1319" s="166">
        <v>0</v>
      </c>
      <c r="BB1319" s="166">
        <v>0</v>
      </c>
      <c r="BC1319" s="166">
        <v>0</v>
      </c>
      <c r="BD1319" s="166">
        <v>0</v>
      </c>
      <c r="BE1319" s="166">
        <v>0</v>
      </c>
      <c r="BF1319" s="166">
        <v>0</v>
      </c>
      <c r="BG1319" s="166">
        <v>0</v>
      </c>
      <c r="BH1319" s="166">
        <v>0</v>
      </c>
      <c r="BI1319" s="166">
        <v>0</v>
      </c>
      <c r="BJ1319" s="166">
        <v>0</v>
      </c>
      <c r="BK1319" s="166">
        <v>0</v>
      </c>
      <c r="BL1319" s="166">
        <v>0</v>
      </c>
      <c r="BM1319" s="166">
        <v>0</v>
      </c>
      <c r="BN1319" s="166">
        <v>0</v>
      </c>
      <c r="BO1319" s="166">
        <v>0</v>
      </c>
      <c r="BP1319" s="166">
        <v>0</v>
      </c>
      <c r="BQ1319" s="166">
        <v>0</v>
      </c>
      <c r="BR1319" s="166">
        <v>20877.515447250302</v>
      </c>
      <c r="BS1319" s="166">
        <v>20877.515447250302</v>
      </c>
      <c r="BT1319" s="168">
        <v>1</v>
      </c>
      <c r="BU1319" s="166">
        <v>1745.69237281398</v>
      </c>
      <c r="BV1319" s="166">
        <v>20877.515447250302</v>
      </c>
      <c r="BW1319" s="166">
        <v>0</v>
      </c>
      <c r="BX1319" s="166">
        <v>0</v>
      </c>
      <c r="BY1319" s="166">
        <v>0</v>
      </c>
      <c r="BZ1319" s="166">
        <v>0</v>
      </c>
      <c r="CA1319" s="166">
        <v>0</v>
      </c>
      <c r="CB1319" s="166">
        <v>0</v>
      </c>
      <c r="CC1319" s="166">
        <v>0</v>
      </c>
      <c r="CD1319" s="166">
        <v>0</v>
      </c>
      <c r="CE1319" s="166">
        <v>0</v>
      </c>
      <c r="CF1319" s="166">
        <v>0</v>
      </c>
      <c r="CG1319" s="166">
        <v>0</v>
      </c>
      <c r="CH1319" s="166">
        <v>0</v>
      </c>
      <c r="CI1319" s="166">
        <v>0</v>
      </c>
      <c r="CJ1319" s="166">
        <v>0</v>
      </c>
      <c r="CK1319" s="166">
        <v>0</v>
      </c>
      <c r="CL1319" s="166">
        <v>0</v>
      </c>
      <c r="CM1319" s="166">
        <v>0</v>
      </c>
      <c r="CN1319" s="166">
        <v>0</v>
      </c>
      <c r="CO1319" s="166">
        <v>0</v>
      </c>
      <c r="CP1319" s="166">
        <v>0</v>
      </c>
      <c r="CQ1319" s="166">
        <v>0</v>
      </c>
      <c r="CR1319" s="166">
        <v>0</v>
      </c>
      <c r="CS1319" s="166">
        <v>0</v>
      </c>
      <c r="CT1319" s="166">
        <v>0</v>
      </c>
      <c r="CU1319" s="166">
        <v>0</v>
      </c>
      <c r="CV1319" s="166">
        <v>0</v>
      </c>
      <c r="CW1319" s="166">
        <v>0</v>
      </c>
      <c r="CX1319" s="166">
        <v>0</v>
      </c>
      <c r="CY1319" s="166">
        <v>20877.515447250302</v>
      </c>
      <c r="CZ1319" s="166">
        <v>20877.515447250302</v>
      </c>
    </row>
    <row r="1320" spans="1:104" x14ac:dyDescent="0.2">
      <c r="A1320" s="167" t="s">
        <v>1114</v>
      </c>
      <c r="B1320" s="166">
        <v>0</v>
      </c>
      <c r="C1320" s="166">
        <v>0</v>
      </c>
      <c r="D1320" s="166">
        <v>0</v>
      </c>
      <c r="E1320" s="166">
        <v>0</v>
      </c>
      <c r="F1320" s="166">
        <v>0</v>
      </c>
      <c r="G1320" s="166">
        <v>0</v>
      </c>
      <c r="H1320" s="166">
        <v>0</v>
      </c>
      <c r="I1320" s="166">
        <v>0</v>
      </c>
      <c r="J1320" s="166">
        <v>0</v>
      </c>
      <c r="K1320" s="166">
        <v>0</v>
      </c>
      <c r="L1320" s="166">
        <v>0</v>
      </c>
      <c r="M1320" s="166">
        <v>0</v>
      </c>
      <c r="N1320" s="166">
        <v>0</v>
      </c>
      <c r="O1320" s="166">
        <v>0</v>
      </c>
      <c r="P1320" s="166">
        <v>0</v>
      </c>
      <c r="Q1320" s="166">
        <v>0</v>
      </c>
      <c r="R1320" s="166">
        <v>0</v>
      </c>
      <c r="S1320" s="166">
        <v>0</v>
      </c>
      <c r="T1320" s="166">
        <v>0</v>
      </c>
      <c r="U1320" s="166">
        <v>0</v>
      </c>
      <c r="V1320" s="166">
        <v>0</v>
      </c>
      <c r="W1320" s="166">
        <v>0</v>
      </c>
      <c r="X1320" s="166">
        <v>0</v>
      </c>
      <c r="Y1320" s="166">
        <v>0</v>
      </c>
      <c r="Z1320" s="166">
        <v>0</v>
      </c>
      <c r="AA1320" s="166">
        <v>0</v>
      </c>
      <c r="AB1320" s="166">
        <v>0</v>
      </c>
      <c r="AC1320" s="166">
        <v>0</v>
      </c>
      <c r="AD1320" s="166">
        <v>0</v>
      </c>
      <c r="AE1320" s="166">
        <v>0</v>
      </c>
      <c r="AF1320" s="166">
        <v>0</v>
      </c>
      <c r="AG1320" s="166">
        <v>0</v>
      </c>
      <c r="AH1320" s="166">
        <v>0</v>
      </c>
      <c r="AI1320" s="166">
        <v>0</v>
      </c>
      <c r="AJ1320" s="166">
        <v>0</v>
      </c>
      <c r="AK1320" s="166">
        <v>0</v>
      </c>
      <c r="AL1320" s="166">
        <v>0</v>
      </c>
      <c r="AM1320" s="166">
        <v>0</v>
      </c>
      <c r="AN1320" s="166">
        <v>0</v>
      </c>
      <c r="AO1320" s="166">
        <v>0</v>
      </c>
      <c r="AP1320" s="166">
        <v>0</v>
      </c>
      <c r="AQ1320" s="166">
        <v>0</v>
      </c>
      <c r="AR1320" s="166">
        <v>0</v>
      </c>
      <c r="AS1320" s="166">
        <v>0</v>
      </c>
      <c r="AT1320" s="166">
        <v>0</v>
      </c>
      <c r="AU1320" s="166">
        <v>0</v>
      </c>
      <c r="AV1320" s="166">
        <v>0</v>
      </c>
      <c r="AW1320" s="166">
        <v>0</v>
      </c>
      <c r="AX1320" s="166">
        <v>0</v>
      </c>
      <c r="AY1320" s="166">
        <v>0</v>
      </c>
      <c r="AZ1320" s="166">
        <v>0</v>
      </c>
      <c r="BA1320" s="166">
        <v>0</v>
      </c>
      <c r="BB1320" s="166">
        <v>0</v>
      </c>
      <c r="BC1320" s="166">
        <v>0</v>
      </c>
      <c r="BD1320" s="166">
        <v>0</v>
      </c>
      <c r="BE1320" s="166">
        <v>0</v>
      </c>
      <c r="BF1320" s="166">
        <v>0</v>
      </c>
      <c r="BG1320" s="166">
        <v>0</v>
      </c>
      <c r="BH1320" s="166">
        <v>0</v>
      </c>
      <c r="BI1320" s="166">
        <v>0</v>
      </c>
      <c r="BJ1320" s="166">
        <v>0</v>
      </c>
      <c r="BK1320" s="166">
        <v>0</v>
      </c>
      <c r="BL1320" s="166">
        <v>0</v>
      </c>
      <c r="BM1320" s="166">
        <v>0</v>
      </c>
      <c r="BN1320" s="166">
        <v>0</v>
      </c>
      <c r="BO1320" s="166">
        <v>0</v>
      </c>
      <c r="BP1320" s="166">
        <v>0</v>
      </c>
      <c r="BQ1320" s="166">
        <v>0</v>
      </c>
      <c r="BR1320" s="166">
        <v>0</v>
      </c>
      <c r="BS1320" s="166">
        <v>0</v>
      </c>
      <c r="BT1320" s="168">
        <v>1</v>
      </c>
      <c r="BU1320" s="166">
        <v>0</v>
      </c>
      <c r="BV1320" s="166">
        <v>0</v>
      </c>
      <c r="BW1320" s="166">
        <v>0</v>
      </c>
      <c r="BX1320" s="166">
        <v>0</v>
      </c>
      <c r="BY1320" s="166">
        <v>0</v>
      </c>
      <c r="BZ1320" s="166">
        <v>0</v>
      </c>
      <c r="CA1320" s="166">
        <v>0</v>
      </c>
      <c r="CB1320" s="166">
        <v>0</v>
      </c>
      <c r="CC1320" s="166">
        <v>0</v>
      </c>
      <c r="CD1320" s="166">
        <v>0</v>
      </c>
      <c r="CE1320" s="166">
        <v>0</v>
      </c>
      <c r="CF1320" s="166">
        <v>0</v>
      </c>
      <c r="CG1320" s="166">
        <v>0</v>
      </c>
      <c r="CH1320" s="166">
        <v>0</v>
      </c>
      <c r="CI1320" s="166">
        <v>0</v>
      </c>
      <c r="CJ1320" s="166">
        <v>0</v>
      </c>
      <c r="CK1320" s="166">
        <v>0</v>
      </c>
      <c r="CL1320" s="166">
        <v>0</v>
      </c>
      <c r="CM1320" s="166">
        <v>0</v>
      </c>
      <c r="CN1320" s="166">
        <v>0</v>
      </c>
      <c r="CO1320" s="166">
        <v>0</v>
      </c>
      <c r="CP1320" s="166">
        <v>0</v>
      </c>
      <c r="CQ1320" s="166">
        <v>0</v>
      </c>
      <c r="CR1320" s="166">
        <v>0</v>
      </c>
      <c r="CS1320" s="166">
        <v>0</v>
      </c>
      <c r="CT1320" s="166">
        <v>0</v>
      </c>
      <c r="CU1320" s="166">
        <v>0</v>
      </c>
      <c r="CV1320" s="166">
        <v>0</v>
      </c>
      <c r="CW1320" s="166">
        <v>0</v>
      </c>
      <c r="CX1320" s="166">
        <v>0</v>
      </c>
      <c r="CY1320" s="166">
        <v>0</v>
      </c>
      <c r="CZ1320" s="166">
        <v>0</v>
      </c>
    </row>
    <row r="1321" spans="1:104" x14ac:dyDescent="0.2">
      <c r="A1321" s="167" t="s">
        <v>1115</v>
      </c>
      <c r="B1321" s="166">
        <v>231051.69999999899</v>
      </c>
      <c r="C1321" s="166">
        <v>231051.69999999899</v>
      </c>
      <c r="D1321" s="166">
        <v>0</v>
      </c>
      <c r="E1321" s="166">
        <v>0</v>
      </c>
      <c r="F1321" s="166">
        <v>0</v>
      </c>
      <c r="G1321" s="166">
        <v>0</v>
      </c>
      <c r="H1321" s="166">
        <v>0</v>
      </c>
      <c r="I1321" s="166">
        <v>0</v>
      </c>
      <c r="J1321" s="166">
        <v>0</v>
      </c>
      <c r="K1321" s="166">
        <v>0</v>
      </c>
      <c r="L1321" s="166">
        <v>0</v>
      </c>
      <c r="M1321" s="166">
        <v>0</v>
      </c>
      <c r="N1321" s="166">
        <v>0</v>
      </c>
      <c r="O1321" s="166">
        <v>0</v>
      </c>
      <c r="P1321" s="166">
        <v>0</v>
      </c>
      <c r="Q1321" s="166">
        <v>0</v>
      </c>
      <c r="R1321" s="166">
        <v>0</v>
      </c>
      <c r="S1321" s="166">
        <v>0</v>
      </c>
      <c r="T1321" s="166">
        <v>0</v>
      </c>
      <c r="U1321" s="166">
        <v>0</v>
      </c>
      <c r="V1321" s="166">
        <v>0</v>
      </c>
      <c r="W1321" s="166">
        <v>0</v>
      </c>
      <c r="X1321" s="166">
        <v>0</v>
      </c>
      <c r="Y1321" s="166">
        <v>0</v>
      </c>
      <c r="Z1321" s="166">
        <v>0</v>
      </c>
      <c r="AA1321" s="166">
        <v>0</v>
      </c>
      <c r="AB1321" s="166">
        <v>0</v>
      </c>
      <c r="AC1321" s="166">
        <v>0</v>
      </c>
      <c r="AD1321" s="166">
        <v>0</v>
      </c>
      <c r="AE1321" s="166">
        <v>0</v>
      </c>
      <c r="AF1321" s="166">
        <v>0</v>
      </c>
      <c r="AG1321" s="166">
        <v>0</v>
      </c>
      <c r="AH1321" s="166">
        <v>0</v>
      </c>
      <c r="AI1321" s="166">
        <v>0</v>
      </c>
      <c r="AJ1321" s="166">
        <v>0</v>
      </c>
      <c r="AK1321" s="166">
        <v>0</v>
      </c>
      <c r="AL1321" s="166">
        <v>0</v>
      </c>
      <c r="AM1321" s="166">
        <v>0</v>
      </c>
      <c r="AN1321" s="166">
        <v>0</v>
      </c>
      <c r="AO1321" s="166">
        <v>0</v>
      </c>
      <c r="AP1321" s="166">
        <v>0</v>
      </c>
      <c r="AQ1321" s="166">
        <v>0</v>
      </c>
      <c r="AR1321" s="166">
        <v>0</v>
      </c>
      <c r="AS1321" s="166">
        <v>0</v>
      </c>
      <c r="AT1321" s="166">
        <v>0</v>
      </c>
      <c r="AU1321" s="166">
        <v>0</v>
      </c>
      <c r="AV1321" s="166">
        <v>0</v>
      </c>
      <c r="AW1321" s="166">
        <v>0</v>
      </c>
      <c r="AX1321" s="166">
        <v>0</v>
      </c>
      <c r="AY1321" s="166">
        <v>0</v>
      </c>
      <c r="AZ1321" s="166">
        <v>0</v>
      </c>
      <c r="BA1321" s="166">
        <v>0</v>
      </c>
      <c r="BB1321" s="166">
        <v>0</v>
      </c>
      <c r="BC1321" s="166">
        <v>0</v>
      </c>
      <c r="BD1321" s="166">
        <v>0</v>
      </c>
      <c r="BE1321" s="166">
        <v>0</v>
      </c>
      <c r="BF1321" s="166">
        <v>0</v>
      </c>
      <c r="BG1321" s="166">
        <v>0</v>
      </c>
      <c r="BH1321" s="166">
        <v>0</v>
      </c>
      <c r="BI1321" s="166">
        <v>0</v>
      </c>
      <c r="BJ1321" s="166">
        <v>0</v>
      </c>
      <c r="BK1321" s="166">
        <v>0</v>
      </c>
      <c r="BL1321" s="166">
        <v>0</v>
      </c>
      <c r="BM1321" s="166">
        <v>0</v>
      </c>
      <c r="BN1321" s="166">
        <v>0</v>
      </c>
      <c r="BO1321" s="166">
        <v>0</v>
      </c>
      <c r="BP1321" s="166">
        <v>0</v>
      </c>
      <c r="BQ1321" s="166">
        <v>0</v>
      </c>
      <c r="BR1321" s="166">
        <v>231051.69999999899</v>
      </c>
      <c r="BS1321" s="166">
        <v>231051.7</v>
      </c>
      <c r="BT1321" s="168">
        <v>0</v>
      </c>
      <c r="BU1321" s="166">
        <v>19354.715194101002</v>
      </c>
      <c r="BV1321" s="166">
        <v>230945.31639543801</v>
      </c>
      <c r="BW1321" s="166">
        <v>0</v>
      </c>
      <c r="BX1321" s="166">
        <v>0</v>
      </c>
      <c r="BY1321" s="166">
        <v>0</v>
      </c>
      <c r="BZ1321" s="166">
        <v>0</v>
      </c>
      <c r="CA1321" s="166">
        <v>0</v>
      </c>
      <c r="CB1321" s="166">
        <v>0</v>
      </c>
      <c r="CC1321" s="166">
        <v>0</v>
      </c>
      <c r="CD1321" s="166">
        <v>0</v>
      </c>
      <c r="CE1321" s="166">
        <v>0</v>
      </c>
      <c r="CF1321" s="166">
        <v>0</v>
      </c>
      <c r="CG1321" s="166">
        <v>0</v>
      </c>
      <c r="CH1321" s="166">
        <v>0</v>
      </c>
      <c r="CI1321" s="166">
        <v>0</v>
      </c>
      <c r="CJ1321" s="166">
        <v>0</v>
      </c>
      <c r="CK1321" s="166">
        <v>0</v>
      </c>
      <c r="CL1321" s="166">
        <v>0</v>
      </c>
      <c r="CM1321" s="166">
        <v>0</v>
      </c>
      <c r="CN1321" s="166">
        <v>0</v>
      </c>
      <c r="CO1321" s="166">
        <v>0</v>
      </c>
      <c r="CP1321" s="166">
        <v>0</v>
      </c>
      <c r="CQ1321" s="166">
        <v>0</v>
      </c>
      <c r="CR1321" s="166">
        <v>0</v>
      </c>
      <c r="CS1321" s="166">
        <v>0</v>
      </c>
      <c r="CT1321" s="166">
        <v>0</v>
      </c>
      <c r="CU1321" s="166">
        <v>0</v>
      </c>
      <c r="CV1321" s="166">
        <v>0</v>
      </c>
      <c r="CW1321" s="166">
        <v>0</v>
      </c>
      <c r="CX1321" s="166">
        <v>0</v>
      </c>
      <c r="CY1321" s="166">
        <v>230945.31639543801</v>
      </c>
      <c r="CZ1321" s="166">
        <v>230945.31639543801</v>
      </c>
    </row>
    <row r="1322" spans="1:104" x14ac:dyDescent="0.2">
      <c r="A1322" s="167" t="s">
        <v>292</v>
      </c>
    </row>
    <row r="1323" spans="1:104" x14ac:dyDescent="0.2">
      <c r="A1323" s="167" t="s">
        <v>293</v>
      </c>
      <c r="B1323" s="166">
        <v>4543357.5199999996</v>
      </c>
      <c r="C1323" s="166">
        <v>4543357.5199999996</v>
      </c>
      <c r="D1323" s="166">
        <v>0</v>
      </c>
      <c r="E1323" s="166">
        <v>0</v>
      </c>
      <c r="F1323" s="166">
        <v>0</v>
      </c>
      <c r="G1323" s="166">
        <v>0</v>
      </c>
      <c r="H1323" s="166">
        <v>0</v>
      </c>
      <c r="I1323" s="166">
        <v>0</v>
      </c>
      <c r="J1323" s="166">
        <v>0</v>
      </c>
      <c r="K1323" s="166">
        <v>0</v>
      </c>
      <c r="L1323" s="166">
        <v>0</v>
      </c>
      <c r="M1323" s="166">
        <v>0</v>
      </c>
      <c r="N1323" s="166">
        <v>0</v>
      </c>
      <c r="O1323" s="166">
        <v>0</v>
      </c>
      <c r="P1323" s="166">
        <v>0</v>
      </c>
      <c r="Q1323" s="166">
        <v>0</v>
      </c>
      <c r="R1323" s="166">
        <v>0</v>
      </c>
      <c r="S1323" s="166">
        <v>0</v>
      </c>
      <c r="T1323" s="166">
        <v>0</v>
      </c>
      <c r="U1323" s="166">
        <v>0</v>
      </c>
      <c r="V1323" s="166">
        <v>0</v>
      </c>
      <c r="W1323" s="166">
        <v>0</v>
      </c>
      <c r="X1323" s="166">
        <v>0</v>
      </c>
      <c r="Y1323" s="166">
        <v>0</v>
      </c>
      <c r="Z1323" s="166">
        <v>0</v>
      </c>
      <c r="AA1323" s="166">
        <v>0</v>
      </c>
      <c r="AB1323" s="166">
        <v>0</v>
      </c>
      <c r="AC1323" s="166">
        <v>0</v>
      </c>
      <c r="AD1323" s="166">
        <v>0</v>
      </c>
      <c r="AE1323" s="166">
        <v>0</v>
      </c>
      <c r="AF1323" s="166">
        <v>0</v>
      </c>
      <c r="AG1323" s="166">
        <v>0</v>
      </c>
      <c r="AH1323" s="166">
        <v>0</v>
      </c>
      <c r="AI1323" s="166">
        <v>0</v>
      </c>
      <c r="AJ1323" s="166">
        <v>0</v>
      </c>
      <c r="AK1323" s="166">
        <v>0</v>
      </c>
      <c r="AL1323" s="166">
        <v>0</v>
      </c>
      <c r="AM1323" s="166">
        <v>0</v>
      </c>
      <c r="AN1323" s="166">
        <v>0</v>
      </c>
      <c r="AO1323" s="166">
        <v>0</v>
      </c>
      <c r="AP1323" s="166">
        <v>0</v>
      </c>
      <c r="AQ1323" s="166">
        <v>0</v>
      </c>
      <c r="AR1323" s="166">
        <v>0</v>
      </c>
      <c r="AS1323" s="166">
        <v>0</v>
      </c>
      <c r="AT1323" s="166">
        <v>0</v>
      </c>
      <c r="AU1323" s="166">
        <v>0</v>
      </c>
      <c r="AV1323" s="166">
        <v>0</v>
      </c>
      <c r="AW1323" s="166">
        <v>0</v>
      </c>
      <c r="AX1323" s="166">
        <v>0</v>
      </c>
      <c r="AY1323" s="166">
        <v>0</v>
      </c>
      <c r="AZ1323" s="166">
        <v>0</v>
      </c>
      <c r="BA1323" s="166">
        <v>0</v>
      </c>
      <c r="BB1323" s="166">
        <v>0</v>
      </c>
      <c r="BC1323" s="166">
        <v>0</v>
      </c>
      <c r="BD1323" s="166">
        <v>0</v>
      </c>
      <c r="BE1323" s="166">
        <v>0</v>
      </c>
      <c r="BF1323" s="166">
        <v>0</v>
      </c>
      <c r="BG1323" s="166">
        <v>0</v>
      </c>
      <c r="BH1323" s="166">
        <v>0</v>
      </c>
      <c r="BI1323" s="166">
        <v>0</v>
      </c>
      <c r="BJ1323" s="166">
        <v>0</v>
      </c>
      <c r="BK1323" s="166">
        <v>0</v>
      </c>
      <c r="BL1323" s="166">
        <v>0</v>
      </c>
      <c r="BM1323" s="166">
        <v>0</v>
      </c>
      <c r="BN1323" s="166">
        <v>0</v>
      </c>
      <c r="BO1323" s="166">
        <v>0</v>
      </c>
      <c r="BP1323" s="166">
        <v>0</v>
      </c>
      <c r="BQ1323" s="166">
        <v>0</v>
      </c>
      <c r="BR1323" s="166">
        <v>4543357.5199999996</v>
      </c>
      <c r="BS1323" s="166">
        <v>4543357.5199999996</v>
      </c>
      <c r="BT1323" s="168">
        <v>1</v>
      </c>
      <c r="BU1323" s="166">
        <v>368998.75</v>
      </c>
      <c r="BV1323" s="166">
        <v>4543357.5199999996</v>
      </c>
      <c r="BW1323" s="166">
        <v>0</v>
      </c>
      <c r="BX1323" s="166">
        <v>0</v>
      </c>
      <c r="BY1323" s="166">
        <v>0</v>
      </c>
      <c r="BZ1323" s="166">
        <v>0</v>
      </c>
      <c r="CA1323" s="166">
        <v>0</v>
      </c>
      <c r="CB1323" s="166">
        <v>0</v>
      </c>
      <c r="CC1323" s="166">
        <v>0</v>
      </c>
      <c r="CD1323" s="166">
        <v>0</v>
      </c>
      <c r="CE1323" s="166">
        <v>0</v>
      </c>
      <c r="CF1323" s="166">
        <v>0</v>
      </c>
      <c r="CG1323" s="166">
        <v>0</v>
      </c>
      <c r="CH1323" s="166">
        <v>0</v>
      </c>
      <c r="CI1323" s="166">
        <v>0</v>
      </c>
      <c r="CJ1323" s="166">
        <v>0</v>
      </c>
      <c r="CK1323" s="166">
        <v>0</v>
      </c>
      <c r="CL1323" s="166">
        <v>0</v>
      </c>
      <c r="CM1323" s="166">
        <v>0</v>
      </c>
      <c r="CN1323" s="166">
        <v>0</v>
      </c>
      <c r="CO1323" s="166">
        <v>0</v>
      </c>
      <c r="CP1323" s="166">
        <v>0</v>
      </c>
      <c r="CQ1323" s="166">
        <v>0</v>
      </c>
      <c r="CR1323" s="166">
        <v>0</v>
      </c>
      <c r="CS1323" s="166">
        <v>0</v>
      </c>
      <c r="CT1323" s="166">
        <v>0</v>
      </c>
      <c r="CU1323" s="166">
        <v>0</v>
      </c>
      <c r="CV1323" s="166">
        <v>0</v>
      </c>
      <c r="CW1323" s="166">
        <v>0</v>
      </c>
      <c r="CX1323" s="166">
        <v>0</v>
      </c>
      <c r="CY1323" s="166">
        <v>4543357.5199999996</v>
      </c>
      <c r="CZ1323" s="166">
        <v>4543357.5199999996</v>
      </c>
    </row>
    <row r="1324" spans="1:104" x14ac:dyDescent="0.2">
      <c r="A1324" s="167" t="s">
        <v>294</v>
      </c>
    </row>
    <row r="1325" spans="1:104" x14ac:dyDescent="0.2">
      <c r="A1325" s="167" t="s">
        <v>1116</v>
      </c>
      <c r="B1325" s="166">
        <v>365374.99</v>
      </c>
      <c r="C1325" s="166">
        <v>365374.99</v>
      </c>
      <c r="D1325" s="166">
        <v>0</v>
      </c>
      <c r="E1325" s="166">
        <v>0</v>
      </c>
      <c r="F1325" s="166">
        <v>0</v>
      </c>
      <c r="G1325" s="166">
        <v>0</v>
      </c>
      <c r="H1325" s="166">
        <v>0</v>
      </c>
      <c r="I1325" s="166">
        <v>0</v>
      </c>
      <c r="J1325" s="166">
        <v>0</v>
      </c>
      <c r="K1325" s="166">
        <v>0</v>
      </c>
      <c r="L1325" s="166">
        <v>0</v>
      </c>
      <c r="M1325" s="166">
        <v>0</v>
      </c>
      <c r="N1325" s="166">
        <v>0</v>
      </c>
      <c r="O1325" s="166">
        <v>0</v>
      </c>
      <c r="P1325" s="166">
        <v>0</v>
      </c>
      <c r="Q1325" s="166">
        <v>0</v>
      </c>
      <c r="R1325" s="166">
        <v>0</v>
      </c>
      <c r="S1325" s="166">
        <v>0</v>
      </c>
      <c r="T1325" s="166">
        <v>0</v>
      </c>
      <c r="U1325" s="166">
        <v>0</v>
      </c>
      <c r="V1325" s="166">
        <v>0</v>
      </c>
      <c r="W1325" s="166">
        <v>0</v>
      </c>
      <c r="X1325" s="166">
        <v>0</v>
      </c>
      <c r="Y1325" s="166">
        <v>0</v>
      </c>
      <c r="Z1325" s="166">
        <v>0</v>
      </c>
      <c r="AA1325" s="166">
        <v>0</v>
      </c>
      <c r="AB1325" s="166">
        <v>0</v>
      </c>
      <c r="AC1325" s="166">
        <v>0</v>
      </c>
      <c r="AD1325" s="166">
        <v>0</v>
      </c>
      <c r="AE1325" s="166">
        <v>0</v>
      </c>
      <c r="AF1325" s="166">
        <v>0</v>
      </c>
      <c r="AG1325" s="166">
        <v>0</v>
      </c>
      <c r="AH1325" s="166">
        <v>0</v>
      </c>
      <c r="AI1325" s="166">
        <v>0</v>
      </c>
      <c r="AJ1325" s="166">
        <v>0</v>
      </c>
      <c r="AK1325" s="166">
        <v>0</v>
      </c>
      <c r="AL1325" s="166">
        <v>0</v>
      </c>
      <c r="AM1325" s="166">
        <v>0</v>
      </c>
      <c r="AN1325" s="166">
        <v>0</v>
      </c>
      <c r="AO1325" s="166">
        <v>0</v>
      </c>
      <c r="AP1325" s="166">
        <v>0</v>
      </c>
      <c r="AQ1325" s="166">
        <v>0</v>
      </c>
      <c r="AR1325" s="166">
        <v>0</v>
      </c>
      <c r="AS1325" s="166">
        <v>0</v>
      </c>
      <c r="AT1325" s="166">
        <v>0</v>
      </c>
      <c r="AU1325" s="166">
        <v>0</v>
      </c>
      <c r="AV1325" s="166">
        <v>0</v>
      </c>
      <c r="AW1325" s="166">
        <v>0</v>
      </c>
      <c r="AX1325" s="166">
        <v>0</v>
      </c>
      <c r="AY1325" s="166">
        <v>0</v>
      </c>
      <c r="AZ1325" s="166">
        <v>0</v>
      </c>
      <c r="BA1325" s="166">
        <v>0</v>
      </c>
      <c r="BB1325" s="166">
        <v>0</v>
      </c>
      <c r="BC1325" s="166">
        <v>0</v>
      </c>
      <c r="BD1325" s="166">
        <v>0</v>
      </c>
      <c r="BE1325" s="166">
        <v>0</v>
      </c>
      <c r="BF1325" s="166">
        <v>0</v>
      </c>
      <c r="BG1325" s="166">
        <v>0</v>
      </c>
      <c r="BH1325" s="166">
        <v>0</v>
      </c>
      <c r="BI1325" s="166">
        <v>0</v>
      </c>
      <c r="BJ1325" s="166">
        <v>0</v>
      </c>
      <c r="BK1325" s="166">
        <v>0</v>
      </c>
      <c r="BL1325" s="166">
        <v>0</v>
      </c>
      <c r="BM1325" s="166">
        <v>0</v>
      </c>
      <c r="BN1325" s="166">
        <v>0</v>
      </c>
      <c r="BO1325" s="166">
        <v>0</v>
      </c>
      <c r="BP1325" s="166">
        <v>0</v>
      </c>
      <c r="BQ1325" s="166">
        <v>0</v>
      </c>
      <c r="BR1325" s="166">
        <v>365374.99</v>
      </c>
      <c r="BS1325" s="166">
        <v>365374.99</v>
      </c>
      <c r="BT1325" s="168">
        <v>1</v>
      </c>
      <c r="BU1325" s="166">
        <v>24112.16</v>
      </c>
      <c r="BV1325" s="166">
        <v>365374.99</v>
      </c>
      <c r="BW1325" s="166">
        <v>0</v>
      </c>
      <c r="BX1325" s="166">
        <v>0</v>
      </c>
      <c r="BY1325" s="166">
        <v>0</v>
      </c>
      <c r="BZ1325" s="166">
        <v>0</v>
      </c>
      <c r="CA1325" s="166">
        <v>0</v>
      </c>
      <c r="CB1325" s="166">
        <v>0</v>
      </c>
      <c r="CC1325" s="166">
        <v>0</v>
      </c>
      <c r="CD1325" s="166">
        <v>0</v>
      </c>
      <c r="CE1325" s="166">
        <v>0</v>
      </c>
      <c r="CF1325" s="166">
        <v>0</v>
      </c>
      <c r="CG1325" s="166">
        <v>0</v>
      </c>
      <c r="CH1325" s="166">
        <v>0</v>
      </c>
      <c r="CI1325" s="166">
        <v>0</v>
      </c>
      <c r="CJ1325" s="166">
        <v>0</v>
      </c>
      <c r="CK1325" s="166">
        <v>0</v>
      </c>
      <c r="CL1325" s="166">
        <v>0</v>
      </c>
      <c r="CM1325" s="166">
        <v>0</v>
      </c>
      <c r="CN1325" s="166">
        <v>0</v>
      </c>
      <c r="CO1325" s="166">
        <v>0</v>
      </c>
      <c r="CP1325" s="166">
        <v>0</v>
      </c>
      <c r="CQ1325" s="166">
        <v>0</v>
      </c>
      <c r="CR1325" s="166">
        <v>0</v>
      </c>
      <c r="CS1325" s="166">
        <v>0</v>
      </c>
      <c r="CT1325" s="166">
        <v>0</v>
      </c>
      <c r="CU1325" s="166">
        <v>0</v>
      </c>
      <c r="CV1325" s="166">
        <v>0</v>
      </c>
      <c r="CW1325" s="166">
        <v>0</v>
      </c>
      <c r="CX1325" s="166">
        <v>0</v>
      </c>
      <c r="CY1325" s="166">
        <v>365374.99</v>
      </c>
      <c r="CZ1325" s="166">
        <v>365374.99</v>
      </c>
    </row>
    <row r="1326" spans="1:104" x14ac:dyDescent="0.2">
      <c r="A1326" s="167" t="s">
        <v>296</v>
      </c>
    </row>
    <row r="1327" spans="1:104" x14ac:dyDescent="0.2">
      <c r="A1327" s="167" t="s">
        <v>1117</v>
      </c>
      <c r="B1327" s="166">
        <v>348595.16968120303</v>
      </c>
      <c r="C1327" s="166">
        <v>348595.16968120303</v>
      </c>
      <c r="D1327" s="166">
        <v>0</v>
      </c>
      <c r="E1327" s="166">
        <v>0</v>
      </c>
      <c r="F1327" s="166">
        <v>0</v>
      </c>
      <c r="G1327" s="166">
        <v>0</v>
      </c>
      <c r="H1327" s="166">
        <v>0</v>
      </c>
      <c r="I1327" s="166">
        <v>0</v>
      </c>
      <c r="J1327" s="166">
        <v>0</v>
      </c>
      <c r="K1327" s="166">
        <v>0</v>
      </c>
      <c r="L1327" s="166">
        <v>0</v>
      </c>
      <c r="M1327" s="166">
        <v>0</v>
      </c>
      <c r="N1327" s="166">
        <v>0</v>
      </c>
      <c r="O1327" s="166">
        <v>0</v>
      </c>
      <c r="P1327" s="166">
        <v>0</v>
      </c>
      <c r="Q1327" s="166">
        <v>0</v>
      </c>
      <c r="R1327" s="166">
        <v>0</v>
      </c>
      <c r="S1327" s="166">
        <v>0</v>
      </c>
      <c r="T1327" s="166">
        <v>0</v>
      </c>
      <c r="U1327" s="166">
        <v>0</v>
      </c>
      <c r="V1327" s="166">
        <v>0</v>
      </c>
      <c r="W1327" s="166">
        <v>0</v>
      </c>
      <c r="X1327" s="166">
        <v>0</v>
      </c>
      <c r="Y1327" s="166">
        <v>0</v>
      </c>
      <c r="Z1327" s="166">
        <v>0</v>
      </c>
      <c r="AA1327" s="166">
        <v>0</v>
      </c>
      <c r="AB1327" s="166">
        <v>0</v>
      </c>
      <c r="AC1327" s="166">
        <v>0</v>
      </c>
      <c r="AD1327" s="166">
        <v>0</v>
      </c>
      <c r="AE1327" s="166">
        <v>0</v>
      </c>
      <c r="AF1327" s="166">
        <v>0</v>
      </c>
      <c r="AG1327" s="166">
        <v>0</v>
      </c>
      <c r="AH1327" s="166">
        <v>0</v>
      </c>
      <c r="AI1327" s="166">
        <v>0</v>
      </c>
      <c r="AJ1327" s="166">
        <v>0</v>
      </c>
      <c r="AK1327" s="166">
        <v>0</v>
      </c>
      <c r="AL1327" s="166">
        <v>0</v>
      </c>
      <c r="AM1327" s="166">
        <v>0</v>
      </c>
      <c r="AN1327" s="166">
        <v>0</v>
      </c>
      <c r="AO1327" s="166">
        <v>0</v>
      </c>
      <c r="AP1327" s="166">
        <v>0</v>
      </c>
      <c r="AQ1327" s="166">
        <v>0</v>
      </c>
      <c r="AR1327" s="166">
        <v>0</v>
      </c>
      <c r="AS1327" s="166">
        <v>0</v>
      </c>
      <c r="AT1327" s="166">
        <v>0</v>
      </c>
      <c r="AU1327" s="166">
        <v>0</v>
      </c>
      <c r="AV1327" s="166">
        <v>0</v>
      </c>
      <c r="AW1327" s="166">
        <v>0</v>
      </c>
      <c r="AX1327" s="166">
        <v>0</v>
      </c>
      <c r="AY1327" s="166">
        <v>0</v>
      </c>
      <c r="AZ1327" s="166">
        <v>0</v>
      </c>
      <c r="BA1327" s="166">
        <v>0</v>
      </c>
      <c r="BB1327" s="166">
        <v>0</v>
      </c>
      <c r="BC1327" s="166">
        <v>0</v>
      </c>
      <c r="BD1327" s="166">
        <v>0</v>
      </c>
      <c r="BE1327" s="166">
        <v>0</v>
      </c>
      <c r="BF1327" s="166">
        <v>0</v>
      </c>
      <c r="BG1327" s="166">
        <v>0</v>
      </c>
      <c r="BH1327" s="166">
        <v>0</v>
      </c>
      <c r="BI1327" s="166">
        <v>0</v>
      </c>
      <c r="BJ1327" s="166">
        <v>0</v>
      </c>
      <c r="BK1327" s="166">
        <v>0</v>
      </c>
      <c r="BL1327" s="166">
        <v>0</v>
      </c>
      <c r="BM1327" s="166">
        <v>0</v>
      </c>
      <c r="BN1327" s="166">
        <v>0</v>
      </c>
      <c r="BO1327" s="166">
        <v>0</v>
      </c>
      <c r="BP1327" s="166">
        <v>0</v>
      </c>
      <c r="BQ1327" s="166">
        <v>0</v>
      </c>
      <c r="BR1327" s="166">
        <v>348595.16968120303</v>
      </c>
      <c r="BS1327" s="166">
        <v>348595.16968120303</v>
      </c>
      <c r="BT1327" s="168">
        <v>1</v>
      </c>
      <c r="BU1327" s="166">
        <v>40070.866571364197</v>
      </c>
      <c r="BV1327" s="166">
        <v>348595.16968120303</v>
      </c>
      <c r="BW1327" s="166">
        <v>0</v>
      </c>
      <c r="BX1327" s="166">
        <v>0</v>
      </c>
      <c r="BY1327" s="166">
        <v>0</v>
      </c>
      <c r="BZ1327" s="166">
        <v>0</v>
      </c>
      <c r="CA1327" s="166">
        <v>0</v>
      </c>
      <c r="CB1327" s="166">
        <v>0</v>
      </c>
      <c r="CC1327" s="166">
        <v>0</v>
      </c>
      <c r="CD1327" s="166">
        <v>0</v>
      </c>
      <c r="CE1327" s="166">
        <v>0</v>
      </c>
      <c r="CF1327" s="166">
        <v>0</v>
      </c>
      <c r="CG1327" s="166">
        <v>0</v>
      </c>
      <c r="CH1327" s="166">
        <v>0</v>
      </c>
      <c r="CI1327" s="166">
        <v>0</v>
      </c>
      <c r="CJ1327" s="166">
        <v>0</v>
      </c>
      <c r="CK1327" s="166">
        <v>0</v>
      </c>
      <c r="CL1327" s="166">
        <v>0</v>
      </c>
      <c r="CM1327" s="166">
        <v>0</v>
      </c>
      <c r="CN1327" s="166">
        <v>0</v>
      </c>
      <c r="CO1327" s="166">
        <v>0</v>
      </c>
      <c r="CP1327" s="166">
        <v>0</v>
      </c>
      <c r="CQ1327" s="166">
        <v>0</v>
      </c>
      <c r="CR1327" s="166">
        <v>0</v>
      </c>
      <c r="CS1327" s="166">
        <v>0</v>
      </c>
      <c r="CT1327" s="166">
        <v>0</v>
      </c>
      <c r="CU1327" s="166">
        <v>0</v>
      </c>
      <c r="CV1327" s="166">
        <v>0</v>
      </c>
      <c r="CW1327" s="166">
        <v>0</v>
      </c>
      <c r="CX1327" s="166">
        <v>0</v>
      </c>
      <c r="CY1327" s="166">
        <v>348595.16968120303</v>
      </c>
      <c r="CZ1327" s="166">
        <v>348595.16968120303</v>
      </c>
    </row>
    <row r="1328" spans="1:104" x14ac:dyDescent="0.2">
      <c r="A1328" s="167" t="s">
        <v>1118</v>
      </c>
      <c r="B1328" s="166">
        <v>167068.40319733799</v>
      </c>
      <c r="C1328" s="166">
        <v>167068.40319733799</v>
      </c>
      <c r="D1328" s="166">
        <v>0</v>
      </c>
      <c r="E1328" s="166">
        <v>0</v>
      </c>
      <c r="F1328" s="166">
        <v>0</v>
      </c>
      <c r="G1328" s="166">
        <v>0</v>
      </c>
      <c r="H1328" s="166">
        <v>0</v>
      </c>
      <c r="I1328" s="166">
        <v>0</v>
      </c>
      <c r="J1328" s="166">
        <v>0</v>
      </c>
      <c r="K1328" s="166">
        <v>0</v>
      </c>
      <c r="L1328" s="166">
        <v>0</v>
      </c>
      <c r="M1328" s="166">
        <v>0</v>
      </c>
      <c r="N1328" s="166">
        <v>0</v>
      </c>
      <c r="O1328" s="166">
        <v>0</v>
      </c>
      <c r="P1328" s="166">
        <v>0</v>
      </c>
      <c r="Q1328" s="166">
        <v>0</v>
      </c>
      <c r="R1328" s="166">
        <v>0</v>
      </c>
      <c r="S1328" s="166">
        <v>0</v>
      </c>
      <c r="T1328" s="166">
        <v>0</v>
      </c>
      <c r="U1328" s="166">
        <v>0</v>
      </c>
      <c r="V1328" s="166">
        <v>0</v>
      </c>
      <c r="W1328" s="166">
        <v>0</v>
      </c>
      <c r="X1328" s="166">
        <v>0</v>
      </c>
      <c r="Y1328" s="166">
        <v>0</v>
      </c>
      <c r="Z1328" s="166">
        <v>0</v>
      </c>
      <c r="AA1328" s="166">
        <v>0</v>
      </c>
      <c r="AB1328" s="166">
        <v>0</v>
      </c>
      <c r="AC1328" s="166">
        <v>0</v>
      </c>
      <c r="AD1328" s="166">
        <v>0</v>
      </c>
      <c r="AE1328" s="166">
        <v>0</v>
      </c>
      <c r="AF1328" s="166">
        <v>0</v>
      </c>
      <c r="AG1328" s="166">
        <v>0</v>
      </c>
      <c r="AH1328" s="166">
        <v>0</v>
      </c>
      <c r="AI1328" s="166">
        <v>0</v>
      </c>
      <c r="AJ1328" s="166">
        <v>0</v>
      </c>
      <c r="AK1328" s="166">
        <v>0</v>
      </c>
      <c r="AL1328" s="166">
        <v>0</v>
      </c>
      <c r="AM1328" s="166">
        <v>0</v>
      </c>
      <c r="AN1328" s="166">
        <v>0</v>
      </c>
      <c r="AO1328" s="166">
        <v>0</v>
      </c>
      <c r="AP1328" s="166">
        <v>0</v>
      </c>
      <c r="AQ1328" s="166">
        <v>0</v>
      </c>
      <c r="AR1328" s="166">
        <v>0</v>
      </c>
      <c r="AS1328" s="166">
        <v>0</v>
      </c>
      <c r="AT1328" s="166">
        <v>0</v>
      </c>
      <c r="AU1328" s="166">
        <v>0</v>
      </c>
      <c r="AV1328" s="166">
        <v>0</v>
      </c>
      <c r="AW1328" s="166">
        <v>0</v>
      </c>
      <c r="AX1328" s="166">
        <v>0</v>
      </c>
      <c r="AY1328" s="166">
        <v>0</v>
      </c>
      <c r="AZ1328" s="166">
        <v>0</v>
      </c>
      <c r="BA1328" s="166">
        <v>0</v>
      </c>
      <c r="BB1328" s="166">
        <v>0</v>
      </c>
      <c r="BC1328" s="166">
        <v>0</v>
      </c>
      <c r="BD1328" s="166">
        <v>0</v>
      </c>
      <c r="BE1328" s="166">
        <v>0</v>
      </c>
      <c r="BF1328" s="166">
        <v>0</v>
      </c>
      <c r="BG1328" s="166">
        <v>0</v>
      </c>
      <c r="BH1328" s="166">
        <v>0</v>
      </c>
      <c r="BI1328" s="166">
        <v>0</v>
      </c>
      <c r="BJ1328" s="166">
        <v>0</v>
      </c>
      <c r="BK1328" s="166">
        <v>0</v>
      </c>
      <c r="BL1328" s="166">
        <v>0</v>
      </c>
      <c r="BM1328" s="166">
        <v>0</v>
      </c>
      <c r="BN1328" s="166">
        <v>0</v>
      </c>
      <c r="BO1328" s="166">
        <v>0</v>
      </c>
      <c r="BP1328" s="166">
        <v>0</v>
      </c>
      <c r="BQ1328" s="166">
        <v>0</v>
      </c>
      <c r="BR1328" s="166">
        <v>167068.40319733799</v>
      </c>
      <c r="BS1328" s="166">
        <v>167068.40319733799</v>
      </c>
      <c r="BT1328" s="168">
        <v>1</v>
      </c>
      <c r="BU1328" s="166">
        <v>19489.521802679701</v>
      </c>
      <c r="BV1328" s="166">
        <v>167068.40319733799</v>
      </c>
      <c r="BW1328" s="166">
        <v>0</v>
      </c>
      <c r="BX1328" s="166">
        <v>0</v>
      </c>
      <c r="BY1328" s="166">
        <v>0</v>
      </c>
      <c r="BZ1328" s="166">
        <v>0</v>
      </c>
      <c r="CA1328" s="166">
        <v>0</v>
      </c>
      <c r="CB1328" s="166">
        <v>0</v>
      </c>
      <c r="CC1328" s="166">
        <v>0</v>
      </c>
      <c r="CD1328" s="166">
        <v>0</v>
      </c>
      <c r="CE1328" s="166">
        <v>0</v>
      </c>
      <c r="CF1328" s="166">
        <v>0</v>
      </c>
      <c r="CG1328" s="166">
        <v>0</v>
      </c>
      <c r="CH1328" s="166">
        <v>0</v>
      </c>
      <c r="CI1328" s="166">
        <v>0</v>
      </c>
      <c r="CJ1328" s="166">
        <v>0</v>
      </c>
      <c r="CK1328" s="166">
        <v>0</v>
      </c>
      <c r="CL1328" s="166">
        <v>0</v>
      </c>
      <c r="CM1328" s="166">
        <v>0</v>
      </c>
      <c r="CN1328" s="166">
        <v>0</v>
      </c>
      <c r="CO1328" s="166">
        <v>0</v>
      </c>
      <c r="CP1328" s="166">
        <v>0</v>
      </c>
      <c r="CQ1328" s="166">
        <v>0</v>
      </c>
      <c r="CR1328" s="166">
        <v>0</v>
      </c>
      <c r="CS1328" s="166">
        <v>0</v>
      </c>
      <c r="CT1328" s="166">
        <v>0</v>
      </c>
      <c r="CU1328" s="166">
        <v>0</v>
      </c>
      <c r="CV1328" s="166">
        <v>0</v>
      </c>
      <c r="CW1328" s="166">
        <v>0</v>
      </c>
      <c r="CX1328" s="166">
        <v>0</v>
      </c>
      <c r="CY1328" s="166">
        <v>167068.40319733799</v>
      </c>
      <c r="CZ1328" s="166">
        <v>167068.40319733799</v>
      </c>
    </row>
    <row r="1329" spans="1:104" x14ac:dyDescent="0.2">
      <c r="A1329" s="167" t="s">
        <v>1119</v>
      </c>
      <c r="B1329" s="166">
        <v>43571.613788545401</v>
      </c>
      <c r="C1329" s="166">
        <v>43571.613788545401</v>
      </c>
      <c r="D1329" s="166">
        <v>0</v>
      </c>
      <c r="E1329" s="166">
        <v>0</v>
      </c>
      <c r="F1329" s="166">
        <v>0</v>
      </c>
      <c r="G1329" s="166">
        <v>0</v>
      </c>
      <c r="H1329" s="166">
        <v>0</v>
      </c>
      <c r="I1329" s="166">
        <v>0</v>
      </c>
      <c r="J1329" s="166">
        <v>0</v>
      </c>
      <c r="K1329" s="166">
        <v>0</v>
      </c>
      <c r="L1329" s="166">
        <v>0</v>
      </c>
      <c r="M1329" s="166">
        <v>0</v>
      </c>
      <c r="N1329" s="166">
        <v>0</v>
      </c>
      <c r="O1329" s="166">
        <v>0</v>
      </c>
      <c r="P1329" s="166">
        <v>0</v>
      </c>
      <c r="Q1329" s="166">
        <v>0</v>
      </c>
      <c r="R1329" s="166">
        <v>0</v>
      </c>
      <c r="S1329" s="166">
        <v>0</v>
      </c>
      <c r="T1329" s="166">
        <v>0</v>
      </c>
      <c r="U1329" s="166">
        <v>0</v>
      </c>
      <c r="V1329" s="166">
        <v>0</v>
      </c>
      <c r="W1329" s="166">
        <v>0</v>
      </c>
      <c r="X1329" s="166">
        <v>0</v>
      </c>
      <c r="Y1329" s="166">
        <v>0</v>
      </c>
      <c r="Z1329" s="166">
        <v>0</v>
      </c>
      <c r="AA1329" s="166">
        <v>0</v>
      </c>
      <c r="AB1329" s="166">
        <v>0</v>
      </c>
      <c r="AC1329" s="166">
        <v>0</v>
      </c>
      <c r="AD1329" s="166">
        <v>0</v>
      </c>
      <c r="AE1329" s="166">
        <v>0</v>
      </c>
      <c r="AF1329" s="166">
        <v>0</v>
      </c>
      <c r="AG1329" s="166">
        <v>0</v>
      </c>
      <c r="AH1329" s="166">
        <v>0</v>
      </c>
      <c r="AI1329" s="166">
        <v>0</v>
      </c>
      <c r="AJ1329" s="166">
        <v>0</v>
      </c>
      <c r="AK1329" s="166">
        <v>0</v>
      </c>
      <c r="AL1329" s="166">
        <v>0</v>
      </c>
      <c r="AM1329" s="166">
        <v>0</v>
      </c>
      <c r="AN1329" s="166">
        <v>0</v>
      </c>
      <c r="AO1329" s="166">
        <v>0</v>
      </c>
      <c r="AP1329" s="166">
        <v>0</v>
      </c>
      <c r="AQ1329" s="166">
        <v>0</v>
      </c>
      <c r="AR1329" s="166">
        <v>0</v>
      </c>
      <c r="AS1329" s="166">
        <v>0</v>
      </c>
      <c r="AT1329" s="166">
        <v>0</v>
      </c>
      <c r="AU1329" s="166">
        <v>0</v>
      </c>
      <c r="AV1329" s="166">
        <v>0</v>
      </c>
      <c r="AW1329" s="166">
        <v>0</v>
      </c>
      <c r="AX1329" s="166">
        <v>0</v>
      </c>
      <c r="AY1329" s="166">
        <v>0</v>
      </c>
      <c r="AZ1329" s="166">
        <v>0</v>
      </c>
      <c r="BA1329" s="166">
        <v>0</v>
      </c>
      <c r="BB1329" s="166">
        <v>0</v>
      </c>
      <c r="BC1329" s="166">
        <v>0</v>
      </c>
      <c r="BD1329" s="166">
        <v>0</v>
      </c>
      <c r="BE1329" s="166">
        <v>0</v>
      </c>
      <c r="BF1329" s="166">
        <v>0</v>
      </c>
      <c r="BG1329" s="166">
        <v>0</v>
      </c>
      <c r="BH1329" s="166">
        <v>0</v>
      </c>
      <c r="BI1329" s="166">
        <v>0</v>
      </c>
      <c r="BJ1329" s="166">
        <v>0</v>
      </c>
      <c r="BK1329" s="166">
        <v>0</v>
      </c>
      <c r="BL1329" s="166">
        <v>0</v>
      </c>
      <c r="BM1329" s="166">
        <v>0</v>
      </c>
      <c r="BN1329" s="166">
        <v>0</v>
      </c>
      <c r="BO1329" s="166">
        <v>0</v>
      </c>
      <c r="BP1329" s="166">
        <v>0</v>
      </c>
      <c r="BQ1329" s="166">
        <v>0</v>
      </c>
      <c r="BR1329" s="166">
        <v>43571.613788545401</v>
      </c>
      <c r="BS1329" s="166">
        <v>43571.613788545401</v>
      </c>
      <c r="BT1329" s="168">
        <v>1</v>
      </c>
      <c r="BU1329" s="166">
        <v>4865.2978551496999</v>
      </c>
      <c r="BV1329" s="166">
        <v>43571.613788545401</v>
      </c>
      <c r="BW1329" s="166">
        <v>0</v>
      </c>
      <c r="BX1329" s="166">
        <v>0</v>
      </c>
      <c r="BY1329" s="166">
        <v>0</v>
      </c>
      <c r="BZ1329" s="166">
        <v>0</v>
      </c>
      <c r="CA1329" s="166">
        <v>0</v>
      </c>
      <c r="CB1329" s="166">
        <v>0</v>
      </c>
      <c r="CC1329" s="166">
        <v>0</v>
      </c>
      <c r="CD1329" s="166">
        <v>0</v>
      </c>
      <c r="CE1329" s="166">
        <v>0</v>
      </c>
      <c r="CF1329" s="166">
        <v>0</v>
      </c>
      <c r="CG1329" s="166">
        <v>0</v>
      </c>
      <c r="CH1329" s="166">
        <v>0</v>
      </c>
      <c r="CI1329" s="166">
        <v>0</v>
      </c>
      <c r="CJ1329" s="166">
        <v>0</v>
      </c>
      <c r="CK1329" s="166">
        <v>0</v>
      </c>
      <c r="CL1329" s="166">
        <v>0</v>
      </c>
      <c r="CM1329" s="166">
        <v>0</v>
      </c>
      <c r="CN1329" s="166">
        <v>0</v>
      </c>
      <c r="CO1329" s="166">
        <v>0</v>
      </c>
      <c r="CP1329" s="166">
        <v>0</v>
      </c>
      <c r="CQ1329" s="166">
        <v>0</v>
      </c>
      <c r="CR1329" s="166">
        <v>0</v>
      </c>
      <c r="CS1329" s="166">
        <v>0</v>
      </c>
      <c r="CT1329" s="166">
        <v>0</v>
      </c>
      <c r="CU1329" s="166">
        <v>0</v>
      </c>
      <c r="CV1329" s="166">
        <v>0</v>
      </c>
      <c r="CW1329" s="166">
        <v>0</v>
      </c>
      <c r="CX1329" s="166">
        <v>0</v>
      </c>
      <c r="CY1329" s="166">
        <v>43571.613788545401</v>
      </c>
      <c r="CZ1329" s="166">
        <v>43571.613788545401</v>
      </c>
    </row>
    <row r="1330" spans="1:104" x14ac:dyDescent="0.2">
      <c r="A1330" s="167" t="s">
        <v>1120</v>
      </c>
      <c r="B1330" s="166">
        <v>57881.053332912197</v>
      </c>
      <c r="C1330" s="166">
        <v>57881.053332912197</v>
      </c>
      <c r="D1330" s="166">
        <v>0</v>
      </c>
      <c r="E1330" s="166">
        <v>0</v>
      </c>
      <c r="F1330" s="166">
        <v>0</v>
      </c>
      <c r="G1330" s="166">
        <v>0</v>
      </c>
      <c r="H1330" s="166">
        <v>0</v>
      </c>
      <c r="I1330" s="166">
        <v>0</v>
      </c>
      <c r="J1330" s="166">
        <v>0</v>
      </c>
      <c r="K1330" s="166">
        <v>0</v>
      </c>
      <c r="L1330" s="166">
        <v>0</v>
      </c>
      <c r="M1330" s="166">
        <v>0</v>
      </c>
      <c r="N1330" s="166">
        <v>0</v>
      </c>
      <c r="O1330" s="166">
        <v>0</v>
      </c>
      <c r="P1330" s="166">
        <v>0</v>
      </c>
      <c r="Q1330" s="166">
        <v>0</v>
      </c>
      <c r="R1330" s="166">
        <v>0</v>
      </c>
      <c r="S1330" s="166">
        <v>0</v>
      </c>
      <c r="T1330" s="166">
        <v>0</v>
      </c>
      <c r="U1330" s="166">
        <v>0</v>
      </c>
      <c r="V1330" s="166">
        <v>0</v>
      </c>
      <c r="W1330" s="166">
        <v>0</v>
      </c>
      <c r="X1330" s="166">
        <v>0</v>
      </c>
      <c r="Y1330" s="166">
        <v>0</v>
      </c>
      <c r="Z1330" s="166">
        <v>0</v>
      </c>
      <c r="AA1330" s="166">
        <v>0</v>
      </c>
      <c r="AB1330" s="166">
        <v>0</v>
      </c>
      <c r="AC1330" s="166">
        <v>0</v>
      </c>
      <c r="AD1330" s="166">
        <v>0</v>
      </c>
      <c r="AE1330" s="166">
        <v>0</v>
      </c>
      <c r="AF1330" s="166">
        <v>0</v>
      </c>
      <c r="AG1330" s="166">
        <v>0</v>
      </c>
      <c r="AH1330" s="166">
        <v>0</v>
      </c>
      <c r="AI1330" s="166">
        <v>0</v>
      </c>
      <c r="AJ1330" s="166">
        <v>0</v>
      </c>
      <c r="AK1330" s="166">
        <v>0</v>
      </c>
      <c r="AL1330" s="166">
        <v>0</v>
      </c>
      <c r="AM1330" s="166">
        <v>0</v>
      </c>
      <c r="AN1330" s="166">
        <v>0</v>
      </c>
      <c r="AO1330" s="166">
        <v>0</v>
      </c>
      <c r="AP1330" s="166">
        <v>0</v>
      </c>
      <c r="AQ1330" s="166">
        <v>0</v>
      </c>
      <c r="AR1330" s="166">
        <v>0</v>
      </c>
      <c r="AS1330" s="166">
        <v>0</v>
      </c>
      <c r="AT1330" s="166">
        <v>0</v>
      </c>
      <c r="AU1330" s="166">
        <v>0</v>
      </c>
      <c r="AV1330" s="166">
        <v>0</v>
      </c>
      <c r="AW1330" s="166">
        <v>0</v>
      </c>
      <c r="AX1330" s="166">
        <v>0</v>
      </c>
      <c r="AY1330" s="166">
        <v>0</v>
      </c>
      <c r="AZ1330" s="166">
        <v>0</v>
      </c>
      <c r="BA1330" s="166">
        <v>0</v>
      </c>
      <c r="BB1330" s="166">
        <v>0</v>
      </c>
      <c r="BC1330" s="166">
        <v>0</v>
      </c>
      <c r="BD1330" s="166">
        <v>0</v>
      </c>
      <c r="BE1330" s="166">
        <v>0</v>
      </c>
      <c r="BF1330" s="166">
        <v>0</v>
      </c>
      <c r="BG1330" s="166">
        <v>0</v>
      </c>
      <c r="BH1330" s="166">
        <v>0</v>
      </c>
      <c r="BI1330" s="166">
        <v>0</v>
      </c>
      <c r="BJ1330" s="166">
        <v>0</v>
      </c>
      <c r="BK1330" s="166">
        <v>0</v>
      </c>
      <c r="BL1330" s="166">
        <v>0</v>
      </c>
      <c r="BM1330" s="166">
        <v>0</v>
      </c>
      <c r="BN1330" s="166">
        <v>0</v>
      </c>
      <c r="BO1330" s="166">
        <v>0</v>
      </c>
      <c r="BP1330" s="166">
        <v>0</v>
      </c>
      <c r="BQ1330" s="166">
        <v>0</v>
      </c>
      <c r="BR1330" s="166">
        <v>57881.053332912197</v>
      </c>
      <c r="BS1330" s="166">
        <v>57881.053332912197</v>
      </c>
      <c r="BT1330" s="168">
        <v>1</v>
      </c>
      <c r="BU1330" s="166">
        <v>6647.3237708061997</v>
      </c>
      <c r="BV1330" s="166">
        <v>57881.053332912197</v>
      </c>
      <c r="BW1330" s="166">
        <v>0</v>
      </c>
      <c r="BX1330" s="166">
        <v>0</v>
      </c>
      <c r="BY1330" s="166">
        <v>0</v>
      </c>
      <c r="BZ1330" s="166">
        <v>0</v>
      </c>
      <c r="CA1330" s="166">
        <v>0</v>
      </c>
      <c r="CB1330" s="166">
        <v>0</v>
      </c>
      <c r="CC1330" s="166">
        <v>0</v>
      </c>
      <c r="CD1330" s="166">
        <v>0</v>
      </c>
      <c r="CE1330" s="166">
        <v>0</v>
      </c>
      <c r="CF1330" s="166">
        <v>0</v>
      </c>
      <c r="CG1330" s="166">
        <v>0</v>
      </c>
      <c r="CH1330" s="166">
        <v>0</v>
      </c>
      <c r="CI1330" s="166">
        <v>0</v>
      </c>
      <c r="CJ1330" s="166">
        <v>0</v>
      </c>
      <c r="CK1330" s="166">
        <v>0</v>
      </c>
      <c r="CL1330" s="166">
        <v>0</v>
      </c>
      <c r="CM1330" s="166">
        <v>0</v>
      </c>
      <c r="CN1330" s="166">
        <v>0</v>
      </c>
      <c r="CO1330" s="166">
        <v>0</v>
      </c>
      <c r="CP1330" s="166">
        <v>0</v>
      </c>
      <c r="CQ1330" s="166">
        <v>0</v>
      </c>
      <c r="CR1330" s="166">
        <v>0</v>
      </c>
      <c r="CS1330" s="166">
        <v>0</v>
      </c>
      <c r="CT1330" s="166">
        <v>0</v>
      </c>
      <c r="CU1330" s="166">
        <v>0</v>
      </c>
      <c r="CV1330" s="166">
        <v>0</v>
      </c>
      <c r="CW1330" s="166">
        <v>0</v>
      </c>
      <c r="CX1330" s="166">
        <v>0</v>
      </c>
      <c r="CY1330" s="166">
        <v>57881.053332912197</v>
      </c>
      <c r="CZ1330" s="166">
        <v>57881.053332912197</v>
      </c>
    </row>
    <row r="1331" spans="1:104" x14ac:dyDescent="0.2">
      <c r="A1331" s="167" t="s">
        <v>1121</v>
      </c>
      <c r="B1331" s="166">
        <v>0</v>
      </c>
      <c r="C1331" s="166">
        <v>0</v>
      </c>
      <c r="D1331" s="166">
        <v>0</v>
      </c>
      <c r="E1331" s="166">
        <v>0</v>
      </c>
      <c r="F1331" s="166">
        <v>0</v>
      </c>
      <c r="G1331" s="166">
        <v>0</v>
      </c>
      <c r="H1331" s="166">
        <v>0</v>
      </c>
      <c r="I1331" s="166">
        <v>0</v>
      </c>
      <c r="J1331" s="166">
        <v>0</v>
      </c>
      <c r="K1331" s="166">
        <v>0</v>
      </c>
      <c r="L1331" s="166">
        <v>0</v>
      </c>
      <c r="M1331" s="166">
        <v>0</v>
      </c>
      <c r="N1331" s="166">
        <v>0</v>
      </c>
      <c r="O1331" s="166">
        <v>0</v>
      </c>
      <c r="P1331" s="166">
        <v>0</v>
      </c>
      <c r="Q1331" s="166">
        <v>0</v>
      </c>
      <c r="R1331" s="166">
        <v>0</v>
      </c>
      <c r="S1331" s="166">
        <v>0</v>
      </c>
      <c r="T1331" s="166">
        <v>0</v>
      </c>
      <c r="U1331" s="166">
        <v>0</v>
      </c>
      <c r="V1331" s="166">
        <v>0</v>
      </c>
      <c r="W1331" s="166">
        <v>0</v>
      </c>
      <c r="X1331" s="166">
        <v>0</v>
      </c>
      <c r="Y1331" s="166">
        <v>0</v>
      </c>
      <c r="Z1331" s="166">
        <v>0</v>
      </c>
      <c r="AA1331" s="166">
        <v>0</v>
      </c>
      <c r="AB1331" s="166">
        <v>0</v>
      </c>
      <c r="AC1331" s="166">
        <v>0</v>
      </c>
      <c r="AD1331" s="166">
        <v>0</v>
      </c>
      <c r="AE1331" s="166">
        <v>0</v>
      </c>
      <c r="AF1331" s="166">
        <v>0</v>
      </c>
      <c r="AG1331" s="166">
        <v>0</v>
      </c>
      <c r="AH1331" s="166">
        <v>0</v>
      </c>
      <c r="AI1331" s="166">
        <v>0</v>
      </c>
      <c r="AJ1331" s="166">
        <v>0</v>
      </c>
      <c r="AK1331" s="166">
        <v>0</v>
      </c>
      <c r="AL1331" s="166">
        <v>0</v>
      </c>
      <c r="AM1331" s="166">
        <v>0</v>
      </c>
      <c r="AN1331" s="166">
        <v>0</v>
      </c>
      <c r="AO1331" s="166">
        <v>0</v>
      </c>
      <c r="AP1331" s="166">
        <v>0</v>
      </c>
      <c r="AQ1331" s="166">
        <v>0</v>
      </c>
      <c r="AR1331" s="166">
        <v>0</v>
      </c>
      <c r="AS1331" s="166">
        <v>0</v>
      </c>
      <c r="AT1331" s="166">
        <v>0</v>
      </c>
      <c r="AU1331" s="166">
        <v>0</v>
      </c>
      <c r="AV1331" s="166">
        <v>0</v>
      </c>
      <c r="AW1331" s="166">
        <v>0</v>
      </c>
      <c r="AX1331" s="166">
        <v>0</v>
      </c>
      <c r="AY1331" s="166">
        <v>0</v>
      </c>
      <c r="AZ1331" s="166">
        <v>0</v>
      </c>
      <c r="BA1331" s="166">
        <v>0</v>
      </c>
      <c r="BB1331" s="166">
        <v>0</v>
      </c>
      <c r="BC1331" s="166">
        <v>0</v>
      </c>
      <c r="BD1331" s="166">
        <v>0</v>
      </c>
      <c r="BE1331" s="166">
        <v>0</v>
      </c>
      <c r="BF1331" s="166">
        <v>0</v>
      </c>
      <c r="BG1331" s="166">
        <v>0</v>
      </c>
      <c r="BH1331" s="166">
        <v>0</v>
      </c>
      <c r="BI1331" s="166">
        <v>0</v>
      </c>
      <c r="BJ1331" s="166">
        <v>0</v>
      </c>
      <c r="BK1331" s="166">
        <v>0</v>
      </c>
      <c r="BL1331" s="166">
        <v>0</v>
      </c>
      <c r="BM1331" s="166">
        <v>0</v>
      </c>
      <c r="BN1331" s="166">
        <v>0</v>
      </c>
      <c r="BO1331" s="166">
        <v>0</v>
      </c>
      <c r="BP1331" s="166">
        <v>0</v>
      </c>
      <c r="BQ1331" s="166">
        <v>0</v>
      </c>
      <c r="BR1331" s="166">
        <v>0</v>
      </c>
      <c r="BS1331" s="166">
        <v>0</v>
      </c>
      <c r="BT1331" s="168">
        <v>1</v>
      </c>
      <c r="BU1331" s="166">
        <v>0</v>
      </c>
      <c r="BV1331" s="166">
        <v>0</v>
      </c>
      <c r="BW1331" s="166">
        <v>0</v>
      </c>
      <c r="BX1331" s="166">
        <v>0</v>
      </c>
      <c r="BY1331" s="166">
        <v>0</v>
      </c>
      <c r="BZ1331" s="166">
        <v>0</v>
      </c>
      <c r="CA1331" s="166">
        <v>0</v>
      </c>
      <c r="CB1331" s="166">
        <v>0</v>
      </c>
      <c r="CC1331" s="166">
        <v>0</v>
      </c>
      <c r="CD1331" s="166">
        <v>0</v>
      </c>
      <c r="CE1331" s="166">
        <v>0</v>
      </c>
      <c r="CF1331" s="166">
        <v>0</v>
      </c>
      <c r="CG1331" s="166">
        <v>0</v>
      </c>
      <c r="CH1331" s="166">
        <v>0</v>
      </c>
      <c r="CI1331" s="166">
        <v>0</v>
      </c>
      <c r="CJ1331" s="166">
        <v>0</v>
      </c>
      <c r="CK1331" s="166">
        <v>0</v>
      </c>
      <c r="CL1331" s="166">
        <v>0</v>
      </c>
      <c r="CM1331" s="166">
        <v>0</v>
      </c>
      <c r="CN1331" s="166">
        <v>0</v>
      </c>
      <c r="CO1331" s="166">
        <v>0</v>
      </c>
      <c r="CP1331" s="166">
        <v>0</v>
      </c>
      <c r="CQ1331" s="166">
        <v>0</v>
      </c>
      <c r="CR1331" s="166">
        <v>0</v>
      </c>
      <c r="CS1331" s="166">
        <v>0</v>
      </c>
      <c r="CT1331" s="166">
        <v>0</v>
      </c>
      <c r="CU1331" s="166">
        <v>0</v>
      </c>
      <c r="CV1331" s="166">
        <v>0</v>
      </c>
      <c r="CW1331" s="166">
        <v>0</v>
      </c>
      <c r="CX1331" s="166">
        <v>0</v>
      </c>
      <c r="CY1331" s="166">
        <v>0</v>
      </c>
      <c r="CZ1331" s="166">
        <v>0</v>
      </c>
    </row>
    <row r="1332" spans="1:104" x14ac:dyDescent="0.2">
      <c r="A1332" s="167" t="s">
        <v>1122</v>
      </c>
      <c r="B1332" s="166">
        <v>617116.23999999894</v>
      </c>
      <c r="C1332" s="166">
        <v>617116.23999999894</v>
      </c>
      <c r="D1332" s="166">
        <v>0</v>
      </c>
      <c r="E1332" s="166">
        <v>0</v>
      </c>
      <c r="F1332" s="166">
        <v>0</v>
      </c>
      <c r="G1332" s="166">
        <v>0</v>
      </c>
      <c r="H1332" s="166">
        <v>0</v>
      </c>
      <c r="I1332" s="166">
        <v>0</v>
      </c>
      <c r="J1332" s="166">
        <v>0</v>
      </c>
      <c r="K1332" s="166">
        <v>0</v>
      </c>
      <c r="L1332" s="166">
        <v>0</v>
      </c>
      <c r="M1332" s="166">
        <v>0</v>
      </c>
      <c r="N1332" s="166">
        <v>0</v>
      </c>
      <c r="O1332" s="166">
        <v>0</v>
      </c>
      <c r="P1332" s="166">
        <v>0</v>
      </c>
      <c r="Q1332" s="166">
        <v>0</v>
      </c>
      <c r="R1332" s="166">
        <v>0</v>
      </c>
      <c r="S1332" s="166">
        <v>0</v>
      </c>
      <c r="T1332" s="166">
        <v>0</v>
      </c>
      <c r="U1332" s="166">
        <v>0</v>
      </c>
      <c r="V1332" s="166">
        <v>0</v>
      </c>
      <c r="W1332" s="166">
        <v>0</v>
      </c>
      <c r="X1332" s="166">
        <v>0</v>
      </c>
      <c r="Y1332" s="166">
        <v>0</v>
      </c>
      <c r="Z1332" s="166">
        <v>0</v>
      </c>
      <c r="AA1332" s="166">
        <v>0</v>
      </c>
      <c r="AB1332" s="166">
        <v>0</v>
      </c>
      <c r="AC1332" s="166">
        <v>0</v>
      </c>
      <c r="AD1332" s="166">
        <v>0</v>
      </c>
      <c r="AE1332" s="166">
        <v>0</v>
      </c>
      <c r="AF1332" s="166">
        <v>0</v>
      </c>
      <c r="AG1332" s="166">
        <v>0</v>
      </c>
      <c r="AH1332" s="166">
        <v>0</v>
      </c>
      <c r="AI1332" s="166">
        <v>0</v>
      </c>
      <c r="AJ1332" s="166">
        <v>0</v>
      </c>
      <c r="AK1332" s="166">
        <v>0</v>
      </c>
      <c r="AL1332" s="166">
        <v>0</v>
      </c>
      <c r="AM1332" s="166">
        <v>0</v>
      </c>
      <c r="AN1332" s="166">
        <v>0</v>
      </c>
      <c r="AO1332" s="166">
        <v>0</v>
      </c>
      <c r="AP1332" s="166">
        <v>0</v>
      </c>
      <c r="AQ1332" s="166">
        <v>0</v>
      </c>
      <c r="AR1332" s="166">
        <v>0</v>
      </c>
      <c r="AS1332" s="166">
        <v>0</v>
      </c>
      <c r="AT1332" s="166">
        <v>0</v>
      </c>
      <c r="AU1332" s="166">
        <v>0</v>
      </c>
      <c r="AV1332" s="166">
        <v>0</v>
      </c>
      <c r="AW1332" s="166">
        <v>0</v>
      </c>
      <c r="AX1332" s="166">
        <v>0</v>
      </c>
      <c r="AY1332" s="166">
        <v>0</v>
      </c>
      <c r="AZ1332" s="166">
        <v>0</v>
      </c>
      <c r="BA1332" s="166">
        <v>0</v>
      </c>
      <c r="BB1332" s="166">
        <v>0</v>
      </c>
      <c r="BC1332" s="166">
        <v>0</v>
      </c>
      <c r="BD1332" s="166">
        <v>0</v>
      </c>
      <c r="BE1332" s="166">
        <v>0</v>
      </c>
      <c r="BF1332" s="166">
        <v>0</v>
      </c>
      <c r="BG1332" s="166">
        <v>0</v>
      </c>
      <c r="BH1332" s="166">
        <v>0</v>
      </c>
      <c r="BI1332" s="166">
        <v>0</v>
      </c>
      <c r="BJ1332" s="166">
        <v>0</v>
      </c>
      <c r="BK1332" s="166">
        <v>0</v>
      </c>
      <c r="BL1332" s="166">
        <v>0</v>
      </c>
      <c r="BM1332" s="166">
        <v>0</v>
      </c>
      <c r="BN1332" s="166">
        <v>0</v>
      </c>
      <c r="BO1332" s="166">
        <v>0</v>
      </c>
      <c r="BP1332" s="166">
        <v>0</v>
      </c>
      <c r="BQ1332" s="166">
        <v>0</v>
      </c>
      <c r="BR1332" s="166">
        <v>617116.23999999894</v>
      </c>
      <c r="BS1332" s="166">
        <v>617116.23999999894</v>
      </c>
      <c r="BT1332" s="171">
        <v>0</v>
      </c>
      <c r="BU1332" s="166">
        <v>71073.009999999995</v>
      </c>
      <c r="BV1332" s="166">
        <v>617116.23999999894</v>
      </c>
      <c r="BW1332" s="166">
        <v>0</v>
      </c>
      <c r="BX1332" s="166">
        <v>0</v>
      </c>
      <c r="BY1332" s="166">
        <v>0</v>
      </c>
      <c r="BZ1332" s="166">
        <v>0</v>
      </c>
      <c r="CA1332" s="166">
        <v>0</v>
      </c>
      <c r="CB1332" s="166">
        <v>0</v>
      </c>
      <c r="CC1332" s="166">
        <v>0</v>
      </c>
      <c r="CD1332" s="166">
        <v>0</v>
      </c>
      <c r="CE1332" s="166">
        <v>0</v>
      </c>
      <c r="CF1332" s="166">
        <v>0</v>
      </c>
      <c r="CG1332" s="166">
        <v>0</v>
      </c>
      <c r="CH1332" s="166">
        <v>0</v>
      </c>
      <c r="CI1332" s="166">
        <v>0</v>
      </c>
      <c r="CJ1332" s="166">
        <v>0</v>
      </c>
      <c r="CK1332" s="166">
        <v>0</v>
      </c>
      <c r="CL1332" s="166">
        <v>0</v>
      </c>
      <c r="CM1332" s="166">
        <v>0</v>
      </c>
      <c r="CN1332" s="166">
        <v>0</v>
      </c>
      <c r="CO1332" s="166">
        <v>0</v>
      </c>
      <c r="CP1332" s="166">
        <v>0</v>
      </c>
      <c r="CQ1332" s="166">
        <v>0</v>
      </c>
      <c r="CR1332" s="166">
        <v>0</v>
      </c>
      <c r="CS1332" s="166">
        <v>0</v>
      </c>
      <c r="CT1332" s="166">
        <v>0</v>
      </c>
      <c r="CU1332" s="166">
        <v>0</v>
      </c>
      <c r="CV1332" s="166">
        <v>0</v>
      </c>
      <c r="CW1332" s="166">
        <v>0</v>
      </c>
      <c r="CX1332" s="166">
        <v>0</v>
      </c>
      <c r="CY1332" s="166">
        <v>617116.23999999894</v>
      </c>
      <c r="CZ1332" s="166">
        <v>617116.23999999894</v>
      </c>
    </row>
    <row r="1333" spans="1:104" x14ac:dyDescent="0.2">
      <c r="A1333" s="167" t="s">
        <v>303</v>
      </c>
    </row>
    <row r="1334" spans="1:104" x14ac:dyDescent="0.2">
      <c r="A1334" s="167" t="s">
        <v>1123</v>
      </c>
      <c r="B1334" s="166">
        <v>2027.72631167497</v>
      </c>
      <c r="C1334" s="166">
        <v>2027.72631167497</v>
      </c>
      <c r="D1334" s="166">
        <v>0</v>
      </c>
      <c r="E1334" s="166">
        <v>0</v>
      </c>
      <c r="F1334" s="166">
        <v>0</v>
      </c>
      <c r="G1334" s="166">
        <v>0</v>
      </c>
      <c r="H1334" s="166">
        <v>0</v>
      </c>
      <c r="I1334" s="166">
        <v>0</v>
      </c>
      <c r="J1334" s="166">
        <v>0</v>
      </c>
      <c r="K1334" s="166">
        <v>0</v>
      </c>
      <c r="L1334" s="166">
        <v>0</v>
      </c>
      <c r="M1334" s="166">
        <v>0</v>
      </c>
      <c r="N1334" s="166">
        <v>0</v>
      </c>
      <c r="O1334" s="166">
        <v>0</v>
      </c>
      <c r="P1334" s="166">
        <v>0</v>
      </c>
      <c r="Q1334" s="166">
        <v>0</v>
      </c>
      <c r="R1334" s="166">
        <v>0</v>
      </c>
      <c r="S1334" s="166">
        <v>0</v>
      </c>
      <c r="T1334" s="166">
        <v>0</v>
      </c>
      <c r="U1334" s="166">
        <v>0</v>
      </c>
      <c r="V1334" s="166">
        <v>0</v>
      </c>
      <c r="W1334" s="166">
        <v>0</v>
      </c>
      <c r="X1334" s="166">
        <v>0</v>
      </c>
      <c r="Y1334" s="166">
        <v>0</v>
      </c>
      <c r="Z1334" s="166">
        <v>0</v>
      </c>
      <c r="AA1334" s="166">
        <v>0</v>
      </c>
      <c r="AB1334" s="166">
        <v>0</v>
      </c>
      <c r="AC1334" s="166">
        <v>0</v>
      </c>
      <c r="AD1334" s="166">
        <v>0</v>
      </c>
      <c r="AE1334" s="166">
        <v>0</v>
      </c>
      <c r="AF1334" s="166">
        <v>0</v>
      </c>
      <c r="AG1334" s="166">
        <v>0</v>
      </c>
      <c r="AH1334" s="166">
        <v>0</v>
      </c>
      <c r="AI1334" s="166">
        <v>0</v>
      </c>
      <c r="AJ1334" s="166">
        <v>0</v>
      </c>
      <c r="AK1334" s="166">
        <v>0</v>
      </c>
      <c r="AL1334" s="166">
        <v>0</v>
      </c>
      <c r="AM1334" s="166">
        <v>0</v>
      </c>
      <c r="AN1334" s="166">
        <v>0</v>
      </c>
      <c r="AO1334" s="166">
        <v>0</v>
      </c>
      <c r="AP1334" s="166">
        <v>0</v>
      </c>
      <c r="AQ1334" s="166">
        <v>0</v>
      </c>
      <c r="AR1334" s="166">
        <v>0</v>
      </c>
      <c r="AS1334" s="166">
        <v>0</v>
      </c>
      <c r="AT1334" s="166">
        <v>0</v>
      </c>
      <c r="AU1334" s="166">
        <v>0</v>
      </c>
      <c r="AV1334" s="166">
        <v>0</v>
      </c>
      <c r="AW1334" s="166">
        <v>0</v>
      </c>
      <c r="AX1334" s="166">
        <v>0</v>
      </c>
      <c r="AY1334" s="166">
        <v>0</v>
      </c>
      <c r="AZ1334" s="166">
        <v>0</v>
      </c>
      <c r="BA1334" s="166">
        <v>0</v>
      </c>
      <c r="BB1334" s="166">
        <v>0</v>
      </c>
      <c r="BC1334" s="166">
        <v>0</v>
      </c>
      <c r="BD1334" s="166">
        <v>0</v>
      </c>
      <c r="BE1334" s="166">
        <v>0</v>
      </c>
      <c r="BF1334" s="166">
        <v>0</v>
      </c>
      <c r="BG1334" s="166">
        <v>0</v>
      </c>
      <c r="BH1334" s="166">
        <v>0</v>
      </c>
      <c r="BI1334" s="166">
        <v>0</v>
      </c>
      <c r="BJ1334" s="166">
        <v>0</v>
      </c>
      <c r="BK1334" s="166">
        <v>0</v>
      </c>
      <c r="BL1334" s="166">
        <v>0</v>
      </c>
      <c r="BM1334" s="166">
        <v>0</v>
      </c>
      <c r="BN1334" s="166">
        <v>0</v>
      </c>
      <c r="BO1334" s="166">
        <v>0</v>
      </c>
      <c r="BP1334" s="166">
        <v>0</v>
      </c>
      <c r="BQ1334" s="166">
        <v>0</v>
      </c>
      <c r="BR1334" s="166">
        <v>2027.72631167497</v>
      </c>
      <c r="BS1334" s="166">
        <v>2027.72631167497</v>
      </c>
      <c r="BT1334" s="168">
        <v>1</v>
      </c>
      <c r="BU1334" s="166">
        <v>173.88425056899001</v>
      </c>
      <c r="BV1334" s="166">
        <v>2027.72631167497</v>
      </c>
      <c r="BW1334" s="166">
        <v>0</v>
      </c>
      <c r="BX1334" s="166">
        <v>0</v>
      </c>
      <c r="BY1334" s="166">
        <v>0</v>
      </c>
      <c r="BZ1334" s="166">
        <v>0</v>
      </c>
      <c r="CA1334" s="166">
        <v>0</v>
      </c>
      <c r="CB1334" s="166">
        <v>0</v>
      </c>
      <c r="CC1334" s="166">
        <v>0</v>
      </c>
      <c r="CD1334" s="166">
        <v>0</v>
      </c>
      <c r="CE1334" s="166">
        <v>0</v>
      </c>
      <c r="CF1334" s="166">
        <v>0</v>
      </c>
      <c r="CG1334" s="166">
        <v>0</v>
      </c>
      <c r="CH1334" s="166">
        <v>0</v>
      </c>
      <c r="CI1334" s="166">
        <v>0</v>
      </c>
      <c r="CJ1334" s="166">
        <v>0</v>
      </c>
      <c r="CK1334" s="166">
        <v>0</v>
      </c>
      <c r="CL1334" s="166">
        <v>0</v>
      </c>
      <c r="CM1334" s="166">
        <v>0</v>
      </c>
      <c r="CN1334" s="166">
        <v>0</v>
      </c>
      <c r="CO1334" s="166">
        <v>0</v>
      </c>
      <c r="CP1334" s="166">
        <v>0</v>
      </c>
      <c r="CQ1334" s="166">
        <v>0</v>
      </c>
      <c r="CR1334" s="166">
        <v>0</v>
      </c>
      <c r="CS1334" s="166">
        <v>0</v>
      </c>
      <c r="CT1334" s="166">
        <v>0</v>
      </c>
      <c r="CU1334" s="166">
        <v>0</v>
      </c>
      <c r="CV1334" s="166">
        <v>0</v>
      </c>
      <c r="CW1334" s="166">
        <v>0</v>
      </c>
      <c r="CX1334" s="166">
        <v>0</v>
      </c>
      <c r="CY1334" s="166">
        <v>2027.72631167497</v>
      </c>
      <c r="CZ1334" s="166">
        <v>2027.72631167497</v>
      </c>
    </row>
    <row r="1335" spans="1:104" x14ac:dyDescent="0.2">
      <c r="A1335" s="167" t="s">
        <v>1124</v>
      </c>
      <c r="B1335" s="166">
        <v>970.49934543079598</v>
      </c>
      <c r="C1335" s="166">
        <v>970.49934543079598</v>
      </c>
      <c r="D1335" s="166">
        <v>0</v>
      </c>
      <c r="E1335" s="166">
        <v>0</v>
      </c>
      <c r="F1335" s="166">
        <v>0</v>
      </c>
      <c r="G1335" s="166">
        <v>0</v>
      </c>
      <c r="H1335" s="166">
        <v>0</v>
      </c>
      <c r="I1335" s="166">
        <v>0</v>
      </c>
      <c r="J1335" s="166">
        <v>0</v>
      </c>
      <c r="K1335" s="166">
        <v>0</v>
      </c>
      <c r="L1335" s="166">
        <v>0</v>
      </c>
      <c r="M1335" s="166">
        <v>0</v>
      </c>
      <c r="N1335" s="166">
        <v>0</v>
      </c>
      <c r="O1335" s="166">
        <v>0</v>
      </c>
      <c r="P1335" s="166">
        <v>0</v>
      </c>
      <c r="Q1335" s="166">
        <v>0</v>
      </c>
      <c r="R1335" s="166">
        <v>0</v>
      </c>
      <c r="S1335" s="166">
        <v>0</v>
      </c>
      <c r="T1335" s="166">
        <v>0</v>
      </c>
      <c r="U1335" s="166">
        <v>0</v>
      </c>
      <c r="V1335" s="166">
        <v>0</v>
      </c>
      <c r="W1335" s="166">
        <v>0</v>
      </c>
      <c r="X1335" s="166">
        <v>0</v>
      </c>
      <c r="Y1335" s="166">
        <v>0</v>
      </c>
      <c r="Z1335" s="166">
        <v>0</v>
      </c>
      <c r="AA1335" s="166">
        <v>0</v>
      </c>
      <c r="AB1335" s="166">
        <v>0</v>
      </c>
      <c r="AC1335" s="166">
        <v>0</v>
      </c>
      <c r="AD1335" s="166">
        <v>0</v>
      </c>
      <c r="AE1335" s="166">
        <v>0</v>
      </c>
      <c r="AF1335" s="166">
        <v>0</v>
      </c>
      <c r="AG1335" s="166">
        <v>0</v>
      </c>
      <c r="AH1335" s="166">
        <v>0</v>
      </c>
      <c r="AI1335" s="166">
        <v>0</v>
      </c>
      <c r="AJ1335" s="166">
        <v>0</v>
      </c>
      <c r="AK1335" s="166">
        <v>0</v>
      </c>
      <c r="AL1335" s="166">
        <v>0</v>
      </c>
      <c r="AM1335" s="166">
        <v>0</v>
      </c>
      <c r="AN1335" s="166">
        <v>0</v>
      </c>
      <c r="AO1335" s="166">
        <v>0</v>
      </c>
      <c r="AP1335" s="166">
        <v>0</v>
      </c>
      <c r="AQ1335" s="166">
        <v>0</v>
      </c>
      <c r="AR1335" s="166">
        <v>0</v>
      </c>
      <c r="AS1335" s="166">
        <v>0</v>
      </c>
      <c r="AT1335" s="166">
        <v>0</v>
      </c>
      <c r="AU1335" s="166">
        <v>0</v>
      </c>
      <c r="AV1335" s="166">
        <v>0</v>
      </c>
      <c r="AW1335" s="166">
        <v>0</v>
      </c>
      <c r="AX1335" s="166">
        <v>0</v>
      </c>
      <c r="AY1335" s="166">
        <v>0</v>
      </c>
      <c r="AZ1335" s="166">
        <v>0</v>
      </c>
      <c r="BA1335" s="166">
        <v>0</v>
      </c>
      <c r="BB1335" s="166">
        <v>0</v>
      </c>
      <c r="BC1335" s="166">
        <v>0</v>
      </c>
      <c r="BD1335" s="166">
        <v>0</v>
      </c>
      <c r="BE1335" s="166">
        <v>0</v>
      </c>
      <c r="BF1335" s="166">
        <v>0</v>
      </c>
      <c r="BG1335" s="166">
        <v>0</v>
      </c>
      <c r="BH1335" s="166">
        <v>0</v>
      </c>
      <c r="BI1335" s="166">
        <v>0</v>
      </c>
      <c r="BJ1335" s="166">
        <v>0</v>
      </c>
      <c r="BK1335" s="166">
        <v>0</v>
      </c>
      <c r="BL1335" s="166">
        <v>0</v>
      </c>
      <c r="BM1335" s="166">
        <v>0</v>
      </c>
      <c r="BN1335" s="166">
        <v>0</v>
      </c>
      <c r="BO1335" s="166">
        <v>0</v>
      </c>
      <c r="BP1335" s="166">
        <v>0</v>
      </c>
      <c r="BQ1335" s="166">
        <v>0</v>
      </c>
      <c r="BR1335" s="166">
        <v>970.49934543079598</v>
      </c>
      <c r="BS1335" s="166">
        <v>970.49934543079598</v>
      </c>
      <c r="BT1335" s="168">
        <v>1</v>
      </c>
      <c r="BU1335" s="166">
        <v>84.5731870203375</v>
      </c>
      <c r="BV1335" s="166">
        <v>970.49934543079598</v>
      </c>
      <c r="BW1335" s="166">
        <v>0</v>
      </c>
      <c r="BX1335" s="166">
        <v>0</v>
      </c>
      <c r="BY1335" s="166">
        <v>0</v>
      </c>
      <c r="BZ1335" s="166">
        <v>0</v>
      </c>
      <c r="CA1335" s="166">
        <v>0</v>
      </c>
      <c r="CB1335" s="166">
        <v>0</v>
      </c>
      <c r="CC1335" s="166">
        <v>0</v>
      </c>
      <c r="CD1335" s="166">
        <v>0</v>
      </c>
      <c r="CE1335" s="166">
        <v>0</v>
      </c>
      <c r="CF1335" s="166">
        <v>0</v>
      </c>
      <c r="CG1335" s="166">
        <v>0</v>
      </c>
      <c r="CH1335" s="166">
        <v>0</v>
      </c>
      <c r="CI1335" s="166">
        <v>0</v>
      </c>
      <c r="CJ1335" s="166">
        <v>0</v>
      </c>
      <c r="CK1335" s="166">
        <v>0</v>
      </c>
      <c r="CL1335" s="166">
        <v>0</v>
      </c>
      <c r="CM1335" s="166">
        <v>0</v>
      </c>
      <c r="CN1335" s="166">
        <v>0</v>
      </c>
      <c r="CO1335" s="166">
        <v>0</v>
      </c>
      <c r="CP1335" s="166">
        <v>0</v>
      </c>
      <c r="CQ1335" s="166">
        <v>0</v>
      </c>
      <c r="CR1335" s="166">
        <v>0</v>
      </c>
      <c r="CS1335" s="166">
        <v>0</v>
      </c>
      <c r="CT1335" s="166">
        <v>0</v>
      </c>
      <c r="CU1335" s="166">
        <v>0</v>
      </c>
      <c r="CV1335" s="166">
        <v>0</v>
      </c>
      <c r="CW1335" s="166">
        <v>0</v>
      </c>
      <c r="CX1335" s="166">
        <v>0</v>
      </c>
      <c r="CY1335" s="166">
        <v>970.49934543079598</v>
      </c>
      <c r="CZ1335" s="166">
        <v>970.49934543079598</v>
      </c>
    </row>
    <row r="1336" spans="1:104" x14ac:dyDescent="0.2">
      <c r="A1336" s="167" t="s">
        <v>1125</v>
      </c>
      <c r="B1336" s="166">
        <v>254.344342894232</v>
      </c>
      <c r="C1336" s="166">
        <v>254.344342894232</v>
      </c>
      <c r="D1336" s="166">
        <v>0</v>
      </c>
      <c r="E1336" s="166">
        <v>0</v>
      </c>
      <c r="F1336" s="166">
        <v>0</v>
      </c>
      <c r="G1336" s="166">
        <v>0</v>
      </c>
      <c r="H1336" s="166">
        <v>0</v>
      </c>
      <c r="I1336" s="166">
        <v>0</v>
      </c>
      <c r="J1336" s="166">
        <v>0</v>
      </c>
      <c r="K1336" s="166">
        <v>0</v>
      </c>
      <c r="L1336" s="166">
        <v>0</v>
      </c>
      <c r="M1336" s="166">
        <v>0</v>
      </c>
      <c r="N1336" s="166">
        <v>0</v>
      </c>
      <c r="O1336" s="166">
        <v>0</v>
      </c>
      <c r="P1336" s="166">
        <v>0</v>
      </c>
      <c r="Q1336" s="166">
        <v>0</v>
      </c>
      <c r="R1336" s="166">
        <v>0</v>
      </c>
      <c r="S1336" s="166">
        <v>0</v>
      </c>
      <c r="T1336" s="166">
        <v>0</v>
      </c>
      <c r="U1336" s="166">
        <v>0</v>
      </c>
      <c r="V1336" s="166">
        <v>0</v>
      </c>
      <c r="W1336" s="166">
        <v>0</v>
      </c>
      <c r="X1336" s="166">
        <v>0</v>
      </c>
      <c r="Y1336" s="166">
        <v>0</v>
      </c>
      <c r="Z1336" s="166">
        <v>0</v>
      </c>
      <c r="AA1336" s="166">
        <v>0</v>
      </c>
      <c r="AB1336" s="166">
        <v>0</v>
      </c>
      <c r="AC1336" s="166">
        <v>0</v>
      </c>
      <c r="AD1336" s="166">
        <v>0</v>
      </c>
      <c r="AE1336" s="166">
        <v>0</v>
      </c>
      <c r="AF1336" s="166">
        <v>0</v>
      </c>
      <c r="AG1336" s="166">
        <v>0</v>
      </c>
      <c r="AH1336" s="166">
        <v>0</v>
      </c>
      <c r="AI1336" s="166">
        <v>0</v>
      </c>
      <c r="AJ1336" s="166">
        <v>0</v>
      </c>
      <c r="AK1336" s="166">
        <v>0</v>
      </c>
      <c r="AL1336" s="166">
        <v>0</v>
      </c>
      <c r="AM1336" s="166">
        <v>0</v>
      </c>
      <c r="AN1336" s="166">
        <v>0</v>
      </c>
      <c r="AO1336" s="166">
        <v>0</v>
      </c>
      <c r="AP1336" s="166">
        <v>0</v>
      </c>
      <c r="AQ1336" s="166">
        <v>0</v>
      </c>
      <c r="AR1336" s="166">
        <v>0</v>
      </c>
      <c r="AS1336" s="166">
        <v>0</v>
      </c>
      <c r="AT1336" s="166">
        <v>0</v>
      </c>
      <c r="AU1336" s="166">
        <v>0</v>
      </c>
      <c r="AV1336" s="166">
        <v>0</v>
      </c>
      <c r="AW1336" s="166">
        <v>0</v>
      </c>
      <c r="AX1336" s="166">
        <v>0</v>
      </c>
      <c r="AY1336" s="166">
        <v>0</v>
      </c>
      <c r="AZ1336" s="166">
        <v>0</v>
      </c>
      <c r="BA1336" s="166">
        <v>0</v>
      </c>
      <c r="BB1336" s="166">
        <v>0</v>
      </c>
      <c r="BC1336" s="166">
        <v>0</v>
      </c>
      <c r="BD1336" s="166">
        <v>0</v>
      </c>
      <c r="BE1336" s="166">
        <v>0</v>
      </c>
      <c r="BF1336" s="166">
        <v>0</v>
      </c>
      <c r="BG1336" s="166">
        <v>0</v>
      </c>
      <c r="BH1336" s="166">
        <v>0</v>
      </c>
      <c r="BI1336" s="166">
        <v>0</v>
      </c>
      <c r="BJ1336" s="166">
        <v>0</v>
      </c>
      <c r="BK1336" s="166">
        <v>0</v>
      </c>
      <c r="BL1336" s="166">
        <v>0</v>
      </c>
      <c r="BM1336" s="166">
        <v>0</v>
      </c>
      <c r="BN1336" s="166">
        <v>0</v>
      </c>
      <c r="BO1336" s="166">
        <v>0</v>
      </c>
      <c r="BP1336" s="166">
        <v>0</v>
      </c>
      <c r="BQ1336" s="166">
        <v>0</v>
      </c>
      <c r="BR1336" s="166">
        <v>254.344342894232</v>
      </c>
      <c r="BS1336" s="166">
        <v>254.344342894232</v>
      </c>
      <c r="BT1336" s="168">
        <v>1</v>
      </c>
      <c r="BU1336" s="166">
        <v>21.1125624106716</v>
      </c>
      <c r="BV1336" s="166">
        <v>254.344342894232</v>
      </c>
      <c r="BW1336" s="166">
        <v>0</v>
      </c>
      <c r="BX1336" s="166">
        <v>0</v>
      </c>
      <c r="BY1336" s="166">
        <v>0</v>
      </c>
      <c r="BZ1336" s="166">
        <v>0</v>
      </c>
      <c r="CA1336" s="166">
        <v>0</v>
      </c>
      <c r="CB1336" s="166">
        <v>0</v>
      </c>
      <c r="CC1336" s="166">
        <v>0</v>
      </c>
      <c r="CD1336" s="166">
        <v>0</v>
      </c>
      <c r="CE1336" s="166">
        <v>0</v>
      </c>
      <c r="CF1336" s="166">
        <v>0</v>
      </c>
      <c r="CG1336" s="166">
        <v>0</v>
      </c>
      <c r="CH1336" s="166">
        <v>0</v>
      </c>
      <c r="CI1336" s="166">
        <v>0</v>
      </c>
      <c r="CJ1336" s="166">
        <v>0</v>
      </c>
      <c r="CK1336" s="166">
        <v>0</v>
      </c>
      <c r="CL1336" s="166">
        <v>0</v>
      </c>
      <c r="CM1336" s="166">
        <v>0</v>
      </c>
      <c r="CN1336" s="166">
        <v>0</v>
      </c>
      <c r="CO1336" s="166">
        <v>0</v>
      </c>
      <c r="CP1336" s="166">
        <v>0</v>
      </c>
      <c r="CQ1336" s="166">
        <v>0</v>
      </c>
      <c r="CR1336" s="166">
        <v>0</v>
      </c>
      <c r="CS1336" s="166">
        <v>0</v>
      </c>
      <c r="CT1336" s="166">
        <v>0</v>
      </c>
      <c r="CU1336" s="166">
        <v>0</v>
      </c>
      <c r="CV1336" s="166">
        <v>0</v>
      </c>
      <c r="CW1336" s="166">
        <v>0</v>
      </c>
      <c r="CX1336" s="166">
        <v>0</v>
      </c>
      <c r="CY1336" s="166">
        <v>254.344342894232</v>
      </c>
      <c r="CZ1336" s="166">
        <v>254.344342894232</v>
      </c>
    </row>
    <row r="1337" spans="1:104" x14ac:dyDescent="0.2">
      <c r="A1337" s="167" t="s">
        <v>1126</v>
      </c>
      <c r="B1337" s="166">
        <v>3252.57</v>
      </c>
      <c r="C1337" s="166">
        <v>3252.57</v>
      </c>
      <c r="D1337" s="166">
        <v>0</v>
      </c>
      <c r="E1337" s="166">
        <v>0</v>
      </c>
      <c r="F1337" s="166">
        <v>0</v>
      </c>
      <c r="G1337" s="166">
        <v>0</v>
      </c>
      <c r="H1337" s="166">
        <v>0</v>
      </c>
      <c r="I1337" s="166">
        <v>0</v>
      </c>
      <c r="J1337" s="166">
        <v>0</v>
      </c>
      <c r="K1337" s="166">
        <v>0</v>
      </c>
      <c r="L1337" s="166">
        <v>0</v>
      </c>
      <c r="M1337" s="166">
        <v>0</v>
      </c>
      <c r="N1337" s="166">
        <v>0</v>
      </c>
      <c r="O1337" s="166">
        <v>0</v>
      </c>
      <c r="P1337" s="166">
        <v>0</v>
      </c>
      <c r="Q1337" s="166">
        <v>0</v>
      </c>
      <c r="R1337" s="166">
        <v>0</v>
      </c>
      <c r="S1337" s="166">
        <v>0</v>
      </c>
      <c r="T1337" s="166">
        <v>0</v>
      </c>
      <c r="U1337" s="166">
        <v>0</v>
      </c>
      <c r="V1337" s="166">
        <v>0</v>
      </c>
      <c r="W1337" s="166">
        <v>0</v>
      </c>
      <c r="X1337" s="166">
        <v>0</v>
      </c>
      <c r="Y1337" s="166">
        <v>0</v>
      </c>
      <c r="Z1337" s="166">
        <v>0</v>
      </c>
      <c r="AA1337" s="166">
        <v>0</v>
      </c>
      <c r="AB1337" s="166">
        <v>0</v>
      </c>
      <c r="AC1337" s="166">
        <v>0</v>
      </c>
      <c r="AD1337" s="166">
        <v>0</v>
      </c>
      <c r="AE1337" s="166">
        <v>0</v>
      </c>
      <c r="AF1337" s="166">
        <v>0</v>
      </c>
      <c r="AG1337" s="166">
        <v>0</v>
      </c>
      <c r="AH1337" s="166">
        <v>0</v>
      </c>
      <c r="AI1337" s="166">
        <v>0</v>
      </c>
      <c r="AJ1337" s="166">
        <v>0</v>
      </c>
      <c r="AK1337" s="166">
        <v>0</v>
      </c>
      <c r="AL1337" s="166">
        <v>0</v>
      </c>
      <c r="AM1337" s="166">
        <v>0</v>
      </c>
      <c r="AN1337" s="166">
        <v>0</v>
      </c>
      <c r="AO1337" s="166">
        <v>0</v>
      </c>
      <c r="AP1337" s="166">
        <v>0</v>
      </c>
      <c r="AQ1337" s="166">
        <v>0</v>
      </c>
      <c r="AR1337" s="166">
        <v>0</v>
      </c>
      <c r="AS1337" s="166">
        <v>0</v>
      </c>
      <c r="AT1337" s="166">
        <v>0</v>
      </c>
      <c r="AU1337" s="166">
        <v>0</v>
      </c>
      <c r="AV1337" s="166">
        <v>0</v>
      </c>
      <c r="AW1337" s="166">
        <v>0</v>
      </c>
      <c r="AX1337" s="166">
        <v>0</v>
      </c>
      <c r="AY1337" s="166">
        <v>0</v>
      </c>
      <c r="AZ1337" s="166">
        <v>0</v>
      </c>
      <c r="BA1337" s="166">
        <v>0</v>
      </c>
      <c r="BB1337" s="166">
        <v>0</v>
      </c>
      <c r="BC1337" s="166">
        <v>0</v>
      </c>
      <c r="BD1337" s="166">
        <v>0</v>
      </c>
      <c r="BE1337" s="166">
        <v>0</v>
      </c>
      <c r="BF1337" s="166">
        <v>0</v>
      </c>
      <c r="BG1337" s="166">
        <v>0</v>
      </c>
      <c r="BH1337" s="166">
        <v>0</v>
      </c>
      <c r="BI1337" s="166">
        <v>0</v>
      </c>
      <c r="BJ1337" s="166">
        <v>0</v>
      </c>
      <c r="BK1337" s="166">
        <v>0</v>
      </c>
      <c r="BL1337" s="166">
        <v>0</v>
      </c>
      <c r="BM1337" s="166">
        <v>0</v>
      </c>
      <c r="BN1337" s="166">
        <v>0</v>
      </c>
      <c r="BO1337" s="166">
        <v>0</v>
      </c>
      <c r="BP1337" s="166">
        <v>0</v>
      </c>
      <c r="BQ1337" s="166">
        <v>0</v>
      </c>
      <c r="BR1337" s="166">
        <v>3252.57</v>
      </c>
      <c r="BS1337" s="166">
        <v>3252.57</v>
      </c>
      <c r="BT1337" s="168">
        <v>0</v>
      </c>
      <c r="BU1337" s="166">
        <v>279.57</v>
      </c>
      <c r="BV1337" s="166">
        <v>3252.57</v>
      </c>
      <c r="BW1337" s="166">
        <v>0</v>
      </c>
      <c r="BX1337" s="166">
        <v>0</v>
      </c>
      <c r="BY1337" s="166">
        <v>0</v>
      </c>
      <c r="BZ1337" s="166">
        <v>0</v>
      </c>
      <c r="CA1337" s="166">
        <v>0</v>
      </c>
      <c r="CB1337" s="166">
        <v>0</v>
      </c>
      <c r="CC1337" s="166">
        <v>0</v>
      </c>
      <c r="CD1337" s="166">
        <v>0</v>
      </c>
      <c r="CE1337" s="166">
        <v>0</v>
      </c>
      <c r="CF1337" s="166">
        <v>0</v>
      </c>
      <c r="CG1337" s="166">
        <v>0</v>
      </c>
      <c r="CH1337" s="166">
        <v>0</v>
      </c>
      <c r="CI1337" s="166">
        <v>0</v>
      </c>
      <c r="CJ1337" s="166">
        <v>0</v>
      </c>
      <c r="CK1337" s="166">
        <v>0</v>
      </c>
      <c r="CL1337" s="166">
        <v>0</v>
      </c>
      <c r="CM1337" s="166">
        <v>0</v>
      </c>
      <c r="CN1337" s="166">
        <v>0</v>
      </c>
      <c r="CO1337" s="166">
        <v>0</v>
      </c>
      <c r="CP1337" s="166">
        <v>0</v>
      </c>
      <c r="CQ1337" s="166">
        <v>0</v>
      </c>
      <c r="CR1337" s="166">
        <v>0</v>
      </c>
      <c r="CS1337" s="166">
        <v>0</v>
      </c>
      <c r="CT1337" s="166">
        <v>0</v>
      </c>
      <c r="CU1337" s="166">
        <v>0</v>
      </c>
      <c r="CV1337" s="166">
        <v>0</v>
      </c>
      <c r="CW1337" s="166">
        <v>0</v>
      </c>
      <c r="CX1337" s="166">
        <v>0</v>
      </c>
      <c r="CY1337" s="166">
        <v>3252.57</v>
      </c>
      <c r="CZ1337" s="166">
        <v>3252.57</v>
      </c>
    </row>
    <row r="1338" spans="1:104" x14ac:dyDescent="0.2">
      <c r="A1338" s="167" t="s">
        <v>308</v>
      </c>
    </row>
    <row r="1339" spans="1:104" x14ac:dyDescent="0.2">
      <c r="A1339" s="167" t="s">
        <v>309</v>
      </c>
      <c r="B1339" s="166">
        <v>0</v>
      </c>
      <c r="C1339" s="166">
        <v>0</v>
      </c>
      <c r="D1339" s="166">
        <v>0</v>
      </c>
      <c r="E1339" s="166">
        <v>0</v>
      </c>
      <c r="F1339" s="166">
        <v>0</v>
      </c>
      <c r="G1339" s="166">
        <v>0</v>
      </c>
      <c r="H1339" s="166">
        <v>0</v>
      </c>
      <c r="I1339" s="166">
        <v>0</v>
      </c>
      <c r="J1339" s="166">
        <v>0</v>
      </c>
      <c r="K1339" s="166">
        <v>0</v>
      </c>
      <c r="L1339" s="166">
        <v>0</v>
      </c>
      <c r="M1339" s="166">
        <v>0</v>
      </c>
      <c r="N1339" s="166">
        <v>0</v>
      </c>
      <c r="O1339" s="166">
        <v>0</v>
      </c>
      <c r="P1339" s="166">
        <v>0</v>
      </c>
      <c r="Q1339" s="166">
        <v>0</v>
      </c>
      <c r="R1339" s="166">
        <v>0</v>
      </c>
      <c r="S1339" s="166">
        <v>0</v>
      </c>
      <c r="T1339" s="166">
        <v>0</v>
      </c>
      <c r="U1339" s="166">
        <v>0</v>
      </c>
      <c r="V1339" s="166">
        <v>0</v>
      </c>
      <c r="W1339" s="166">
        <v>0</v>
      </c>
      <c r="X1339" s="166">
        <v>0</v>
      </c>
      <c r="Y1339" s="166">
        <v>0</v>
      </c>
      <c r="Z1339" s="166">
        <v>0</v>
      </c>
      <c r="AA1339" s="166">
        <v>0</v>
      </c>
      <c r="AB1339" s="166">
        <v>0</v>
      </c>
      <c r="AC1339" s="166">
        <v>0</v>
      </c>
      <c r="AD1339" s="166">
        <v>0</v>
      </c>
      <c r="AE1339" s="166">
        <v>0</v>
      </c>
      <c r="AF1339" s="166">
        <v>0</v>
      </c>
      <c r="AG1339" s="166">
        <v>0</v>
      </c>
      <c r="AH1339" s="166">
        <v>0</v>
      </c>
      <c r="AI1339" s="166">
        <v>0</v>
      </c>
      <c r="AJ1339" s="166">
        <v>0</v>
      </c>
      <c r="AK1339" s="166">
        <v>0</v>
      </c>
      <c r="AL1339" s="166">
        <v>0</v>
      </c>
      <c r="AM1339" s="166">
        <v>0</v>
      </c>
      <c r="AN1339" s="166">
        <v>0</v>
      </c>
      <c r="AO1339" s="166">
        <v>0</v>
      </c>
      <c r="AP1339" s="166">
        <v>0</v>
      </c>
      <c r="AQ1339" s="166">
        <v>0</v>
      </c>
      <c r="AR1339" s="166">
        <v>0</v>
      </c>
      <c r="AS1339" s="166">
        <v>0</v>
      </c>
      <c r="AT1339" s="166">
        <v>0</v>
      </c>
      <c r="AU1339" s="166">
        <v>0</v>
      </c>
      <c r="AV1339" s="166">
        <v>0</v>
      </c>
      <c r="AW1339" s="166">
        <v>0</v>
      </c>
      <c r="AX1339" s="166">
        <v>0</v>
      </c>
      <c r="AY1339" s="166">
        <v>0</v>
      </c>
      <c r="AZ1339" s="166">
        <v>0</v>
      </c>
      <c r="BA1339" s="166">
        <v>0</v>
      </c>
      <c r="BB1339" s="166">
        <v>0</v>
      </c>
      <c r="BC1339" s="166">
        <v>0</v>
      </c>
      <c r="BD1339" s="166">
        <v>0</v>
      </c>
      <c r="BE1339" s="166">
        <v>0</v>
      </c>
      <c r="BF1339" s="166">
        <v>0</v>
      </c>
      <c r="BG1339" s="166">
        <v>0</v>
      </c>
      <c r="BH1339" s="166">
        <v>0</v>
      </c>
      <c r="BI1339" s="166">
        <v>0</v>
      </c>
      <c r="BJ1339" s="166">
        <v>0</v>
      </c>
      <c r="BK1339" s="166">
        <v>0</v>
      </c>
      <c r="BL1339" s="166">
        <v>0</v>
      </c>
      <c r="BM1339" s="166">
        <v>0</v>
      </c>
      <c r="BN1339" s="166">
        <v>0</v>
      </c>
      <c r="BO1339" s="166">
        <v>0</v>
      </c>
      <c r="BP1339" s="166">
        <v>0</v>
      </c>
      <c r="BQ1339" s="166">
        <v>0</v>
      </c>
      <c r="BR1339" s="166">
        <v>0</v>
      </c>
      <c r="BS1339" s="166">
        <v>0</v>
      </c>
      <c r="BT1339" s="168">
        <v>1</v>
      </c>
      <c r="BU1339" s="166">
        <v>0</v>
      </c>
      <c r="BV1339" s="166">
        <v>0</v>
      </c>
      <c r="BW1339" s="166">
        <v>0</v>
      </c>
      <c r="BX1339" s="166">
        <v>0</v>
      </c>
      <c r="BY1339" s="166">
        <v>0</v>
      </c>
      <c r="BZ1339" s="166">
        <v>0</v>
      </c>
      <c r="CA1339" s="166">
        <v>0</v>
      </c>
      <c r="CB1339" s="166">
        <v>0</v>
      </c>
      <c r="CC1339" s="166">
        <v>0</v>
      </c>
      <c r="CD1339" s="166">
        <v>0</v>
      </c>
      <c r="CE1339" s="166">
        <v>0</v>
      </c>
      <c r="CF1339" s="166">
        <v>0</v>
      </c>
      <c r="CG1339" s="166">
        <v>0</v>
      </c>
      <c r="CH1339" s="166">
        <v>0</v>
      </c>
      <c r="CI1339" s="166">
        <v>0</v>
      </c>
      <c r="CJ1339" s="166">
        <v>0</v>
      </c>
      <c r="CK1339" s="166">
        <v>0</v>
      </c>
      <c r="CL1339" s="166">
        <v>0</v>
      </c>
      <c r="CM1339" s="166">
        <v>0</v>
      </c>
      <c r="CN1339" s="166">
        <v>0</v>
      </c>
      <c r="CO1339" s="166">
        <v>0</v>
      </c>
      <c r="CP1339" s="166">
        <v>0</v>
      </c>
      <c r="CQ1339" s="166">
        <v>0</v>
      </c>
      <c r="CR1339" s="166">
        <v>0</v>
      </c>
      <c r="CS1339" s="166">
        <v>0</v>
      </c>
      <c r="CT1339" s="166">
        <v>0</v>
      </c>
      <c r="CU1339" s="166">
        <v>0</v>
      </c>
      <c r="CV1339" s="166">
        <v>0</v>
      </c>
      <c r="CW1339" s="166">
        <v>0</v>
      </c>
      <c r="CX1339" s="166">
        <v>0</v>
      </c>
      <c r="CY1339" s="166">
        <v>0</v>
      </c>
      <c r="CZ1339" s="166">
        <v>0</v>
      </c>
    </row>
    <row r="1340" spans="1:104" x14ac:dyDescent="0.2">
      <c r="A1340" s="167" t="s">
        <v>310</v>
      </c>
    </row>
    <row r="1341" spans="1:104" x14ac:dyDescent="0.2">
      <c r="A1341" s="167" t="s">
        <v>311</v>
      </c>
      <c r="B1341" s="166">
        <v>2521684.3399999901</v>
      </c>
      <c r="C1341" s="166">
        <v>2521684.3399999901</v>
      </c>
      <c r="D1341" s="166">
        <v>0</v>
      </c>
      <c r="E1341" s="166">
        <v>0</v>
      </c>
      <c r="F1341" s="166">
        <v>0</v>
      </c>
      <c r="G1341" s="166">
        <v>0</v>
      </c>
      <c r="H1341" s="166">
        <v>0</v>
      </c>
      <c r="I1341" s="166">
        <v>0</v>
      </c>
      <c r="J1341" s="166">
        <v>0</v>
      </c>
      <c r="K1341" s="166">
        <v>0</v>
      </c>
      <c r="L1341" s="166">
        <v>0</v>
      </c>
      <c r="M1341" s="166">
        <v>0</v>
      </c>
      <c r="N1341" s="166">
        <v>0</v>
      </c>
      <c r="O1341" s="166">
        <v>0</v>
      </c>
      <c r="P1341" s="166">
        <v>0</v>
      </c>
      <c r="Q1341" s="166">
        <v>0</v>
      </c>
      <c r="R1341" s="166">
        <v>0</v>
      </c>
      <c r="S1341" s="166">
        <v>0</v>
      </c>
      <c r="T1341" s="166">
        <v>0</v>
      </c>
      <c r="U1341" s="166">
        <v>0</v>
      </c>
      <c r="V1341" s="166">
        <v>0</v>
      </c>
      <c r="W1341" s="166">
        <v>0</v>
      </c>
      <c r="X1341" s="166">
        <v>0</v>
      </c>
      <c r="Y1341" s="166">
        <v>0</v>
      </c>
      <c r="Z1341" s="166">
        <v>0</v>
      </c>
      <c r="AA1341" s="166">
        <v>0</v>
      </c>
      <c r="AB1341" s="166">
        <v>0</v>
      </c>
      <c r="AC1341" s="166">
        <v>0</v>
      </c>
      <c r="AD1341" s="166">
        <v>0</v>
      </c>
      <c r="AE1341" s="166">
        <v>0</v>
      </c>
      <c r="AF1341" s="166">
        <v>0</v>
      </c>
      <c r="AG1341" s="166">
        <v>0</v>
      </c>
      <c r="AH1341" s="166">
        <v>0</v>
      </c>
      <c r="AI1341" s="166">
        <v>0</v>
      </c>
      <c r="AJ1341" s="166">
        <v>0</v>
      </c>
      <c r="AK1341" s="166">
        <v>0</v>
      </c>
      <c r="AL1341" s="166">
        <v>0</v>
      </c>
      <c r="AM1341" s="166">
        <v>0</v>
      </c>
      <c r="AN1341" s="166">
        <v>0</v>
      </c>
      <c r="AO1341" s="166">
        <v>0</v>
      </c>
      <c r="AP1341" s="166">
        <v>0</v>
      </c>
      <c r="AQ1341" s="166">
        <v>0</v>
      </c>
      <c r="AR1341" s="166">
        <v>0</v>
      </c>
      <c r="AS1341" s="166">
        <v>0</v>
      </c>
      <c r="AT1341" s="166">
        <v>0</v>
      </c>
      <c r="AU1341" s="166">
        <v>0</v>
      </c>
      <c r="AV1341" s="166">
        <v>0</v>
      </c>
      <c r="AW1341" s="166">
        <v>0</v>
      </c>
      <c r="AX1341" s="166">
        <v>0</v>
      </c>
      <c r="AY1341" s="166">
        <v>0</v>
      </c>
      <c r="AZ1341" s="166">
        <v>0</v>
      </c>
      <c r="BA1341" s="166">
        <v>0</v>
      </c>
      <c r="BB1341" s="166">
        <v>0</v>
      </c>
      <c r="BC1341" s="166">
        <v>0</v>
      </c>
      <c r="BD1341" s="166">
        <v>0</v>
      </c>
      <c r="BE1341" s="166">
        <v>0</v>
      </c>
      <c r="BF1341" s="166">
        <v>0</v>
      </c>
      <c r="BG1341" s="166">
        <v>0</v>
      </c>
      <c r="BH1341" s="166">
        <v>0</v>
      </c>
      <c r="BI1341" s="166">
        <v>0</v>
      </c>
      <c r="BJ1341" s="166">
        <v>0</v>
      </c>
      <c r="BK1341" s="166">
        <v>0</v>
      </c>
      <c r="BL1341" s="166">
        <v>0</v>
      </c>
      <c r="BM1341" s="166">
        <v>0</v>
      </c>
      <c r="BN1341" s="166">
        <v>0</v>
      </c>
      <c r="BO1341" s="166">
        <v>0</v>
      </c>
      <c r="BP1341" s="166">
        <v>0</v>
      </c>
      <c r="BQ1341" s="166">
        <v>0</v>
      </c>
      <c r="BR1341" s="166">
        <v>2521684.3399999901</v>
      </c>
      <c r="BS1341" s="166">
        <v>2521684.3399999901</v>
      </c>
      <c r="BT1341" s="168">
        <v>0.98751</v>
      </c>
      <c r="BU1341" s="166">
        <v>202560.84585329899</v>
      </c>
      <c r="BV1341" s="166">
        <v>2490188.5025934</v>
      </c>
      <c r="BW1341" s="166">
        <v>0</v>
      </c>
      <c r="BX1341" s="166">
        <v>0</v>
      </c>
      <c r="BY1341" s="166">
        <v>0</v>
      </c>
      <c r="BZ1341" s="166">
        <v>0</v>
      </c>
      <c r="CA1341" s="166">
        <v>0</v>
      </c>
      <c r="CB1341" s="166">
        <v>0</v>
      </c>
      <c r="CC1341" s="166">
        <v>0</v>
      </c>
      <c r="CD1341" s="166">
        <v>0</v>
      </c>
      <c r="CE1341" s="166">
        <v>0</v>
      </c>
      <c r="CF1341" s="166">
        <v>0</v>
      </c>
      <c r="CG1341" s="166">
        <v>0</v>
      </c>
      <c r="CH1341" s="166">
        <v>0</v>
      </c>
      <c r="CI1341" s="166">
        <v>0</v>
      </c>
      <c r="CJ1341" s="166">
        <v>0</v>
      </c>
      <c r="CK1341" s="166">
        <v>0</v>
      </c>
      <c r="CL1341" s="166">
        <v>0</v>
      </c>
      <c r="CM1341" s="166">
        <v>0</v>
      </c>
      <c r="CN1341" s="166">
        <v>0</v>
      </c>
      <c r="CO1341" s="166">
        <v>0</v>
      </c>
      <c r="CP1341" s="166">
        <v>0</v>
      </c>
      <c r="CQ1341" s="166">
        <v>0</v>
      </c>
      <c r="CR1341" s="166">
        <v>0</v>
      </c>
      <c r="CS1341" s="166">
        <v>0</v>
      </c>
      <c r="CT1341" s="166">
        <v>0</v>
      </c>
      <c r="CU1341" s="166">
        <v>0</v>
      </c>
      <c r="CV1341" s="166">
        <v>0</v>
      </c>
      <c r="CW1341" s="166">
        <v>0</v>
      </c>
      <c r="CX1341" s="166">
        <v>0</v>
      </c>
      <c r="CY1341" s="166">
        <v>2490188.5025934</v>
      </c>
      <c r="CZ1341" s="166">
        <v>2490188.5025934</v>
      </c>
    </row>
    <row r="1342" spans="1:104" x14ac:dyDescent="0.2">
      <c r="A1342" s="167" t="s">
        <v>312</v>
      </c>
    </row>
    <row r="1343" spans="1:104" x14ac:dyDescent="0.2">
      <c r="A1343" s="167" t="s">
        <v>1127</v>
      </c>
      <c r="B1343" s="166">
        <v>973873.79</v>
      </c>
      <c r="C1343" s="166">
        <v>973873.79</v>
      </c>
      <c r="D1343" s="166">
        <v>0</v>
      </c>
      <c r="E1343" s="166">
        <v>0</v>
      </c>
      <c r="F1343" s="166">
        <v>0</v>
      </c>
      <c r="G1343" s="166">
        <v>0</v>
      </c>
      <c r="H1343" s="166">
        <v>0</v>
      </c>
      <c r="I1343" s="166">
        <v>0</v>
      </c>
      <c r="J1343" s="166">
        <v>0</v>
      </c>
      <c r="K1343" s="166">
        <v>0</v>
      </c>
      <c r="L1343" s="166">
        <v>0</v>
      </c>
      <c r="M1343" s="166">
        <v>0</v>
      </c>
      <c r="N1343" s="166">
        <v>0</v>
      </c>
      <c r="O1343" s="166">
        <v>0</v>
      </c>
      <c r="P1343" s="166">
        <v>0</v>
      </c>
      <c r="Q1343" s="166">
        <v>0</v>
      </c>
      <c r="R1343" s="166">
        <v>0</v>
      </c>
      <c r="S1343" s="166">
        <v>0</v>
      </c>
      <c r="T1343" s="166">
        <v>0</v>
      </c>
      <c r="U1343" s="166">
        <v>0</v>
      </c>
      <c r="V1343" s="166">
        <v>0</v>
      </c>
      <c r="W1343" s="166">
        <v>0</v>
      </c>
      <c r="X1343" s="166">
        <v>0</v>
      </c>
      <c r="Y1343" s="166">
        <v>0</v>
      </c>
      <c r="Z1343" s="166">
        <v>0</v>
      </c>
      <c r="AA1343" s="166">
        <v>0</v>
      </c>
      <c r="AB1343" s="166">
        <v>0</v>
      </c>
      <c r="AC1343" s="166">
        <v>0</v>
      </c>
      <c r="AD1343" s="166">
        <v>0</v>
      </c>
      <c r="AE1343" s="166">
        <v>0</v>
      </c>
      <c r="AF1343" s="166">
        <v>0</v>
      </c>
      <c r="AG1343" s="166">
        <v>0</v>
      </c>
      <c r="AH1343" s="166">
        <v>0</v>
      </c>
      <c r="AI1343" s="166">
        <v>0</v>
      </c>
      <c r="AJ1343" s="166">
        <v>0</v>
      </c>
      <c r="AK1343" s="166">
        <v>0</v>
      </c>
      <c r="AL1343" s="166">
        <v>0</v>
      </c>
      <c r="AM1343" s="166">
        <v>0</v>
      </c>
      <c r="AN1343" s="166">
        <v>0</v>
      </c>
      <c r="AO1343" s="166">
        <v>0</v>
      </c>
      <c r="AP1343" s="166">
        <v>0</v>
      </c>
      <c r="AQ1343" s="166">
        <v>0</v>
      </c>
      <c r="AR1343" s="166">
        <v>0</v>
      </c>
      <c r="AS1343" s="166">
        <v>0</v>
      </c>
      <c r="AT1343" s="166">
        <v>0</v>
      </c>
      <c r="AU1343" s="166">
        <v>0</v>
      </c>
      <c r="AV1343" s="166">
        <v>0</v>
      </c>
      <c r="AW1343" s="166">
        <v>0</v>
      </c>
      <c r="AX1343" s="166">
        <v>0</v>
      </c>
      <c r="AY1343" s="166">
        <v>0</v>
      </c>
      <c r="AZ1343" s="166">
        <v>0</v>
      </c>
      <c r="BA1343" s="166">
        <v>0</v>
      </c>
      <c r="BB1343" s="166">
        <v>0</v>
      </c>
      <c r="BC1343" s="166">
        <v>0</v>
      </c>
      <c r="BD1343" s="166">
        <v>0</v>
      </c>
      <c r="BE1343" s="166">
        <v>0</v>
      </c>
      <c r="BF1343" s="166">
        <v>0</v>
      </c>
      <c r="BG1343" s="166">
        <v>0</v>
      </c>
      <c r="BH1343" s="166">
        <v>0</v>
      </c>
      <c r="BI1343" s="166">
        <v>0</v>
      </c>
      <c r="BJ1343" s="166">
        <v>0</v>
      </c>
      <c r="BK1343" s="166">
        <v>0</v>
      </c>
      <c r="BL1343" s="166">
        <v>0</v>
      </c>
      <c r="BM1343" s="166">
        <v>0</v>
      </c>
      <c r="BN1343" s="166">
        <v>0</v>
      </c>
      <c r="BO1343" s="166">
        <v>0</v>
      </c>
      <c r="BP1343" s="166">
        <v>0</v>
      </c>
      <c r="BQ1343" s="166">
        <v>0</v>
      </c>
      <c r="BR1343" s="166">
        <v>973873.79</v>
      </c>
      <c r="BS1343" s="166">
        <v>973873.79</v>
      </c>
      <c r="BT1343" s="168">
        <v>1</v>
      </c>
      <c r="BU1343" s="166">
        <v>76683.520000000004</v>
      </c>
      <c r="BV1343" s="166">
        <v>973873.79</v>
      </c>
      <c r="BW1343" s="166">
        <v>0</v>
      </c>
      <c r="BX1343" s="166">
        <v>0</v>
      </c>
      <c r="BY1343" s="166">
        <v>0</v>
      </c>
      <c r="BZ1343" s="166">
        <v>0</v>
      </c>
      <c r="CA1343" s="166">
        <v>0</v>
      </c>
      <c r="CB1343" s="166">
        <v>0</v>
      </c>
      <c r="CC1343" s="166">
        <v>0</v>
      </c>
      <c r="CD1343" s="166">
        <v>0</v>
      </c>
      <c r="CE1343" s="166">
        <v>0</v>
      </c>
      <c r="CF1343" s="166">
        <v>0</v>
      </c>
      <c r="CG1343" s="166">
        <v>0</v>
      </c>
      <c r="CH1343" s="166">
        <v>0</v>
      </c>
      <c r="CI1343" s="166">
        <v>0</v>
      </c>
      <c r="CJ1343" s="166">
        <v>0</v>
      </c>
      <c r="CK1343" s="166">
        <v>0</v>
      </c>
      <c r="CL1343" s="166">
        <v>0</v>
      </c>
      <c r="CM1343" s="166">
        <v>0</v>
      </c>
      <c r="CN1343" s="166">
        <v>0</v>
      </c>
      <c r="CO1343" s="166">
        <v>0</v>
      </c>
      <c r="CP1343" s="166">
        <v>0</v>
      </c>
      <c r="CQ1343" s="166">
        <v>0</v>
      </c>
      <c r="CR1343" s="166">
        <v>0</v>
      </c>
      <c r="CS1343" s="166">
        <v>0</v>
      </c>
      <c r="CT1343" s="166">
        <v>0</v>
      </c>
      <c r="CU1343" s="166">
        <v>0</v>
      </c>
      <c r="CV1343" s="166">
        <v>0</v>
      </c>
      <c r="CW1343" s="166">
        <v>0</v>
      </c>
      <c r="CX1343" s="166">
        <v>0</v>
      </c>
      <c r="CY1343" s="166">
        <v>973873.79</v>
      </c>
      <c r="CZ1343" s="166">
        <v>973873.79</v>
      </c>
    </row>
    <row r="1344" spans="1:104" x14ac:dyDescent="0.2">
      <c r="A1344" s="167" t="s">
        <v>314</v>
      </c>
    </row>
    <row r="1345" spans="1:104" x14ac:dyDescent="0.2">
      <c r="A1345" s="167" t="s">
        <v>1128</v>
      </c>
      <c r="B1345" s="166">
        <v>11005014.221508499</v>
      </c>
      <c r="C1345" s="166">
        <v>11005014.221508499</v>
      </c>
      <c r="D1345" s="166">
        <v>0</v>
      </c>
      <c r="E1345" s="166">
        <v>0</v>
      </c>
      <c r="F1345" s="166">
        <v>0</v>
      </c>
      <c r="G1345" s="166">
        <v>0</v>
      </c>
      <c r="H1345" s="166">
        <v>0</v>
      </c>
      <c r="I1345" s="166">
        <v>0</v>
      </c>
      <c r="J1345" s="166">
        <v>0</v>
      </c>
      <c r="K1345" s="166">
        <v>0</v>
      </c>
      <c r="L1345" s="166">
        <v>0</v>
      </c>
      <c r="M1345" s="166">
        <v>0</v>
      </c>
      <c r="N1345" s="166">
        <v>0</v>
      </c>
      <c r="O1345" s="166">
        <v>0</v>
      </c>
      <c r="P1345" s="166">
        <v>0</v>
      </c>
      <c r="Q1345" s="166">
        <v>0</v>
      </c>
      <c r="R1345" s="166">
        <v>0</v>
      </c>
      <c r="S1345" s="166">
        <v>0</v>
      </c>
      <c r="T1345" s="166">
        <v>0</v>
      </c>
      <c r="U1345" s="166">
        <v>0</v>
      </c>
      <c r="V1345" s="166">
        <v>0</v>
      </c>
      <c r="W1345" s="166">
        <v>0</v>
      </c>
      <c r="X1345" s="166">
        <v>0</v>
      </c>
      <c r="Y1345" s="166">
        <v>0</v>
      </c>
      <c r="Z1345" s="166">
        <v>0</v>
      </c>
      <c r="AA1345" s="166">
        <v>0</v>
      </c>
      <c r="AB1345" s="166">
        <v>0</v>
      </c>
      <c r="AC1345" s="166">
        <v>0</v>
      </c>
      <c r="AD1345" s="166">
        <v>0</v>
      </c>
      <c r="AE1345" s="166">
        <v>0</v>
      </c>
      <c r="AF1345" s="166">
        <v>0</v>
      </c>
      <c r="AG1345" s="166">
        <v>0</v>
      </c>
      <c r="AH1345" s="166">
        <v>0</v>
      </c>
      <c r="AI1345" s="166">
        <v>0</v>
      </c>
      <c r="AJ1345" s="166">
        <v>0</v>
      </c>
      <c r="AK1345" s="166">
        <v>0</v>
      </c>
      <c r="AL1345" s="166">
        <v>0</v>
      </c>
      <c r="AM1345" s="166">
        <v>0</v>
      </c>
      <c r="AN1345" s="166">
        <v>0</v>
      </c>
      <c r="AO1345" s="166">
        <v>0</v>
      </c>
      <c r="AP1345" s="166">
        <v>0</v>
      </c>
      <c r="AQ1345" s="166">
        <v>0</v>
      </c>
      <c r="AR1345" s="166">
        <v>0</v>
      </c>
      <c r="AS1345" s="166">
        <v>0</v>
      </c>
      <c r="AT1345" s="166">
        <v>0</v>
      </c>
      <c r="AU1345" s="166">
        <v>0</v>
      </c>
      <c r="AV1345" s="166">
        <v>0</v>
      </c>
      <c r="AW1345" s="166">
        <v>0</v>
      </c>
      <c r="AX1345" s="166">
        <v>0</v>
      </c>
      <c r="AY1345" s="166">
        <v>0</v>
      </c>
      <c r="AZ1345" s="166">
        <v>0</v>
      </c>
      <c r="BA1345" s="166">
        <v>0</v>
      </c>
      <c r="BB1345" s="166">
        <v>0</v>
      </c>
      <c r="BC1345" s="166">
        <v>0</v>
      </c>
      <c r="BD1345" s="166">
        <v>0</v>
      </c>
      <c r="BE1345" s="166">
        <v>0</v>
      </c>
      <c r="BF1345" s="166">
        <v>0</v>
      </c>
      <c r="BG1345" s="166">
        <v>0</v>
      </c>
      <c r="BH1345" s="166">
        <v>0</v>
      </c>
      <c r="BI1345" s="166">
        <v>0</v>
      </c>
      <c r="BJ1345" s="166">
        <v>0</v>
      </c>
      <c r="BK1345" s="166">
        <v>0</v>
      </c>
      <c r="BL1345" s="166">
        <v>0</v>
      </c>
      <c r="BM1345" s="166">
        <v>0</v>
      </c>
      <c r="BN1345" s="166">
        <v>0</v>
      </c>
      <c r="BO1345" s="166">
        <v>0</v>
      </c>
      <c r="BP1345" s="166">
        <v>0</v>
      </c>
      <c r="BQ1345" s="166">
        <v>0</v>
      </c>
      <c r="BR1345" s="166">
        <v>11005014.221508499</v>
      </c>
      <c r="BS1345" s="166">
        <v>11005014.221508499</v>
      </c>
      <c r="BT1345" s="168">
        <v>1</v>
      </c>
      <c r="BU1345" s="166">
        <v>1025853.9186363</v>
      </c>
      <c r="BV1345" s="166">
        <v>11005014.221508499</v>
      </c>
      <c r="BW1345" s="166">
        <v>0</v>
      </c>
      <c r="BX1345" s="166">
        <v>0</v>
      </c>
      <c r="BY1345" s="166">
        <v>0</v>
      </c>
      <c r="BZ1345" s="166">
        <v>0</v>
      </c>
      <c r="CA1345" s="166">
        <v>0</v>
      </c>
      <c r="CB1345" s="166">
        <v>0</v>
      </c>
      <c r="CC1345" s="166">
        <v>0</v>
      </c>
      <c r="CD1345" s="166">
        <v>0</v>
      </c>
      <c r="CE1345" s="166">
        <v>0</v>
      </c>
      <c r="CF1345" s="166">
        <v>0</v>
      </c>
      <c r="CG1345" s="166">
        <v>0</v>
      </c>
      <c r="CH1345" s="166">
        <v>0</v>
      </c>
      <c r="CI1345" s="166">
        <v>0</v>
      </c>
      <c r="CJ1345" s="166">
        <v>0</v>
      </c>
      <c r="CK1345" s="166">
        <v>0</v>
      </c>
      <c r="CL1345" s="166">
        <v>0</v>
      </c>
      <c r="CM1345" s="166">
        <v>0</v>
      </c>
      <c r="CN1345" s="166">
        <v>0</v>
      </c>
      <c r="CO1345" s="166">
        <v>0</v>
      </c>
      <c r="CP1345" s="166">
        <v>0</v>
      </c>
      <c r="CQ1345" s="166">
        <v>0</v>
      </c>
      <c r="CR1345" s="166">
        <v>0</v>
      </c>
      <c r="CS1345" s="166">
        <v>0</v>
      </c>
      <c r="CT1345" s="166">
        <v>0</v>
      </c>
      <c r="CU1345" s="166">
        <v>0</v>
      </c>
      <c r="CV1345" s="166">
        <v>0</v>
      </c>
      <c r="CW1345" s="166">
        <v>0</v>
      </c>
      <c r="CX1345" s="166">
        <v>0</v>
      </c>
      <c r="CY1345" s="166">
        <v>11005014.221508499</v>
      </c>
      <c r="CZ1345" s="166">
        <v>11005014.221508499</v>
      </c>
    </row>
    <row r="1346" spans="1:104" x14ac:dyDescent="0.2">
      <c r="A1346" s="167" t="s">
        <v>1129</v>
      </c>
      <c r="B1346" s="166">
        <v>5267242.5293729398</v>
      </c>
      <c r="C1346" s="166">
        <v>5267242.5293729398</v>
      </c>
      <c r="D1346" s="166">
        <v>0</v>
      </c>
      <c r="E1346" s="166">
        <v>0</v>
      </c>
      <c r="F1346" s="166">
        <v>0</v>
      </c>
      <c r="G1346" s="166">
        <v>0</v>
      </c>
      <c r="H1346" s="166">
        <v>0</v>
      </c>
      <c r="I1346" s="166">
        <v>0</v>
      </c>
      <c r="J1346" s="166">
        <v>0</v>
      </c>
      <c r="K1346" s="166">
        <v>0</v>
      </c>
      <c r="L1346" s="166">
        <v>0</v>
      </c>
      <c r="M1346" s="166">
        <v>0</v>
      </c>
      <c r="N1346" s="166">
        <v>0</v>
      </c>
      <c r="O1346" s="166">
        <v>0</v>
      </c>
      <c r="P1346" s="166">
        <v>0</v>
      </c>
      <c r="Q1346" s="166">
        <v>0</v>
      </c>
      <c r="R1346" s="166">
        <v>0</v>
      </c>
      <c r="S1346" s="166">
        <v>0</v>
      </c>
      <c r="T1346" s="166">
        <v>0</v>
      </c>
      <c r="U1346" s="166">
        <v>0</v>
      </c>
      <c r="V1346" s="166">
        <v>0</v>
      </c>
      <c r="W1346" s="166">
        <v>0</v>
      </c>
      <c r="X1346" s="166">
        <v>0</v>
      </c>
      <c r="Y1346" s="166">
        <v>0</v>
      </c>
      <c r="Z1346" s="166">
        <v>0</v>
      </c>
      <c r="AA1346" s="166">
        <v>0</v>
      </c>
      <c r="AB1346" s="166">
        <v>0</v>
      </c>
      <c r="AC1346" s="166">
        <v>0</v>
      </c>
      <c r="AD1346" s="166">
        <v>0</v>
      </c>
      <c r="AE1346" s="166">
        <v>0</v>
      </c>
      <c r="AF1346" s="166">
        <v>0</v>
      </c>
      <c r="AG1346" s="166">
        <v>0</v>
      </c>
      <c r="AH1346" s="166">
        <v>0</v>
      </c>
      <c r="AI1346" s="166">
        <v>0</v>
      </c>
      <c r="AJ1346" s="166">
        <v>0</v>
      </c>
      <c r="AK1346" s="166">
        <v>0</v>
      </c>
      <c r="AL1346" s="166">
        <v>0</v>
      </c>
      <c r="AM1346" s="166">
        <v>0</v>
      </c>
      <c r="AN1346" s="166">
        <v>0</v>
      </c>
      <c r="AO1346" s="166">
        <v>0</v>
      </c>
      <c r="AP1346" s="166">
        <v>0</v>
      </c>
      <c r="AQ1346" s="166">
        <v>0</v>
      </c>
      <c r="AR1346" s="166">
        <v>0</v>
      </c>
      <c r="AS1346" s="166">
        <v>0</v>
      </c>
      <c r="AT1346" s="166">
        <v>0</v>
      </c>
      <c r="AU1346" s="166">
        <v>0</v>
      </c>
      <c r="AV1346" s="166">
        <v>0</v>
      </c>
      <c r="AW1346" s="166">
        <v>0</v>
      </c>
      <c r="AX1346" s="166">
        <v>0</v>
      </c>
      <c r="AY1346" s="166">
        <v>0</v>
      </c>
      <c r="AZ1346" s="166">
        <v>0</v>
      </c>
      <c r="BA1346" s="166">
        <v>0</v>
      </c>
      <c r="BB1346" s="166">
        <v>0</v>
      </c>
      <c r="BC1346" s="166">
        <v>0</v>
      </c>
      <c r="BD1346" s="166">
        <v>0</v>
      </c>
      <c r="BE1346" s="166">
        <v>0</v>
      </c>
      <c r="BF1346" s="166">
        <v>0</v>
      </c>
      <c r="BG1346" s="166">
        <v>0</v>
      </c>
      <c r="BH1346" s="166">
        <v>0</v>
      </c>
      <c r="BI1346" s="166">
        <v>0</v>
      </c>
      <c r="BJ1346" s="166">
        <v>0</v>
      </c>
      <c r="BK1346" s="166">
        <v>0</v>
      </c>
      <c r="BL1346" s="166">
        <v>0</v>
      </c>
      <c r="BM1346" s="166">
        <v>0</v>
      </c>
      <c r="BN1346" s="166">
        <v>0</v>
      </c>
      <c r="BO1346" s="166">
        <v>0</v>
      </c>
      <c r="BP1346" s="166">
        <v>0</v>
      </c>
      <c r="BQ1346" s="166">
        <v>0</v>
      </c>
      <c r="BR1346" s="166">
        <v>5267242.5293729398</v>
      </c>
      <c r="BS1346" s="166">
        <v>5267242.5293729398</v>
      </c>
      <c r="BT1346" s="168">
        <v>1</v>
      </c>
      <c r="BU1346" s="166">
        <v>498951.08402558399</v>
      </c>
      <c r="BV1346" s="166">
        <v>5267242.5293729398</v>
      </c>
      <c r="BW1346" s="166">
        <v>0</v>
      </c>
      <c r="BX1346" s="166">
        <v>0</v>
      </c>
      <c r="BY1346" s="166">
        <v>0</v>
      </c>
      <c r="BZ1346" s="166">
        <v>0</v>
      </c>
      <c r="CA1346" s="166">
        <v>0</v>
      </c>
      <c r="CB1346" s="166">
        <v>0</v>
      </c>
      <c r="CC1346" s="166">
        <v>0</v>
      </c>
      <c r="CD1346" s="166">
        <v>0</v>
      </c>
      <c r="CE1346" s="166">
        <v>0</v>
      </c>
      <c r="CF1346" s="166">
        <v>0</v>
      </c>
      <c r="CG1346" s="166">
        <v>0</v>
      </c>
      <c r="CH1346" s="166">
        <v>0</v>
      </c>
      <c r="CI1346" s="166">
        <v>0</v>
      </c>
      <c r="CJ1346" s="166">
        <v>0</v>
      </c>
      <c r="CK1346" s="166">
        <v>0</v>
      </c>
      <c r="CL1346" s="166">
        <v>0</v>
      </c>
      <c r="CM1346" s="166">
        <v>0</v>
      </c>
      <c r="CN1346" s="166">
        <v>0</v>
      </c>
      <c r="CO1346" s="166">
        <v>0</v>
      </c>
      <c r="CP1346" s="166">
        <v>0</v>
      </c>
      <c r="CQ1346" s="166">
        <v>0</v>
      </c>
      <c r="CR1346" s="166">
        <v>0</v>
      </c>
      <c r="CS1346" s="166">
        <v>0</v>
      </c>
      <c r="CT1346" s="166">
        <v>0</v>
      </c>
      <c r="CU1346" s="166">
        <v>0</v>
      </c>
      <c r="CV1346" s="166">
        <v>0</v>
      </c>
      <c r="CW1346" s="166">
        <v>0</v>
      </c>
      <c r="CX1346" s="166">
        <v>0</v>
      </c>
      <c r="CY1346" s="166">
        <v>5267242.5293729398</v>
      </c>
      <c r="CZ1346" s="166">
        <v>5267242.5293729398</v>
      </c>
    </row>
    <row r="1347" spans="1:104" x14ac:dyDescent="0.2">
      <c r="A1347" s="167" t="s">
        <v>1130</v>
      </c>
      <c r="B1347" s="166">
        <v>1380709.5653421001</v>
      </c>
      <c r="C1347" s="166">
        <v>1380709.5653421001</v>
      </c>
      <c r="D1347" s="166">
        <v>0</v>
      </c>
      <c r="E1347" s="166">
        <v>0</v>
      </c>
      <c r="F1347" s="166">
        <v>0</v>
      </c>
      <c r="G1347" s="166">
        <v>0</v>
      </c>
      <c r="H1347" s="166">
        <v>0</v>
      </c>
      <c r="I1347" s="166">
        <v>0</v>
      </c>
      <c r="J1347" s="166">
        <v>0</v>
      </c>
      <c r="K1347" s="166">
        <v>0</v>
      </c>
      <c r="L1347" s="166">
        <v>0</v>
      </c>
      <c r="M1347" s="166">
        <v>0</v>
      </c>
      <c r="N1347" s="166">
        <v>0</v>
      </c>
      <c r="O1347" s="166">
        <v>0</v>
      </c>
      <c r="P1347" s="166">
        <v>0</v>
      </c>
      <c r="Q1347" s="166">
        <v>0</v>
      </c>
      <c r="R1347" s="166">
        <v>0</v>
      </c>
      <c r="S1347" s="166">
        <v>0</v>
      </c>
      <c r="T1347" s="166">
        <v>0</v>
      </c>
      <c r="U1347" s="166">
        <v>0</v>
      </c>
      <c r="V1347" s="166">
        <v>0</v>
      </c>
      <c r="W1347" s="166">
        <v>0</v>
      </c>
      <c r="X1347" s="166">
        <v>0</v>
      </c>
      <c r="Y1347" s="166">
        <v>0</v>
      </c>
      <c r="Z1347" s="166">
        <v>0</v>
      </c>
      <c r="AA1347" s="166">
        <v>0</v>
      </c>
      <c r="AB1347" s="166">
        <v>0</v>
      </c>
      <c r="AC1347" s="166">
        <v>0</v>
      </c>
      <c r="AD1347" s="166">
        <v>0</v>
      </c>
      <c r="AE1347" s="166">
        <v>0</v>
      </c>
      <c r="AF1347" s="166">
        <v>0</v>
      </c>
      <c r="AG1347" s="166">
        <v>0</v>
      </c>
      <c r="AH1347" s="166">
        <v>0</v>
      </c>
      <c r="AI1347" s="166">
        <v>0</v>
      </c>
      <c r="AJ1347" s="166">
        <v>0</v>
      </c>
      <c r="AK1347" s="166">
        <v>0</v>
      </c>
      <c r="AL1347" s="166">
        <v>0</v>
      </c>
      <c r="AM1347" s="166">
        <v>0</v>
      </c>
      <c r="AN1347" s="166">
        <v>0</v>
      </c>
      <c r="AO1347" s="166">
        <v>0</v>
      </c>
      <c r="AP1347" s="166">
        <v>0</v>
      </c>
      <c r="AQ1347" s="166">
        <v>0</v>
      </c>
      <c r="AR1347" s="166">
        <v>0</v>
      </c>
      <c r="AS1347" s="166">
        <v>0</v>
      </c>
      <c r="AT1347" s="166">
        <v>0</v>
      </c>
      <c r="AU1347" s="166">
        <v>0</v>
      </c>
      <c r="AV1347" s="166">
        <v>0</v>
      </c>
      <c r="AW1347" s="166">
        <v>0</v>
      </c>
      <c r="AX1347" s="166">
        <v>0</v>
      </c>
      <c r="AY1347" s="166">
        <v>0</v>
      </c>
      <c r="AZ1347" s="166">
        <v>0</v>
      </c>
      <c r="BA1347" s="166">
        <v>0</v>
      </c>
      <c r="BB1347" s="166">
        <v>0</v>
      </c>
      <c r="BC1347" s="166">
        <v>0</v>
      </c>
      <c r="BD1347" s="166">
        <v>0</v>
      </c>
      <c r="BE1347" s="166">
        <v>0</v>
      </c>
      <c r="BF1347" s="166">
        <v>0</v>
      </c>
      <c r="BG1347" s="166">
        <v>0</v>
      </c>
      <c r="BH1347" s="166">
        <v>0</v>
      </c>
      <c r="BI1347" s="166">
        <v>0</v>
      </c>
      <c r="BJ1347" s="166">
        <v>0</v>
      </c>
      <c r="BK1347" s="166">
        <v>0</v>
      </c>
      <c r="BL1347" s="166">
        <v>0</v>
      </c>
      <c r="BM1347" s="166">
        <v>0</v>
      </c>
      <c r="BN1347" s="166">
        <v>0</v>
      </c>
      <c r="BO1347" s="166">
        <v>0</v>
      </c>
      <c r="BP1347" s="166">
        <v>0</v>
      </c>
      <c r="BQ1347" s="166">
        <v>0</v>
      </c>
      <c r="BR1347" s="166">
        <v>1380709.5653421001</v>
      </c>
      <c r="BS1347" s="166">
        <v>1380709.5653421001</v>
      </c>
      <c r="BT1347" s="168">
        <v>1</v>
      </c>
      <c r="BU1347" s="166">
        <v>124556.449537951</v>
      </c>
      <c r="BV1347" s="166">
        <v>1380709.5653421001</v>
      </c>
      <c r="BW1347" s="166">
        <v>0</v>
      </c>
      <c r="BX1347" s="166">
        <v>0</v>
      </c>
      <c r="BY1347" s="166">
        <v>0</v>
      </c>
      <c r="BZ1347" s="166">
        <v>0</v>
      </c>
      <c r="CA1347" s="166">
        <v>0</v>
      </c>
      <c r="CB1347" s="166">
        <v>0</v>
      </c>
      <c r="CC1347" s="166">
        <v>0</v>
      </c>
      <c r="CD1347" s="166">
        <v>0</v>
      </c>
      <c r="CE1347" s="166">
        <v>0</v>
      </c>
      <c r="CF1347" s="166">
        <v>0</v>
      </c>
      <c r="CG1347" s="166">
        <v>0</v>
      </c>
      <c r="CH1347" s="166">
        <v>0</v>
      </c>
      <c r="CI1347" s="166">
        <v>0</v>
      </c>
      <c r="CJ1347" s="166">
        <v>0</v>
      </c>
      <c r="CK1347" s="166">
        <v>0</v>
      </c>
      <c r="CL1347" s="166">
        <v>0</v>
      </c>
      <c r="CM1347" s="166">
        <v>0</v>
      </c>
      <c r="CN1347" s="166">
        <v>0</v>
      </c>
      <c r="CO1347" s="166">
        <v>0</v>
      </c>
      <c r="CP1347" s="166">
        <v>0</v>
      </c>
      <c r="CQ1347" s="166">
        <v>0</v>
      </c>
      <c r="CR1347" s="166">
        <v>0</v>
      </c>
      <c r="CS1347" s="166">
        <v>0</v>
      </c>
      <c r="CT1347" s="166">
        <v>0</v>
      </c>
      <c r="CU1347" s="166">
        <v>0</v>
      </c>
      <c r="CV1347" s="166">
        <v>0</v>
      </c>
      <c r="CW1347" s="166">
        <v>0</v>
      </c>
      <c r="CX1347" s="166">
        <v>0</v>
      </c>
      <c r="CY1347" s="166">
        <v>1380709.5653421001</v>
      </c>
      <c r="CZ1347" s="166">
        <v>1380709.5653421001</v>
      </c>
    </row>
    <row r="1348" spans="1:104" x14ac:dyDescent="0.2">
      <c r="A1348" s="167" t="s">
        <v>1131</v>
      </c>
      <c r="B1348" s="166">
        <v>745472.35207693605</v>
      </c>
      <c r="C1348" s="166">
        <v>745472.35207693605</v>
      </c>
      <c r="D1348" s="166">
        <v>0</v>
      </c>
      <c r="E1348" s="166">
        <v>0</v>
      </c>
      <c r="F1348" s="166">
        <v>0</v>
      </c>
      <c r="G1348" s="166">
        <v>0</v>
      </c>
      <c r="H1348" s="166">
        <v>0</v>
      </c>
      <c r="I1348" s="166">
        <v>0</v>
      </c>
      <c r="J1348" s="166">
        <v>0</v>
      </c>
      <c r="K1348" s="166">
        <v>0</v>
      </c>
      <c r="L1348" s="166">
        <v>0</v>
      </c>
      <c r="M1348" s="166">
        <v>0</v>
      </c>
      <c r="N1348" s="166">
        <v>0</v>
      </c>
      <c r="O1348" s="166">
        <v>0</v>
      </c>
      <c r="P1348" s="166">
        <v>0</v>
      </c>
      <c r="Q1348" s="166">
        <v>0</v>
      </c>
      <c r="R1348" s="166">
        <v>0</v>
      </c>
      <c r="S1348" s="166">
        <v>0</v>
      </c>
      <c r="T1348" s="166">
        <v>0</v>
      </c>
      <c r="U1348" s="166">
        <v>0</v>
      </c>
      <c r="V1348" s="166">
        <v>0</v>
      </c>
      <c r="W1348" s="166">
        <v>0</v>
      </c>
      <c r="X1348" s="166">
        <v>0</v>
      </c>
      <c r="Y1348" s="166">
        <v>0</v>
      </c>
      <c r="Z1348" s="166">
        <v>0</v>
      </c>
      <c r="AA1348" s="166">
        <v>0</v>
      </c>
      <c r="AB1348" s="166">
        <v>0</v>
      </c>
      <c r="AC1348" s="166">
        <v>0</v>
      </c>
      <c r="AD1348" s="166">
        <v>0</v>
      </c>
      <c r="AE1348" s="166">
        <v>0</v>
      </c>
      <c r="AF1348" s="166">
        <v>0</v>
      </c>
      <c r="AG1348" s="166">
        <v>0</v>
      </c>
      <c r="AH1348" s="166">
        <v>0</v>
      </c>
      <c r="AI1348" s="166">
        <v>0</v>
      </c>
      <c r="AJ1348" s="166">
        <v>0</v>
      </c>
      <c r="AK1348" s="166">
        <v>0</v>
      </c>
      <c r="AL1348" s="166">
        <v>0</v>
      </c>
      <c r="AM1348" s="166">
        <v>0</v>
      </c>
      <c r="AN1348" s="166">
        <v>0</v>
      </c>
      <c r="AO1348" s="166">
        <v>0</v>
      </c>
      <c r="AP1348" s="166">
        <v>0</v>
      </c>
      <c r="AQ1348" s="166">
        <v>0</v>
      </c>
      <c r="AR1348" s="166">
        <v>0</v>
      </c>
      <c r="AS1348" s="166">
        <v>0</v>
      </c>
      <c r="AT1348" s="166">
        <v>0</v>
      </c>
      <c r="AU1348" s="166">
        <v>0</v>
      </c>
      <c r="AV1348" s="166">
        <v>0</v>
      </c>
      <c r="AW1348" s="166">
        <v>0</v>
      </c>
      <c r="AX1348" s="166">
        <v>0</v>
      </c>
      <c r="AY1348" s="166">
        <v>0</v>
      </c>
      <c r="AZ1348" s="166">
        <v>0</v>
      </c>
      <c r="BA1348" s="166">
        <v>0</v>
      </c>
      <c r="BB1348" s="166">
        <v>0</v>
      </c>
      <c r="BC1348" s="166">
        <v>0</v>
      </c>
      <c r="BD1348" s="166">
        <v>0</v>
      </c>
      <c r="BE1348" s="166">
        <v>0</v>
      </c>
      <c r="BF1348" s="166">
        <v>0</v>
      </c>
      <c r="BG1348" s="166">
        <v>0</v>
      </c>
      <c r="BH1348" s="166">
        <v>0</v>
      </c>
      <c r="BI1348" s="166">
        <v>0</v>
      </c>
      <c r="BJ1348" s="166">
        <v>0</v>
      </c>
      <c r="BK1348" s="166">
        <v>0</v>
      </c>
      <c r="BL1348" s="166">
        <v>0</v>
      </c>
      <c r="BM1348" s="166">
        <v>0</v>
      </c>
      <c r="BN1348" s="166">
        <v>0</v>
      </c>
      <c r="BO1348" s="166">
        <v>0</v>
      </c>
      <c r="BP1348" s="166">
        <v>0</v>
      </c>
      <c r="BQ1348" s="166">
        <v>0</v>
      </c>
      <c r="BR1348" s="166">
        <v>745472.35207693605</v>
      </c>
      <c r="BS1348" s="166">
        <v>745472.35207693605</v>
      </c>
      <c r="BT1348" s="168">
        <v>0.98751</v>
      </c>
      <c r="BU1348" s="166">
        <v>67246.663758361203</v>
      </c>
      <c r="BV1348" s="166">
        <v>736161.40239949501</v>
      </c>
      <c r="BW1348" s="166">
        <v>0</v>
      </c>
      <c r="BX1348" s="166">
        <v>0</v>
      </c>
      <c r="BY1348" s="166">
        <v>0</v>
      </c>
      <c r="BZ1348" s="166">
        <v>0</v>
      </c>
      <c r="CA1348" s="166">
        <v>0</v>
      </c>
      <c r="CB1348" s="166">
        <v>0</v>
      </c>
      <c r="CC1348" s="166">
        <v>0</v>
      </c>
      <c r="CD1348" s="166">
        <v>0</v>
      </c>
      <c r="CE1348" s="166">
        <v>0</v>
      </c>
      <c r="CF1348" s="166">
        <v>0</v>
      </c>
      <c r="CG1348" s="166">
        <v>0</v>
      </c>
      <c r="CH1348" s="166">
        <v>0</v>
      </c>
      <c r="CI1348" s="166">
        <v>0</v>
      </c>
      <c r="CJ1348" s="166">
        <v>0</v>
      </c>
      <c r="CK1348" s="166">
        <v>0</v>
      </c>
      <c r="CL1348" s="166">
        <v>0</v>
      </c>
      <c r="CM1348" s="166">
        <v>0</v>
      </c>
      <c r="CN1348" s="166">
        <v>0</v>
      </c>
      <c r="CO1348" s="166">
        <v>0</v>
      </c>
      <c r="CP1348" s="166">
        <v>0</v>
      </c>
      <c r="CQ1348" s="166">
        <v>0</v>
      </c>
      <c r="CR1348" s="166">
        <v>0</v>
      </c>
      <c r="CS1348" s="166">
        <v>0</v>
      </c>
      <c r="CT1348" s="166">
        <v>0</v>
      </c>
      <c r="CU1348" s="166">
        <v>0</v>
      </c>
      <c r="CV1348" s="166">
        <v>0</v>
      </c>
      <c r="CW1348" s="166">
        <v>0</v>
      </c>
      <c r="CX1348" s="166">
        <v>0</v>
      </c>
      <c r="CY1348" s="166">
        <v>736161.40239949501</v>
      </c>
      <c r="CZ1348" s="166">
        <v>736161.40239949501</v>
      </c>
    </row>
    <row r="1349" spans="1:104" x14ac:dyDescent="0.2">
      <c r="A1349" s="167" t="s">
        <v>1132</v>
      </c>
      <c r="B1349" s="166">
        <v>1827548.52169948</v>
      </c>
      <c r="C1349" s="166">
        <v>1827548.52169948</v>
      </c>
      <c r="D1349" s="166">
        <v>0</v>
      </c>
      <c r="E1349" s="166">
        <v>0</v>
      </c>
      <c r="F1349" s="166">
        <v>0</v>
      </c>
      <c r="G1349" s="166">
        <v>0</v>
      </c>
      <c r="H1349" s="166">
        <v>0</v>
      </c>
      <c r="I1349" s="166">
        <v>0</v>
      </c>
      <c r="J1349" s="166">
        <v>0</v>
      </c>
      <c r="K1349" s="166">
        <v>0</v>
      </c>
      <c r="L1349" s="166">
        <v>0</v>
      </c>
      <c r="M1349" s="166">
        <v>0</v>
      </c>
      <c r="N1349" s="166">
        <v>0</v>
      </c>
      <c r="O1349" s="166">
        <v>0</v>
      </c>
      <c r="P1349" s="166">
        <v>0</v>
      </c>
      <c r="Q1349" s="166">
        <v>0</v>
      </c>
      <c r="R1349" s="166">
        <v>0</v>
      </c>
      <c r="S1349" s="166">
        <v>0</v>
      </c>
      <c r="T1349" s="166">
        <v>0</v>
      </c>
      <c r="U1349" s="166">
        <v>0</v>
      </c>
      <c r="V1349" s="166">
        <v>0</v>
      </c>
      <c r="W1349" s="166">
        <v>0</v>
      </c>
      <c r="X1349" s="166">
        <v>0</v>
      </c>
      <c r="Y1349" s="166">
        <v>0</v>
      </c>
      <c r="Z1349" s="166">
        <v>0</v>
      </c>
      <c r="AA1349" s="166">
        <v>0</v>
      </c>
      <c r="AB1349" s="166">
        <v>0</v>
      </c>
      <c r="AC1349" s="166">
        <v>0</v>
      </c>
      <c r="AD1349" s="166">
        <v>0</v>
      </c>
      <c r="AE1349" s="166">
        <v>0</v>
      </c>
      <c r="AF1349" s="166">
        <v>0</v>
      </c>
      <c r="AG1349" s="166">
        <v>0</v>
      </c>
      <c r="AH1349" s="166">
        <v>0</v>
      </c>
      <c r="AI1349" s="166">
        <v>0</v>
      </c>
      <c r="AJ1349" s="166">
        <v>0</v>
      </c>
      <c r="AK1349" s="166">
        <v>0</v>
      </c>
      <c r="AL1349" s="166">
        <v>0</v>
      </c>
      <c r="AM1349" s="166">
        <v>0</v>
      </c>
      <c r="AN1349" s="166">
        <v>0</v>
      </c>
      <c r="AO1349" s="166">
        <v>0</v>
      </c>
      <c r="AP1349" s="166">
        <v>0</v>
      </c>
      <c r="AQ1349" s="166">
        <v>0</v>
      </c>
      <c r="AR1349" s="166">
        <v>0</v>
      </c>
      <c r="AS1349" s="166">
        <v>0</v>
      </c>
      <c r="AT1349" s="166">
        <v>0</v>
      </c>
      <c r="AU1349" s="166">
        <v>0</v>
      </c>
      <c r="AV1349" s="166">
        <v>0</v>
      </c>
      <c r="AW1349" s="166">
        <v>0</v>
      </c>
      <c r="AX1349" s="166">
        <v>0</v>
      </c>
      <c r="AY1349" s="166">
        <v>0</v>
      </c>
      <c r="AZ1349" s="166">
        <v>0</v>
      </c>
      <c r="BA1349" s="166">
        <v>0</v>
      </c>
      <c r="BB1349" s="166">
        <v>0</v>
      </c>
      <c r="BC1349" s="166">
        <v>0</v>
      </c>
      <c r="BD1349" s="166">
        <v>0</v>
      </c>
      <c r="BE1349" s="166">
        <v>0</v>
      </c>
      <c r="BF1349" s="166">
        <v>0</v>
      </c>
      <c r="BG1349" s="166">
        <v>0</v>
      </c>
      <c r="BH1349" s="166">
        <v>0</v>
      </c>
      <c r="BI1349" s="166">
        <v>0</v>
      </c>
      <c r="BJ1349" s="166">
        <v>0</v>
      </c>
      <c r="BK1349" s="166">
        <v>0</v>
      </c>
      <c r="BL1349" s="166">
        <v>0</v>
      </c>
      <c r="BM1349" s="166">
        <v>0</v>
      </c>
      <c r="BN1349" s="166">
        <v>0</v>
      </c>
      <c r="BO1349" s="166">
        <v>0</v>
      </c>
      <c r="BP1349" s="166">
        <v>0</v>
      </c>
      <c r="BQ1349" s="166">
        <v>0</v>
      </c>
      <c r="BR1349" s="166">
        <v>1827548.52169948</v>
      </c>
      <c r="BS1349" s="166">
        <v>1827548.52169948</v>
      </c>
      <c r="BT1349" s="168">
        <v>1</v>
      </c>
      <c r="BU1349" s="166">
        <v>170178.08004179699</v>
      </c>
      <c r="BV1349" s="166">
        <v>1827548.52169948</v>
      </c>
      <c r="BW1349" s="166">
        <v>0</v>
      </c>
      <c r="BX1349" s="166">
        <v>0</v>
      </c>
      <c r="BY1349" s="166">
        <v>0</v>
      </c>
      <c r="BZ1349" s="166">
        <v>0</v>
      </c>
      <c r="CA1349" s="166">
        <v>0</v>
      </c>
      <c r="CB1349" s="166">
        <v>0</v>
      </c>
      <c r="CC1349" s="166">
        <v>0</v>
      </c>
      <c r="CD1349" s="166">
        <v>0</v>
      </c>
      <c r="CE1349" s="166">
        <v>0</v>
      </c>
      <c r="CF1349" s="166">
        <v>0</v>
      </c>
      <c r="CG1349" s="166">
        <v>0</v>
      </c>
      <c r="CH1349" s="166">
        <v>0</v>
      </c>
      <c r="CI1349" s="166">
        <v>0</v>
      </c>
      <c r="CJ1349" s="166">
        <v>0</v>
      </c>
      <c r="CK1349" s="166">
        <v>0</v>
      </c>
      <c r="CL1349" s="166">
        <v>0</v>
      </c>
      <c r="CM1349" s="166">
        <v>0</v>
      </c>
      <c r="CN1349" s="166">
        <v>0</v>
      </c>
      <c r="CO1349" s="166">
        <v>0</v>
      </c>
      <c r="CP1349" s="166">
        <v>0</v>
      </c>
      <c r="CQ1349" s="166">
        <v>0</v>
      </c>
      <c r="CR1349" s="166">
        <v>0</v>
      </c>
      <c r="CS1349" s="166">
        <v>0</v>
      </c>
      <c r="CT1349" s="166">
        <v>0</v>
      </c>
      <c r="CU1349" s="166">
        <v>0</v>
      </c>
      <c r="CV1349" s="166">
        <v>0</v>
      </c>
      <c r="CW1349" s="166">
        <v>0</v>
      </c>
      <c r="CX1349" s="166">
        <v>0</v>
      </c>
      <c r="CY1349" s="166">
        <v>1827548.52169948</v>
      </c>
      <c r="CZ1349" s="166">
        <v>1827548.52169948</v>
      </c>
    </row>
    <row r="1350" spans="1:104" x14ac:dyDescent="0.2">
      <c r="A1350" s="167" t="s">
        <v>1133</v>
      </c>
      <c r="B1350" s="166">
        <v>0</v>
      </c>
      <c r="C1350" s="166">
        <v>0</v>
      </c>
      <c r="D1350" s="166">
        <v>0</v>
      </c>
      <c r="E1350" s="166">
        <v>0</v>
      </c>
      <c r="F1350" s="166">
        <v>0</v>
      </c>
      <c r="G1350" s="166">
        <v>0</v>
      </c>
      <c r="H1350" s="166">
        <v>0</v>
      </c>
      <c r="I1350" s="166">
        <v>0</v>
      </c>
      <c r="J1350" s="166">
        <v>0</v>
      </c>
      <c r="K1350" s="166">
        <v>0</v>
      </c>
      <c r="L1350" s="166">
        <v>0</v>
      </c>
      <c r="M1350" s="166">
        <v>0</v>
      </c>
      <c r="N1350" s="166">
        <v>0</v>
      </c>
      <c r="O1350" s="166">
        <v>0</v>
      </c>
      <c r="P1350" s="166">
        <v>0</v>
      </c>
      <c r="Q1350" s="166">
        <v>0</v>
      </c>
      <c r="R1350" s="166">
        <v>0</v>
      </c>
      <c r="S1350" s="166">
        <v>0</v>
      </c>
      <c r="T1350" s="166">
        <v>0</v>
      </c>
      <c r="U1350" s="166">
        <v>0</v>
      </c>
      <c r="V1350" s="166">
        <v>0</v>
      </c>
      <c r="W1350" s="166">
        <v>0</v>
      </c>
      <c r="X1350" s="166">
        <v>0</v>
      </c>
      <c r="Y1350" s="166">
        <v>0</v>
      </c>
      <c r="Z1350" s="166">
        <v>0</v>
      </c>
      <c r="AA1350" s="166">
        <v>0</v>
      </c>
      <c r="AB1350" s="166">
        <v>0</v>
      </c>
      <c r="AC1350" s="166">
        <v>0</v>
      </c>
      <c r="AD1350" s="166">
        <v>0</v>
      </c>
      <c r="AE1350" s="166">
        <v>0</v>
      </c>
      <c r="AF1350" s="166">
        <v>0</v>
      </c>
      <c r="AG1350" s="166">
        <v>0</v>
      </c>
      <c r="AH1350" s="166">
        <v>0</v>
      </c>
      <c r="AI1350" s="166">
        <v>0</v>
      </c>
      <c r="AJ1350" s="166">
        <v>0</v>
      </c>
      <c r="AK1350" s="166">
        <v>0</v>
      </c>
      <c r="AL1350" s="166">
        <v>0</v>
      </c>
      <c r="AM1350" s="166">
        <v>0</v>
      </c>
      <c r="AN1350" s="166">
        <v>0</v>
      </c>
      <c r="AO1350" s="166">
        <v>0</v>
      </c>
      <c r="AP1350" s="166">
        <v>0</v>
      </c>
      <c r="AQ1350" s="166">
        <v>0</v>
      </c>
      <c r="AR1350" s="166">
        <v>0</v>
      </c>
      <c r="AS1350" s="166">
        <v>0</v>
      </c>
      <c r="AT1350" s="166">
        <v>0</v>
      </c>
      <c r="AU1350" s="166">
        <v>0</v>
      </c>
      <c r="AV1350" s="166">
        <v>0</v>
      </c>
      <c r="AW1350" s="166">
        <v>0</v>
      </c>
      <c r="AX1350" s="166">
        <v>0</v>
      </c>
      <c r="AY1350" s="166">
        <v>0</v>
      </c>
      <c r="AZ1350" s="166">
        <v>0</v>
      </c>
      <c r="BA1350" s="166">
        <v>0</v>
      </c>
      <c r="BB1350" s="166">
        <v>0</v>
      </c>
      <c r="BC1350" s="166">
        <v>0</v>
      </c>
      <c r="BD1350" s="166">
        <v>0</v>
      </c>
      <c r="BE1350" s="166">
        <v>0</v>
      </c>
      <c r="BF1350" s="166">
        <v>0</v>
      </c>
      <c r="BG1350" s="166">
        <v>0</v>
      </c>
      <c r="BH1350" s="166">
        <v>0</v>
      </c>
      <c r="BI1350" s="166">
        <v>0</v>
      </c>
      <c r="BJ1350" s="166">
        <v>0</v>
      </c>
      <c r="BK1350" s="166">
        <v>0</v>
      </c>
      <c r="BL1350" s="166">
        <v>0</v>
      </c>
      <c r="BM1350" s="166">
        <v>0</v>
      </c>
      <c r="BN1350" s="166">
        <v>0</v>
      </c>
      <c r="BO1350" s="166">
        <v>0</v>
      </c>
      <c r="BP1350" s="166">
        <v>0</v>
      </c>
      <c r="BQ1350" s="166">
        <v>0</v>
      </c>
      <c r="BR1350" s="166">
        <v>0</v>
      </c>
      <c r="BS1350" s="166">
        <v>0</v>
      </c>
      <c r="BT1350" s="168">
        <v>1</v>
      </c>
      <c r="BU1350" s="166">
        <v>0</v>
      </c>
      <c r="BV1350" s="166">
        <v>0</v>
      </c>
      <c r="BW1350" s="166">
        <v>0</v>
      </c>
      <c r="BX1350" s="166">
        <v>0</v>
      </c>
      <c r="BY1350" s="166">
        <v>0</v>
      </c>
      <c r="BZ1350" s="166">
        <v>0</v>
      </c>
      <c r="CA1350" s="166">
        <v>0</v>
      </c>
      <c r="CB1350" s="166">
        <v>0</v>
      </c>
      <c r="CC1350" s="166">
        <v>0</v>
      </c>
      <c r="CD1350" s="166">
        <v>0</v>
      </c>
      <c r="CE1350" s="166">
        <v>0</v>
      </c>
      <c r="CF1350" s="166">
        <v>0</v>
      </c>
      <c r="CG1350" s="166">
        <v>0</v>
      </c>
      <c r="CH1350" s="166">
        <v>0</v>
      </c>
      <c r="CI1350" s="166">
        <v>0</v>
      </c>
      <c r="CJ1350" s="166">
        <v>0</v>
      </c>
      <c r="CK1350" s="166">
        <v>0</v>
      </c>
      <c r="CL1350" s="166">
        <v>0</v>
      </c>
      <c r="CM1350" s="166">
        <v>0</v>
      </c>
      <c r="CN1350" s="166">
        <v>0</v>
      </c>
      <c r="CO1350" s="166">
        <v>0</v>
      </c>
      <c r="CP1350" s="166">
        <v>0</v>
      </c>
      <c r="CQ1350" s="166">
        <v>0</v>
      </c>
      <c r="CR1350" s="166">
        <v>0</v>
      </c>
      <c r="CS1350" s="166">
        <v>0</v>
      </c>
      <c r="CT1350" s="166">
        <v>0</v>
      </c>
      <c r="CU1350" s="166">
        <v>0</v>
      </c>
      <c r="CV1350" s="166">
        <v>0</v>
      </c>
      <c r="CW1350" s="166">
        <v>0</v>
      </c>
      <c r="CX1350" s="166">
        <v>0</v>
      </c>
      <c r="CY1350" s="166">
        <v>0</v>
      </c>
      <c r="CZ1350" s="166">
        <v>0</v>
      </c>
    </row>
    <row r="1351" spans="1:104" x14ac:dyDescent="0.2">
      <c r="A1351" s="167" t="s">
        <v>1134</v>
      </c>
      <c r="B1351" s="166">
        <v>20225987.190000001</v>
      </c>
      <c r="C1351" s="166">
        <v>20225987.190000001</v>
      </c>
      <c r="D1351" s="166">
        <v>0</v>
      </c>
      <c r="E1351" s="166">
        <v>0</v>
      </c>
      <c r="F1351" s="166">
        <v>0</v>
      </c>
      <c r="G1351" s="166">
        <v>0</v>
      </c>
      <c r="H1351" s="166">
        <v>0</v>
      </c>
      <c r="I1351" s="166">
        <v>0</v>
      </c>
      <c r="J1351" s="166">
        <v>0</v>
      </c>
      <c r="K1351" s="166">
        <v>0</v>
      </c>
      <c r="L1351" s="166">
        <v>0</v>
      </c>
      <c r="M1351" s="166">
        <v>0</v>
      </c>
      <c r="N1351" s="166">
        <v>0</v>
      </c>
      <c r="O1351" s="166">
        <v>0</v>
      </c>
      <c r="P1351" s="166">
        <v>0</v>
      </c>
      <c r="Q1351" s="166">
        <v>0</v>
      </c>
      <c r="R1351" s="166">
        <v>0</v>
      </c>
      <c r="S1351" s="166">
        <v>0</v>
      </c>
      <c r="T1351" s="166">
        <v>0</v>
      </c>
      <c r="U1351" s="166">
        <v>0</v>
      </c>
      <c r="V1351" s="166">
        <v>0</v>
      </c>
      <c r="W1351" s="166">
        <v>0</v>
      </c>
      <c r="X1351" s="166">
        <v>0</v>
      </c>
      <c r="Y1351" s="166">
        <v>0</v>
      </c>
      <c r="Z1351" s="166">
        <v>0</v>
      </c>
      <c r="AA1351" s="166">
        <v>0</v>
      </c>
      <c r="AB1351" s="166">
        <v>0</v>
      </c>
      <c r="AC1351" s="166">
        <v>0</v>
      </c>
      <c r="AD1351" s="166">
        <v>0</v>
      </c>
      <c r="AE1351" s="166">
        <v>0</v>
      </c>
      <c r="AF1351" s="166">
        <v>0</v>
      </c>
      <c r="AG1351" s="166">
        <v>0</v>
      </c>
      <c r="AH1351" s="166">
        <v>0</v>
      </c>
      <c r="AI1351" s="166">
        <v>0</v>
      </c>
      <c r="AJ1351" s="166">
        <v>0</v>
      </c>
      <c r="AK1351" s="166">
        <v>0</v>
      </c>
      <c r="AL1351" s="166">
        <v>0</v>
      </c>
      <c r="AM1351" s="166">
        <v>0</v>
      </c>
      <c r="AN1351" s="166">
        <v>0</v>
      </c>
      <c r="AO1351" s="166">
        <v>0</v>
      </c>
      <c r="AP1351" s="166">
        <v>0</v>
      </c>
      <c r="AQ1351" s="166">
        <v>0</v>
      </c>
      <c r="AR1351" s="166">
        <v>0</v>
      </c>
      <c r="AS1351" s="166">
        <v>0</v>
      </c>
      <c r="AT1351" s="166">
        <v>0</v>
      </c>
      <c r="AU1351" s="166">
        <v>0</v>
      </c>
      <c r="AV1351" s="166">
        <v>0</v>
      </c>
      <c r="AW1351" s="166">
        <v>0</v>
      </c>
      <c r="AX1351" s="166">
        <v>0</v>
      </c>
      <c r="AY1351" s="166">
        <v>0</v>
      </c>
      <c r="AZ1351" s="166">
        <v>0</v>
      </c>
      <c r="BA1351" s="166">
        <v>0</v>
      </c>
      <c r="BB1351" s="166">
        <v>0</v>
      </c>
      <c r="BC1351" s="166">
        <v>0</v>
      </c>
      <c r="BD1351" s="166">
        <v>0</v>
      </c>
      <c r="BE1351" s="166">
        <v>0</v>
      </c>
      <c r="BF1351" s="166">
        <v>0</v>
      </c>
      <c r="BG1351" s="166">
        <v>0</v>
      </c>
      <c r="BH1351" s="166">
        <v>0</v>
      </c>
      <c r="BI1351" s="166">
        <v>0</v>
      </c>
      <c r="BJ1351" s="166">
        <v>0</v>
      </c>
      <c r="BK1351" s="166">
        <v>0</v>
      </c>
      <c r="BL1351" s="166">
        <v>0</v>
      </c>
      <c r="BM1351" s="166">
        <v>0</v>
      </c>
      <c r="BN1351" s="166">
        <v>0</v>
      </c>
      <c r="BO1351" s="166">
        <v>0</v>
      </c>
      <c r="BP1351" s="166">
        <v>0</v>
      </c>
      <c r="BQ1351" s="166">
        <v>0</v>
      </c>
      <c r="BR1351" s="166">
        <v>20225987.190000001</v>
      </c>
      <c r="BS1351" s="166">
        <v>20225987.190000001</v>
      </c>
      <c r="BT1351" s="168">
        <v>0</v>
      </c>
      <c r="BU1351" s="166">
        <v>1886786.19599999</v>
      </c>
      <c r="BV1351" s="166">
        <v>20216676.2403225</v>
      </c>
      <c r="BW1351" s="166">
        <v>0</v>
      </c>
      <c r="BX1351" s="166">
        <v>0</v>
      </c>
      <c r="BY1351" s="166">
        <v>0</v>
      </c>
      <c r="BZ1351" s="166">
        <v>0</v>
      </c>
      <c r="CA1351" s="166">
        <v>0</v>
      </c>
      <c r="CB1351" s="166">
        <v>0</v>
      </c>
      <c r="CC1351" s="166">
        <v>0</v>
      </c>
      <c r="CD1351" s="166">
        <v>0</v>
      </c>
      <c r="CE1351" s="166">
        <v>0</v>
      </c>
      <c r="CF1351" s="166">
        <v>0</v>
      </c>
      <c r="CG1351" s="166">
        <v>0</v>
      </c>
      <c r="CH1351" s="166">
        <v>0</v>
      </c>
      <c r="CI1351" s="166">
        <v>0</v>
      </c>
      <c r="CJ1351" s="166">
        <v>0</v>
      </c>
      <c r="CK1351" s="166">
        <v>0</v>
      </c>
      <c r="CL1351" s="166">
        <v>0</v>
      </c>
      <c r="CM1351" s="166">
        <v>0</v>
      </c>
      <c r="CN1351" s="166">
        <v>0</v>
      </c>
      <c r="CO1351" s="166">
        <v>0</v>
      </c>
      <c r="CP1351" s="166">
        <v>0</v>
      </c>
      <c r="CQ1351" s="166">
        <v>0</v>
      </c>
      <c r="CR1351" s="166">
        <v>0</v>
      </c>
      <c r="CS1351" s="166">
        <v>0</v>
      </c>
      <c r="CT1351" s="166">
        <v>0</v>
      </c>
      <c r="CU1351" s="166">
        <v>0</v>
      </c>
      <c r="CV1351" s="166">
        <v>0</v>
      </c>
      <c r="CW1351" s="166">
        <v>0</v>
      </c>
      <c r="CX1351" s="166">
        <v>0</v>
      </c>
      <c r="CY1351" s="166">
        <v>20216676.2403225</v>
      </c>
      <c r="CZ1351" s="166">
        <v>20216676.2403225</v>
      </c>
    </row>
    <row r="1352" spans="1:104" x14ac:dyDescent="0.2">
      <c r="A1352" s="167" t="s">
        <v>322</v>
      </c>
    </row>
    <row r="1353" spans="1:104" x14ac:dyDescent="0.2">
      <c r="A1353" s="167" t="s">
        <v>1135</v>
      </c>
      <c r="B1353" s="166">
        <v>1088231.0864592099</v>
      </c>
      <c r="C1353" s="166">
        <v>1088231.0864592099</v>
      </c>
      <c r="D1353" s="166">
        <v>0</v>
      </c>
      <c r="E1353" s="166">
        <v>0</v>
      </c>
      <c r="F1353" s="166">
        <v>0</v>
      </c>
      <c r="G1353" s="166">
        <v>0</v>
      </c>
      <c r="H1353" s="166">
        <v>0</v>
      </c>
      <c r="I1353" s="166">
        <v>0</v>
      </c>
      <c r="J1353" s="166">
        <v>0</v>
      </c>
      <c r="K1353" s="166">
        <v>0</v>
      </c>
      <c r="L1353" s="166">
        <v>0</v>
      </c>
      <c r="M1353" s="166">
        <v>0</v>
      </c>
      <c r="N1353" s="166">
        <v>0</v>
      </c>
      <c r="O1353" s="166">
        <v>0</v>
      </c>
      <c r="P1353" s="166">
        <v>0</v>
      </c>
      <c r="Q1353" s="166">
        <v>0</v>
      </c>
      <c r="R1353" s="166">
        <v>0</v>
      </c>
      <c r="S1353" s="166">
        <v>0</v>
      </c>
      <c r="T1353" s="166">
        <v>0</v>
      </c>
      <c r="U1353" s="166">
        <v>0</v>
      </c>
      <c r="V1353" s="166">
        <v>0</v>
      </c>
      <c r="W1353" s="166">
        <v>0</v>
      </c>
      <c r="X1353" s="166">
        <v>0</v>
      </c>
      <c r="Y1353" s="166">
        <v>0</v>
      </c>
      <c r="Z1353" s="166">
        <v>0</v>
      </c>
      <c r="AA1353" s="166">
        <v>0</v>
      </c>
      <c r="AB1353" s="166">
        <v>0</v>
      </c>
      <c r="AC1353" s="166">
        <v>0</v>
      </c>
      <c r="AD1353" s="166">
        <v>0</v>
      </c>
      <c r="AE1353" s="166">
        <v>0</v>
      </c>
      <c r="AF1353" s="166">
        <v>0</v>
      </c>
      <c r="AG1353" s="166">
        <v>0</v>
      </c>
      <c r="AH1353" s="166">
        <v>0</v>
      </c>
      <c r="AI1353" s="166">
        <v>0</v>
      </c>
      <c r="AJ1353" s="166">
        <v>0</v>
      </c>
      <c r="AK1353" s="166">
        <v>0</v>
      </c>
      <c r="AL1353" s="166">
        <v>0</v>
      </c>
      <c r="AM1353" s="166">
        <v>0</v>
      </c>
      <c r="AN1353" s="166">
        <v>0</v>
      </c>
      <c r="AO1353" s="166">
        <v>0</v>
      </c>
      <c r="AP1353" s="166">
        <v>0</v>
      </c>
      <c r="AQ1353" s="166">
        <v>0</v>
      </c>
      <c r="AR1353" s="166">
        <v>0</v>
      </c>
      <c r="AS1353" s="166">
        <v>0</v>
      </c>
      <c r="AT1353" s="166">
        <v>0</v>
      </c>
      <c r="AU1353" s="166">
        <v>0</v>
      </c>
      <c r="AV1353" s="166">
        <v>0</v>
      </c>
      <c r="AW1353" s="166">
        <v>0</v>
      </c>
      <c r="AX1353" s="166">
        <v>0</v>
      </c>
      <c r="AY1353" s="166">
        <v>0</v>
      </c>
      <c r="AZ1353" s="166">
        <v>0</v>
      </c>
      <c r="BA1353" s="166">
        <v>0</v>
      </c>
      <c r="BB1353" s="166">
        <v>0</v>
      </c>
      <c r="BC1353" s="166">
        <v>0</v>
      </c>
      <c r="BD1353" s="166">
        <v>0</v>
      </c>
      <c r="BE1353" s="166">
        <v>0</v>
      </c>
      <c r="BF1353" s="166">
        <v>0</v>
      </c>
      <c r="BG1353" s="166">
        <v>0</v>
      </c>
      <c r="BH1353" s="166">
        <v>0</v>
      </c>
      <c r="BI1353" s="166">
        <v>0</v>
      </c>
      <c r="BJ1353" s="166">
        <v>0</v>
      </c>
      <c r="BK1353" s="166">
        <v>0</v>
      </c>
      <c r="BL1353" s="166">
        <v>0</v>
      </c>
      <c r="BM1353" s="166">
        <v>0</v>
      </c>
      <c r="BN1353" s="166">
        <v>0</v>
      </c>
      <c r="BO1353" s="166">
        <v>0</v>
      </c>
      <c r="BP1353" s="166">
        <v>0</v>
      </c>
      <c r="BQ1353" s="166">
        <v>0</v>
      </c>
      <c r="BR1353" s="166">
        <v>1088231.0864592099</v>
      </c>
      <c r="BS1353" s="166">
        <v>1088231.0864592099</v>
      </c>
      <c r="BT1353" s="168">
        <v>1</v>
      </c>
      <c r="BU1353" s="166">
        <v>90576.567942478898</v>
      </c>
      <c r="BV1353" s="166">
        <v>1088231.0864592099</v>
      </c>
      <c r="BW1353" s="166">
        <v>0</v>
      </c>
      <c r="BX1353" s="166">
        <v>0</v>
      </c>
      <c r="BY1353" s="166">
        <v>0</v>
      </c>
      <c r="BZ1353" s="166">
        <v>0</v>
      </c>
      <c r="CA1353" s="166">
        <v>0</v>
      </c>
      <c r="CB1353" s="166">
        <v>0</v>
      </c>
      <c r="CC1353" s="166">
        <v>0</v>
      </c>
      <c r="CD1353" s="166">
        <v>0</v>
      </c>
      <c r="CE1353" s="166">
        <v>0</v>
      </c>
      <c r="CF1353" s="166">
        <v>0</v>
      </c>
      <c r="CG1353" s="166">
        <v>0</v>
      </c>
      <c r="CH1353" s="166">
        <v>0</v>
      </c>
      <c r="CI1353" s="166">
        <v>0</v>
      </c>
      <c r="CJ1353" s="166">
        <v>0</v>
      </c>
      <c r="CK1353" s="166">
        <v>0</v>
      </c>
      <c r="CL1353" s="166">
        <v>0</v>
      </c>
      <c r="CM1353" s="166">
        <v>0</v>
      </c>
      <c r="CN1353" s="166">
        <v>0</v>
      </c>
      <c r="CO1353" s="166">
        <v>0</v>
      </c>
      <c r="CP1353" s="166">
        <v>0</v>
      </c>
      <c r="CQ1353" s="166">
        <v>0</v>
      </c>
      <c r="CR1353" s="166">
        <v>0</v>
      </c>
      <c r="CS1353" s="166">
        <v>0</v>
      </c>
      <c r="CT1353" s="166">
        <v>0</v>
      </c>
      <c r="CU1353" s="166">
        <v>0</v>
      </c>
      <c r="CV1353" s="166">
        <v>0</v>
      </c>
      <c r="CW1353" s="166">
        <v>0</v>
      </c>
      <c r="CX1353" s="166">
        <v>0</v>
      </c>
      <c r="CY1353" s="166">
        <v>1088231.0864592099</v>
      </c>
      <c r="CZ1353" s="166">
        <v>1088231.0864592099</v>
      </c>
    </row>
    <row r="1354" spans="1:104" x14ac:dyDescent="0.2">
      <c r="A1354" s="167" t="s">
        <v>324</v>
      </c>
      <c r="B1354" s="166">
        <v>520718.20586047502</v>
      </c>
      <c r="C1354" s="166">
        <v>520718.20586047502</v>
      </c>
      <c r="D1354" s="166">
        <v>0</v>
      </c>
      <c r="E1354" s="166">
        <v>0</v>
      </c>
      <c r="F1354" s="166">
        <v>0</v>
      </c>
      <c r="G1354" s="166">
        <v>0</v>
      </c>
      <c r="H1354" s="166">
        <v>0</v>
      </c>
      <c r="I1354" s="166">
        <v>0</v>
      </c>
      <c r="J1354" s="166">
        <v>0</v>
      </c>
      <c r="K1354" s="166">
        <v>0</v>
      </c>
      <c r="L1354" s="166">
        <v>0</v>
      </c>
      <c r="M1354" s="166">
        <v>0</v>
      </c>
      <c r="N1354" s="166">
        <v>0</v>
      </c>
      <c r="O1354" s="166">
        <v>0</v>
      </c>
      <c r="P1354" s="166">
        <v>0</v>
      </c>
      <c r="Q1354" s="166">
        <v>0</v>
      </c>
      <c r="R1354" s="166">
        <v>0</v>
      </c>
      <c r="S1354" s="166">
        <v>0</v>
      </c>
      <c r="T1354" s="166">
        <v>0</v>
      </c>
      <c r="U1354" s="166">
        <v>0</v>
      </c>
      <c r="V1354" s="166">
        <v>0</v>
      </c>
      <c r="W1354" s="166">
        <v>0</v>
      </c>
      <c r="X1354" s="166">
        <v>0</v>
      </c>
      <c r="Y1354" s="166">
        <v>0</v>
      </c>
      <c r="Z1354" s="166">
        <v>0</v>
      </c>
      <c r="AA1354" s="166">
        <v>0</v>
      </c>
      <c r="AB1354" s="166">
        <v>0</v>
      </c>
      <c r="AC1354" s="166">
        <v>0</v>
      </c>
      <c r="AD1354" s="166">
        <v>0</v>
      </c>
      <c r="AE1354" s="166">
        <v>0</v>
      </c>
      <c r="AF1354" s="166">
        <v>0</v>
      </c>
      <c r="AG1354" s="166">
        <v>0</v>
      </c>
      <c r="AH1354" s="166">
        <v>0</v>
      </c>
      <c r="AI1354" s="166">
        <v>0</v>
      </c>
      <c r="AJ1354" s="166">
        <v>0</v>
      </c>
      <c r="AK1354" s="166">
        <v>0</v>
      </c>
      <c r="AL1354" s="166">
        <v>0</v>
      </c>
      <c r="AM1354" s="166">
        <v>0</v>
      </c>
      <c r="AN1354" s="166">
        <v>0</v>
      </c>
      <c r="AO1354" s="166">
        <v>0</v>
      </c>
      <c r="AP1354" s="166">
        <v>0</v>
      </c>
      <c r="AQ1354" s="166">
        <v>0</v>
      </c>
      <c r="AR1354" s="166">
        <v>0</v>
      </c>
      <c r="AS1354" s="166">
        <v>0</v>
      </c>
      <c r="AT1354" s="166">
        <v>0</v>
      </c>
      <c r="AU1354" s="166">
        <v>0</v>
      </c>
      <c r="AV1354" s="166">
        <v>0</v>
      </c>
      <c r="AW1354" s="166">
        <v>0</v>
      </c>
      <c r="AX1354" s="166">
        <v>0</v>
      </c>
      <c r="AY1354" s="166">
        <v>0</v>
      </c>
      <c r="AZ1354" s="166">
        <v>0</v>
      </c>
      <c r="BA1354" s="166">
        <v>0</v>
      </c>
      <c r="BB1354" s="166">
        <v>0</v>
      </c>
      <c r="BC1354" s="166">
        <v>0</v>
      </c>
      <c r="BD1354" s="166">
        <v>0</v>
      </c>
      <c r="BE1354" s="166">
        <v>0</v>
      </c>
      <c r="BF1354" s="166">
        <v>0</v>
      </c>
      <c r="BG1354" s="166">
        <v>0</v>
      </c>
      <c r="BH1354" s="166">
        <v>0</v>
      </c>
      <c r="BI1354" s="166">
        <v>0</v>
      </c>
      <c r="BJ1354" s="166">
        <v>0</v>
      </c>
      <c r="BK1354" s="166">
        <v>0</v>
      </c>
      <c r="BL1354" s="166">
        <v>0</v>
      </c>
      <c r="BM1354" s="166">
        <v>0</v>
      </c>
      <c r="BN1354" s="166">
        <v>0</v>
      </c>
      <c r="BO1354" s="166">
        <v>0</v>
      </c>
      <c r="BP1354" s="166">
        <v>0</v>
      </c>
      <c r="BQ1354" s="166">
        <v>0</v>
      </c>
      <c r="BR1354" s="166">
        <v>520718.20586047502</v>
      </c>
      <c r="BS1354" s="166">
        <v>520718.20586047502</v>
      </c>
      <c r="BT1354" s="168">
        <v>1</v>
      </c>
      <c r="BU1354" s="166">
        <v>44054.300462480503</v>
      </c>
      <c r="BV1354" s="166">
        <v>520718.20586047502</v>
      </c>
      <c r="BW1354" s="166">
        <v>0</v>
      </c>
      <c r="BX1354" s="166">
        <v>0</v>
      </c>
      <c r="BY1354" s="166">
        <v>0</v>
      </c>
      <c r="BZ1354" s="166">
        <v>0</v>
      </c>
      <c r="CA1354" s="166">
        <v>0</v>
      </c>
      <c r="CB1354" s="166">
        <v>0</v>
      </c>
      <c r="CC1354" s="166">
        <v>0</v>
      </c>
      <c r="CD1354" s="166">
        <v>0</v>
      </c>
      <c r="CE1354" s="166">
        <v>0</v>
      </c>
      <c r="CF1354" s="166">
        <v>0</v>
      </c>
      <c r="CG1354" s="166">
        <v>0</v>
      </c>
      <c r="CH1354" s="166">
        <v>0</v>
      </c>
      <c r="CI1354" s="166">
        <v>0</v>
      </c>
      <c r="CJ1354" s="166">
        <v>0</v>
      </c>
      <c r="CK1354" s="166">
        <v>0</v>
      </c>
      <c r="CL1354" s="166">
        <v>0</v>
      </c>
      <c r="CM1354" s="166">
        <v>0</v>
      </c>
      <c r="CN1354" s="166">
        <v>0</v>
      </c>
      <c r="CO1354" s="166">
        <v>0</v>
      </c>
      <c r="CP1354" s="166">
        <v>0</v>
      </c>
      <c r="CQ1354" s="166">
        <v>0</v>
      </c>
      <c r="CR1354" s="166">
        <v>0</v>
      </c>
      <c r="CS1354" s="166">
        <v>0</v>
      </c>
      <c r="CT1354" s="166">
        <v>0</v>
      </c>
      <c r="CU1354" s="166">
        <v>0</v>
      </c>
      <c r="CV1354" s="166">
        <v>0</v>
      </c>
      <c r="CW1354" s="166">
        <v>0</v>
      </c>
      <c r="CX1354" s="166">
        <v>0</v>
      </c>
      <c r="CY1354" s="166">
        <v>520718.20586047502</v>
      </c>
      <c r="CZ1354" s="166">
        <v>520718.20586047502</v>
      </c>
    </row>
    <row r="1355" spans="1:104" x14ac:dyDescent="0.2">
      <c r="A1355" s="167" t="s">
        <v>325</v>
      </c>
      <c r="B1355" s="166">
        <v>136595.17996318001</v>
      </c>
      <c r="C1355" s="166">
        <v>136595.17996318001</v>
      </c>
      <c r="D1355" s="166">
        <v>0</v>
      </c>
      <c r="E1355" s="166">
        <v>0</v>
      </c>
      <c r="F1355" s="166">
        <v>0</v>
      </c>
      <c r="G1355" s="166">
        <v>0</v>
      </c>
      <c r="H1355" s="166">
        <v>0</v>
      </c>
      <c r="I1355" s="166">
        <v>0</v>
      </c>
      <c r="J1355" s="166">
        <v>0</v>
      </c>
      <c r="K1355" s="166">
        <v>0</v>
      </c>
      <c r="L1355" s="166">
        <v>0</v>
      </c>
      <c r="M1355" s="166">
        <v>0</v>
      </c>
      <c r="N1355" s="166">
        <v>0</v>
      </c>
      <c r="O1355" s="166">
        <v>0</v>
      </c>
      <c r="P1355" s="166">
        <v>0</v>
      </c>
      <c r="Q1355" s="166">
        <v>0</v>
      </c>
      <c r="R1355" s="166">
        <v>0</v>
      </c>
      <c r="S1355" s="166">
        <v>0</v>
      </c>
      <c r="T1355" s="166">
        <v>0</v>
      </c>
      <c r="U1355" s="166">
        <v>0</v>
      </c>
      <c r="V1355" s="166">
        <v>0</v>
      </c>
      <c r="W1355" s="166">
        <v>0</v>
      </c>
      <c r="X1355" s="166">
        <v>0</v>
      </c>
      <c r="Y1355" s="166">
        <v>0</v>
      </c>
      <c r="Z1355" s="166">
        <v>0</v>
      </c>
      <c r="AA1355" s="166">
        <v>0</v>
      </c>
      <c r="AB1355" s="166">
        <v>0</v>
      </c>
      <c r="AC1355" s="166">
        <v>0</v>
      </c>
      <c r="AD1355" s="166">
        <v>0</v>
      </c>
      <c r="AE1355" s="166">
        <v>0</v>
      </c>
      <c r="AF1355" s="166">
        <v>0</v>
      </c>
      <c r="AG1355" s="166">
        <v>0</v>
      </c>
      <c r="AH1355" s="166">
        <v>0</v>
      </c>
      <c r="AI1355" s="166">
        <v>0</v>
      </c>
      <c r="AJ1355" s="166">
        <v>0</v>
      </c>
      <c r="AK1355" s="166">
        <v>0</v>
      </c>
      <c r="AL1355" s="166">
        <v>0</v>
      </c>
      <c r="AM1355" s="166">
        <v>0</v>
      </c>
      <c r="AN1355" s="166">
        <v>0</v>
      </c>
      <c r="AO1355" s="166">
        <v>0</v>
      </c>
      <c r="AP1355" s="166">
        <v>0</v>
      </c>
      <c r="AQ1355" s="166">
        <v>0</v>
      </c>
      <c r="AR1355" s="166">
        <v>0</v>
      </c>
      <c r="AS1355" s="166">
        <v>0</v>
      </c>
      <c r="AT1355" s="166">
        <v>0</v>
      </c>
      <c r="AU1355" s="166">
        <v>0</v>
      </c>
      <c r="AV1355" s="166">
        <v>0</v>
      </c>
      <c r="AW1355" s="166">
        <v>0</v>
      </c>
      <c r="AX1355" s="166">
        <v>0</v>
      </c>
      <c r="AY1355" s="166">
        <v>0</v>
      </c>
      <c r="AZ1355" s="166">
        <v>0</v>
      </c>
      <c r="BA1355" s="166">
        <v>0</v>
      </c>
      <c r="BB1355" s="166">
        <v>0</v>
      </c>
      <c r="BC1355" s="166">
        <v>0</v>
      </c>
      <c r="BD1355" s="166">
        <v>0</v>
      </c>
      <c r="BE1355" s="166">
        <v>0</v>
      </c>
      <c r="BF1355" s="166">
        <v>0</v>
      </c>
      <c r="BG1355" s="166">
        <v>0</v>
      </c>
      <c r="BH1355" s="166">
        <v>0</v>
      </c>
      <c r="BI1355" s="166">
        <v>0</v>
      </c>
      <c r="BJ1355" s="166">
        <v>0</v>
      </c>
      <c r="BK1355" s="166">
        <v>0</v>
      </c>
      <c r="BL1355" s="166">
        <v>0</v>
      </c>
      <c r="BM1355" s="166">
        <v>0</v>
      </c>
      <c r="BN1355" s="166">
        <v>0</v>
      </c>
      <c r="BO1355" s="166">
        <v>0</v>
      </c>
      <c r="BP1355" s="166">
        <v>0</v>
      </c>
      <c r="BQ1355" s="166">
        <v>0</v>
      </c>
      <c r="BR1355" s="166">
        <v>136595.17996318001</v>
      </c>
      <c r="BS1355" s="166">
        <v>136595.17996318001</v>
      </c>
      <c r="BT1355" s="168">
        <v>1</v>
      </c>
      <c r="BU1355" s="166">
        <v>10997.5655493382</v>
      </c>
      <c r="BV1355" s="166">
        <v>136595.17996318001</v>
      </c>
      <c r="BW1355" s="166">
        <v>0</v>
      </c>
      <c r="BX1355" s="166">
        <v>0</v>
      </c>
      <c r="BY1355" s="166">
        <v>0</v>
      </c>
      <c r="BZ1355" s="166">
        <v>0</v>
      </c>
      <c r="CA1355" s="166">
        <v>0</v>
      </c>
      <c r="CB1355" s="166">
        <v>0</v>
      </c>
      <c r="CC1355" s="166">
        <v>0</v>
      </c>
      <c r="CD1355" s="166">
        <v>0</v>
      </c>
      <c r="CE1355" s="166">
        <v>0</v>
      </c>
      <c r="CF1355" s="166">
        <v>0</v>
      </c>
      <c r="CG1355" s="166">
        <v>0</v>
      </c>
      <c r="CH1355" s="166">
        <v>0</v>
      </c>
      <c r="CI1355" s="166">
        <v>0</v>
      </c>
      <c r="CJ1355" s="166">
        <v>0</v>
      </c>
      <c r="CK1355" s="166">
        <v>0</v>
      </c>
      <c r="CL1355" s="166">
        <v>0</v>
      </c>
      <c r="CM1355" s="166">
        <v>0</v>
      </c>
      <c r="CN1355" s="166">
        <v>0</v>
      </c>
      <c r="CO1355" s="166">
        <v>0</v>
      </c>
      <c r="CP1355" s="166">
        <v>0</v>
      </c>
      <c r="CQ1355" s="166">
        <v>0</v>
      </c>
      <c r="CR1355" s="166">
        <v>0</v>
      </c>
      <c r="CS1355" s="166">
        <v>0</v>
      </c>
      <c r="CT1355" s="166">
        <v>0</v>
      </c>
      <c r="CU1355" s="166">
        <v>0</v>
      </c>
      <c r="CV1355" s="166">
        <v>0</v>
      </c>
      <c r="CW1355" s="166">
        <v>0</v>
      </c>
      <c r="CX1355" s="166">
        <v>0</v>
      </c>
      <c r="CY1355" s="166">
        <v>136595.17996318001</v>
      </c>
      <c r="CZ1355" s="166">
        <v>136595.17996318001</v>
      </c>
    </row>
    <row r="1356" spans="1:104" x14ac:dyDescent="0.2">
      <c r="A1356" s="167" t="s">
        <v>326</v>
      </c>
      <c r="B1356" s="166">
        <v>73737.557982816899</v>
      </c>
      <c r="C1356" s="166">
        <v>73737.557982816899</v>
      </c>
      <c r="D1356" s="166">
        <v>0</v>
      </c>
      <c r="E1356" s="166">
        <v>0</v>
      </c>
      <c r="F1356" s="166">
        <v>0</v>
      </c>
      <c r="G1356" s="166">
        <v>0</v>
      </c>
      <c r="H1356" s="166">
        <v>0</v>
      </c>
      <c r="I1356" s="166">
        <v>0</v>
      </c>
      <c r="J1356" s="166">
        <v>0</v>
      </c>
      <c r="K1356" s="166">
        <v>0</v>
      </c>
      <c r="L1356" s="166">
        <v>0</v>
      </c>
      <c r="M1356" s="166">
        <v>0</v>
      </c>
      <c r="N1356" s="166">
        <v>0</v>
      </c>
      <c r="O1356" s="166">
        <v>0</v>
      </c>
      <c r="P1356" s="166">
        <v>0</v>
      </c>
      <c r="Q1356" s="166">
        <v>0</v>
      </c>
      <c r="R1356" s="166">
        <v>0</v>
      </c>
      <c r="S1356" s="166">
        <v>0</v>
      </c>
      <c r="T1356" s="166">
        <v>0</v>
      </c>
      <c r="U1356" s="166">
        <v>0</v>
      </c>
      <c r="V1356" s="166">
        <v>0</v>
      </c>
      <c r="W1356" s="166">
        <v>0</v>
      </c>
      <c r="X1356" s="166">
        <v>0</v>
      </c>
      <c r="Y1356" s="166">
        <v>0</v>
      </c>
      <c r="Z1356" s="166">
        <v>0</v>
      </c>
      <c r="AA1356" s="166">
        <v>0</v>
      </c>
      <c r="AB1356" s="166">
        <v>0</v>
      </c>
      <c r="AC1356" s="166">
        <v>0</v>
      </c>
      <c r="AD1356" s="166">
        <v>0</v>
      </c>
      <c r="AE1356" s="166">
        <v>0</v>
      </c>
      <c r="AF1356" s="166">
        <v>0</v>
      </c>
      <c r="AG1356" s="166">
        <v>0</v>
      </c>
      <c r="AH1356" s="166">
        <v>0</v>
      </c>
      <c r="AI1356" s="166">
        <v>0</v>
      </c>
      <c r="AJ1356" s="166">
        <v>0</v>
      </c>
      <c r="AK1356" s="166">
        <v>0</v>
      </c>
      <c r="AL1356" s="166">
        <v>0</v>
      </c>
      <c r="AM1356" s="166">
        <v>0</v>
      </c>
      <c r="AN1356" s="166">
        <v>0</v>
      </c>
      <c r="AO1356" s="166">
        <v>0</v>
      </c>
      <c r="AP1356" s="166">
        <v>0</v>
      </c>
      <c r="AQ1356" s="166">
        <v>0</v>
      </c>
      <c r="AR1356" s="166">
        <v>0</v>
      </c>
      <c r="AS1356" s="166">
        <v>0</v>
      </c>
      <c r="AT1356" s="166">
        <v>0</v>
      </c>
      <c r="AU1356" s="166">
        <v>0</v>
      </c>
      <c r="AV1356" s="166">
        <v>0</v>
      </c>
      <c r="AW1356" s="166">
        <v>0</v>
      </c>
      <c r="AX1356" s="166">
        <v>0</v>
      </c>
      <c r="AY1356" s="166">
        <v>0</v>
      </c>
      <c r="AZ1356" s="166">
        <v>0</v>
      </c>
      <c r="BA1356" s="166">
        <v>0</v>
      </c>
      <c r="BB1356" s="166">
        <v>0</v>
      </c>
      <c r="BC1356" s="166">
        <v>0</v>
      </c>
      <c r="BD1356" s="166">
        <v>0</v>
      </c>
      <c r="BE1356" s="166">
        <v>0</v>
      </c>
      <c r="BF1356" s="166">
        <v>0</v>
      </c>
      <c r="BG1356" s="166">
        <v>0</v>
      </c>
      <c r="BH1356" s="166">
        <v>0</v>
      </c>
      <c r="BI1356" s="166">
        <v>0</v>
      </c>
      <c r="BJ1356" s="166">
        <v>0</v>
      </c>
      <c r="BK1356" s="166">
        <v>0</v>
      </c>
      <c r="BL1356" s="166">
        <v>0</v>
      </c>
      <c r="BM1356" s="166">
        <v>0</v>
      </c>
      <c r="BN1356" s="166">
        <v>0</v>
      </c>
      <c r="BO1356" s="166">
        <v>0</v>
      </c>
      <c r="BP1356" s="166">
        <v>0</v>
      </c>
      <c r="BQ1356" s="166">
        <v>0</v>
      </c>
      <c r="BR1356" s="166">
        <v>73737.557982816899</v>
      </c>
      <c r="BS1356" s="166">
        <v>73737.557982816899</v>
      </c>
      <c r="BT1356" s="168">
        <v>0.98751</v>
      </c>
      <c r="BU1356" s="166">
        <v>5937.4652649483796</v>
      </c>
      <c r="BV1356" s="166">
        <v>72816.575883611498</v>
      </c>
      <c r="BW1356" s="166">
        <v>0</v>
      </c>
      <c r="BX1356" s="166">
        <v>0</v>
      </c>
      <c r="BY1356" s="166">
        <v>0</v>
      </c>
      <c r="BZ1356" s="166">
        <v>0</v>
      </c>
      <c r="CA1356" s="166">
        <v>0</v>
      </c>
      <c r="CB1356" s="166">
        <v>0</v>
      </c>
      <c r="CC1356" s="166">
        <v>0</v>
      </c>
      <c r="CD1356" s="166">
        <v>0</v>
      </c>
      <c r="CE1356" s="166">
        <v>0</v>
      </c>
      <c r="CF1356" s="166">
        <v>0</v>
      </c>
      <c r="CG1356" s="166">
        <v>0</v>
      </c>
      <c r="CH1356" s="166">
        <v>0</v>
      </c>
      <c r="CI1356" s="166">
        <v>0</v>
      </c>
      <c r="CJ1356" s="166">
        <v>0</v>
      </c>
      <c r="CK1356" s="166">
        <v>0</v>
      </c>
      <c r="CL1356" s="166">
        <v>0</v>
      </c>
      <c r="CM1356" s="166">
        <v>0</v>
      </c>
      <c r="CN1356" s="166">
        <v>0</v>
      </c>
      <c r="CO1356" s="166">
        <v>0</v>
      </c>
      <c r="CP1356" s="166">
        <v>0</v>
      </c>
      <c r="CQ1356" s="166">
        <v>0</v>
      </c>
      <c r="CR1356" s="166">
        <v>0</v>
      </c>
      <c r="CS1356" s="166">
        <v>0</v>
      </c>
      <c r="CT1356" s="166">
        <v>0</v>
      </c>
      <c r="CU1356" s="166">
        <v>0</v>
      </c>
      <c r="CV1356" s="166">
        <v>0</v>
      </c>
      <c r="CW1356" s="166">
        <v>0</v>
      </c>
      <c r="CX1356" s="166">
        <v>0</v>
      </c>
      <c r="CY1356" s="166">
        <v>72816.575883611498</v>
      </c>
      <c r="CZ1356" s="166">
        <v>72816.575883611498</v>
      </c>
    </row>
    <row r="1357" spans="1:104" x14ac:dyDescent="0.2">
      <c r="A1357" s="167" t="s">
        <v>327</v>
      </c>
      <c r="B1357" s="166">
        <v>180718.009734311</v>
      </c>
      <c r="C1357" s="166">
        <v>180718.009734311</v>
      </c>
      <c r="D1357" s="166">
        <v>0</v>
      </c>
      <c r="E1357" s="166">
        <v>0</v>
      </c>
      <c r="F1357" s="166">
        <v>0</v>
      </c>
      <c r="G1357" s="166">
        <v>0</v>
      </c>
      <c r="H1357" s="166">
        <v>0</v>
      </c>
      <c r="I1357" s="166">
        <v>0</v>
      </c>
      <c r="J1357" s="166">
        <v>0</v>
      </c>
      <c r="K1357" s="166">
        <v>0</v>
      </c>
      <c r="L1357" s="166">
        <v>0</v>
      </c>
      <c r="M1357" s="166">
        <v>0</v>
      </c>
      <c r="N1357" s="166">
        <v>0</v>
      </c>
      <c r="O1357" s="166">
        <v>0</v>
      </c>
      <c r="P1357" s="166">
        <v>0</v>
      </c>
      <c r="Q1357" s="166">
        <v>0</v>
      </c>
      <c r="R1357" s="166">
        <v>0</v>
      </c>
      <c r="S1357" s="166">
        <v>0</v>
      </c>
      <c r="T1357" s="166">
        <v>0</v>
      </c>
      <c r="U1357" s="166">
        <v>0</v>
      </c>
      <c r="V1357" s="166">
        <v>0</v>
      </c>
      <c r="W1357" s="166">
        <v>0</v>
      </c>
      <c r="X1357" s="166">
        <v>0</v>
      </c>
      <c r="Y1357" s="166">
        <v>0</v>
      </c>
      <c r="Z1357" s="166">
        <v>0</v>
      </c>
      <c r="AA1357" s="166">
        <v>0</v>
      </c>
      <c r="AB1357" s="166">
        <v>0</v>
      </c>
      <c r="AC1357" s="166">
        <v>0</v>
      </c>
      <c r="AD1357" s="166">
        <v>0</v>
      </c>
      <c r="AE1357" s="166">
        <v>0</v>
      </c>
      <c r="AF1357" s="166">
        <v>0</v>
      </c>
      <c r="AG1357" s="166">
        <v>0</v>
      </c>
      <c r="AH1357" s="166">
        <v>0</v>
      </c>
      <c r="AI1357" s="166">
        <v>0</v>
      </c>
      <c r="AJ1357" s="166">
        <v>0</v>
      </c>
      <c r="AK1357" s="166">
        <v>0</v>
      </c>
      <c r="AL1357" s="166">
        <v>0</v>
      </c>
      <c r="AM1357" s="166">
        <v>0</v>
      </c>
      <c r="AN1357" s="166">
        <v>0</v>
      </c>
      <c r="AO1357" s="166">
        <v>0</v>
      </c>
      <c r="AP1357" s="166">
        <v>0</v>
      </c>
      <c r="AQ1357" s="166">
        <v>0</v>
      </c>
      <c r="AR1357" s="166">
        <v>0</v>
      </c>
      <c r="AS1357" s="166">
        <v>0</v>
      </c>
      <c r="AT1357" s="166">
        <v>0</v>
      </c>
      <c r="AU1357" s="166">
        <v>0</v>
      </c>
      <c r="AV1357" s="166">
        <v>0</v>
      </c>
      <c r="AW1357" s="166">
        <v>0</v>
      </c>
      <c r="AX1357" s="166">
        <v>0</v>
      </c>
      <c r="AY1357" s="166">
        <v>0</v>
      </c>
      <c r="AZ1357" s="166">
        <v>0</v>
      </c>
      <c r="BA1357" s="166">
        <v>0</v>
      </c>
      <c r="BB1357" s="166">
        <v>0</v>
      </c>
      <c r="BC1357" s="166">
        <v>0</v>
      </c>
      <c r="BD1357" s="166">
        <v>0</v>
      </c>
      <c r="BE1357" s="166">
        <v>0</v>
      </c>
      <c r="BF1357" s="166">
        <v>0</v>
      </c>
      <c r="BG1357" s="166">
        <v>0</v>
      </c>
      <c r="BH1357" s="166">
        <v>0</v>
      </c>
      <c r="BI1357" s="166">
        <v>0</v>
      </c>
      <c r="BJ1357" s="166">
        <v>0</v>
      </c>
      <c r="BK1357" s="166">
        <v>0</v>
      </c>
      <c r="BL1357" s="166">
        <v>0</v>
      </c>
      <c r="BM1357" s="166">
        <v>0</v>
      </c>
      <c r="BN1357" s="166">
        <v>0</v>
      </c>
      <c r="BO1357" s="166">
        <v>0</v>
      </c>
      <c r="BP1357" s="166">
        <v>0</v>
      </c>
      <c r="BQ1357" s="166">
        <v>0</v>
      </c>
      <c r="BR1357" s="166">
        <v>180718.009734311</v>
      </c>
      <c r="BS1357" s="166">
        <v>180718.009734311</v>
      </c>
      <c r="BT1357" s="168">
        <v>1</v>
      </c>
      <c r="BU1357" s="166">
        <v>15025.6738792955</v>
      </c>
      <c r="BV1357" s="166">
        <v>180718.009734311</v>
      </c>
      <c r="BW1357" s="166">
        <v>0</v>
      </c>
      <c r="BX1357" s="166">
        <v>0</v>
      </c>
      <c r="BY1357" s="166">
        <v>0</v>
      </c>
      <c r="BZ1357" s="166">
        <v>0</v>
      </c>
      <c r="CA1357" s="166">
        <v>0</v>
      </c>
      <c r="CB1357" s="166">
        <v>0</v>
      </c>
      <c r="CC1357" s="166">
        <v>0</v>
      </c>
      <c r="CD1357" s="166">
        <v>0</v>
      </c>
      <c r="CE1357" s="166">
        <v>0</v>
      </c>
      <c r="CF1357" s="166">
        <v>0</v>
      </c>
      <c r="CG1357" s="166">
        <v>0</v>
      </c>
      <c r="CH1357" s="166">
        <v>0</v>
      </c>
      <c r="CI1357" s="166">
        <v>0</v>
      </c>
      <c r="CJ1357" s="166">
        <v>0</v>
      </c>
      <c r="CK1357" s="166">
        <v>0</v>
      </c>
      <c r="CL1357" s="166">
        <v>0</v>
      </c>
      <c r="CM1357" s="166">
        <v>0</v>
      </c>
      <c r="CN1357" s="166">
        <v>0</v>
      </c>
      <c r="CO1357" s="166">
        <v>0</v>
      </c>
      <c r="CP1357" s="166">
        <v>0</v>
      </c>
      <c r="CQ1357" s="166">
        <v>0</v>
      </c>
      <c r="CR1357" s="166">
        <v>0</v>
      </c>
      <c r="CS1357" s="166">
        <v>0</v>
      </c>
      <c r="CT1357" s="166">
        <v>0</v>
      </c>
      <c r="CU1357" s="166">
        <v>0</v>
      </c>
      <c r="CV1357" s="166">
        <v>0</v>
      </c>
      <c r="CW1357" s="166">
        <v>0</v>
      </c>
      <c r="CX1357" s="166">
        <v>0</v>
      </c>
      <c r="CY1357" s="166">
        <v>180718.009734311</v>
      </c>
      <c r="CZ1357" s="166">
        <v>180718.009734311</v>
      </c>
    </row>
    <row r="1358" spans="1:104" x14ac:dyDescent="0.2">
      <c r="A1358" s="167" t="s">
        <v>328</v>
      </c>
      <c r="B1358" s="166">
        <v>0</v>
      </c>
      <c r="C1358" s="166">
        <v>0</v>
      </c>
      <c r="D1358" s="166">
        <v>0</v>
      </c>
      <c r="E1358" s="166">
        <v>0</v>
      </c>
      <c r="F1358" s="166">
        <v>0</v>
      </c>
      <c r="G1358" s="166">
        <v>0</v>
      </c>
      <c r="H1358" s="166">
        <v>0</v>
      </c>
      <c r="I1358" s="166">
        <v>0</v>
      </c>
      <c r="J1358" s="166">
        <v>0</v>
      </c>
      <c r="K1358" s="166">
        <v>0</v>
      </c>
      <c r="L1358" s="166">
        <v>0</v>
      </c>
      <c r="M1358" s="166">
        <v>0</v>
      </c>
      <c r="N1358" s="166">
        <v>0</v>
      </c>
      <c r="O1358" s="166">
        <v>0</v>
      </c>
      <c r="P1358" s="166">
        <v>0</v>
      </c>
      <c r="Q1358" s="166">
        <v>0</v>
      </c>
      <c r="R1358" s="166">
        <v>0</v>
      </c>
      <c r="S1358" s="166">
        <v>0</v>
      </c>
      <c r="T1358" s="166">
        <v>0</v>
      </c>
      <c r="U1358" s="166">
        <v>0</v>
      </c>
      <c r="V1358" s="166">
        <v>0</v>
      </c>
      <c r="W1358" s="166">
        <v>0</v>
      </c>
      <c r="X1358" s="166">
        <v>0</v>
      </c>
      <c r="Y1358" s="166">
        <v>0</v>
      </c>
      <c r="Z1358" s="166">
        <v>0</v>
      </c>
      <c r="AA1358" s="166">
        <v>0</v>
      </c>
      <c r="AB1358" s="166">
        <v>0</v>
      </c>
      <c r="AC1358" s="166">
        <v>0</v>
      </c>
      <c r="AD1358" s="166">
        <v>0</v>
      </c>
      <c r="AE1358" s="166">
        <v>0</v>
      </c>
      <c r="AF1358" s="166">
        <v>0</v>
      </c>
      <c r="AG1358" s="166">
        <v>0</v>
      </c>
      <c r="AH1358" s="166">
        <v>0</v>
      </c>
      <c r="AI1358" s="166">
        <v>0</v>
      </c>
      <c r="AJ1358" s="166">
        <v>0</v>
      </c>
      <c r="AK1358" s="166">
        <v>0</v>
      </c>
      <c r="AL1358" s="166">
        <v>0</v>
      </c>
      <c r="AM1358" s="166">
        <v>0</v>
      </c>
      <c r="AN1358" s="166">
        <v>0</v>
      </c>
      <c r="AO1358" s="166">
        <v>0</v>
      </c>
      <c r="AP1358" s="166">
        <v>0</v>
      </c>
      <c r="AQ1358" s="166">
        <v>0</v>
      </c>
      <c r="AR1358" s="166">
        <v>0</v>
      </c>
      <c r="AS1358" s="166">
        <v>0</v>
      </c>
      <c r="AT1358" s="166">
        <v>0</v>
      </c>
      <c r="AU1358" s="166">
        <v>0</v>
      </c>
      <c r="AV1358" s="166">
        <v>0</v>
      </c>
      <c r="AW1358" s="166">
        <v>0</v>
      </c>
      <c r="AX1358" s="166">
        <v>0</v>
      </c>
      <c r="AY1358" s="166">
        <v>0</v>
      </c>
      <c r="AZ1358" s="166">
        <v>0</v>
      </c>
      <c r="BA1358" s="166">
        <v>0</v>
      </c>
      <c r="BB1358" s="166">
        <v>0</v>
      </c>
      <c r="BC1358" s="166">
        <v>0</v>
      </c>
      <c r="BD1358" s="166">
        <v>0</v>
      </c>
      <c r="BE1358" s="166">
        <v>0</v>
      </c>
      <c r="BF1358" s="166">
        <v>0</v>
      </c>
      <c r="BG1358" s="166">
        <v>0</v>
      </c>
      <c r="BH1358" s="166">
        <v>0</v>
      </c>
      <c r="BI1358" s="166">
        <v>0</v>
      </c>
      <c r="BJ1358" s="166">
        <v>0</v>
      </c>
      <c r="BK1358" s="166">
        <v>0</v>
      </c>
      <c r="BL1358" s="166">
        <v>0</v>
      </c>
      <c r="BM1358" s="166">
        <v>0</v>
      </c>
      <c r="BN1358" s="166">
        <v>0</v>
      </c>
      <c r="BO1358" s="166">
        <v>0</v>
      </c>
      <c r="BP1358" s="166">
        <v>0</v>
      </c>
      <c r="BQ1358" s="166">
        <v>0</v>
      </c>
      <c r="BR1358" s="166">
        <v>0</v>
      </c>
      <c r="BS1358" s="166">
        <v>0</v>
      </c>
      <c r="BT1358" s="168">
        <v>1</v>
      </c>
      <c r="BU1358" s="166">
        <v>0</v>
      </c>
      <c r="BV1358" s="166">
        <v>0</v>
      </c>
      <c r="BW1358" s="166">
        <v>0</v>
      </c>
      <c r="BX1358" s="166">
        <v>0</v>
      </c>
      <c r="BY1358" s="166">
        <v>0</v>
      </c>
      <c r="BZ1358" s="166">
        <v>0</v>
      </c>
      <c r="CA1358" s="166">
        <v>0</v>
      </c>
      <c r="CB1358" s="166">
        <v>0</v>
      </c>
      <c r="CC1358" s="166">
        <v>0</v>
      </c>
      <c r="CD1358" s="166">
        <v>0</v>
      </c>
      <c r="CE1358" s="166">
        <v>0</v>
      </c>
      <c r="CF1358" s="166">
        <v>0</v>
      </c>
      <c r="CG1358" s="166">
        <v>0</v>
      </c>
      <c r="CH1358" s="166">
        <v>0</v>
      </c>
      <c r="CI1358" s="166">
        <v>0</v>
      </c>
      <c r="CJ1358" s="166">
        <v>0</v>
      </c>
      <c r="CK1358" s="166">
        <v>0</v>
      </c>
      <c r="CL1358" s="166">
        <v>0</v>
      </c>
      <c r="CM1358" s="166">
        <v>0</v>
      </c>
      <c r="CN1358" s="166">
        <v>0</v>
      </c>
      <c r="CO1358" s="166">
        <v>0</v>
      </c>
      <c r="CP1358" s="166">
        <v>0</v>
      </c>
      <c r="CQ1358" s="166">
        <v>0</v>
      </c>
      <c r="CR1358" s="166">
        <v>0</v>
      </c>
      <c r="CS1358" s="166">
        <v>0</v>
      </c>
      <c r="CT1358" s="166">
        <v>0</v>
      </c>
      <c r="CU1358" s="166">
        <v>0</v>
      </c>
      <c r="CV1358" s="166">
        <v>0</v>
      </c>
      <c r="CW1358" s="166">
        <v>0</v>
      </c>
      <c r="CX1358" s="166">
        <v>0</v>
      </c>
      <c r="CY1358" s="166">
        <v>0</v>
      </c>
      <c r="CZ1358" s="166">
        <v>0</v>
      </c>
    </row>
    <row r="1359" spans="1:104" x14ac:dyDescent="0.2">
      <c r="A1359" s="167" t="s">
        <v>329</v>
      </c>
      <c r="B1359" s="166">
        <v>2000000.04</v>
      </c>
      <c r="C1359" s="166">
        <v>2000000.04</v>
      </c>
      <c r="D1359" s="166">
        <v>0</v>
      </c>
      <c r="E1359" s="166">
        <v>0</v>
      </c>
      <c r="F1359" s="166">
        <v>0</v>
      </c>
      <c r="G1359" s="166">
        <v>0</v>
      </c>
      <c r="H1359" s="166">
        <v>0</v>
      </c>
      <c r="I1359" s="166">
        <v>0</v>
      </c>
      <c r="J1359" s="166">
        <v>0</v>
      </c>
      <c r="K1359" s="166">
        <v>0</v>
      </c>
      <c r="L1359" s="166">
        <v>0</v>
      </c>
      <c r="M1359" s="166">
        <v>0</v>
      </c>
      <c r="N1359" s="166">
        <v>0</v>
      </c>
      <c r="O1359" s="166">
        <v>0</v>
      </c>
      <c r="P1359" s="166">
        <v>0</v>
      </c>
      <c r="Q1359" s="166">
        <v>0</v>
      </c>
      <c r="R1359" s="166">
        <v>0</v>
      </c>
      <c r="S1359" s="166">
        <v>0</v>
      </c>
      <c r="T1359" s="166">
        <v>0</v>
      </c>
      <c r="U1359" s="166">
        <v>0</v>
      </c>
      <c r="V1359" s="166">
        <v>0</v>
      </c>
      <c r="W1359" s="166">
        <v>0</v>
      </c>
      <c r="X1359" s="166">
        <v>0</v>
      </c>
      <c r="Y1359" s="166">
        <v>0</v>
      </c>
      <c r="Z1359" s="166">
        <v>0</v>
      </c>
      <c r="AA1359" s="166">
        <v>0</v>
      </c>
      <c r="AB1359" s="166">
        <v>0</v>
      </c>
      <c r="AC1359" s="166">
        <v>0</v>
      </c>
      <c r="AD1359" s="166">
        <v>0</v>
      </c>
      <c r="AE1359" s="166">
        <v>0</v>
      </c>
      <c r="AF1359" s="166">
        <v>0</v>
      </c>
      <c r="AG1359" s="166">
        <v>0</v>
      </c>
      <c r="AH1359" s="166">
        <v>0</v>
      </c>
      <c r="AI1359" s="166">
        <v>0</v>
      </c>
      <c r="AJ1359" s="166">
        <v>0</v>
      </c>
      <c r="AK1359" s="166">
        <v>0</v>
      </c>
      <c r="AL1359" s="166">
        <v>0</v>
      </c>
      <c r="AM1359" s="166">
        <v>0</v>
      </c>
      <c r="AN1359" s="166">
        <v>0</v>
      </c>
      <c r="AO1359" s="166">
        <v>0</v>
      </c>
      <c r="AP1359" s="166">
        <v>0</v>
      </c>
      <c r="AQ1359" s="166">
        <v>0</v>
      </c>
      <c r="AR1359" s="166">
        <v>0</v>
      </c>
      <c r="AS1359" s="166">
        <v>0</v>
      </c>
      <c r="AT1359" s="166">
        <v>0</v>
      </c>
      <c r="AU1359" s="166">
        <v>0</v>
      </c>
      <c r="AV1359" s="166">
        <v>0</v>
      </c>
      <c r="AW1359" s="166">
        <v>0</v>
      </c>
      <c r="AX1359" s="166">
        <v>0</v>
      </c>
      <c r="AY1359" s="166">
        <v>0</v>
      </c>
      <c r="AZ1359" s="166">
        <v>0</v>
      </c>
      <c r="BA1359" s="166">
        <v>0</v>
      </c>
      <c r="BB1359" s="166">
        <v>0</v>
      </c>
      <c r="BC1359" s="166">
        <v>0</v>
      </c>
      <c r="BD1359" s="166">
        <v>0</v>
      </c>
      <c r="BE1359" s="166">
        <v>0</v>
      </c>
      <c r="BF1359" s="166">
        <v>0</v>
      </c>
      <c r="BG1359" s="166">
        <v>0</v>
      </c>
      <c r="BH1359" s="166">
        <v>0</v>
      </c>
      <c r="BI1359" s="166">
        <v>0</v>
      </c>
      <c r="BJ1359" s="166">
        <v>0</v>
      </c>
      <c r="BK1359" s="166">
        <v>0</v>
      </c>
      <c r="BL1359" s="166">
        <v>0</v>
      </c>
      <c r="BM1359" s="166">
        <v>0</v>
      </c>
      <c r="BN1359" s="166">
        <v>0</v>
      </c>
      <c r="BO1359" s="166">
        <v>0</v>
      </c>
      <c r="BP1359" s="166">
        <v>0</v>
      </c>
      <c r="BQ1359" s="166">
        <v>0</v>
      </c>
      <c r="BR1359" s="166">
        <v>2000000.04</v>
      </c>
      <c r="BS1359" s="166">
        <v>2000000.03999999</v>
      </c>
      <c r="BT1359" s="168">
        <v>0</v>
      </c>
      <c r="BU1359" s="166">
        <v>166591.573098541</v>
      </c>
      <c r="BV1359" s="166">
        <v>1999079.0579007899</v>
      </c>
      <c r="BW1359" s="166">
        <v>0</v>
      </c>
      <c r="BX1359" s="166">
        <v>0</v>
      </c>
      <c r="BY1359" s="166">
        <v>0</v>
      </c>
      <c r="BZ1359" s="166">
        <v>0</v>
      </c>
      <c r="CA1359" s="166">
        <v>0</v>
      </c>
      <c r="CB1359" s="166">
        <v>0</v>
      </c>
      <c r="CC1359" s="166">
        <v>0</v>
      </c>
      <c r="CD1359" s="166">
        <v>0</v>
      </c>
      <c r="CE1359" s="166">
        <v>0</v>
      </c>
      <c r="CF1359" s="166">
        <v>0</v>
      </c>
      <c r="CG1359" s="166">
        <v>0</v>
      </c>
      <c r="CH1359" s="166">
        <v>0</v>
      </c>
      <c r="CI1359" s="166">
        <v>0</v>
      </c>
      <c r="CJ1359" s="166">
        <v>0</v>
      </c>
      <c r="CK1359" s="166">
        <v>0</v>
      </c>
      <c r="CL1359" s="166">
        <v>0</v>
      </c>
      <c r="CM1359" s="166">
        <v>0</v>
      </c>
      <c r="CN1359" s="166">
        <v>0</v>
      </c>
      <c r="CO1359" s="166">
        <v>0</v>
      </c>
      <c r="CP1359" s="166">
        <v>0</v>
      </c>
      <c r="CQ1359" s="166">
        <v>0</v>
      </c>
      <c r="CR1359" s="166">
        <v>0</v>
      </c>
      <c r="CS1359" s="166">
        <v>0</v>
      </c>
      <c r="CT1359" s="166">
        <v>0</v>
      </c>
      <c r="CU1359" s="166">
        <v>0</v>
      </c>
      <c r="CV1359" s="166">
        <v>0</v>
      </c>
      <c r="CW1359" s="166">
        <v>0</v>
      </c>
      <c r="CX1359" s="166">
        <v>0</v>
      </c>
      <c r="CY1359" s="166">
        <v>1999079.0579007899</v>
      </c>
      <c r="CZ1359" s="166">
        <v>1999079.0579007899</v>
      </c>
    </row>
    <row r="1360" spans="1:104" x14ac:dyDescent="0.2">
      <c r="A1360" s="167" t="s">
        <v>330</v>
      </c>
    </row>
    <row r="1361" spans="1:104" x14ac:dyDescent="0.2">
      <c r="A1361" s="167" t="s">
        <v>331</v>
      </c>
      <c r="B1361" s="166">
        <v>0</v>
      </c>
      <c r="C1361" s="166">
        <v>0</v>
      </c>
      <c r="D1361" s="166">
        <v>0</v>
      </c>
      <c r="E1361" s="166">
        <v>0</v>
      </c>
      <c r="F1361" s="166">
        <v>0</v>
      </c>
      <c r="G1361" s="166">
        <v>0</v>
      </c>
      <c r="H1361" s="166">
        <v>0</v>
      </c>
      <c r="I1361" s="166">
        <v>0</v>
      </c>
      <c r="J1361" s="166">
        <v>0</v>
      </c>
      <c r="K1361" s="166">
        <v>0</v>
      </c>
      <c r="L1361" s="166">
        <v>0</v>
      </c>
      <c r="M1361" s="166">
        <v>0</v>
      </c>
      <c r="N1361" s="166">
        <v>0</v>
      </c>
      <c r="O1361" s="166">
        <v>0</v>
      </c>
      <c r="P1361" s="166">
        <v>0</v>
      </c>
      <c r="Q1361" s="166">
        <v>0</v>
      </c>
      <c r="R1361" s="166">
        <v>0</v>
      </c>
      <c r="S1361" s="166">
        <v>0</v>
      </c>
      <c r="T1361" s="166">
        <v>0</v>
      </c>
      <c r="U1361" s="166">
        <v>0</v>
      </c>
      <c r="V1361" s="166">
        <v>0</v>
      </c>
      <c r="W1361" s="166">
        <v>0</v>
      </c>
      <c r="X1361" s="166">
        <v>0</v>
      </c>
      <c r="Y1361" s="166">
        <v>0</v>
      </c>
      <c r="Z1361" s="166">
        <v>0</v>
      </c>
      <c r="AA1361" s="166">
        <v>0</v>
      </c>
      <c r="AB1361" s="166">
        <v>0</v>
      </c>
      <c r="AC1361" s="166">
        <v>0</v>
      </c>
      <c r="AD1361" s="166">
        <v>0</v>
      </c>
      <c r="AE1361" s="166">
        <v>0</v>
      </c>
      <c r="AF1361" s="166">
        <v>0</v>
      </c>
      <c r="AG1361" s="166">
        <v>0</v>
      </c>
      <c r="AH1361" s="166">
        <v>0</v>
      </c>
      <c r="AI1361" s="166">
        <v>0</v>
      </c>
      <c r="AJ1361" s="166">
        <v>0</v>
      </c>
      <c r="AK1361" s="166">
        <v>0</v>
      </c>
      <c r="AL1361" s="166">
        <v>0</v>
      </c>
      <c r="AM1361" s="166">
        <v>0</v>
      </c>
      <c r="AN1361" s="166">
        <v>0</v>
      </c>
      <c r="AO1361" s="166">
        <v>0</v>
      </c>
      <c r="AP1361" s="166">
        <v>0</v>
      </c>
      <c r="AQ1361" s="166">
        <v>0</v>
      </c>
      <c r="AR1361" s="166">
        <v>0</v>
      </c>
      <c r="AS1361" s="166">
        <v>0</v>
      </c>
      <c r="AT1361" s="166">
        <v>0</v>
      </c>
      <c r="AU1361" s="166">
        <v>0</v>
      </c>
      <c r="AV1361" s="166">
        <v>0</v>
      </c>
      <c r="AW1361" s="166">
        <v>0</v>
      </c>
      <c r="AX1361" s="166">
        <v>0</v>
      </c>
      <c r="AY1361" s="166">
        <v>0</v>
      </c>
      <c r="AZ1361" s="166">
        <v>0</v>
      </c>
      <c r="BA1361" s="166">
        <v>0</v>
      </c>
      <c r="BB1361" s="166">
        <v>0</v>
      </c>
      <c r="BC1361" s="166">
        <v>0</v>
      </c>
      <c r="BD1361" s="166">
        <v>0</v>
      </c>
      <c r="BE1361" s="166">
        <v>0</v>
      </c>
      <c r="BF1361" s="166">
        <v>0</v>
      </c>
      <c r="BG1361" s="166">
        <v>0</v>
      </c>
      <c r="BH1361" s="166">
        <v>0</v>
      </c>
      <c r="BI1361" s="166">
        <v>0</v>
      </c>
      <c r="BJ1361" s="166">
        <v>0</v>
      </c>
      <c r="BK1361" s="166">
        <v>0</v>
      </c>
      <c r="BL1361" s="166">
        <v>0</v>
      </c>
      <c r="BM1361" s="166">
        <v>0</v>
      </c>
      <c r="BN1361" s="166">
        <v>0</v>
      </c>
      <c r="BO1361" s="166">
        <v>0</v>
      </c>
      <c r="BP1361" s="166">
        <v>0</v>
      </c>
      <c r="BQ1361" s="166">
        <v>0</v>
      </c>
      <c r="BR1361" s="166">
        <v>0</v>
      </c>
      <c r="BS1361" s="166">
        <v>0</v>
      </c>
      <c r="BT1361" s="168">
        <v>1</v>
      </c>
      <c r="BU1361" s="166">
        <v>0</v>
      </c>
      <c r="BV1361" s="166">
        <v>0</v>
      </c>
      <c r="BW1361" s="166">
        <v>0</v>
      </c>
      <c r="BX1361" s="166">
        <v>0</v>
      </c>
      <c r="BY1361" s="166">
        <v>0</v>
      </c>
      <c r="BZ1361" s="166">
        <v>0</v>
      </c>
      <c r="CA1361" s="166">
        <v>0</v>
      </c>
      <c r="CB1361" s="166">
        <v>0</v>
      </c>
      <c r="CC1361" s="166">
        <v>0</v>
      </c>
      <c r="CD1361" s="166">
        <v>0</v>
      </c>
      <c r="CE1361" s="166">
        <v>0</v>
      </c>
      <c r="CF1361" s="166">
        <v>0</v>
      </c>
      <c r="CG1361" s="166">
        <v>0</v>
      </c>
      <c r="CH1361" s="166">
        <v>0</v>
      </c>
      <c r="CI1361" s="166">
        <v>0</v>
      </c>
      <c r="CJ1361" s="166">
        <v>0</v>
      </c>
      <c r="CK1361" s="166">
        <v>0</v>
      </c>
      <c r="CL1361" s="166">
        <v>0</v>
      </c>
      <c r="CM1361" s="166">
        <v>0</v>
      </c>
      <c r="CN1361" s="166">
        <v>0</v>
      </c>
      <c r="CO1361" s="166">
        <v>0</v>
      </c>
      <c r="CP1361" s="166">
        <v>0</v>
      </c>
      <c r="CQ1361" s="166">
        <v>0</v>
      </c>
      <c r="CR1361" s="166">
        <v>0</v>
      </c>
      <c r="CS1361" s="166">
        <v>0</v>
      </c>
      <c r="CT1361" s="166">
        <v>0</v>
      </c>
      <c r="CU1361" s="166">
        <v>0</v>
      </c>
      <c r="CV1361" s="166">
        <v>0</v>
      </c>
      <c r="CW1361" s="166">
        <v>0</v>
      </c>
      <c r="CX1361" s="166">
        <v>0</v>
      </c>
      <c r="CY1361" s="166">
        <v>0</v>
      </c>
      <c r="CZ1361" s="166">
        <v>0</v>
      </c>
    </row>
    <row r="1362" spans="1:104" x14ac:dyDescent="0.2">
      <c r="A1362" s="167" t="s">
        <v>332</v>
      </c>
    </row>
    <row r="1363" spans="1:104" x14ac:dyDescent="0.2">
      <c r="A1363" s="170" t="s">
        <v>333</v>
      </c>
      <c r="B1363" s="166">
        <v>31481698.379999999</v>
      </c>
      <c r="C1363" s="166">
        <v>31481698.379999999</v>
      </c>
      <c r="D1363" s="166">
        <v>0</v>
      </c>
      <c r="E1363" s="166">
        <v>0</v>
      </c>
      <c r="F1363" s="166">
        <v>0</v>
      </c>
      <c r="G1363" s="166">
        <v>0</v>
      </c>
      <c r="H1363" s="166">
        <v>0</v>
      </c>
      <c r="I1363" s="166">
        <v>0</v>
      </c>
      <c r="J1363" s="166">
        <v>0</v>
      </c>
      <c r="K1363" s="166">
        <v>0</v>
      </c>
      <c r="L1363" s="166">
        <v>0</v>
      </c>
      <c r="M1363" s="166">
        <v>0</v>
      </c>
      <c r="N1363" s="166">
        <v>0</v>
      </c>
      <c r="O1363" s="166">
        <v>0</v>
      </c>
      <c r="P1363" s="166">
        <v>0</v>
      </c>
      <c r="Q1363" s="166">
        <v>0</v>
      </c>
      <c r="R1363" s="166">
        <v>0</v>
      </c>
      <c r="S1363" s="166">
        <v>0</v>
      </c>
      <c r="T1363" s="166">
        <v>0</v>
      </c>
      <c r="U1363" s="166">
        <v>0</v>
      </c>
      <c r="V1363" s="166">
        <v>0</v>
      </c>
      <c r="W1363" s="166">
        <v>0</v>
      </c>
      <c r="X1363" s="166">
        <v>0</v>
      </c>
      <c r="Y1363" s="166">
        <v>0</v>
      </c>
      <c r="Z1363" s="166">
        <v>0</v>
      </c>
      <c r="AA1363" s="166">
        <v>0</v>
      </c>
      <c r="AB1363" s="166">
        <v>0</v>
      </c>
      <c r="AC1363" s="166">
        <v>0</v>
      </c>
      <c r="AD1363" s="166">
        <v>0</v>
      </c>
      <c r="AE1363" s="166">
        <v>0</v>
      </c>
      <c r="AF1363" s="166">
        <v>0</v>
      </c>
      <c r="AG1363" s="166">
        <v>0</v>
      </c>
      <c r="AH1363" s="166">
        <v>0</v>
      </c>
      <c r="AI1363" s="166">
        <v>0</v>
      </c>
      <c r="AJ1363" s="166">
        <v>0</v>
      </c>
      <c r="AK1363" s="166">
        <v>0</v>
      </c>
      <c r="AL1363" s="166">
        <v>0</v>
      </c>
      <c r="AM1363" s="166">
        <v>0</v>
      </c>
      <c r="AN1363" s="166">
        <v>0</v>
      </c>
      <c r="AO1363" s="166">
        <v>0</v>
      </c>
      <c r="AP1363" s="166">
        <v>0</v>
      </c>
      <c r="AQ1363" s="166">
        <v>0</v>
      </c>
      <c r="AR1363" s="166">
        <v>0</v>
      </c>
      <c r="AS1363" s="166">
        <v>0</v>
      </c>
      <c r="AT1363" s="166">
        <v>0</v>
      </c>
      <c r="AU1363" s="166">
        <v>0</v>
      </c>
      <c r="AV1363" s="166">
        <v>0</v>
      </c>
      <c r="AW1363" s="166">
        <v>0</v>
      </c>
      <c r="AX1363" s="166">
        <v>0</v>
      </c>
      <c r="AY1363" s="166">
        <v>0</v>
      </c>
      <c r="AZ1363" s="166">
        <v>0</v>
      </c>
      <c r="BA1363" s="166">
        <v>0</v>
      </c>
      <c r="BB1363" s="166">
        <v>0</v>
      </c>
      <c r="BC1363" s="166">
        <v>0</v>
      </c>
      <c r="BD1363" s="166">
        <v>0</v>
      </c>
      <c r="BE1363" s="166">
        <v>0</v>
      </c>
      <c r="BF1363" s="166">
        <v>0</v>
      </c>
      <c r="BG1363" s="166">
        <v>0</v>
      </c>
      <c r="BH1363" s="166">
        <v>0</v>
      </c>
      <c r="BI1363" s="166">
        <v>0</v>
      </c>
      <c r="BJ1363" s="166">
        <v>0</v>
      </c>
      <c r="BK1363" s="166">
        <v>0</v>
      </c>
      <c r="BL1363" s="166">
        <v>0</v>
      </c>
      <c r="BM1363" s="166">
        <v>0</v>
      </c>
      <c r="BN1363" s="166">
        <v>0</v>
      </c>
      <c r="BO1363" s="166">
        <v>0</v>
      </c>
      <c r="BP1363" s="166">
        <v>0</v>
      </c>
      <c r="BQ1363" s="166">
        <v>0</v>
      </c>
      <c r="BR1363" s="166">
        <v>31481698.379999999</v>
      </c>
      <c r="BS1363" s="166">
        <v>31481698.379999999</v>
      </c>
      <c r="BT1363" s="168">
        <v>0</v>
      </c>
      <c r="BU1363" s="166">
        <v>2816440.34014594</v>
      </c>
      <c r="BV1363" s="166">
        <v>31439864.227212101</v>
      </c>
      <c r="BW1363" s="166">
        <v>0</v>
      </c>
      <c r="BX1363" s="166">
        <v>0</v>
      </c>
      <c r="BY1363" s="166">
        <v>0</v>
      </c>
      <c r="BZ1363" s="166">
        <v>0</v>
      </c>
      <c r="CA1363" s="166">
        <v>0</v>
      </c>
      <c r="CB1363" s="166">
        <v>0</v>
      </c>
      <c r="CC1363" s="166">
        <v>0</v>
      </c>
      <c r="CD1363" s="166">
        <v>0</v>
      </c>
      <c r="CE1363" s="166">
        <v>0</v>
      </c>
      <c r="CF1363" s="166">
        <v>0</v>
      </c>
      <c r="CG1363" s="166">
        <v>0</v>
      </c>
      <c r="CH1363" s="166">
        <v>0</v>
      </c>
      <c r="CI1363" s="166">
        <v>0</v>
      </c>
      <c r="CJ1363" s="166">
        <v>0</v>
      </c>
      <c r="CK1363" s="166">
        <v>0</v>
      </c>
      <c r="CL1363" s="166">
        <v>0</v>
      </c>
      <c r="CM1363" s="166">
        <v>0</v>
      </c>
      <c r="CN1363" s="166">
        <v>0</v>
      </c>
      <c r="CO1363" s="166">
        <v>0</v>
      </c>
      <c r="CP1363" s="166">
        <v>0</v>
      </c>
      <c r="CQ1363" s="166">
        <v>0</v>
      </c>
      <c r="CR1363" s="166">
        <v>0</v>
      </c>
      <c r="CS1363" s="166">
        <v>0</v>
      </c>
      <c r="CT1363" s="166">
        <v>0</v>
      </c>
      <c r="CU1363" s="166">
        <v>0</v>
      </c>
      <c r="CV1363" s="166">
        <v>0</v>
      </c>
      <c r="CW1363" s="166">
        <v>0</v>
      </c>
      <c r="CX1363" s="166">
        <v>0</v>
      </c>
      <c r="CY1363" s="166">
        <v>31439864.227212101</v>
      </c>
      <c r="CZ1363" s="166">
        <v>31439864.227212101</v>
      </c>
    </row>
    <row r="1364" spans="1:104" x14ac:dyDescent="0.2">
      <c r="A1364" s="167" t="s">
        <v>334</v>
      </c>
    </row>
    <row r="1365" spans="1:104" x14ac:dyDescent="0.2">
      <c r="A1365" s="170" t="s">
        <v>335</v>
      </c>
      <c r="B1365" s="166">
        <v>0</v>
      </c>
      <c r="C1365" s="166">
        <v>0</v>
      </c>
      <c r="D1365" s="166">
        <v>0</v>
      </c>
      <c r="E1365" s="166">
        <v>0</v>
      </c>
      <c r="F1365" s="166">
        <v>0</v>
      </c>
      <c r="G1365" s="166">
        <v>0</v>
      </c>
      <c r="H1365" s="166">
        <v>0</v>
      </c>
      <c r="I1365" s="166">
        <v>0</v>
      </c>
      <c r="J1365" s="166">
        <v>0</v>
      </c>
      <c r="K1365" s="166">
        <v>0</v>
      </c>
      <c r="L1365" s="166">
        <v>0</v>
      </c>
      <c r="M1365" s="166">
        <v>0</v>
      </c>
      <c r="N1365" s="166">
        <v>0</v>
      </c>
      <c r="O1365" s="166">
        <v>0</v>
      </c>
      <c r="P1365" s="166">
        <v>0</v>
      </c>
      <c r="Q1365" s="166">
        <v>0</v>
      </c>
      <c r="R1365" s="166">
        <v>0</v>
      </c>
      <c r="S1365" s="166">
        <v>0</v>
      </c>
      <c r="T1365" s="166">
        <v>0</v>
      </c>
      <c r="U1365" s="166">
        <v>0</v>
      </c>
      <c r="V1365" s="166">
        <v>0</v>
      </c>
      <c r="W1365" s="166">
        <v>0</v>
      </c>
      <c r="X1365" s="166">
        <v>0</v>
      </c>
      <c r="Y1365" s="166">
        <v>0</v>
      </c>
      <c r="Z1365" s="166">
        <v>0</v>
      </c>
      <c r="AA1365" s="166">
        <v>0</v>
      </c>
      <c r="AB1365" s="166">
        <v>0</v>
      </c>
      <c r="AC1365" s="166">
        <v>0</v>
      </c>
      <c r="AD1365" s="166">
        <v>0</v>
      </c>
      <c r="AE1365" s="166">
        <v>0</v>
      </c>
      <c r="AF1365" s="166">
        <v>0</v>
      </c>
      <c r="AG1365" s="166">
        <v>0</v>
      </c>
      <c r="AH1365" s="166">
        <v>0</v>
      </c>
      <c r="AI1365" s="166">
        <v>0</v>
      </c>
      <c r="AJ1365" s="166">
        <v>0</v>
      </c>
      <c r="AK1365" s="166">
        <v>0</v>
      </c>
      <c r="AL1365" s="166">
        <v>0</v>
      </c>
      <c r="AM1365" s="166">
        <v>0</v>
      </c>
      <c r="AN1365" s="166">
        <v>0</v>
      </c>
      <c r="AO1365" s="166">
        <v>0</v>
      </c>
      <c r="AP1365" s="166">
        <v>0</v>
      </c>
      <c r="AQ1365" s="166">
        <v>0</v>
      </c>
      <c r="AR1365" s="166">
        <v>0</v>
      </c>
      <c r="AS1365" s="166">
        <v>0</v>
      </c>
      <c r="AT1365" s="166">
        <v>0</v>
      </c>
      <c r="AU1365" s="166">
        <v>0</v>
      </c>
      <c r="AV1365" s="166">
        <v>0</v>
      </c>
      <c r="AW1365" s="166">
        <v>0</v>
      </c>
      <c r="AX1365" s="166">
        <v>0</v>
      </c>
      <c r="AY1365" s="166">
        <v>0</v>
      </c>
      <c r="AZ1365" s="166">
        <v>0</v>
      </c>
      <c r="BA1365" s="166">
        <v>0</v>
      </c>
      <c r="BB1365" s="166">
        <v>0</v>
      </c>
      <c r="BC1365" s="166">
        <v>0</v>
      </c>
      <c r="BD1365" s="166">
        <v>0</v>
      </c>
      <c r="BE1365" s="166">
        <v>0</v>
      </c>
      <c r="BF1365" s="166">
        <v>0</v>
      </c>
      <c r="BG1365" s="166">
        <v>0</v>
      </c>
      <c r="BH1365" s="166">
        <v>0</v>
      </c>
      <c r="BI1365" s="166">
        <v>0</v>
      </c>
      <c r="BJ1365" s="166">
        <v>0</v>
      </c>
      <c r="BK1365" s="166">
        <v>0</v>
      </c>
      <c r="BL1365" s="166">
        <v>0</v>
      </c>
      <c r="BM1365" s="166">
        <v>0</v>
      </c>
      <c r="BN1365" s="166">
        <v>0</v>
      </c>
      <c r="BO1365" s="166">
        <v>0</v>
      </c>
      <c r="BP1365" s="166">
        <v>0</v>
      </c>
      <c r="BQ1365" s="166">
        <v>0</v>
      </c>
      <c r="BR1365" s="166">
        <v>0</v>
      </c>
      <c r="BS1365" s="166">
        <v>0</v>
      </c>
      <c r="BT1365" s="166">
        <v>0</v>
      </c>
      <c r="BU1365" s="166">
        <v>0</v>
      </c>
      <c r="BV1365" s="166">
        <v>0</v>
      </c>
      <c r="BW1365" s="166">
        <v>0</v>
      </c>
      <c r="BX1365" s="166">
        <v>0</v>
      </c>
      <c r="BY1365" s="166">
        <v>0</v>
      </c>
      <c r="BZ1365" s="166">
        <v>0</v>
      </c>
      <c r="CA1365" s="166">
        <v>0</v>
      </c>
      <c r="CB1365" s="166">
        <v>0</v>
      </c>
      <c r="CC1365" s="166">
        <v>0</v>
      </c>
      <c r="CD1365" s="166">
        <v>0</v>
      </c>
      <c r="CE1365" s="166">
        <v>0</v>
      </c>
      <c r="CF1365" s="166">
        <v>0</v>
      </c>
      <c r="CG1365" s="166">
        <v>0</v>
      </c>
      <c r="CH1365" s="166">
        <v>0</v>
      </c>
      <c r="CI1365" s="166">
        <v>0</v>
      </c>
      <c r="CJ1365" s="166">
        <v>0</v>
      </c>
      <c r="CK1365" s="166">
        <v>0</v>
      </c>
      <c r="CL1365" s="166">
        <v>0</v>
      </c>
      <c r="CM1365" s="166">
        <v>0</v>
      </c>
      <c r="CN1365" s="166">
        <v>0</v>
      </c>
      <c r="CO1365" s="166">
        <v>0</v>
      </c>
      <c r="CP1365" s="166">
        <v>0</v>
      </c>
      <c r="CQ1365" s="166">
        <v>0</v>
      </c>
      <c r="CR1365" s="166">
        <v>0</v>
      </c>
      <c r="CS1365" s="166">
        <v>0</v>
      </c>
      <c r="CT1365" s="166">
        <v>0</v>
      </c>
      <c r="CU1365" s="166">
        <v>0</v>
      </c>
      <c r="CV1365" s="166">
        <v>0</v>
      </c>
      <c r="CW1365" s="166">
        <v>0</v>
      </c>
      <c r="CX1365" s="166">
        <v>0</v>
      </c>
      <c r="CY1365" s="166">
        <v>0</v>
      </c>
      <c r="CZ1365" s="166">
        <v>0</v>
      </c>
    </row>
    <row r="1366" spans="1:104" x14ac:dyDescent="0.2">
      <c r="A1366" s="167" t="s">
        <v>1136</v>
      </c>
      <c r="B1366" s="166">
        <v>0</v>
      </c>
      <c r="C1366" s="166">
        <v>0</v>
      </c>
      <c r="D1366" s="166">
        <v>0</v>
      </c>
      <c r="E1366" s="166">
        <v>0</v>
      </c>
      <c r="F1366" s="166">
        <v>0</v>
      </c>
      <c r="G1366" s="166">
        <v>0</v>
      </c>
      <c r="H1366" s="166">
        <v>0</v>
      </c>
      <c r="I1366" s="166">
        <v>0</v>
      </c>
      <c r="J1366" s="166">
        <v>0</v>
      </c>
      <c r="K1366" s="166">
        <v>0</v>
      </c>
      <c r="L1366" s="166">
        <v>0</v>
      </c>
      <c r="M1366" s="166">
        <v>0</v>
      </c>
      <c r="N1366" s="166">
        <v>0</v>
      </c>
      <c r="O1366" s="166">
        <v>0</v>
      </c>
      <c r="P1366" s="166">
        <v>0</v>
      </c>
      <c r="Q1366" s="166">
        <v>0</v>
      </c>
      <c r="R1366" s="166">
        <v>0</v>
      </c>
      <c r="S1366" s="166">
        <v>0</v>
      </c>
      <c r="T1366" s="166">
        <v>0</v>
      </c>
      <c r="U1366" s="166">
        <v>0</v>
      </c>
      <c r="V1366" s="166">
        <v>0</v>
      </c>
      <c r="W1366" s="166">
        <v>0</v>
      </c>
      <c r="X1366" s="166">
        <v>0</v>
      </c>
      <c r="Y1366" s="166">
        <v>0</v>
      </c>
      <c r="Z1366" s="166">
        <v>0</v>
      </c>
      <c r="AA1366" s="166">
        <v>0</v>
      </c>
      <c r="AB1366" s="166">
        <v>0</v>
      </c>
      <c r="AC1366" s="166">
        <v>0</v>
      </c>
      <c r="AD1366" s="166">
        <v>0</v>
      </c>
      <c r="AE1366" s="166">
        <v>0</v>
      </c>
      <c r="AF1366" s="166">
        <v>0</v>
      </c>
      <c r="AG1366" s="166">
        <v>0</v>
      </c>
      <c r="AH1366" s="166">
        <v>0</v>
      </c>
      <c r="AI1366" s="166">
        <v>0</v>
      </c>
      <c r="AJ1366" s="166">
        <v>0</v>
      </c>
      <c r="AK1366" s="166">
        <v>0</v>
      </c>
      <c r="AL1366" s="166">
        <v>0</v>
      </c>
      <c r="AM1366" s="166">
        <v>0</v>
      </c>
      <c r="AN1366" s="166">
        <v>0</v>
      </c>
      <c r="AO1366" s="166">
        <v>0</v>
      </c>
      <c r="AP1366" s="166">
        <v>0</v>
      </c>
      <c r="AQ1366" s="166">
        <v>0</v>
      </c>
      <c r="AR1366" s="166">
        <v>0</v>
      </c>
      <c r="AS1366" s="166">
        <v>0</v>
      </c>
      <c r="AT1366" s="166">
        <v>0</v>
      </c>
      <c r="AU1366" s="166">
        <v>0</v>
      </c>
      <c r="AV1366" s="166">
        <v>0</v>
      </c>
      <c r="AW1366" s="166">
        <v>0</v>
      </c>
      <c r="AX1366" s="166">
        <v>0</v>
      </c>
      <c r="AY1366" s="166">
        <v>0</v>
      </c>
      <c r="AZ1366" s="166">
        <v>0</v>
      </c>
      <c r="BA1366" s="166">
        <v>0</v>
      </c>
      <c r="BB1366" s="166">
        <v>0</v>
      </c>
      <c r="BC1366" s="166">
        <v>0</v>
      </c>
      <c r="BD1366" s="166">
        <v>0</v>
      </c>
      <c r="BE1366" s="166">
        <v>0</v>
      </c>
      <c r="BF1366" s="166">
        <v>0</v>
      </c>
      <c r="BG1366" s="166">
        <v>0</v>
      </c>
      <c r="BH1366" s="166">
        <v>0</v>
      </c>
      <c r="BI1366" s="166">
        <v>0</v>
      </c>
      <c r="BJ1366" s="166">
        <v>0</v>
      </c>
      <c r="BK1366" s="166">
        <v>0</v>
      </c>
      <c r="BL1366" s="166">
        <v>0</v>
      </c>
      <c r="BM1366" s="166">
        <v>0</v>
      </c>
      <c r="BN1366" s="166">
        <v>0</v>
      </c>
      <c r="BO1366" s="166">
        <v>0</v>
      </c>
      <c r="BP1366" s="166">
        <v>0</v>
      </c>
      <c r="BQ1366" s="166">
        <v>0</v>
      </c>
      <c r="BR1366" s="166">
        <v>0</v>
      </c>
      <c r="BS1366" s="166">
        <v>0</v>
      </c>
      <c r="BT1366" s="168">
        <v>1</v>
      </c>
      <c r="BU1366" s="166">
        <v>0</v>
      </c>
      <c r="BV1366" s="166">
        <v>0</v>
      </c>
      <c r="BW1366" s="166">
        <v>0</v>
      </c>
      <c r="BX1366" s="166">
        <v>0</v>
      </c>
      <c r="BY1366" s="166">
        <v>0</v>
      </c>
      <c r="BZ1366" s="166">
        <v>0</v>
      </c>
      <c r="CA1366" s="166">
        <v>0</v>
      </c>
      <c r="CB1366" s="166">
        <v>0</v>
      </c>
      <c r="CC1366" s="166">
        <v>0</v>
      </c>
      <c r="CD1366" s="166">
        <v>0</v>
      </c>
      <c r="CE1366" s="166">
        <v>0</v>
      </c>
      <c r="CF1366" s="166">
        <v>0</v>
      </c>
      <c r="CG1366" s="166">
        <v>0</v>
      </c>
      <c r="CH1366" s="166">
        <v>0</v>
      </c>
      <c r="CI1366" s="166">
        <v>0</v>
      </c>
      <c r="CJ1366" s="166">
        <v>0</v>
      </c>
      <c r="CK1366" s="166">
        <v>0</v>
      </c>
      <c r="CL1366" s="166">
        <v>0</v>
      </c>
      <c r="CM1366" s="166">
        <v>0</v>
      </c>
      <c r="CN1366" s="166">
        <v>0</v>
      </c>
      <c r="CO1366" s="166">
        <v>0</v>
      </c>
      <c r="CP1366" s="166">
        <v>0</v>
      </c>
      <c r="CQ1366" s="166">
        <v>0</v>
      </c>
      <c r="CR1366" s="166">
        <v>0</v>
      </c>
      <c r="CS1366" s="166">
        <v>0</v>
      </c>
      <c r="CT1366" s="166">
        <v>0</v>
      </c>
      <c r="CU1366" s="166">
        <v>0</v>
      </c>
      <c r="CV1366" s="166">
        <v>0</v>
      </c>
      <c r="CW1366" s="166">
        <v>0</v>
      </c>
      <c r="CX1366" s="166">
        <v>0</v>
      </c>
      <c r="CY1366" s="166">
        <v>0</v>
      </c>
      <c r="CZ1366" s="166">
        <v>0</v>
      </c>
    </row>
    <row r="1367" spans="1:104" x14ac:dyDescent="0.2">
      <c r="A1367" s="167" t="s">
        <v>1137</v>
      </c>
      <c r="B1367" s="166">
        <v>0</v>
      </c>
      <c r="C1367" s="166">
        <v>0</v>
      </c>
      <c r="D1367" s="166">
        <v>0</v>
      </c>
      <c r="E1367" s="166">
        <v>0</v>
      </c>
      <c r="F1367" s="166">
        <v>0</v>
      </c>
      <c r="G1367" s="166">
        <v>0</v>
      </c>
      <c r="H1367" s="166">
        <v>0</v>
      </c>
      <c r="I1367" s="166">
        <v>0</v>
      </c>
      <c r="J1367" s="166">
        <v>0</v>
      </c>
      <c r="K1367" s="166">
        <v>0</v>
      </c>
      <c r="L1367" s="166">
        <v>0</v>
      </c>
      <c r="M1367" s="166">
        <v>0</v>
      </c>
      <c r="N1367" s="166">
        <v>0</v>
      </c>
      <c r="O1367" s="166">
        <v>0</v>
      </c>
      <c r="P1367" s="166">
        <v>0</v>
      </c>
      <c r="Q1367" s="166">
        <v>0</v>
      </c>
      <c r="R1367" s="166">
        <v>0</v>
      </c>
      <c r="S1367" s="166">
        <v>0</v>
      </c>
      <c r="T1367" s="166">
        <v>0</v>
      </c>
      <c r="U1367" s="166">
        <v>0</v>
      </c>
      <c r="V1367" s="166">
        <v>0</v>
      </c>
      <c r="W1367" s="166">
        <v>0</v>
      </c>
      <c r="X1367" s="166">
        <v>0</v>
      </c>
      <c r="Y1367" s="166">
        <v>0</v>
      </c>
      <c r="Z1367" s="166">
        <v>0</v>
      </c>
      <c r="AA1367" s="166">
        <v>0</v>
      </c>
      <c r="AB1367" s="166">
        <v>0</v>
      </c>
      <c r="AC1367" s="166">
        <v>0</v>
      </c>
      <c r="AD1367" s="166">
        <v>0</v>
      </c>
      <c r="AE1367" s="166">
        <v>0</v>
      </c>
      <c r="AF1367" s="166">
        <v>0</v>
      </c>
      <c r="AG1367" s="166">
        <v>0</v>
      </c>
      <c r="AH1367" s="166">
        <v>0</v>
      </c>
      <c r="AI1367" s="166">
        <v>0</v>
      </c>
      <c r="AJ1367" s="166">
        <v>0</v>
      </c>
      <c r="AK1367" s="166">
        <v>0</v>
      </c>
      <c r="AL1367" s="166">
        <v>0</v>
      </c>
      <c r="AM1367" s="166">
        <v>0</v>
      </c>
      <c r="AN1367" s="166">
        <v>0</v>
      </c>
      <c r="AO1367" s="166">
        <v>0</v>
      </c>
      <c r="AP1367" s="166">
        <v>0</v>
      </c>
      <c r="AQ1367" s="166">
        <v>0</v>
      </c>
      <c r="AR1367" s="166">
        <v>0</v>
      </c>
      <c r="AS1367" s="166">
        <v>0</v>
      </c>
      <c r="AT1367" s="166">
        <v>0</v>
      </c>
      <c r="AU1367" s="166">
        <v>0</v>
      </c>
      <c r="AV1367" s="166">
        <v>0</v>
      </c>
      <c r="AW1367" s="166">
        <v>0</v>
      </c>
      <c r="AX1367" s="166">
        <v>0</v>
      </c>
      <c r="AY1367" s="166">
        <v>0</v>
      </c>
      <c r="AZ1367" s="166">
        <v>0</v>
      </c>
      <c r="BA1367" s="166">
        <v>0</v>
      </c>
      <c r="BB1367" s="166">
        <v>0</v>
      </c>
      <c r="BC1367" s="166">
        <v>0</v>
      </c>
      <c r="BD1367" s="166">
        <v>0</v>
      </c>
      <c r="BE1367" s="166">
        <v>0</v>
      </c>
      <c r="BF1367" s="166">
        <v>0</v>
      </c>
      <c r="BG1367" s="166">
        <v>0</v>
      </c>
      <c r="BH1367" s="166">
        <v>0</v>
      </c>
      <c r="BI1367" s="166">
        <v>0</v>
      </c>
      <c r="BJ1367" s="166">
        <v>0</v>
      </c>
      <c r="BK1367" s="166">
        <v>0</v>
      </c>
      <c r="BL1367" s="166">
        <v>0</v>
      </c>
      <c r="BM1367" s="166">
        <v>0</v>
      </c>
      <c r="BN1367" s="166">
        <v>0</v>
      </c>
      <c r="BO1367" s="166">
        <v>0</v>
      </c>
      <c r="BP1367" s="166">
        <v>0</v>
      </c>
      <c r="BQ1367" s="166">
        <v>0</v>
      </c>
      <c r="BR1367" s="166">
        <v>0</v>
      </c>
      <c r="BS1367" s="166">
        <v>0</v>
      </c>
      <c r="BT1367" s="168">
        <v>1</v>
      </c>
      <c r="BU1367" s="166">
        <v>0</v>
      </c>
      <c r="BV1367" s="166">
        <v>0</v>
      </c>
      <c r="BW1367" s="166">
        <v>0</v>
      </c>
      <c r="BX1367" s="166">
        <v>0</v>
      </c>
      <c r="BY1367" s="166">
        <v>0</v>
      </c>
      <c r="BZ1367" s="166">
        <v>0</v>
      </c>
      <c r="CA1367" s="166">
        <v>0</v>
      </c>
      <c r="CB1367" s="166">
        <v>0</v>
      </c>
      <c r="CC1367" s="166">
        <v>0</v>
      </c>
      <c r="CD1367" s="166">
        <v>0</v>
      </c>
      <c r="CE1367" s="166">
        <v>0</v>
      </c>
      <c r="CF1367" s="166">
        <v>0</v>
      </c>
      <c r="CG1367" s="166">
        <v>0</v>
      </c>
      <c r="CH1367" s="166">
        <v>0</v>
      </c>
      <c r="CI1367" s="166">
        <v>0</v>
      </c>
      <c r="CJ1367" s="166">
        <v>0</v>
      </c>
      <c r="CK1367" s="166">
        <v>0</v>
      </c>
      <c r="CL1367" s="166">
        <v>0</v>
      </c>
      <c r="CM1367" s="166">
        <v>0</v>
      </c>
      <c r="CN1367" s="166">
        <v>0</v>
      </c>
      <c r="CO1367" s="166">
        <v>0</v>
      </c>
      <c r="CP1367" s="166">
        <v>0</v>
      </c>
      <c r="CQ1367" s="166">
        <v>0</v>
      </c>
      <c r="CR1367" s="166">
        <v>0</v>
      </c>
      <c r="CS1367" s="166">
        <v>0</v>
      </c>
      <c r="CT1367" s="166">
        <v>0</v>
      </c>
      <c r="CU1367" s="166">
        <v>0</v>
      </c>
      <c r="CV1367" s="166">
        <v>0</v>
      </c>
      <c r="CW1367" s="166">
        <v>0</v>
      </c>
      <c r="CX1367" s="166">
        <v>0</v>
      </c>
      <c r="CY1367" s="166">
        <v>0</v>
      </c>
      <c r="CZ1367" s="166">
        <v>0</v>
      </c>
    </row>
    <row r="1368" spans="1:104" x14ac:dyDescent="0.2">
      <c r="A1368" s="167" t="s">
        <v>1138</v>
      </c>
      <c r="B1368" s="166">
        <v>0</v>
      </c>
      <c r="C1368" s="166">
        <v>0</v>
      </c>
      <c r="D1368" s="166">
        <v>0</v>
      </c>
      <c r="E1368" s="166">
        <v>0</v>
      </c>
      <c r="F1368" s="166">
        <v>0</v>
      </c>
      <c r="G1368" s="166">
        <v>0</v>
      </c>
      <c r="H1368" s="166">
        <v>0</v>
      </c>
      <c r="I1368" s="166">
        <v>0</v>
      </c>
      <c r="J1368" s="166">
        <v>0</v>
      </c>
      <c r="K1368" s="166">
        <v>0</v>
      </c>
      <c r="L1368" s="166">
        <v>0</v>
      </c>
      <c r="M1368" s="166">
        <v>0</v>
      </c>
      <c r="N1368" s="166">
        <v>0</v>
      </c>
      <c r="O1368" s="166">
        <v>0</v>
      </c>
      <c r="P1368" s="166">
        <v>0</v>
      </c>
      <c r="Q1368" s="166">
        <v>0</v>
      </c>
      <c r="R1368" s="166">
        <v>0</v>
      </c>
      <c r="S1368" s="166">
        <v>0</v>
      </c>
      <c r="T1368" s="166">
        <v>0</v>
      </c>
      <c r="U1368" s="166">
        <v>0</v>
      </c>
      <c r="V1368" s="166">
        <v>0</v>
      </c>
      <c r="W1368" s="166">
        <v>0</v>
      </c>
      <c r="X1368" s="166">
        <v>0</v>
      </c>
      <c r="Y1368" s="166">
        <v>0</v>
      </c>
      <c r="Z1368" s="166">
        <v>0</v>
      </c>
      <c r="AA1368" s="166">
        <v>0</v>
      </c>
      <c r="AB1368" s="166">
        <v>0</v>
      </c>
      <c r="AC1368" s="166">
        <v>0</v>
      </c>
      <c r="AD1368" s="166">
        <v>0</v>
      </c>
      <c r="AE1368" s="166">
        <v>0</v>
      </c>
      <c r="AF1368" s="166">
        <v>0</v>
      </c>
      <c r="AG1368" s="166">
        <v>0</v>
      </c>
      <c r="AH1368" s="166">
        <v>0</v>
      </c>
      <c r="AI1368" s="166">
        <v>0</v>
      </c>
      <c r="AJ1368" s="166">
        <v>0</v>
      </c>
      <c r="AK1368" s="166">
        <v>0</v>
      </c>
      <c r="AL1368" s="166">
        <v>0</v>
      </c>
      <c r="AM1368" s="166">
        <v>0</v>
      </c>
      <c r="AN1368" s="166">
        <v>0</v>
      </c>
      <c r="AO1368" s="166">
        <v>0</v>
      </c>
      <c r="AP1368" s="166">
        <v>0</v>
      </c>
      <c r="AQ1368" s="166">
        <v>0</v>
      </c>
      <c r="AR1368" s="166">
        <v>0</v>
      </c>
      <c r="AS1368" s="166">
        <v>0</v>
      </c>
      <c r="AT1368" s="166">
        <v>0</v>
      </c>
      <c r="AU1368" s="166">
        <v>0</v>
      </c>
      <c r="AV1368" s="166">
        <v>0</v>
      </c>
      <c r="AW1368" s="166">
        <v>0</v>
      </c>
      <c r="AX1368" s="166">
        <v>0</v>
      </c>
      <c r="AY1368" s="166">
        <v>0</v>
      </c>
      <c r="AZ1368" s="166">
        <v>0</v>
      </c>
      <c r="BA1368" s="166">
        <v>0</v>
      </c>
      <c r="BB1368" s="166">
        <v>0</v>
      </c>
      <c r="BC1368" s="166">
        <v>0</v>
      </c>
      <c r="BD1368" s="166">
        <v>0</v>
      </c>
      <c r="BE1368" s="166">
        <v>0</v>
      </c>
      <c r="BF1368" s="166">
        <v>0</v>
      </c>
      <c r="BG1368" s="166">
        <v>0</v>
      </c>
      <c r="BH1368" s="166">
        <v>0</v>
      </c>
      <c r="BI1368" s="166">
        <v>0</v>
      </c>
      <c r="BJ1368" s="166">
        <v>0</v>
      </c>
      <c r="BK1368" s="166">
        <v>0</v>
      </c>
      <c r="BL1368" s="166">
        <v>0</v>
      </c>
      <c r="BM1368" s="166">
        <v>0</v>
      </c>
      <c r="BN1368" s="166">
        <v>0</v>
      </c>
      <c r="BO1368" s="166">
        <v>0</v>
      </c>
      <c r="BP1368" s="166">
        <v>0</v>
      </c>
      <c r="BQ1368" s="166">
        <v>0</v>
      </c>
      <c r="BR1368" s="166">
        <v>0</v>
      </c>
      <c r="BS1368" s="166">
        <v>0</v>
      </c>
      <c r="BT1368" s="168">
        <v>1</v>
      </c>
      <c r="BU1368" s="166">
        <v>0</v>
      </c>
      <c r="BV1368" s="166">
        <v>0</v>
      </c>
      <c r="BW1368" s="166">
        <v>0</v>
      </c>
      <c r="BX1368" s="166">
        <v>0</v>
      </c>
      <c r="BY1368" s="166">
        <v>0</v>
      </c>
      <c r="BZ1368" s="166">
        <v>0</v>
      </c>
      <c r="CA1368" s="166">
        <v>0</v>
      </c>
      <c r="CB1368" s="166">
        <v>0</v>
      </c>
      <c r="CC1368" s="166">
        <v>0</v>
      </c>
      <c r="CD1368" s="166">
        <v>0</v>
      </c>
      <c r="CE1368" s="166">
        <v>0</v>
      </c>
      <c r="CF1368" s="166">
        <v>0</v>
      </c>
      <c r="CG1368" s="166">
        <v>0</v>
      </c>
      <c r="CH1368" s="166">
        <v>0</v>
      </c>
      <c r="CI1368" s="166">
        <v>0</v>
      </c>
      <c r="CJ1368" s="166">
        <v>0</v>
      </c>
      <c r="CK1368" s="166">
        <v>0</v>
      </c>
      <c r="CL1368" s="166">
        <v>0</v>
      </c>
      <c r="CM1368" s="166">
        <v>0</v>
      </c>
      <c r="CN1368" s="166">
        <v>0</v>
      </c>
      <c r="CO1368" s="166">
        <v>0</v>
      </c>
      <c r="CP1368" s="166">
        <v>0</v>
      </c>
      <c r="CQ1368" s="166">
        <v>0</v>
      </c>
      <c r="CR1368" s="166">
        <v>0</v>
      </c>
      <c r="CS1368" s="166">
        <v>0</v>
      </c>
      <c r="CT1368" s="166">
        <v>0</v>
      </c>
      <c r="CU1368" s="166">
        <v>0</v>
      </c>
      <c r="CV1368" s="166">
        <v>0</v>
      </c>
      <c r="CW1368" s="166">
        <v>0</v>
      </c>
      <c r="CX1368" s="166">
        <v>0</v>
      </c>
      <c r="CY1368" s="166">
        <v>0</v>
      </c>
      <c r="CZ1368" s="166">
        <v>0</v>
      </c>
    </row>
    <row r="1369" spans="1:104" x14ac:dyDescent="0.2">
      <c r="A1369" s="167" t="s">
        <v>1139</v>
      </c>
      <c r="B1369" s="166">
        <v>0</v>
      </c>
      <c r="C1369" s="166">
        <v>0</v>
      </c>
      <c r="D1369" s="166">
        <v>0</v>
      </c>
      <c r="E1369" s="166">
        <v>0</v>
      </c>
      <c r="F1369" s="166">
        <v>0</v>
      </c>
      <c r="G1369" s="166">
        <v>0</v>
      </c>
      <c r="H1369" s="166">
        <v>0</v>
      </c>
      <c r="I1369" s="166">
        <v>0</v>
      </c>
      <c r="J1369" s="166">
        <v>0</v>
      </c>
      <c r="K1369" s="166">
        <v>0</v>
      </c>
      <c r="L1369" s="166">
        <v>0</v>
      </c>
      <c r="M1369" s="166">
        <v>0</v>
      </c>
      <c r="N1369" s="166">
        <v>0</v>
      </c>
      <c r="O1369" s="166">
        <v>0</v>
      </c>
      <c r="P1369" s="166">
        <v>0</v>
      </c>
      <c r="Q1369" s="166">
        <v>0</v>
      </c>
      <c r="R1369" s="166">
        <v>0</v>
      </c>
      <c r="S1369" s="166">
        <v>0</v>
      </c>
      <c r="T1369" s="166">
        <v>0</v>
      </c>
      <c r="U1369" s="166">
        <v>0</v>
      </c>
      <c r="V1369" s="166">
        <v>0</v>
      </c>
      <c r="W1369" s="166">
        <v>0</v>
      </c>
      <c r="X1369" s="166">
        <v>0</v>
      </c>
      <c r="Y1369" s="166">
        <v>0</v>
      </c>
      <c r="Z1369" s="166">
        <v>0</v>
      </c>
      <c r="AA1369" s="166">
        <v>0</v>
      </c>
      <c r="AB1369" s="166">
        <v>0</v>
      </c>
      <c r="AC1369" s="166">
        <v>0</v>
      </c>
      <c r="AD1369" s="166">
        <v>0</v>
      </c>
      <c r="AE1369" s="166">
        <v>0</v>
      </c>
      <c r="AF1369" s="166">
        <v>0</v>
      </c>
      <c r="AG1369" s="166">
        <v>0</v>
      </c>
      <c r="AH1369" s="166">
        <v>0</v>
      </c>
      <c r="AI1369" s="166">
        <v>0</v>
      </c>
      <c r="AJ1369" s="166">
        <v>0</v>
      </c>
      <c r="AK1369" s="166">
        <v>0</v>
      </c>
      <c r="AL1369" s="166">
        <v>0</v>
      </c>
      <c r="AM1369" s="166">
        <v>0</v>
      </c>
      <c r="AN1369" s="166">
        <v>0</v>
      </c>
      <c r="AO1369" s="166">
        <v>0</v>
      </c>
      <c r="AP1369" s="166">
        <v>0</v>
      </c>
      <c r="AQ1369" s="166">
        <v>0</v>
      </c>
      <c r="AR1369" s="166">
        <v>0</v>
      </c>
      <c r="AS1369" s="166">
        <v>0</v>
      </c>
      <c r="AT1369" s="166">
        <v>0</v>
      </c>
      <c r="AU1369" s="166">
        <v>0</v>
      </c>
      <c r="AV1369" s="166">
        <v>0</v>
      </c>
      <c r="AW1369" s="166">
        <v>0</v>
      </c>
      <c r="AX1369" s="166">
        <v>0</v>
      </c>
      <c r="AY1369" s="166">
        <v>0</v>
      </c>
      <c r="AZ1369" s="166">
        <v>0</v>
      </c>
      <c r="BA1369" s="166">
        <v>0</v>
      </c>
      <c r="BB1369" s="166">
        <v>0</v>
      </c>
      <c r="BC1369" s="166">
        <v>0</v>
      </c>
      <c r="BD1369" s="166">
        <v>0</v>
      </c>
      <c r="BE1369" s="166">
        <v>0</v>
      </c>
      <c r="BF1369" s="166">
        <v>0</v>
      </c>
      <c r="BG1369" s="166">
        <v>0</v>
      </c>
      <c r="BH1369" s="166">
        <v>0</v>
      </c>
      <c r="BI1369" s="166">
        <v>0</v>
      </c>
      <c r="BJ1369" s="166">
        <v>0</v>
      </c>
      <c r="BK1369" s="166">
        <v>0</v>
      </c>
      <c r="BL1369" s="166">
        <v>0</v>
      </c>
      <c r="BM1369" s="166">
        <v>0</v>
      </c>
      <c r="BN1369" s="166">
        <v>0</v>
      </c>
      <c r="BO1369" s="166">
        <v>0</v>
      </c>
      <c r="BP1369" s="166">
        <v>0</v>
      </c>
      <c r="BQ1369" s="166">
        <v>0</v>
      </c>
      <c r="BR1369" s="166">
        <v>0</v>
      </c>
      <c r="BS1369" s="166">
        <v>0</v>
      </c>
      <c r="BT1369" s="168">
        <v>0.98751</v>
      </c>
      <c r="BU1369" s="166">
        <v>0</v>
      </c>
      <c r="BV1369" s="166">
        <v>0</v>
      </c>
      <c r="BW1369" s="166">
        <v>0</v>
      </c>
      <c r="BX1369" s="166">
        <v>0</v>
      </c>
      <c r="BY1369" s="166">
        <v>0</v>
      </c>
      <c r="BZ1369" s="166">
        <v>0</v>
      </c>
      <c r="CA1369" s="166">
        <v>0</v>
      </c>
      <c r="CB1369" s="166">
        <v>0</v>
      </c>
      <c r="CC1369" s="166">
        <v>0</v>
      </c>
      <c r="CD1369" s="166">
        <v>0</v>
      </c>
      <c r="CE1369" s="166">
        <v>0</v>
      </c>
      <c r="CF1369" s="166">
        <v>0</v>
      </c>
      <c r="CG1369" s="166">
        <v>0</v>
      </c>
      <c r="CH1369" s="166">
        <v>0</v>
      </c>
      <c r="CI1369" s="166">
        <v>0</v>
      </c>
      <c r="CJ1369" s="166">
        <v>0</v>
      </c>
      <c r="CK1369" s="166">
        <v>0</v>
      </c>
      <c r="CL1369" s="166">
        <v>0</v>
      </c>
      <c r="CM1369" s="166">
        <v>0</v>
      </c>
      <c r="CN1369" s="166">
        <v>0</v>
      </c>
      <c r="CO1369" s="166">
        <v>0</v>
      </c>
      <c r="CP1369" s="166">
        <v>0</v>
      </c>
      <c r="CQ1369" s="166">
        <v>0</v>
      </c>
      <c r="CR1369" s="166">
        <v>0</v>
      </c>
      <c r="CS1369" s="166">
        <v>0</v>
      </c>
      <c r="CT1369" s="166">
        <v>0</v>
      </c>
      <c r="CU1369" s="166">
        <v>0</v>
      </c>
      <c r="CV1369" s="166">
        <v>0</v>
      </c>
      <c r="CW1369" s="166">
        <v>0</v>
      </c>
      <c r="CX1369" s="166">
        <v>0</v>
      </c>
      <c r="CY1369" s="166">
        <v>0</v>
      </c>
      <c r="CZ1369" s="166">
        <v>0</v>
      </c>
    </row>
    <row r="1370" spans="1:104" x14ac:dyDescent="0.2">
      <c r="A1370" s="167" t="s">
        <v>1140</v>
      </c>
      <c r="B1370" s="166">
        <v>0</v>
      </c>
      <c r="C1370" s="166">
        <v>0</v>
      </c>
      <c r="D1370" s="166">
        <v>0</v>
      </c>
      <c r="E1370" s="166">
        <v>0</v>
      </c>
      <c r="F1370" s="166">
        <v>0</v>
      </c>
      <c r="G1370" s="166">
        <v>0</v>
      </c>
      <c r="H1370" s="166">
        <v>0</v>
      </c>
      <c r="I1370" s="166">
        <v>0</v>
      </c>
      <c r="J1370" s="166">
        <v>0</v>
      </c>
      <c r="K1370" s="166">
        <v>0</v>
      </c>
      <c r="L1370" s="166">
        <v>0</v>
      </c>
      <c r="M1370" s="166">
        <v>0</v>
      </c>
      <c r="N1370" s="166">
        <v>0</v>
      </c>
      <c r="O1370" s="166">
        <v>0</v>
      </c>
      <c r="P1370" s="166">
        <v>0</v>
      </c>
      <c r="Q1370" s="166">
        <v>0</v>
      </c>
      <c r="R1370" s="166">
        <v>0</v>
      </c>
      <c r="S1370" s="166">
        <v>0</v>
      </c>
      <c r="T1370" s="166">
        <v>0</v>
      </c>
      <c r="U1370" s="166">
        <v>0</v>
      </c>
      <c r="V1370" s="166">
        <v>0</v>
      </c>
      <c r="W1370" s="166">
        <v>0</v>
      </c>
      <c r="X1370" s="166">
        <v>0</v>
      </c>
      <c r="Y1370" s="166">
        <v>0</v>
      </c>
      <c r="Z1370" s="166">
        <v>0</v>
      </c>
      <c r="AA1370" s="166">
        <v>0</v>
      </c>
      <c r="AB1370" s="166">
        <v>0</v>
      </c>
      <c r="AC1370" s="166">
        <v>0</v>
      </c>
      <c r="AD1370" s="166">
        <v>0</v>
      </c>
      <c r="AE1370" s="166">
        <v>0</v>
      </c>
      <c r="AF1370" s="166">
        <v>0</v>
      </c>
      <c r="AG1370" s="166">
        <v>0</v>
      </c>
      <c r="AH1370" s="166">
        <v>0</v>
      </c>
      <c r="AI1370" s="166">
        <v>0</v>
      </c>
      <c r="AJ1370" s="166">
        <v>0</v>
      </c>
      <c r="AK1370" s="166">
        <v>0</v>
      </c>
      <c r="AL1370" s="166">
        <v>0</v>
      </c>
      <c r="AM1370" s="166">
        <v>0</v>
      </c>
      <c r="AN1370" s="166">
        <v>0</v>
      </c>
      <c r="AO1370" s="166">
        <v>0</v>
      </c>
      <c r="AP1370" s="166">
        <v>0</v>
      </c>
      <c r="AQ1370" s="166">
        <v>0</v>
      </c>
      <c r="AR1370" s="166">
        <v>0</v>
      </c>
      <c r="AS1370" s="166">
        <v>0</v>
      </c>
      <c r="AT1370" s="166">
        <v>0</v>
      </c>
      <c r="AU1370" s="166">
        <v>0</v>
      </c>
      <c r="AV1370" s="166">
        <v>0</v>
      </c>
      <c r="AW1370" s="166">
        <v>0</v>
      </c>
      <c r="AX1370" s="166">
        <v>0</v>
      </c>
      <c r="AY1370" s="166">
        <v>0</v>
      </c>
      <c r="AZ1370" s="166">
        <v>0</v>
      </c>
      <c r="BA1370" s="166">
        <v>0</v>
      </c>
      <c r="BB1370" s="166">
        <v>0</v>
      </c>
      <c r="BC1370" s="166">
        <v>0</v>
      </c>
      <c r="BD1370" s="166">
        <v>0</v>
      </c>
      <c r="BE1370" s="166">
        <v>0</v>
      </c>
      <c r="BF1370" s="166">
        <v>0</v>
      </c>
      <c r="BG1370" s="166">
        <v>0</v>
      </c>
      <c r="BH1370" s="166">
        <v>0</v>
      </c>
      <c r="BI1370" s="166">
        <v>0</v>
      </c>
      <c r="BJ1370" s="166">
        <v>0</v>
      </c>
      <c r="BK1370" s="166">
        <v>0</v>
      </c>
      <c r="BL1370" s="166">
        <v>0</v>
      </c>
      <c r="BM1370" s="166">
        <v>0</v>
      </c>
      <c r="BN1370" s="166">
        <v>0</v>
      </c>
      <c r="BO1370" s="166">
        <v>0</v>
      </c>
      <c r="BP1370" s="166">
        <v>0</v>
      </c>
      <c r="BQ1370" s="166">
        <v>0</v>
      </c>
      <c r="BR1370" s="166">
        <v>0</v>
      </c>
      <c r="BS1370" s="166">
        <v>0</v>
      </c>
      <c r="BT1370" s="168">
        <v>1</v>
      </c>
      <c r="BU1370" s="166">
        <v>0</v>
      </c>
      <c r="BV1370" s="166">
        <v>0</v>
      </c>
      <c r="BW1370" s="166">
        <v>0</v>
      </c>
      <c r="BX1370" s="166">
        <v>0</v>
      </c>
      <c r="BY1370" s="166">
        <v>0</v>
      </c>
      <c r="BZ1370" s="166">
        <v>0</v>
      </c>
      <c r="CA1370" s="166">
        <v>0</v>
      </c>
      <c r="CB1370" s="166">
        <v>0</v>
      </c>
      <c r="CC1370" s="166">
        <v>0</v>
      </c>
      <c r="CD1370" s="166">
        <v>0</v>
      </c>
      <c r="CE1370" s="166">
        <v>0</v>
      </c>
      <c r="CF1370" s="166">
        <v>0</v>
      </c>
      <c r="CG1370" s="166">
        <v>0</v>
      </c>
      <c r="CH1370" s="166">
        <v>0</v>
      </c>
      <c r="CI1370" s="166">
        <v>0</v>
      </c>
      <c r="CJ1370" s="166">
        <v>0</v>
      </c>
      <c r="CK1370" s="166">
        <v>0</v>
      </c>
      <c r="CL1370" s="166">
        <v>0</v>
      </c>
      <c r="CM1370" s="166">
        <v>0</v>
      </c>
      <c r="CN1370" s="166">
        <v>0</v>
      </c>
      <c r="CO1370" s="166">
        <v>0</v>
      </c>
      <c r="CP1370" s="166">
        <v>0</v>
      </c>
      <c r="CQ1370" s="166">
        <v>0</v>
      </c>
      <c r="CR1370" s="166">
        <v>0</v>
      </c>
      <c r="CS1370" s="166">
        <v>0</v>
      </c>
      <c r="CT1370" s="166">
        <v>0</v>
      </c>
      <c r="CU1370" s="166">
        <v>0</v>
      </c>
      <c r="CV1370" s="166">
        <v>0</v>
      </c>
      <c r="CW1370" s="166">
        <v>0</v>
      </c>
      <c r="CX1370" s="166">
        <v>0</v>
      </c>
      <c r="CY1370" s="166">
        <v>0</v>
      </c>
      <c r="CZ1370" s="166">
        <v>0</v>
      </c>
    </row>
    <row r="1371" spans="1:104" x14ac:dyDescent="0.2">
      <c r="A1371" s="167" t="s">
        <v>1141</v>
      </c>
      <c r="B1371" s="166">
        <v>0</v>
      </c>
      <c r="C1371" s="166">
        <v>0</v>
      </c>
      <c r="D1371" s="166">
        <v>0</v>
      </c>
      <c r="E1371" s="166">
        <v>0</v>
      </c>
      <c r="F1371" s="166">
        <v>0</v>
      </c>
      <c r="G1371" s="166">
        <v>0</v>
      </c>
      <c r="H1371" s="166">
        <v>0</v>
      </c>
      <c r="I1371" s="166">
        <v>0</v>
      </c>
      <c r="J1371" s="166">
        <v>0</v>
      </c>
      <c r="K1371" s="166">
        <v>0</v>
      </c>
      <c r="L1371" s="166">
        <v>0</v>
      </c>
      <c r="M1371" s="166">
        <v>0</v>
      </c>
      <c r="N1371" s="166">
        <v>0</v>
      </c>
      <c r="O1371" s="166">
        <v>0</v>
      </c>
      <c r="P1371" s="166">
        <v>0</v>
      </c>
      <c r="Q1371" s="166">
        <v>0</v>
      </c>
      <c r="R1371" s="166">
        <v>0</v>
      </c>
      <c r="S1371" s="166">
        <v>0</v>
      </c>
      <c r="T1371" s="166">
        <v>0</v>
      </c>
      <c r="U1371" s="166">
        <v>0</v>
      </c>
      <c r="V1371" s="166">
        <v>0</v>
      </c>
      <c r="W1371" s="166">
        <v>0</v>
      </c>
      <c r="X1371" s="166">
        <v>0</v>
      </c>
      <c r="Y1371" s="166">
        <v>0</v>
      </c>
      <c r="Z1371" s="166">
        <v>0</v>
      </c>
      <c r="AA1371" s="166">
        <v>0</v>
      </c>
      <c r="AB1371" s="166">
        <v>0</v>
      </c>
      <c r="AC1371" s="166">
        <v>0</v>
      </c>
      <c r="AD1371" s="166">
        <v>0</v>
      </c>
      <c r="AE1371" s="166">
        <v>0</v>
      </c>
      <c r="AF1371" s="166">
        <v>0</v>
      </c>
      <c r="AG1371" s="166">
        <v>0</v>
      </c>
      <c r="AH1371" s="166">
        <v>0</v>
      </c>
      <c r="AI1371" s="166">
        <v>0</v>
      </c>
      <c r="AJ1371" s="166">
        <v>0</v>
      </c>
      <c r="AK1371" s="166">
        <v>0</v>
      </c>
      <c r="AL1371" s="166">
        <v>0</v>
      </c>
      <c r="AM1371" s="166">
        <v>0</v>
      </c>
      <c r="AN1371" s="166">
        <v>0</v>
      </c>
      <c r="AO1371" s="166">
        <v>0</v>
      </c>
      <c r="AP1371" s="166">
        <v>0</v>
      </c>
      <c r="AQ1371" s="166">
        <v>0</v>
      </c>
      <c r="AR1371" s="166">
        <v>0</v>
      </c>
      <c r="AS1371" s="166">
        <v>0</v>
      </c>
      <c r="AT1371" s="166">
        <v>0</v>
      </c>
      <c r="AU1371" s="166">
        <v>0</v>
      </c>
      <c r="AV1371" s="166">
        <v>0</v>
      </c>
      <c r="AW1371" s="166">
        <v>0</v>
      </c>
      <c r="AX1371" s="166">
        <v>0</v>
      </c>
      <c r="AY1371" s="166">
        <v>0</v>
      </c>
      <c r="AZ1371" s="166">
        <v>0</v>
      </c>
      <c r="BA1371" s="166">
        <v>0</v>
      </c>
      <c r="BB1371" s="166">
        <v>0</v>
      </c>
      <c r="BC1371" s="166">
        <v>0</v>
      </c>
      <c r="BD1371" s="166">
        <v>0</v>
      </c>
      <c r="BE1371" s="166">
        <v>0</v>
      </c>
      <c r="BF1371" s="166">
        <v>0</v>
      </c>
      <c r="BG1371" s="166">
        <v>0</v>
      </c>
      <c r="BH1371" s="166">
        <v>0</v>
      </c>
      <c r="BI1371" s="166">
        <v>0</v>
      </c>
      <c r="BJ1371" s="166">
        <v>0</v>
      </c>
      <c r="BK1371" s="166">
        <v>0</v>
      </c>
      <c r="BL1371" s="166">
        <v>0</v>
      </c>
      <c r="BM1371" s="166">
        <v>0</v>
      </c>
      <c r="BN1371" s="166">
        <v>0</v>
      </c>
      <c r="BO1371" s="166">
        <v>0</v>
      </c>
      <c r="BP1371" s="166">
        <v>0</v>
      </c>
      <c r="BQ1371" s="166">
        <v>0</v>
      </c>
      <c r="BR1371" s="166">
        <v>0</v>
      </c>
      <c r="BS1371" s="166">
        <v>0</v>
      </c>
      <c r="BT1371" s="171">
        <v>0</v>
      </c>
      <c r="BU1371" s="166">
        <v>0</v>
      </c>
      <c r="BV1371" s="166">
        <v>0</v>
      </c>
      <c r="BW1371" s="166">
        <v>0</v>
      </c>
      <c r="BX1371" s="166">
        <v>0</v>
      </c>
      <c r="BY1371" s="166">
        <v>0</v>
      </c>
      <c r="BZ1371" s="166">
        <v>0</v>
      </c>
      <c r="CA1371" s="166">
        <v>0</v>
      </c>
      <c r="CB1371" s="166">
        <v>0</v>
      </c>
      <c r="CC1371" s="166">
        <v>0</v>
      </c>
      <c r="CD1371" s="166">
        <v>0</v>
      </c>
      <c r="CE1371" s="166">
        <v>0</v>
      </c>
      <c r="CF1371" s="166">
        <v>0</v>
      </c>
      <c r="CG1371" s="166">
        <v>0</v>
      </c>
      <c r="CH1371" s="166">
        <v>0</v>
      </c>
      <c r="CI1371" s="166">
        <v>0</v>
      </c>
      <c r="CJ1371" s="166">
        <v>0</v>
      </c>
      <c r="CK1371" s="166">
        <v>0</v>
      </c>
      <c r="CL1371" s="166">
        <v>0</v>
      </c>
      <c r="CM1371" s="166">
        <v>0</v>
      </c>
      <c r="CN1371" s="166">
        <v>0</v>
      </c>
      <c r="CO1371" s="166">
        <v>0</v>
      </c>
      <c r="CP1371" s="166">
        <v>0</v>
      </c>
      <c r="CQ1371" s="166">
        <v>0</v>
      </c>
      <c r="CR1371" s="166">
        <v>0</v>
      </c>
      <c r="CS1371" s="166">
        <v>0</v>
      </c>
      <c r="CT1371" s="166">
        <v>0</v>
      </c>
      <c r="CU1371" s="166">
        <v>0</v>
      </c>
      <c r="CV1371" s="166">
        <v>0</v>
      </c>
      <c r="CW1371" s="166">
        <v>0</v>
      </c>
      <c r="CX1371" s="166">
        <v>0</v>
      </c>
      <c r="CY1371" s="166">
        <v>0</v>
      </c>
      <c r="CZ1371" s="166">
        <v>0</v>
      </c>
    </row>
    <row r="1372" spans="1:104" x14ac:dyDescent="0.2">
      <c r="A1372" s="167" t="s">
        <v>342</v>
      </c>
    </row>
    <row r="1373" spans="1:104" x14ac:dyDescent="0.2">
      <c r="A1373" s="167" t="s">
        <v>1142</v>
      </c>
      <c r="B1373" s="166">
        <v>0</v>
      </c>
      <c r="C1373" s="166">
        <v>0</v>
      </c>
      <c r="D1373" s="166">
        <v>0</v>
      </c>
      <c r="E1373" s="166">
        <v>0</v>
      </c>
      <c r="F1373" s="166">
        <v>0</v>
      </c>
      <c r="G1373" s="166">
        <v>0</v>
      </c>
      <c r="H1373" s="166">
        <v>0</v>
      </c>
      <c r="I1373" s="166">
        <v>0</v>
      </c>
      <c r="J1373" s="166">
        <v>0</v>
      </c>
      <c r="K1373" s="166">
        <v>0</v>
      </c>
      <c r="L1373" s="166">
        <v>0</v>
      </c>
      <c r="M1373" s="166">
        <v>0</v>
      </c>
      <c r="N1373" s="166">
        <v>0</v>
      </c>
      <c r="O1373" s="166">
        <v>0</v>
      </c>
      <c r="P1373" s="166">
        <v>0</v>
      </c>
      <c r="Q1373" s="166">
        <v>0</v>
      </c>
      <c r="R1373" s="166">
        <v>0</v>
      </c>
      <c r="S1373" s="166">
        <v>0</v>
      </c>
      <c r="T1373" s="166">
        <v>0</v>
      </c>
      <c r="U1373" s="166">
        <v>0</v>
      </c>
      <c r="V1373" s="166">
        <v>0</v>
      </c>
      <c r="W1373" s="166">
        <v>0</v>
      </c>
      <c r="X1373" s="166">
        <v>0</v>
      </c>
      <c r="Y1373" s="166">
        <v>0</v>
      </c>
      <c r="Z1373" s="166">
        <v>0</v>
      </c>
      <c r="AA1373" s="166">
        <v>0</v>
      </c>
      <c r="AB1373" s="166">
        <v>0</v>
      </c>
      <c r="AC1373" s="166">
        <v>0</v>
      </c>
      <c r="AD1373" s="166">
        <v>0</v>
      </c>
      <c r="AE1373" s="166">
        <v>0</v>
      </c>
      <c r="AF1373" s="166">
        <v>0</v>
      </c>
      <c r="AG1373" s="166">
        <v>0</v>
      </c>
      <c r="AH1373" s="166">
        <v>0</v>
      </c>
      <c r="AI1373" s="166">
        <v>0</v>
      </c>
      <c r="AJ1373" s="166">
        <v>0</v>
      </c>
      <c r="AK1373" s="166">
        <v>0</v>
      </c>
      <c r="AL1373" s="166">
        <v>0</v>
      </c>
      <c r="AM1373" s="166">
        <v>0</v>
      </c>
      <c r="AN1373" s="166">
        <v>0</v>
      </c>
      <c r="AO1373" s="166">
        <v>0</v>
      </c>
      <c r="AP1373" s="166">
        <v>0</v>
      </c>
      <c r="AQ1373" s="166">
        <v>0</v>
      </c>
      <c r="AR1373" s="166">
        <v>0</v>
      </c>
      <c r="AS1373" s="166">
        <v>0</v>
      </c>
      <c r="AT1373" s="166">
        <v>0</v>
      </c>
      <c r="AU1373" s="166">
        <v>0</v>
      </c>
      <c r="AV1373" s="166">
        <v>0</v>
      </c>
      <c r="AW1373" s="166">
        <v>0</v>
      </c>
      <c r="AX1373" s="166">
        <v>0</v>
      </c>
      <c r="AY1373" s="166">
        <v>0</v>
      </c>
      <c r="AZ1373" s="166">
        <v>0</v>
      </c>
      <c r="BA1373" s="166">
        <v>0</v>
      </c>
      <c r="BB1373" s="166">
        <v>0</v>
      </c>
      <c r="BC1373" s="166">
        <v>0</v>
      </c>
      <c r="BD1373" s="166">
        <v>0</v>
      </c>
      <c r="BE1373" s="166">
        <v>0</v>
      </c>
      <c r="BF1373" s="166">
        <v>0</v>
      </c>
      <c r="BG1373" s="166">
        <v>0</v>
      </c>
      <c r="BH1373" s="166">
        <v>0</v>
      </c>
      <c r="BI1373" s="166">
        <v>0</v>
      </c>
      <c r="BJ1373" s="166">
        <v>0</v>
      </c>
      <c r="BK1373" s="166">
        <v>0</v>
      </c>
      <c r="BL1373" s="166">
        <v>0</v>
      </c>
      <c r="BM1373" s="166">
        <v>0</v>
      </c>
      <c r="BN1373" s="166">
        <v>0</v>
      </c>
      <c r="BO1373" s="166">
        <v>0</v>
      </c>
      <c r="BP1373" s="166">
        <v>0</v>
      </c>
      <c r="BQ1373" s="166">
        <v>0</v>
      </c>
      <c r="BR1373" s="166">
        <v>0</v>
      </c>
      <c r="BS1373" s="166">
        <v>0</v>
      </c>
      <c r="BT1373" s="168">
        <v>1</v>
      </c>
      <c r="BU1373" s="166">
        <v>0</v>
      </c>
      <c r="BV1373" s="166">
        <v>0</v>
      </c>
      <c r="BW1373" s="166">
        <v>0</v>
      </c>
      <c r="BX1373" s="166">
        <v>0</v>
      </c>
      <c r="BY1373" s="166">
        <v>0</v>
      </c>
      <c r="BZ1373" s="166">
        <v>0</v>
      </c>
      <c r="CA1373" s="166">
        <v>0</v>
      </c>
      <c r="CB1373" s="166">
        <v>0</v>
      </c>
      <c r="CC1373" s="166">
        <v>0</v>
      </c>
      <c r="CD1373" s="166">
        <v>0</v>
      </c>
      <c r="CE1373" s="166">
        <v>0</v>
      </c>
      <c r="CF1373" s="166">
        <v>0</v>
      </c>
      <c r="CG1373" s="166">
        <v>0</v>
      </c>
      <c r="CH1373" s="166">
        <v>0</v>
      </c>
      <c r="CI1373" s="166">
        <v>0</v>
      </c>
      <c r="CJ1373" s="166">
        <v>0</v>
      </c>
      <c r="CK1373" s="166">
        <v>0</v>
      </c>
      <c r="CL1373" s="166">
        <v>0</v>
      </c>
      <c r="CM1373" s="166">
        <v>0</v>
      </c>
      <c r="CN1373" s="166">
        <v>0</v>
      </c>
      <c r="CO1373" s="166">
        <v>0</v>
      </c>
      <c r="CP1373" s="166">
        <v>0</v>
      </c>
      <c r="CQ1373" s="166">
        <v>0</v>
      </c>
      <c r="CR1373" s="166">
        <v>0</v>
      </c>
      <c r="CS1373" s="166">
        <v>0</v>
      </c>
      <c r="CT1373" s="166">
        <v>0</v>
      </c>
      <c r="CU1373" s="166">
        <v>0</v>
      </c>
      <c r="CV1373" s="166">
        <v>0</v>
      </c>
      <c r="CW1373" s="166">
        <v>0</v>
      </c>
      <c r="CX1373" s="166">
        <v>0</v>
      </c>
      <c r="CY1373" s="166">
        <v>0</v>
      </c>
      <c r="CZ1373" s="166">
        <v>0</v>
      </c>
    </row>
    <row r="1374" spans="1:104" x14ac:dyDescent="0.2">
      <c r="A1374" s="167" t="s">
        <v>344</v>
      </c>
    </row>
    <row r="1375" spans="1:104" x14ac:dyDescent="0.2">
      <c r="A1375" s="167" t="s">
        <v>1143</v>
      </c>
      <c r="B1375" s="166">
        <v>1549035.11936961</v>
      </c>
      <c r="C1375" s="166">
        <v>1549035.11936961</v>
      </c>
      <c r="D1375" s="166">
        <v>0</v>
      </c>
      <c r="E1375" s="166">
        <v>0</v>
      </c>
      <c r="F1375" s="166">
        <v>0</v>
      </c>
      <c r="G1375" s="166">
        <v>0</v>
      </c>
      <c r="H1375" s="166">
        <v>0</v>
      </c>
      <c r="I1375" s="166">
        <v>0</v>
      </c>
      <c r="J1375" s="166">
        <v>0</v>
      </c>
      <c r="K1375" s="166">
        <v>0</v>
      </c>
      <c r="L1375" s="166">
        <v>0</v>
      </c>
      <c r="M1375" s="166">
        <v>0</v>
      </c>
      <c r="N1375" s="166">
        <v>0</v>
      </c>
      <c r="O1375" s="166">
        <v>0</v>
      </c>
      <c r="P1375" s="166">
        <v>0</v>
      </c>
      <c r="Q1375" s="166">
        <v>0</v>
      </c>
      <c r="R1375" s="166">
        <v>0</v>
      </c>
      <c r="S1375" s="166">
        <v>0</v>
      </c>
      <c r="T1375" s="166">
        <v>0</v>
      </c>
      <c r="U1375" s="166">
        <v>0</v>
      </c>
      <c r="V1375" s="166">
        <v>0</v>
      </c>
      <c r="W1375" s="166">
        <v>0</v>
      </c>
      <c r="X1375" s="166">
        <v>0</v>
      </c>
      <c r="Y1375" s="166">
        <v>0</v>
      </c>
      <c r="Z1375" s="166">
        <v>0</v>
      </c>
      <c r="AA1375" s="166">
        <v>0</v>
      </c>
      <c r="AB1375" s="166">
        <v>0</v>
      </c>
      <c r="AC1375" s="166">
        <v>0</v>
      </c>
      <c r="AD1375" s="166">
        <v>0</v>
      </c>
      <c r="AE1375" s="166">
        <v>0</v>
      </c>
      <c r="AF1375" s="166">
        <v>0</v>
      </c>
      <c r="AG1375" s="166">
        <v>0</v>
      </c>
      <c r="AH1375" s="166">
        <v>0</v>
      </c>
      <c r="AI1375" s="166">
        <v>0</v>
      </c>
      <c r="AJ1375" s="166">
        <v>0</v>
      </c>
      <c r="AK1375" s="166">
        <v>0</v>
      </c>
      <c r="AL1375" s="166">
        <v>0</v>
      </c>
      <c r="AM1375" s="166">
        <v>0</v>
      </c>
      <c r="AN1375" s="166">
        <v>0</v>
      </c>
      <c r="AO1375" s="166">
        <v>0</v>
      </c>
      <c r="AP1375" s="166">
        <v>0</v>
      </c>
      <c r="AQ1375" s="166">
        <v>0</v>
      </c>
      <c r="AR1375" s="166">
        <v>0</v>
      </c>
      <c r="AS1375" s="166">
        <v>0</v>
      </c>
      <c r="AT1375" s="166">
        <v>0</v>
      </c>
      <c r="AU1375" s="166">
        <v>0</v>
      </c>
      <c r="AV1375" s="166">
        <v>0</v>
      </c>
      <c r="AW1375" s="166">
        <v>0</v>
      </c>
      <c r="AX1375" s="166">
        <v>0</v>
      </c>
      <c r="AY1375" s="166">
        <v>0</v>
      </c>
      <c r="AZ1375" s="166">
        <v>0</v>
      </c>
      <c r="BA1375" s="166">
        <v>0</v>
      </c>
      <c r="BB1375" s="166">
        <v>0</v>
      </c>
      <c r="BC1375" s="166">
        <v>0</v>
      </c>
      <c r="BD1375" s="166">
        <v>0</v>
      </c>
      <c r="BE1375" s="166">
        <v>0</v>
      </c>
      <c r="BF1375" s="166">
        <v>0</v>
      </c>
      <c r="BG1375" s="166">
        <v>0</v>
      </c>
      <c r="BH1375" s="166">
        <v>0</v>
      </c>
      <c r="BI1375" s="166">
        <v>0</v>
      </c>
      <c r="BJ1375" s="166">
        <v>0</v>
      </c>
      <c r="BK1375" s="166">
        <v>0</v>
      </c>
      <c r="BL1375" s="166">
        <v>0</v>
      </c>
      <c r="BM1375" s="166">
        <v>0</v>
      </c>
      <c r="BN1375" s="166">
        <v>0</v>
      </c>
      <c r="BO1375" s="166">
        <v>0</v>
      </c>
      <c r="BP1375" s="166">
        <v>0</v>
      </c>
      <c r="BQ1375" s="166">
        <v>0</v>
      </c>
      <c r="BR1375" s="166">
        <v>1549035.11936961</v>
      </c>
      <c r="BS1375" s="166">
        <v>1549035.11936961</v>
      </c>
      <c r="BT1375" s="168">
        <v>1</v>
      </c>
      <c r="BU1375" s="166">
        <v>83141.934702571307</v>
      </c>
      <c r="BV1375" s="166">
        <v>1549035.11936961</v>
      </c>
      <c r="BW1375" s="166">
        <v>0</v>
      </c>
      <c r="BX1375" s="166">
        <v>0</v>
      </c>
      <c r="BY1375" s="166">
        <v>0</v>
      </c>
      <c r="BZ1375" s="166">
        <v>0</v>
      </c>
      <c r="CA1375" s="166">
        <v>0</v>
      </c>
      <c r="CB1375" s="166">
        <v>0</v>
      </c>
      <c r="CC1375" s="166">
        <v>0</v>
      </c>
      <c r="CD1375" s="166">
        <v>0</v>
      </c>
      <c r="CE1375" s="166">
        <v>0</v>
      </c>
      <c r="CF1375" s="166">
        <v>0</v>
      </c>
      <c r="CG1375" s="166">
        <v>0</v>
      </c>
      <c r="CH1375" s="166">
        <v>0</v>
      </c>
      <c r="CI1375" s="166">
        <v>0</v>
      </c>
      <c r="CJ1375" s="166">
        <v>0</v>
      </c>
      <c r="CK1375" s="166">
        <v>0</v>
      </c>
      <c r="CL1375" s="166">
        <v>0</v>
      </c>
      <c r="CM1375" s="166">
        <v>0</v>
      </c>
      <c r="CN1375" s="166">
        <v>0</v>
      </c>
      <c r="CO1375" s="166">
        <v>0</v>
      </c>
      <c r="CP1375" s="166">
        <v>0</v>
      </c>
      <c r="CQ1375" s="166">
        <v>0</v>
      </c>
      <c r="CR1375" s="166">
        <v>0</v>
      </c>
      <c r="CS1375" s="166">
        <v>0</v>
      </c>
      <c r="CT1375" s="166">
        <v>0</v>
      </c>
      <c r="CU1375" s="166">
        <v>0</v>
      </c>
      <c r="CV1375" s="166">
        <v>0</v>
      </c>
      <c r="CW1375" s="166">
        <v>0</v>
      </c>
      <c r="CX1375" s="166">
        <v>0</v>
      </c>
      <c r="CY1375" s="166">
        <v>1549035.11936961</v>
      </c>
      <c r="CZ1375" s="166">
        <v>1549035.11936961</v>
      </c>
    </row>
    <row r="1376" spans="1:104" x14ac:dyDescent="0.2">
      <c r="A1376" s="167" t="s">
        <v>1144</v>
      </c>
      <c r="B1376" s="166">
        <v>739717.26909139799</v>
      </c>
      <c r="C1376" s="166">
        <v>739717.26909139799</v>
      </c>
      <c r="D1376" s="166">
        <v>0</v>
      </c>
      <c r="E1376" s="166">
        <v>0</v>
      </c>
      <c r="F1376" s="166">
        <v>0</v>
      </c>
      <c r="G1376" s="166">
        <v>0</v>
      </c>
      <c r="H1376" s="166">
        <v>0</v>
      </c>
      <c r="I1376" s="166">
        <v>0</v>
      </c>
      <c r="J1376" s="166">
        <v>0</v>
      </c>
      <c r="K1376" s="166">
        <v>0</v>
      </c>
      <c r="L1376" s="166">
        <v>0</v>
      </c>
      <c r="M1376" s="166">
        <v>0</v>
      </c>
      <c r="N1376" s="166">
        <v>0</v>
      </c>
      <c r="O1376" s="166">
        <v>0</v>
      </c>
      <c r="P1376" s="166">
        <v>0</v>
      </c>
      <c r="Q1376" s="166">
        <v>0</v>
      </c>
      <c r="R1376" s="166">
        <v>0</v>
      </c>
      <c r="S1376" s="166">
        <v>0</v>
      </c>
      <c r="T1376" s="166">
        <v>0</v>
      </c>
      <c r="U1376" s="166">
        <v>0</v>
      </c>
      <c r="V1376" s="166">
        <v>0</v>
      </c>
      <c r="W1376" s="166">
        <v>0</v>
      </c>
      <c r="X1376" s="166">
        <v>0</v>
      </c>
      <c r="Y1376" s="166">
        <v>0</v>
      </c>
      <c r="Z1376" s="166">
        <v>0</v>
      </c>
      <c r="AA1376" s="166">
        <v>0</v>
      </c>
      <c r="AB1376" s="166">
        <v>0</v>
      </c>
      <c r="AC1376" s="166">
        <v>0</v>
      </c>
      <c r="AD1376" s="166">
        <v>0</v>
      </c>
      <c r="AE1376" s="166">
        <v>0</v>
      </c>
      <c r="AF1376" s="166">
        <v>0</v>
      </c>
      <c r="AG1376" s="166">
        <v>0</v>
      </c>
      <c r="AH1376" s="166">
        <v>0</v>
      </c>
      <c r="AI1376" s="166">
        <v>0</v>
      </c>
      <c r="AJ1376" s="166">
        <v>0</v>
      </c>
      <c r="AK1376" s="166">
        <v>0</v>
      </c>
      <c r="AL1376" s="166">
        <v>0</v>
      </c>
      <c r="AM1376" s="166">
        <v>0</v>
      </c>
      <c r="AN1376" s="166">
        <v>0</v>
      </c>
      <c r="AO1376" s="166">
        <v>0</v>
      </c>
      <c r="AP1376" s="166">
        <v>0</v>
      </c>
      <c r="AQ1376" s="166">
        <v>0</v>
      </c>
      <c r="AR1376" s="166">
        <v>0</v>
      </c>
      <c r="AS1376" s="166">
        <v>0</v>
      </c>
      <c r="AT1376" s="166">
        <v>0</v>
      </c>
      <c r="AU1376" s="166">
        <v>0</v>
      </c>
      <c r="AV1376" s="166">
        <v>0</v>
      </c>
      <c r="AW1376" s="166">
        <v>0</v>
      </c>
      <c r="AX1376" s="166">
        <v>0</v>
      </c>
      <c r="AY1376" s="166">
        <v>0</v>
      </c>
      <c r="AZ1376" s="166">
        <v>0</v>
      </c>
      <c r="BA1376" s="166">
        <v>0</v>
      </c>
      <c r="BB1376" s="166">
        <v>0</v>
      </c>
      <c r="BC1376" s="166">
        <v>0</v>
      </c>
      <c r="BD1376" s="166">
        <v>0</v>
      </c>
      <c r="BE1376" s="166">
        <v>0</v>
      </c>
      <c r="BF1376" s="166">
        <v>0</v>
      </c>
      <c r="BG1376" s="166">
        <v>0</v>
      </c>
      <c r="BH1376" s="166">
        <v>0</v>
      </c>
      <c r="BI1376" s="166">
        <v>0</v>
      </c>
      <c r="BJ1376" s="166">
        <v>0</v>
      </c>
      <c r="BK1376" s="166">
        <v>0</v>
      </c>
      <c r="BL1376" s="166">
        <v>0</v>
      </c>
      <c r="BM1376" s="166">
        <v>0</v>
      </c>
      <c r="BN1376" s="166">
        <v>0</v>
      </c>
      <c r="BO1376" s="166">
        <v>0</v>
      </c>
      <c r="BP1376" s="166">
        <v>0</v>
      </c>
      <c r="BQ1376" s="166">
        <v>0</v>
      </c>
      <c r="BR1376" s="166">
        <v>739717.26909139799</v>
      </c>
      <c r="BS1376" s="166">
        <v>739717.26909139799</v>
      </c>
      <c r="BT1376" s="168">
        <v>1</v>
      </c>
      <c r="BU1376" s="166">
        <v>40438.270687680102</v>
      </c>
      <c r="BV1376" s="166">
        <v>739717.26909139799</v>
      </c>
      <c r="BW1376" s="166">
        <v>0</v>
      </c>
      <c r="BX1376" s="166">
        <v>0</v>
      </c>
      <c r="BY1376" s="166">
        <v>0</v>
      </c>
      <c r="BZ1376" s="166">
        <v>0</v>
      </c>
      <c r="CA1376" s="166">
        <v>0</v>
      </c>
      <c r="CB1376" s="166">
        <v>0</v>
      </c>
      <c r="CC1376" s="166">
        <v>0</v>
      </c>
      <c r="CD1376" s="166">
        <v>0</v>
      </c>
      <c r="CE1376" s="166">
        <v>0</v>
      </c>
      <c r="CF1376" s="166">
        <v>0</v>
      </c>
      <c r="CG1376" s="166">
        <v>0</v>
      </c>
      <c r="CH1376" s="166">
        <v>0</v>
      </c>
      <c r="CI1376" s="166">
        <v>0</v>
      </c>
      <c r="CJ1376" s="166">
        <v>0</v>
      </c>
      <c r="CK1376" s="166">
        <v>0</v>
      </c>
      <c r="CL1376" s="166">
        <v>0</v>
      </c>
      <c r="CM1376" s="166">
        <v>0</v>
      </c>
      <c r="CN1376" s="166">
        <v>0</v>
      </c>
      <c r="CO1376" s="166">
        <v>0</v>
      </c>
      <c r="CP1376" s="166">
        <v>0</v>
      </c>
      <c r="CQ1376" s="166">
        <v>0</v>
      </c>
      <c r="CR1376" s="166">
        <v>0</v>
      </c>
      <c r="CS1376" s="166">
        <v>0</v>
      </c>
      <c r="CT1376" s="166">
        <v>0</v>
      </c>
      <c r="CU1376" s="166">
        <v>0</v>
      </c>
      <c r="CV1376" s="166">
        <v>0</v>
      </c>
      <c r="CW1376" s="166">
        <v>0</v>
      </c>
      <c r="CX1376" s="166">
        <v>0</v>
      </c>
      <c r="CY1376" s="166">
        <v>739717.26909139799</v>
      </c>
      <c r="CZ1376" s="166">
        <v>739717.26909139799</v>
      </c>
    </row>
    <row r="1377" spans="1:104" x14ac:dyDescent="0.2">
      <c r="A1377" s="167" t="s">
        <v>1145</v>
      </c>
      <c r="B1377" s="166">
        <v>195180.79789647</v>
      </c>
      <c r="C1377" s="166">
        <v>195180.79789647</v>
      </c>
      <c r="D1377" s="166">
        <v>0</v>
      </c>
      <c r="E1377" s="166">
        <v>0</v>
      </c>
      <c r="F1377" s="166">
        <v>0</v>
      </c>
      <c r="G1377" s="166">
        <v>0</v>
      </c>
      <c r="H1377" s="166">
        <v>0</v>
      </c>
      <c r="I1377" s="166">
        <v>0</v>
      </c>
      <c r="J1377" s="166">
        <v>0</v>
      </c>
      <c r="K1377" s="166">
        <v>0</v>
      </c>
      <c r="L1377" s="166">
        <v>0</v>
      </c>
      <c r="M1377" s="166">
        <v>0</v>
      </c>
      <c r="N1377" s="166">
        <v>0</v>
      </c>
      <c r="O1377" s="166">
        <v>0</v>
      </c>
      <c r="P1377" s="166">
        <v>0</v>
      </c>
      <c r="Q1377" s="166">
        <v>0</v>
      </c>
      <c r="R1377" s="166">
        <v>0</v>
      </c>
      <c r="S1377" s="166">
        <v>0</v>
      </c>
      <c r="T1377" s="166">
        <v>0</v>
      </c>
      <c r="U1377" s="166">
        <v>0</v>
      </c>
      <c r="V1377" s="166">
        <v>0</v>
      </c>
      <c r="W1377" s="166">
        <v>0</v>
      </c>
      <c r="X1377" s="166">
        <v>0</v>
      </c>
      <c r="Y1377" s="166">
        <v>0</v>
      </c>
      <c r="Z1377" s="166">
        <v>0</v>
      </c>
      <c r="AA1377" s="166">
        <v>0</v>
      </c>
      <c r="AB1377" s="166">
        <v>0</v>
      </c>
      <c r="AC1377" s="166">
        <v>0</v>
      </c>
      <c r="AD1377" s="166">
        <v>0</v>
      </c>
      <c r="AE1377" s="166">
        <v>0</v>
      </c>
      <c r="AF1377" s="166">
        <v>0</v>
      </c>
      <c r="AG1377" s="166">
        <v>0</v>
      </c>
      <c r="AH1377" s="166">
        <v>0</v>
      </c>
      <c r="AI1377" s="166">
        <v>0</v>
      </c>
      <c r="AJ1377" s="166">
        <v>0</v>
      </c>
      <c r="AK1377" s="166">
        <v>0</v>
      </c>
      <c r="AL1377" s="166">
        <v>0</v>
      </c>
      <c r="AM1377" s="166">
        <v>0</v>
      </c>
      <c r="AN1377" s="166">
        <v>0</v>
      </c>
      <c r="AO1377" s="166">
        <v>0</v>
      </c>
      <c r="AP1377" s="166">
        <v>0</v>
      </c>
      <c r="AQ1377" s="166">
        <v>0</v>
      </c>
      <c r="AR1377" s="166">
        <v>0</v>
      </c>
      <c r="AS1377" s="166">
        <v>0</v>
      </c>
      <c r="AT1377" s="166">
        <v>0</v>
      </c>
      <c r="AU1377" s="166">
        <v>0</v>
      </c>
      <c r="AV1377" s="166">
        <v>0</v>
      </c>
      <c r="AW1377" s="166">
        <v>0</v>
      </c>
      <c r="AX1377" s="166">
        <v>0</v>
      </c>
      <c r="AY1377" s="166">
        <v>0</v>
      </c>
      <c r="AZ1377" s="166">
        <v>0</v>
      </c>
      <c r="BA1377" s="166">
        <v>0</v>
      </c>
      <c r="BB1377" s="166">
        <v>0</v>
      </c>
      <c r="BC1377" s="166">
        <v>0</v>
      </c>
      <c r="BD1377" s="166">
        <v>0</v>
      </c>
      <c r="BE1377" s="166">
        <v>0</v>
      </c>
      <c r="BF1377" s="166">
        <v>0</v>
      </c>
      <c r="BG1377" s="166">
        <v>0</v>
      </c>
      <c r="BH1377" s="166">
        <v>0</v>
      </c>
      <c r="BI1377" s="166">
        <v>0</v>
      </c>
      <c r="BJ1377" s="166">
        <v>0</v>
      </c>
      <c r="BK1377" s="166">
        <v>0</v>
      </c>
      <c r="BL1377" s="166">
        <v>0</v>
      </c>
      <c r="BM1377" s="166">
        <v>0</v>
      </c>
      <c r="BN1377" s="166">
        <v>0</v>
      </c>
      <c r="BO1377" s="166">
        <v>0</v>
      </c>
      <c r="BP1377" s="166">
        <v>0</v>
      </c>
      <c r="BQ1377" s="166">
        <v>0</v>
      </c>
      <c r="BR1377" s="166">
        <v>195180.79789647</v>
      </c>
      <c r="BS1377" s="166">
        <v>195180.79789647</v>
      </c>
      <c r="BT1377" s="168">
        <v>1</v>
      </c>
      <c r="BU1377" s="166">
        <v>10094.8721900237</v>
      </c>
      <c r="BV1377" s="166">
        <v>195180.79789647</v>
      </c>
      <c r="BW1377" s="166">
        <v>0</v>
      </c>
      <c r="BX1377" s="166">
        <v>0</v>
      </c>
      <c r="BY1377" s="166">
        <v>0</v>
      </c>
      <c r="BZ1377" s="166">
        <v>0</v>
      </c>
      <c r="CA1377" s="166">
        <v>0</v>
      </c>
      <c r="CB1377" s="166">
        <v>0</v>
      </c>
      <c r="CC1377" s="166">
        <v>0</v>
      </c>
      <c r="CD1377" s="166">
        <v>0</v>
      </c>
      <c r="CE1377" s="166">
        <v>0</v>
      </c>
      <c r="CF1377" s="166">
        <v>0</v>
      </c>
      <c r="CG1377" s="166">
        <v>0</v>
      </c>
      <c r="CH1377" s="166">
        <v>0</v>
      </c>
      <c r="CI1377" s="166">
        <v>0</v>
      </c>
      <c r="CJ1377" s="166">
        <v>0</v>
      </c>
      <c r="CK1377" s="166">
        <v>0</v>
      </c>
      <c r="CL1377" s="166">
        <v>0</v>
      </c>
      <c r="CM1377" s="166">
        <v>0</v>
      </c>
      <c r="CN1377" s="166">
        <v>0</v>
      </c>
      <c r="CO1377" s="166">
        <v>0</v>
      </c>
      <c r="CP1377" s="166">
        <v>0</v>
      </c>
      <c r="CQ1377" s="166">
        <v>0</v>
      </c>
      <c r="CR1377" s="166">
        <v>0</v>
      </c>
      <c r="CS1377" s="166">
        <v>0</v>
      </c>
      <c r="CT1377" s="166">
        <v>0</v>
      </c>
      <c r="CU1377" s="166">
        <v>0</v>
      </c>
      <c r="CV1377" s="166">
        <v>0</v>
      </c>
      <c r="CW1377" s="166">
        <v>0</v>
      </c>
      <c r="CX1377" s="166">
        <v>0</v>
      </c>
      <c r="CY1377" s="166">
        <v>195180.79789647</v>
      </c>
      <c r="CZ1377" s="166">
        <v>195180.79789647</v>
      </c>
    </row>
    <row r="1378" spans="1:104" x14ac:dyDescent="0.2">
      <c r="A1378" s="167" t="s">
        <v>1146</v>
      </c>
      <c r="B1378" s="166">
        <v>105203.536735089</v>
      </c>
      <c r="C1378" s="166">
        <v>105203.536735089</v>
      </c>
      <c r="D1378" s="166">
        <v>0</v>
      </c>
      <c r="E1378" s="166">
        <v>0</v>
      </c>
      <c r="F1378" s="166">
        <v>0</v>
      </c>
      <c r="G1378" s="166">
        <v>0</v>
      </c>
      <c r="H1378" s="166">
        <v>0</v>
      </c>
      <c r="I1378" s="166">
        <v>0</v>
      </c>
      <c r="J1378" s="166">
        <v>0</v>
      </c>
      <c r="K1378" s="166">
        <v>0</v>
      </c>
      <c r="L1378" s="166">
        <v>0</v>
      </c>
      <c r="M1378" s="166">
        <v>0</v>
      </c>
      <c r="N1378" s="166">
        <v>0</v>
      </c>
      <c r="O1378" s="166">
        <v>0</v>
      </c>
      <c r="P1378" s="166">
        <v>0</v>
      </c>
      <c r="Q1378" s="166">
        <v>0</v>
      </c>
      <c r="R1378" s="166">
        <v>0</v>
      </c>
      <c r="S1378" s="166">
        <v>0</v>
      </c>
      <c r="T1378" s="166">
        <v>0</v>
      </c>
      <c r="U1378" s="166">
        <v>0</v>
      </c>
      <c r="V1378" s="166">
        <v>0</v>
      </c>
      <c r="W1378" s="166">
        <v>0</v>
      </c>
      <c r="X1378" s="166">
        <v>0</v>
      </c>
      <c r="Y1378" s="166">
        <v>0</v>
      </c>
      <c r="Z1378" s="166">
        <v>0</v>
      </c>
      <c r="AA1378" s="166">
        <v>0</v>
      </c>
      <c r="AB1378" s="166">
        <v>0</v>
      </c>
      <c r="AC1378" s="166">
        <v>0</v>
      </c>
      <c r="AD1378" s="166">
        <v>0</v>
      </c>
      <c r="AE1378" s="166">
        <v>0</v>
      </c>
      <c r="AF1378" s="166">
        <v>0</v>
      </c>
      <c r="AG1378" s="166">
        <v>0</v>
      </c>
      <c r="AH1378" s="166">
        <v>0</v>
      </c>
      <c r="AI1378" s="166">
        <v>0</v>
      </c>
      <c r="AJ1378" s="166">
        <v>0</v>
      </c>
      <c r="AK1378" s="166">
        <v>0</v>
      </c>
      <c r="AL1378" s="166">
        <v>0</v>
      </c>
      <c r="AM1378" s="166">
        <v>0</v>
      </c>
      <c r="AN1378" s="166">
        <v>0</v>
      </c>
      <c r="AO1378" s="166">
        <v>0</v>
      </c>
      <c r="AP1378" s="166">
        <v>0</v>
      </c>
      <c r="AQ1378" s="166">
        <v>0</v>
      </c>
      <c r="AR1378" s="166">
        <v>0</v>
      </c>
      <c r="AS1378" s="166">
        <v>0</v>
      </c>
      <c r="AT1378" s="166">
        <v>0</v>
      </c>
      <c r="AU1378" s="166">
        <v>0</v>
      </c>
      <c r="AV1378" s="166">
        <v>0</v>
      </c>
      <c r="AW1378" s="166">
        <v>0</v>
      </c>
      <c r="AX1378" s="166">
        <v>0</v>
      </c>
      <c r="AY1378" s="166">
        <v>0</v>
      </c>
      <c r="AZ1378" s="166">
        <v>0</v>
      </c>
      <c r="BA1378" s="166">
        <v>0</v>
      </c>
      <c r="BB1378" s="166">
        <v>0</v>
      </c>
      <c r="BC1378" s="166">
        <v>0</v>
      </c>
      <c r="BD1378" s="166">
        <v>0</v>
      </c>
      <c r="BE1378" s="166">
        <v>0</v>
      </c>
      <c r="BF1378" s="166">
        <v>0</v>
      </c>
      <c r="BG1378" s="166">
        <v>0</v>
      </c>
      <c r="BH1378" s="166">
        <v>0</v>
      </c>
      <c r="BI1378" s="166">
        <v>0</v>
      </c>
      <c r="BJ1378" s="166">
        <v>0</v>
      </c>
      <c r="BK1378" s="166">
        <v>0</v>
      </c>
      <c r="BL1378" s="166">
        <v>0</v>
      </c>
      <c r="BM1378" s="166">
        <v>0</v>
      </c>
      <c r="BN1378" s="166">
        <v>0</v>
      </c>
      <c r="BO1378" s="166">
        <v>0</v>
      </c>
      <c r="BP1378" s="166">
        <v>0</v>
      </c>
      <c r="BQ1378" s="166">
        <v>0</v>
      </c>
      <c r="BR1378" s="166">
        <v>105203.536735089</v>
      </c>
      <c r="BS1378" s="166">
        <v>105203.536735089</v>
      </c>
      <c r="BT1378" s="168">
        <v>0.98751</v>
      </c>
      <c r="BU1378" s="166">
        <v>5450.1110007901798</v>
      </c>
      <c r="BV1378" s="166">
        <v>103889.54456126801</v>
      </c>
      <c r="BW1378" s="166">
        <v>0</v>
      </c>
      <c r="BX1378" s="166">
        <v>0</v>
      </c>
      <c r="BY1378" s="166">
        <v>0</v>
      </c>
      <c r="BZ1378" s="166">
        <v>0</v>
      </c>
      <c r="CA1378" s="166">
        <v>0</v>
      </c>
      <c r="CB1378" s="166">
        <v>0</v>
      </c>
      <c r="CC1378" s="166">
        <v>0</v>
      </c>
      <c r="CD1378" s="166">
        <v>0</v>
      </c>
      <c r="CE1378" s="166">
        <v>0</v>
      </c>
      <c r="CF1378" s="166">
        <v>0</v>
      </c>
      <c r="CG1378" s="166">
        <v>0</v>
      </c>
      <c r="CH1378" s="166">
        <v>0</v>
      </c>
      <c r="CI1378" s="166">
        <v>0</v>
      </c>
      <c r="CJ1378" s="166">
        <v>0</v>
      </c>
      <c r="CK1378" s="166">
        <v>0</v>
      </c>
      <c r="CL1378" s="166">
        <v>0</v>
      </c>
      <c r="CM1378" s="166">
        <v>0</v>
      </c>
      <c r="CN1378" s="166">
        <v>0</v>
      </c>
      <c r="CO1378" s="166">
        <v>0</v>
      </c>
      <c r="CP1378" s="166">
        <v>0</v>
      </c>
      <c r="CQ1378" s="166">
        <v>0</v>
      </c>
      <c r="CR1378" s="166">
        <v>0</v>
      </c>
      <c r="CS1378" s="166">
        <v>0</v>
      </c>
      <c r="CT1378" s="166">
        <v>0</v>
      </c>
      <c r="CU1378" s="166">
        <v>0</v>
      </c>
      <c r="CV1378" s="166">
        <v>0</v>
      </c>
      <c r="CW1378" s="166">
        <v>0</v>
      </c>
      <c r="CX1378" s="166">
        <v>0</v>
      </c>
      <c r="CY1378" s="166">
        <v>103889.54456126801</v>
      </c>
      <c r="CZ1378" s="166">
        <v>103889.54456126801</v>
      </c>
    </row>
    <row r="1379" spans="1:104" x14ac:dyDescent="0.2">
      <c r="A1379" s="167" t="s">
        <v>1147</v>
      </c>
      <c r="B1379" s="166">
        <v>257250.93690743099</v>
      </c>
      <c r="C1379" s="166">
        <v>257250.93690743099</v>
      </c>
      <c r="D1379" s="166">
        <v>0</v>
      </c>
      <c r="E1379" s="166">
        <v>0</v>
      </c>
      <c r="F1379" s="166">
        <v>0</v>
      </c>
      <c r="G1379" s="166">
        <v>0</v>
      </c>
      <c r="H1379" s="166">
        <v>0</v>
      </c>
      <c r="I1379" s="166">
        <v>0</v>
      </c>
      <c r="J1379" s="166">
        <v>0</v>
      </c>
      <c r="K1379" s="166">
        <v>0</v>
      </c>
      <c r="L1379" s="166">
        <v>0</v>
      </c>
      <c r="M1379" s="166">
        <v>0</v>
      </c>
      <c r="N1379" s="166">
        <v>0</v>
      </c>
      <c r="O1379" s="166">
        <v>0</v>
      </c>
      <c r="P1379" s="166">
        <v>0</v>
      </c>
      <c r="Q1379" s="166">
        <v>0</v>
      </c>
      <c r="R1379" s="166">
        <v>0</v>
      </c>
      <c r="S1379" s="166">
        <v>0</v>
      </c>
      <c r="T1379" s="166">
        <v>0</v>
      </c>
      <c r="U1379" s="166">
        <v>0</v>
      </c>
      <c r="V1379" s="166">
        <v>0</v>
      </c>
      <c r="W1379" s="166">
        <v>0</v>
      </c>
      <c r="X1379" s="166">
        <v>0</v>
      </c>
      <c r="Y1379" s="166">
        <v>0</v>
      </c>
      <c r="Z1379" s="166">
        <v>0</v>
      </c>
      <c r="AA1379" s="166">
        <v>0</v>
      </c>
      <c r="AB1379" s="166">
        <v>0</v>
      </c>
      <c r="AC1379" s="166">
        <v>0</v>
      </c>
      <c r="AD1379" s="166">
        <v>0</v>
      </c>
      <c r="AE1379" s="166">
        <v>0</v>
      </c>
      <c r="AF1379" s="166">
        <v>0</v>
      </c>
      <c r="AG1379" s="166">
        <v>0</v>
      </c>
      <c r="AH1379" s="166">
        <v>0</v>
      </c>
      <c r="AI1379" s="166">
        <v>0</v>
      </c>
      <c r="AJ1379" s="166">
        <v>0</v>
      </c>
      <c r="AK1379" s="166">
        <v>0</v>
      </c>
      <c r="AL1379" s="166">
        <v>0</v>
      </c>
      <c r="AM1379" s="166">
        <v>0</v>
      </c>
      <c r="AN1379" s="166">
        <v>0</v>
      </c>
      <c r="AO1379" s="166">
        <v>0</v>
      </c>
      <c r="AP1379" s="166">
        <v>0</v>
      </c>
      <c r="AQ1379" s="166">
        <v>0</v>
      </c>
      <c r="AR1379" s="166">
        <v>0</v>
      </c>
      <c r="AS1379" s="166">
        <v>0</v>
      </c>
      <c r="AT1379" s="166">
        <v>0</v>
      </c>
      <c r="AU1379" s="166">
        <v>0</v>
      </c>
      <c r="AV1379" s="166">
        <v>0</v>
      </c>
      <c r="AW1379" s="166">
        <v>0</v>
      </c>
      <c r="AX1379" s="166">
        <v>0</v>
      </c>
      <c r="AY1379" s="166">
        <v>0</v>
      </c>
      <c r="AZ1379" s="166">
        <v>0</v>
      </c>
      <c r="BA1379" s="166">
        <v>0</v>
      </c>
      <c r="BB1379" s="166">
        <v>0</v>
      </c>
      <c r="BC1379" s="166">
        <v>0</v>
      </c>
      <c r="BD1379" s="166">
        <v>0</v>
      </c>
      <c r="BE1379" s="166">
        <v>0</v>
      </c>
      <c r="BF1379" s="166">
        <v>0</v>
      </c>
      <c r="BG1379" s="166">
        <v>0</v>
      </c>
      <c r="BH1379" s="166">
        <v>0</v>
      </c>
      <c r="BI1379" s="166">
        <v>0</v>
      </c>
      <c r="BJ1379" s="166">
        <v>0</v>
      </c>
      <c r="BK1379" s="166">
        <v>0</v>
      </c>
      <c r="BL1379" s="166">
        <v>0</v>
      </c>
      <c r="BM1379" s="166">
        <v>0</v>
      </c>
      <c r="BN1379" s="166">
        <v>0</v>
      </c>
      <c r="BO1379" s="166">
        <v>0</v>
      </c>
      <c r="BP1379" s="166">
        <v>0</v>
      </c>
      <c r="BQ1379" s="166">
        <v>0</v>
      </c>
      <c r="BR1379" s="166">
        <v>257250.93690743099</v>
      </c>
      <c r="BS1379" s="166">
        <v>257250.93690743099</v>
      </c>
      <c r="BT1379" s="168">
        <v>1</v>
      </c>
      <c r="BU1379" s="166">
        <v>13792.3485611407</v>
      </c>
      <c r="BV1379" s="166">
        <v>257250.93690743099</v>
      </c>
      <c r="BW1379" s="166">
        <v>0</v>
      </c>
      <c r="BX1379" s="166">
        <v>0</v>
      </c>
      <c r="BY1379" s="166">
        <v>0</v>
      </c>
      <c r="BZ1379" s="166">
        <v>0</v>
      </c>
      <c r="CA1379" s="166">
        <v>0</v>
      </c>
      <c r="CB1379" s="166">
        <v>0</v>
      </c>
      <c r="CC1379" s="166">
        <v>0</v>
      </c>
      <c r="CD1379" s="166">
        <v>0</v>
      </c>
      <c r="CE1379" s="166">
        <v>0</v>
      </c>
      <c r="CF1379" s="166">
        <v>0</v>
      </c>
      <c r="CG1379" s="166">
        <v>0</v>
      </c>
      <c r="CH1379" s="166">
        <v>0</v>
      </c>
      <c r="CI1379" s="166">
        <v>0</v>
      </c>
      <c r="CJ1379" s="166">
        <v>0</v>
      </c>
      <c r="CK1379" s="166">
        <v>0</v>
      </c>
      <c r="CL1379" s="166">
        <v>0</v>
      </c>
      <c r="CM1379" s="166">
        <v>0</v>
      </c>
      <c r="CN1379" s="166">
        <v>0</v>
      </c>
      <c r="CO1379" s="166">
        <v>0</v>
      </c>
      <c r="CP1379" s="166">
        <v>0</v>
      </c>
      <c r="CQ1379" s="166">
        <v>0</v>
      </c>
      <c r="CR1379" s="166">
        <v>0</v>
      </c>
      <c r="CS1379" s="166">
        <v>0</v>
      </c>
      <c r="CT1379" s="166">
        <v>0</v>
      </c>
      <c r="CU1379" s="166">
        <v>0</v>
      </c>
      <c r="CV1379" s="166">
        <v>0</v>
      </c>
      <c r="CW1379" s="166">
        <v>0</v>
      </c>
      <c r="CX1379" s="166">
        <v>0</v>
      </c>
      <c r="CY1379" s="166">
        <v>257250.93690743099</v>
      </c>
      <c r="CZ1379" s="166">
        <v>257250.93690743099</v>
      </c>
    </row>
    <row r="1380" spans="1:104" x14ac:dyDescent="0.2">
      <c r="A1380" s="167" t="s">
        <v>1148</v>
      </c>
      <c r="B1380" s="166">
        <v>0</v>
      </c>
      <c r="C1380" s="166">
        <v>0</v>
      </c>
      <c r="D1380" s="166">
        <v>0</v>
      </c>
      <c r="E1380" s="166">
        <v>0</v>
      </c>
      <c r="F1380" s="166">
        <v>0</v>
      </c>
      <c r="G1380" s="166">
        <v>0</v>
      </c>
      <c r="H1380" s="166">
        <v>0</v>
      </c>
      <c r="I1380" s="166">
        <v>0</v>
      </c>
      <c r="J1380" s="166">
        <v>0</v>
      </c>
      <c r="K1380" s="166">
        <v>0</v>
      </c>
      <c r="L1380" s="166">
        <v>0</v>
      </c>
      <c r="M1380" s="166">
        <v>0</v>
      </c>
      <c r="N1380" s="166">
        <v>0</v>
      </c>
      <c r="O1380" s="166">
        <v>0</v>
      </c>
      <c r="P1380" s="166">
        <v>0</v>
      </c>
      <c r="Q1380" s="166">
        <v>0</v>
      </c>
      <c r="R1380" s="166">
        <v>0</v>
      </c>
      <c r="S1380" s="166">
        <v>0</v>
      </c>
      <c r="T1380" s="166">
        <v>0</v>
      </c>
      <c r="U1380" s="166">
        <v>0</v>
      </c>
      <c r="V1380" s="166">
        <v>0</v>
      </c>
      <c r="W1380" s="166">
        <v>0</v>
      </c>
      <c r="X1380" s="166">
        <v>0</v>
      </c>
      <c r="Y1380" s="166">
        <v>0</v>
      </c>
      <c r="Z1380" s="166">
        <v>0</v>
      </c>
      <c r="AA1380" s="166">
        <v>0</v>
      </c>
      <c r="AB1380" s="166">
        <v>0</v>
      </c>
      <c r="AC1380" s="166">
        <v>0</v>
      </c>
      <c r="AD1380" s="166">
        <v>0</v>
      </c>
      <c r="AE1380" s="166">
        <v>0</v>
      </c>
      <c r="AF1380" s="166">
        <v>0</v>
      </c>
      <c r="AG1380" s="166">
        <v>0</v>
      </c>
      <c r="AH1380" s="166">
        <v>0</v>
      </c>
      <c r="AI1380" s="166">
        <v>0</v>
      </c>
      <c r="AJ1380" s="166">
        <v>0</v>
      </c>
      <c r="AK1380" s="166">
        <v>0</v>
      </c>
      <c r="AL1380" s="166">
        <v>0</v>
      </c>
      <c r="AM1380" s="166">
        <v>0</v>
      </c>
      <c r="AN1380" s="166">
        <v>0</v>
      </c>
      <c r="AO1380" s="166">
        <v>0</v>
      </c>
      <c r="AP1380" s="166">
        <v>0</v>
      </c>
      <c r="AQ1380" s="166">
        <v>0</v>
      </c>
      <c r="AR1380" s="166">
        <v>0</v>
      </c>
      <c r="AS1380" s="166">
        <v>0</v>
      </c>
      <c r="AT1380" s="166">
        <v>0</v>
      </c>
      <c r="AU1380" s="166">
        <v>0</v>
      </c>
      <c r="AV1380" s="166">
        <v>0</v>
      </c>
      <c r="AW1380" s="166">
        <v>0</v>
      </c>
      <c r="AX1380" s="166">
        <v>0</v>
      </c>
      <c r="AY1380" s="166">
        <v>0</v>
      </c>
      <c r="AZ1380" s="166">
        <v>0</v>
      </c>
      <c r="BA1380" s="166">
        <v>0</v>
      </c>
      <c r="BB1380" s="166">
        <v>0</v>
      </c>
      <c r="BC1380" s="166">
        <v>0</v>
      </c>
      <c r="BD1380" s="166">
        <v>0</v>
      </c>
      <c r="BE1380" s="166">
        <v>0</v>
      </c>
      <c r="BF1380" s="166">
        <v>0</v>
      </c>
      <c r="BG1380" s="166">
        <v>0</v>
      </c>
      <c r="BH1380" s="166">
        <v>0</v>
      </c>
      <c r="BI1380" s="166">
        <v>0</v>
      </c>
      <c r="BJ1380" s="166">
        <v>0</v>
      </c>
      <c r="BK1380" s="166">
        <v>0</v>
      </c>
      <c r="BL1380" s="166">
        <v>0</v>
      </c>
      <c r="BM1380" s="166">
        <v>0</v>
      </c>
      <c r="BN1380" s="166">
        <v>0</v>
      </c>
      <c r="BO1380" s="166">
        <v>0</v>
      </c>
      <c r="BP1380" s="166">
        <v>0</v>
      </c>
      <c r="BQ1380" s="166">
        <v>0</v>
      </c>
      <c r="BR1380" s="166">
        <v>0</v>
      </c>
      <c r="BS1380" s="166">
        <v>0</v>
      </c>
      <c r="BT1380" s="168">
        <v>1</v>
      </c>
      <c r="BU1380" s="166">
        <v>0</v>
      </c>
      <c r="BV1380" s="166">
        <v>0</v>
      </c>
      <c r="BW1380" s="166">
        <v>0</v>
      </c>
      <c r="BX1380" s="166">
        <v>0</v>
      </c>
      <c r="BY1380" s="166">
        <v>0</v>
      </c>
      <c r="BZ1380" s="166">
        <v>0</v>
      </c>
      <c r="CA1380" s="166">
        <v>0</v>
      </c>
      <c r="CB1380" s="166">
        <v>0</v>
      </c>
      <c r="CC1380" s="166">
        <v>0</v>
      </c>
      <c r="CD1380" s="166">
        <v>0</v>
      </c>
      <c r="CE1380" s="166">
        <v>0</v>
      </c>
      <c r="CF1380" s="166">
        <v>0</v>
      </c>
      <c r="CG1380" s="166">
        <v>0</v>
      </c>
      <c r="CH1380" s="166">
        <v>0</v>
      </c>
      <c r="CI1380" s="166">
        <v>0</v>
      </c>
      <c r="CJ1380" s="166">
        <v>0</v>
      </c>
      <c r="CK1380" s="166">
        <v>0</v>
      </c>
      <c r="CL1380" s="166">
        <v>0</v>
      </c>
      <c r="CM1380" s="166">
        <v>0</v>
      </c>
      <c r="CN1380" s="166">
        <v>0</v>
      </c>
      <c r="CO1380" s="166">
        <v>0</v>
      </c>
      <c r="CP1380" s="166">
        <v>0</v>
      </c>
      <c r="CQ1380" s="166">
        <v>0</v>
      </c>
      <c r="CR1380" s="166">
        <v>0</v>
      </c>
      <c r="CS1380" s="166">
        <v>0</v>
      </c>
      <c r="CT1380" s="166">
        <v>0</v>
      </c>
      <c r="CU1380" s="166">
        <v>0</v>
      </c>
      <c r="CV1380" s="166">
        <v>0</v>
      </c>
      <c r="CW1380" s="166">
        <v>0</v>
      </c>
      <c r="CX1380" s="166">
        <v>0</v>
      </c>
      <c r="CY1380" s="166">
        <v>0</v>
      </c>
      <c r="CZ1380" s="166">
        <v>0</v>
      </c>
    </row>
    <row r="1381" spans="1:104" x14ac:dyDescent="0.2">
      <c r="A1381" s="167" t="s">
        <v>1149</v>
      </c>
      <c r="B1381" s="166">
        <v>2846387.6599999899</v>
      </c>
      <c r="C1381" s="166">
        <v>2846387.6599999899</v>
      </c>
      <c r="D1381" s="166">
        <v>0</v>
      </c>
      <c r="E1381" s="166">
        <v>0</v>
      </c>
      <c r="F1381" s="166">
        <v>0</v>
      </c>
      <c r="G1381" s="166">
        <v>0</v>
      </c>
      <c r="H1381" s="166">
        <v>0</v>
      </c>
      <c r="I1381" s="166">
        <v>0</v>
      </c>
      <c r="J1381" s="166">
        <v>0</v>
      </c>
      <c r="K1381" s="166">
        <v>0</v>
      </c>
      <c r="L1381" s="166">
        <v>0</v>
      </c>
      <c r="M1381" s="166">
        <v>0</v>
      </c>
      <c r="N1381" s="166">
        <v>0</v>
      </c>
      <c r="O1381" s="166">
        <v>0</v>
      </c>
      <c r="P1381" s="166">
        <v>0</v>
      </c>
      <c r="Q1381" s="166">
        <v>0</v>
      </c>
      <c r="R1381" s="166">
        <v>0</v>
      </c>
      <c r="S1381" s="166">
        <v>0</v>
      </c>
      <c r="T1381" s="166">
        <v>0</v>
      </c>
      <c r="U1381" s="166">
        <v>0</v>
      </c>
      <c r="V1381" s="166">
        <v>0</v>
      </c>
      <c r="W1381" s="166">
        <v>0</v>
      </c>
      <c r="X1381" s="166">
        <v>0</v>
      </c>
      <c r="Y1381" s="166">
        <v>0</v>
      </c>
      <c r="Z1381" s="166">
        <v>0</v>
      </c>
      <c r="AA1381" s="166">
        <v>0</v>
      </c>
      <c r="AB1381" s="166">
        <v>0</v>
      </c>
      <c r="AC1381" s="166">
        <v>0</v>
      </c>
      <c r="AD1381" s="166">
        <v>0</v>
      </c>
      <c r="AE1381" s="166">
        <v>0</v>
      </c>
      <c r="AF1381" s="166">
        <v>0</v>
      </c>
      <c r="AG1381" s="166">
        <v>0</v>
      </c>
      <c r="AH1381" s="166">
        <v>0</v>
      </c>
      <c r="AI1381" s="166">
        <v>0</v>
      </c>
      <c r="AJ1381" s="166">
        <v>0</v>
      </c>
      <c r="AK1381" s="166">
        <v>0</v>
      </c>
      <c r="AL1381" s="166">
        <v>0</v>
      </c>
      <c r="AM1381" s="166">
        <v>0</v>
      </c>
      <c r="AN1381" s="166">
        <v>0</v>
      </c>
      <c r="AO1381" s="166">
        <v>0</v>
      </c>
      <c r="AP1381" s="166">
        <v>0</v>
      </c>
      <c r="AQ1381" s="166">
        <v>0</v>
      </c>
      <c r="AR1381" s="166">
        <v>0</v>
      </c>
      <c r="AS1381" s="166">
        <v>0</v>
      </c>
      <c r="AT1381" s="166">
        <v>0</v>
      </c>
      <c r="AU1381" s="166">
        <v>0</v>
      </c>
      <c r="AV1381" s="166">
        <v>0</v>
      </c>
      <c r="AW1381" s="166">
        <v>0</v>
      </c>
      <c r="AX1381" s="166">
        <v>0</v>
      </c>
      <c r="AY1381" s="166">
        <v>0</v>
      </c>
      <c r="AZ1381" s="166">
        <v>0</v>
      </c>
      <c r="BA1381" s="166">
        <v>0</v>
      </c>
      <c r="BB1381" s="166">
        <v>0</v>
      </c>
      <c r="BC1381" s="166">
        <v>0</v>
      </c>
      <c r="BD1381" s="166">
        <v>0</v>
      </c>
      <c r="BE1381" s="166">
        <v>0</v>
      </c>
      <c r="BF1381" s="166">
        <v>0</v>
      </c>
      <c r="BG1381" s="166">
        <v>0</v>
      </c>
      <c r="BH1381" s="166">
        <v>0</v>
      </c>
      <c r="BI1381" s="166">
        <v>0</v>
      </c>
      <c r="BJ1381" s="166">
        <v>0</v>
      </c>
      <c r="BK1381" s="166">
        <v>0</v>
      </c>
      <c r="BL1381" s="166">
        <v>0</v>
      </c>
      <c r="BM1381" s="166">
        <v>0</v>
      </c>
      <c r="BN1381" s="166">
        <v>0</v>
      </c>
      <c r="BO1381" s="166">
        <v>0</v>
      </c>
      <c r="BP1381" s="166">
        <v>0</v>
      </c>
      <c r="BQ1381" s="166">
        <v>0</v>
      </c>
      <c r="BR1381" s="166">
        <v>2846387.6599999899</v>
      </c>
      <c r="BS1381" s="166">
        <v>2846387.66</v>
      </c>
      <c r="BT1381" s="168">
        <v>0</v>
      </c>
      <c r="BU1381" s="166">
        <v>152917.53714220601</v>
      </c>
      <c r="BV1381" s="166">
        <v>2845073.6678261701</v>
      </c>
      <c r="BW1381" s="166">
        <v>0</v>
      </c>
      <c r="BX1381" s="166">
        <v>0</v>
      </c>
      <c r="BY1381" s="166">
        <v>0</v>
      </c>
      <c r="BZ1381" s="166">
        <v>0</v>
      </c>
      <c r="CA1381" s="166">
        <v>0</v>
      </c>
      <c r="CB1381" s="166">
        <v>0</v>
      </c>
      <c r="CC1381" s="166">
        <v>0</v>
      </c>
      <c r="CD1381" s="166">
        <v>0</v>
      </c>
      <c r="CE1381" s="166">
        <v>0</v>
      </c>
      <c r="CF1381" s="166">
        <v>0</v>
      </c>
      <c r="CG1381" s="166">
        <v>0</v>
      </c>
      <c r="CH1381" s="166">
        <v>0</v>
      </c>
      <c r="CI1381" s="166">
        <v>0</v>
      </c>
      <c r="CJ1381" s="166">
        <v>0</v>
      </c>
      <c r="CK1381" s="166">
        <v>0</v>
      </c>
      <c r="CL1381" s="166">
        <v>0</v>
      </c>
      <c r="CM1381" s="166">
        <v>0</v>
      </c>
      <c r="CN1381" s="166">
        <v>0</v>
      </c>
      <c r="CO1381" s="166">
        <v>0</v>
      </c>
      <c r="CP1381" s="166">
        <v>0</v>
      </c>
      <c r="CQ1381" s="166">
        <v>0</v>
      </c>
      <c r="CR1381" s="166">
        <v>0</v>
      </c>
      <c r="CS1381" s="166">
        <v>0</v>
      </c>
      <c r="CT1381" s="166">
        <v>0</v>
      </c>
      <c r="CU1381" s="166">
        <v>0</v>
      </c>
      <c r="CV1381" s="166">
        <v>0</v>
      </c>
      <c r="CW1381" s="166">
        <v>0</v>
      </c>
      <c r="CX1381" s="166">
        <v>0</v>
      </c>
      <c r="CY1381" s="166">
        <v>2845073.6678261701</v>
      </c>
      <c r="CZ1381" s="166">
        <v>2845073.6678261701</v>
      </c>
    </row>
    <row r="1382" spans="1:104" x14ac:dyDescent="0.2">
      <c r="A1382" s="167" t="s">
        <v>352</v>
      </c>
    </row>
    <row r="1383" spans="1:104" x14ac:dyDescent="0.2">
      <c r="A1383" s="167" t="s">
        <v>1150</v>
      </c>
      <c r="B1383" s="166">
        <v>38926267.839245401</v>
      </c>
      <c r="C1383" s="166">
        <v>38926267.839245401</v>
      </c>
      <c r="D1383" s="166">
        <v>0</v>
      </c>
      <c r="E1383" s="166">
        <v>0</v>
      </c>
      <c r="F1383" s="166">
        <v>0</v>
      </c>
      <c r="G1383" s="166">
        <v>0</v>
      </c>
      <c r="H1383" s="166">
        <v>0</v>
      </c>
      <c r="I1383" s="166">
        <v>0</v>
      </c>
      <c r="J1383" s="166">
        <v>0</v>
      </c>
      <c r="K1383" s="166">
        <v>0</v>
      </c>
      <c r="L1383" s="166">
        <v>0</v>
      </c>
      <c r="M1383" s="166">
        <v>0</v>
      </c>
      <c r="N1383" s="166">
        <v>0</v>
      </c>
      <c r="O1383" s="166">
        <v>0</v>
      </c>
      <c r="P1383" s="166">
        <v>0</v>
      </c>
      <c r="Q1383" s="166">
        <v>0</v>
      </c>
      <c r="R1383" s="166">
        <v>0</v>
      </c>
      <c r="S1383" s="166">
        <v>0</v>
      </c>
      <c r="T1383" s="166">
        <v>0</v>
      </c>
      <c r="U1383" s="166">
        <v>0</v>
      </c>
      <c r="V1383" s="166">
        <v>0</v>
      </c>
      <c r="W1383" s="166">
        <v>0</v>
      </c>
      <c r="X1383" s="166">
        <v>0</v>
      </c>
      <c r="Y1383" s="166">
        <v>0</v>
      </c>
      <c r="Z1383" s="166">
        <v>0</v>
      </c>
      <c r="AA1383" s="166">
        <v>0</v>
      </c>
      <c r="AB1383" s="166">
        <v>0</v>
      </c>
      <c r="AC1383" s="166">
        <v>0</v>
      </c>
      <c r="AD1383" s="166">
        <v>0</v>
      </c>
      <c r="AE1383" s="166">
        <v>0</v>
      </c>
      <c r="AF1383" s="166">
        <v>0</v>
      </c>
      <c r="AG1383" s="166">
        <v>0</v>
      </c>
      <c r="AH1383" s="166">
        <v>0</v>
      </c>
      <c r="AI1383" s="166">
        <v>0</v>
      </c>
      <c r="AJ1383" s="166">
        <v>0</v>
      </c>
      <c r="AK1383" s="166">
        <v>0</v>
      </c>
      <c r="AL1383" s="166">
        <v>0</v>
      </c>
      <c r="AM1383" s="166">
        <v>0</v>
      </c>
      <c r="AN1383" s="166">
        <v>0</v>
      </c>
      <c r="AO1383" s="166">
        <v>0</v>
      </c>
      <c r="AP1383" s="166">
        <v>0</v>
      </c>
      <c r="AQ1383" s="166">
        <v>0</v>
      </c>
      <c r="AR1383" s="166">
        <v>0</v>
      </c>
      <c r="AS1383" s="166">
        <v>0</v>
      </c>
      <c r="AT1383" s="166">
        <v>0</v>
      </c>
      <c r="AU1383" s="166">
        <v>0</v>
      </c>
      <c r="AV1383" s="166">
        <v>0</v>
      </c>
      <c r="AW1383" s="166">
        <v>0</v>
      </c>
      <c r="AX1383" s="166">
        <v>0</v>
      </c>
      <c r="AY1383" s="166">
        <v>0</v>
      </c>
      <c r="AZ1383" s="166">
        <v>0</v>
      </c>
      <c r="BA1383" s="166">
        <v>0</v>
      </c>
      <c r="BB1383" s="166">
        <v>0</v>
      </c>
      <c r="BC1383" s="166">
        <v>0</v>
      </c>
      <c r="BD1383" s="166">
        <v>0</v>
      </c>
      <c r="BE1383" s="166">
        <v>0</v>
      </c>
      <c r="BF1383" s="166">
        <v>0</v>
      </c>
      <c r="BG1383" s="166">
        <v>0</v>
      </c>
      <c r="BH1383" s="166">
        <v>0</v>
      </c>
      <c r="BI1383" s="166">
        <v>0</v>
      </c>
      <c r="BJ1383" s="166">
        <v>0</v>
      </c>
      <c r="BK1383" s="166">
        <v>0</v>
      </c>
      <c r="BL1383" s="166">
        <v>0</v>
      </c>
      <c r="BM1383" s="166">
        <v>0</v>
      </c>
      <c r="BN1383" s="166">
        <v>0</v>
      </c>
      <c r="BO1383" s="166">
        <v>0</v>
      </c>
      <c r="BP1383" s="166">
        <v>0</v>
      </c>
      <c r="BQ1383" s="166">
        <v>0</v>
      </c>
      <c r="BR1383" s="166">
        <v>38926267.839245401</v>
      </c>
      <c r="BS1383" s="166">
        <v>38926267.839245401</v>
      </c>
      <c r="BT1383" s="168">
        <v>1</v>
      </c>
      <c r="BU1383" s="166">
        <v>3439242.17281368</v>
      </c>
      <c r="BV1383" s="166">
        <v>38926267.839245401</v>
      </c>
      <c r="BW1383" s="166">
        <v>0</v>
      </c>
      <c r="BX1383" s="166">
        <v>0</v>
      </c>
      <c r="BY1383" s="166">
        <v>0</v>
      </c>
      <c r="BZ1383" s="166">
        <v>0</v>
      </c>
      <c r="CA1383" s="166">
        <v>0</v>
      </c>
      <c r="CB1383" s="166">
        <v>0</v>
      </c>
      <c r="CC1383" s="166">
        <v>0</v>
      </c>
      <c r="CD1383" s="166">
        <v>0</v>
      </c>
      <c r="CE1383" s="166">
        <v>0</v>
      </c>
      <c r="CF1383" s="166">
        <v>0</v>
      </c>
      <c r="CG1383" s="166">
        <v>0</v>
      </c>
      <c r="CH1383" s="166">
        <v>0</v>
      </c>
      <c r="CI1383" s="166">
        <v>0</v>
      </c>
      <c r="CJ1383" s="166">
        <v>0</v>
      </c>
      <c r="CK1383" s="166">
        <v>0</v>
      </c>
      <c r="CL1383" s="166">
        <v>0</v>
      </c>
      <c r="CM1383" s="166">
        <v>0</v>
      </c>
      <c r="CN1383" s="166">
        <v>0</v>
      </c>
      <c r="CO1383" s="166">
        <v>0</v>
      </c>
      <c r="CP1383" s="166">
        <v>0</v>
      </c>
      <c r="CQ1383" s="166">
        <v>0</v>
      </c>
      <c r="CR1383" s="166">
        <v>0</v>
      </c>
      <c r="CS1383" s="166">
        <v>0</v>
      </c>
      <c r="CT1383" s="166">
        <v>0</v>
      </c>
      <c r="CU1383" s="166">
        <v>0</v>
      </c>
      <c r="CV1383" s="166">
        <v>0</v>
      </c>
      <c r="CW1383" s="166">
        <v>0</v>
      </c>
      <c r="CX1383" s="166">
        <v>0</v>
      </c>
      <c r="CY1383" s="166">
        <v>38926267.839245401</v>
      </c>
      <c r="CZ1383" s="166">
        <v>38926267.839245401</v>
      </c>
    </row>
    <row r="1384" spans="1:104" x14ac:dyDescent="0.2">
      <c r="A1384" s="167" t="s">
        <v>1151</v>
      </c>
      <c r="B1384" s="166">
        <v>18630312.5778349</v>
      </c>
      <c r="C1384" s="166">
        <v>18630312.5778349</v>
      </c>
      <c r="D1384" s="166">
        <v>0</v>
      </c>
      <c r="E1384" s="166">
        <v>0</v>
      </c>
      <c r="F1384" s="166">
        <v>0</v>
      </c>
      <c r="G1384" s="166">
        <v>0</v>
      </c>
      <c r="H1384" s="166">
        <v>0</v>
      </c>
      <c r="I1384" s="166">
        <v>0</v>
      </c>
      <c r="J1384" s="166">
        <v>0</v>
      </c>
      <c r="K1384" s="166">
        <v>0</v>
      </c>
      <c r="L1384" s="166">
        <v>0</v>
      </c>
      <c r="M1384" s="166">
        <v>0</v>
      </c>
      <c r="N1384" s="166">
        <v>0</v>
      </c>
      <c r="O1384" s="166">
        <v>0</v>
      </c>
      <c r="P1384" s="166">
        <v>0</v>
      </c>
      <c r="Q1384" s="166">
        <v>0</v>
      </c>
      <c r="R1384" s="166">
        <v>0</v>
      </c>
      <c r="S1384" s="166">
        <v>0</v>
      </c>
      <c r="T1384" s="166">
        <v>0</v>
      </c>
      <c r="U1384" s="166">
        <v>0</v>
      </c>
      <c r="V1384" s="166">
        <v>0</v>
      </c>
      <c r="W1384" s="166">
        <v>0</v>
      </c>
      <c r="X1384" s="166">
        <v>0</v>
      </c>
      <c r="Y1384" s="166">
        <v>0</v>
      </c>
      <c r="Z1384" s="166">
        <v>0</v>
      </c>
      <c r="AA1384" s="166">
        <v>0</v>
      </c>
      <c r="AB1384" s="166">
        <v>0</v>
      </c>
      <c r="AC1384" s="166">
        <v>0</v>
      </c>
      <c r="AD1384" s="166">
        <v>0</v>
      </c>
      <c r="AE1384" s="166">
        <v>0</v>
      </c>
      <c r="AF1384" s="166">
        <v>0</v>
      </c>
      <c r="AG1384" s="166">
        <v>0</v>
      </c>
      <c r="AH1384" s="166">
        <v>0</v>
      </c>
      <c r="AI1384" s="166">
        <v>0</v>
      </c>
      <c r="AJ1384" s="166">
        <v>0</v>
      </c>
      <c r="AK1384" s="166">
        <v>0</v>
      </c>
      <c r="AL1384" s="166">
        <v>0</v>
      </c>
      <c r="AM1384" s="166">
        <v>0</v>
      </c>
      <c r="AN1384" s="166">
        <v>0</v>
      </c>
      <c r="AO1384" s="166">
        <v>0</v>
      </c>
      <c r="AP1384" s="166">
        <v>0</v>
      </c>
      <c r="AQ1384" s="166">
        <v>0</v>
      </c>
      <c r="AR1384" s="166">
        <v>0</v>
      </c>
      <c r="AS1384" s="166">
        <v>0</v>
      </c>
      <c r="AT1384" s="166">
        <v>0</v>
      </c>
      <c r="AU1384" s="166">
        <v>0</v>
      </c>
      <c r="AV1384" s="166">
        <v>0</v>
      </c>
      <c r="AW1384" s="166">
        <v>0</v>
      </c>
      <c r="AX1384" s="166">
        <v>0</v>
      </c>
      <c r="AY1384" s="166">
        <v>0</v>
      </c>
      <c r="AZ1384" s="166">
        <v>0</v>
      </c>
      <c r="BA1384" s="166">
        <v>0</v>
      </c>
      <c r="BB1384" s="166">
        <v>0</v>
      </c>
      <c r="BC1384" s="166">
        <v>0</v>
      </c>
      <c r="BD1384" s="166">
        <v>0</v>
      </c>
      <c r="BE1384" s="166">
        <v>0</v>
      </c>
      <c r="BF1384" s="166">
        <v>0</v>
      </c>
      <c r="BG1384" s="166">
        <v>0</v>
      </c>
      <c r="BH1384" s="166">
        <v>0</v>
      </c>
      <c r="BI1384" s="166">
        <v>0</v>
      </c>
      <c r="BJ1384" s="166">
        <v>0</v>
      </c>
      <c r="BK1384" s="166">
        <v>0</v>
      </c>
      <c r="BL1384" s="166">
        <v>0</v>
      </c>
      <c r="BM1384" s="166">
        <v>0</v>
      </c>
      <c r="BN1384" s="166">
        <v>0</v>
      </c>
      <c r="BO1384" s="166">
        <v>0</v>
      </c>
      <c r="BP1384" s="166">
        <v>0</v>
      </c>
      <c r="BQ1384" s="166">
        <v>0</v>
      </c>
      <c r="BR1384" s="166">
        <v>18630312.5778349</v>
      </c>
      <c r="BS1384" s="166">
        <v>18630312.5778349</v>
      </c>
      <c r="BT1384" s="168">
        <v>1</v>
      </c>
      <c r="BU1384" s="166">
        <v>1672766.05292207</v>
      </c>
      <c r="BV1384" s="166">
        <v>18630312.5778349</v>
      </c>
      <c r="BW1384" s="166">
        <v>0</v>
      </c>
      <c r="BX1384" s="166">
        <v>0</v>
      </c>
      <c r="BY1384" s="166">
        <v>0</v>
      </c>
      <c r="BZ1384" s="166">
        <v>0</v>
      </c>
      <c r="CA1384" s="166">
        <v>0</v>
      </c>
      <c r="CB1384" s="166">
        <v>0</v>
      </c>
      <c r="CC1384" s="166">
        <v>0</v>
      </c>
      <c r="CD1384" s="166">
        <v>0</v>
      </c>
      <c r="CE1384" s="166">
        <v>0</v>
      </c>
      <c r="CF1384" s="166">
        <v>0</v>
      </c>
      <c r="CG1384" s="166">
        <v>0</v>
      </c>
      <c r="CH1384" s="166">
        <v>0</v>
      </c>
      <c r="CI1384" s="166">
        <v>0</v>
      </c>
      <c r="CJ1384" s="166">
        <v>0</v>
      </c>
      <c r="CK1384" s="166">
        <v>0</v>
      </c>
      <c r="CL1384" s="166">
        <v>0</v>
      </c>
      <c r="CM1384" s="166">
        <v>0</v>
      </c>
      <c r="CN1384" s="166">
        <v>0</v>
      </c>
      <c r="CO1384" s="166">
        <v>0</v>
      </c>
      <c r="CP1384" s="166">
        <v>0</v>
      </c>
      <c r="CQ1384" s="166">
        <v>0</v>
      </c>
      <c r="CR1384" s="166">
        <v>0</v>
      </c>
      <c r="CS1384" s="166">
        <v>0</v>
      </c>
      <c r="CT1384" s="166">
        <v>0</v>
      </c>
      <c r="CU1384" s="166">
        <v>0</v>
      </c>
      <c r="CV1384" s="166">
        <v>0</v>
      </c>
      <c r="CW1384" s="166">
        <v>0</v>
      </c>
      <c r="CX1384" s="166">
        <v>0</v>
      </c>
      <c r="CY1384" s="166">
        <v>18630312.5778349</v>
      </c>
      <c r="CZ1384" s="166">
        <v>18630312.5778349</v>
      </c>
    </row>
    <row r="1385" spans="1:104" x14ac:dyDescent="0.2">
      <c r="A1385" s="167" t="s">
        <v>1152</v>
      </c>
      <c r="B1385" s="166">
        <v>4884328.1700410601</v>
      </c>
      <c r="C1385" s="166">
        <v>4884328.1700410601</v>
      </c>
      <c r="D1385" s="166">
        <v>0</v>
      </c>
      <c r="E1385" s="166">
        <v>0</v>
      </c>
      <c r="F1385" s="166">
        <v>0</v>
      </c>
      <c r="G1385" s="166">
        <v>0</v>
      </c>
      <c r="H1385" s="166">
        <v>0</v>
      </c>
      <c r="I1385" s="166">
        <v>0</v>
      </c>
      <c r="J1385" s="166">
        <v>0</v>
      </c>
      <c r="K1385" s="166">
        <v>0</v>
      </c>
      <c r="L1385" s="166">
        <v>0</v>
      </c>
      <c r="M1385" s="166">
        <v>0</v>
      </c>
      <c r="N1385" s="166">
        <v>0</v>
      </c>
      <c r="O1385" s="166">
        <v>0</v>
      </c>
      <c r="P1385" s="166">
        <v>0</v>
      </c>
      <c r="Q1385" s="166">
        <v>0</v>
      </c>
      <c r="R1385" s="166">
        <v>0</v>
      </c>
      <c r="S1385" s="166">
        <v>0</v>
      </c>
      <c r="T1385" s="166">
        <v>0</v>
      </c>
      <c r="U1385" s="166">
        <v>0</v>
      </c>
      <c r="V1385" s="166">
        <v>0</v>
      </c>
      <c r="W1385" s="166">
        <v>0</v>
      </c>
      <c r="X1385" s="166">
        <v>0</v>
      </c>
      <c r="Y1385" s="166">
        <v>0</v>
      </c>
      <c r="Z1385" s="166">
        <v>0</v>
      </c>
      <c r="AA1385" s="166">
        <v>0</v>
      </c>
      <c r="AB1385" s="166">
        <v>0</v>
      </c>
      <c r="AC1385" s="166">
        <v>0</v>
      </c>
      <c r="AD1385" s="166">
        <v>0</v>
      </c>
      <c r="AE1385" s="166">
        <v>0</v>
      </c>
      <c r="AF1385" s="166">
        <v>0</v>
      </c>
      <c r="AG1385" s="166">
        <v>0</v>
      </c>
      <c r="AH1385" s="166">
        <v>0</v>
      </c>
      <c r="AI1385" s="166">
        <v>0</v>
      </c>
      <c r="AJ1385" s="166">
        <v>0</v>
      </c>
      <c r="AK1385" s="166">
        <v>0</v>
      </c>
      <c r="AL1385" s="166">
        <v>0</v>
      </c>
      <c r="AM1385" s="166">
        <v>0</v>
      </c>
      <c r="AN1385" s="166">
        <v>0</v>
      </c>
      <c r="AO1385" s="166">
        <v>0</v>
      </c>
      <c r="AP1385" s="166">
        <v>0</v>
      </c>
      <c r="AQ1385" s="166">
        <v>0</v>
      </c>
      <c r="AR1385" s="166">
        <v>0</v>
      </c>
      <c r="AS1385" s="166">
        <v>0</v>
      </c>
      <c r="AT1385" s="166">
        <v>0</v>
      </c>
      <c r="AU1385" s="166">
        <v>0</v>
      </c>
      <c r="AV1385" s="166">
        <v>0</v>
      </c>
      <c r="AW1385" s="166">
        <v>0</v>
      </c>
      <c r="AX1385" s="166">
        <v>0</v>
      </c>
      <c r="AY1385" s="166">
        <v>0</v>
      </c>
      <c r="AZ1385" s="166">
        <v>0</v>
      </c>
      <c r="BA1385" s="166">
        <v>0</v>
      </c>
      <c r="BB1385" s="166">
        <v>0</v>
      </c>
      <c r="BC1385" s="166">
        <v>0</v>
      </c>
      <c r="BD1385" s="166">
        <v>0</v>
      </c>
      <c r="BE1385" s="166">
        <v>0</v>
      </c>
      <c r="BF1385" s="166">
        <v>0</v>
      </c>
      <c r="BG1385" s="166">
        <v>0</v>
      </c>
      <c r="BH1385" s="166">
        <v>0</v>
      </c>
      <c r="BI1385" s="166">
        <v>0</v>
      </c>
      <c r="BJ1385" s="166">
        <v>0</v>
      </c>
      <c r="BK1385" s="166">
        <v>0</v>
      </c>
      <c r="BL1385" s="166">
        <v>0</v>
      </c>
      <c r="BM1385" s="166">
        <v>0</v>
      </c>
      <c r="BN1385" s="166">
        <v>0</v>
      </c>
      <c r="BO1385" s="166">
        <v>0</v>
      </c>
      <c r="BP1385" s="166">
        <v>0</v>
      </c>
      <c r="BQ1385" s="166">
        <v>0</v>
      </c>
      <c r="BR1385" s="166">
        <v>4884328.1700410601</v>
      </c>
      <c r="BS1385" s="166">
        <v>4884328.1700410601</v>
      </c>
      <c r="BT1385" s="168">
        <v>1</v>
      </c>
      <c r="BU1385" s="166">
        <v>417583.62118099601</v>
      </c>
      <c r="BV1385" s="166">
        <v>4884328.1700410601</v>
      </c>
      <c r="BW1385" s="166">
        <v>0</v>
      </c>
      <c r="BX1385" s="166">
        <v>0</v>
      </c>
      <c r="BY1385" s="166">
        <v>0</v>
      </c>
      <c r="BZ1385" s="166">
        <v>0</v>
      </c>
      <c r="CA1385" s="166">
        <v>0</v>
      </c>
      <c r="CB1385" s="166">
        <v>0</v>
      </c>
      <c r="CC1385" s="166">
        <v>0</v>
      </c>
      <c r="CD1385" s="166">
        <v>0</v>
      </c>
      <c r="CE1385" s="166">
        <v>0</v>
      </c>
      <c r="CF1385" s="166">
        <v>0</v>
      </c>
      <c r="CG1385" s="166">
        <v>0</v>
      </c>
      <c r="CH1385" s="166">
        <v>0</v>
      </c>
      <c r="CI1385" s="166">
        <v>0</v>
      </c>
      <c r="CJ1385" s="166">
        <v>0</v>
      </c>
      <c r="CK1385" s="166">
        <v>0</v>
      </c>
      <c r="CL1385" s="166">
        <v>0</v>
      </c>
      <c r="CM1385" s="166">
        <v>0</v>
      </c>
      <c r="CN1385" s="166">
        <v>0</v>
      </c>
      <c r="CO1385" s="166">
        <v>0</v>
      </c>
      <c r="CP1385" s="166">
        <v>0</v>
      </c>
      <c r="CQ1385" s="166">
        <v>0</v>
      </c>
      <c r="CR1385" s="166">
        <v>0</v>
      </c>
      <c r="CS1385" s="166">
        <v>0</v>
      </c>
      <c r="CT1385" s="166">
        <v>0</v>
      </c>
      <c r="CU1385" s="166">
        <v>0</v>
      </c>
      <c r="CV1385" s="166">
        <v>0</v>
      </c>
      <c r="CW1385" s="166">
        <v>0</v>
      </c>
      <c r="CX1385" s="166">
        <v>0</v>
      </c>
      <c r="CY1385" s="166">
        <v>4884328.1700410601</v>
      </c>
      <c r="CZ1385" s="166">
        <v>4884328.1700410601</v>
      </c>
    </row>
    <row r="1386" spans="1:104" x14ac:dyDescent="0.2">
      <c r="A1386" s="167" t="s">
        <v>1153</v>
      </c>
      <c r="B1386" s="166">
        <v>6464323.7028784202</v>
      </c>
      <c r="C1386" s="166">
        <v>6464323.7028784202</v>
      </c>
      <c r="D1386" s="166">
        <v>0</v>
      </c>
      <c r="E1386" s="166">
        <v>0</v>
      </c>
      <c r="F1386" s="166">
        <v>0</v>
      </c>
      <c r="G1386" s="166">
        <v>0</v>
      </c>
      <c r="H1386" s="166">
        <v>0</v>
      </c>
      <c r="I1386" s="166">
        <v>0</v>
      </c>
      <c r="J1386" s="166">
        <v>0</v>
      </c>
      <c r="K1386" s="166">
        <v>0</v>
      </c>
      <c r="L1386" s="166">
        <v>0</v>
      </c>
      <c r="M1386" s="166">
        <v>0</v>
      </c>
      <c r="N1386" s="166">
        <v>0</v>
      </c>
      <c r="O1386" s="166">
        <v>0</v>
      </c>
      <c r="P1386" s="166">
        <v>0</v>
      </c>
      <c r="Q1386" s="166">
        <v>0</v>
      </c>
      <c r="R1386" s="166">
        <v>0</v>
      </c>
      <c r="S1386" s="166">
        <v>0</v>
      </c>
      <c r="T1386" s="166">
        <v>0</v>
      </c>
      <c r="U1386" s="166">
        <v>0</v>
      </c>
      <c r="V1386" s="166">
        <v>0</v>
      </c>
      <c r="W1386" s="166">
        <v>0</v>
      </c>
      <c r="X1386" s="166">
        <v>0</v>
      </c>
      <c r="Y1386" s="166">
        <v>0</v>
      </c>
      <c r="Z1386" s="166">
        <v>0</v>
      </c>
      <c r="AA1386" s="166">
        <v>0</v>
      </c>
      <c r="AB1386" s="166">
        <v>0</v>
      </c>
      <c r="AC1386" s="166">
        <v>0</v>
      </c>
      <c r="AD1386" s="166">
        <v>0</v>
      </c>
      <c r="AE1386" s="166">
        <v>0</v>
      </c>
      <c r="AF1386" s="166">
        <v>0</v>
      </c>
      <c r="AG1386" s="166">
        <v>0</v>
      </c>
      <c r="AH1386" s="166">
        <v>0</v>
      </c>
      <c r="AI1386" s="166">
        <v>0</v>
      </c>
      <c r="AJ1386" s="166">
        <v>0</v>
      </c>
      <c r="AK1386" s="166">
        <v>0</v>
      </c>
      <c r="AL1386" s="166">
        <v>0</v>
      </c>
      <c r="AM1386" s="166">
        <v>0</v>
      </c>
      <c r="AN1386" s="166">
        <v>0</v>
      </c>
      <c r="AO1386" s="166">
        <v>0</v>
      </c>
      <c r="AP1386" s="166">
        <v>0</v>
      </c>
      <c r="AQ1386" s="166">
        <v>0</v>
      </c>
      <c r="AR1386" s="166">
        <v>0</v>
      </c>
      <c r="AS1386" s="166">
        <v>0</v>
      </c>
      <c r="AT1386" s="166">
        <v>0</v>
      </c>
      <c r="AU1386" s="166">
        <v>0</v>
      </c>
      <c r="AV1386" s="166">
        <v>0</v>
      </c>
      <c r="AW1386" s="166">
        <v>0</v>
      </c>
      <c r="AX1386" s="166">
        <v>0</v>
      </c>
      <c r="AY1386" s="166">
        <v>0</v>
      </c>
      <c r="AZ1386" s="166">
        <v>0</v>
      </c>
      <c r="BA1386" s="166">
        <v>0</v>
      </c>
      <c r="BB1386" s="166">
        <v>0</v>
      </c>
      <c r="BC1386" s="166">
        <v>0</v>
      </c>
      <c r="BD1386" s="166">
        <v>0</v>
      </c>
      <c r="BE1386" s="166">
        <v>0</v>
      </c>
      <c r="BF1386" s="166">
        <v>0</v>
      </c>
      <c r="BG1386" s="166">
        <v>0</v>
      </c>
      <c r="BH1386" s="166">
        <v>0</v>
      </c>
      <c r="BI1386" s="166">
        <v>0</v>
      </c>
      <c r="BJ1386" s="166">
        <v>0</v>
      </c>
      <c r="BK1386" s="166">
        <v>0</v>
      </c>
      <c r="BL1386" s="166">
        <v>0</v>
      </c>
      <c r="BM1386" s="166">
        <v>0</v>
      </c>
      <c r="BN1386" s="166">
        <v>0</v>
      </c>
      <c r="BO1386" s="166">
        <v>0</v>
      </c>
      <c r="BP1386" s="166">
        <v>0</v>
      </c>
      <c r="BQ1386" s="166">
        <v>0</v>
      </c>
      <c r="BR1386" s="166">
        <v>6464323.7028784202</v>
      </c>
      <c r="BS1386" s="166">
        <v>6464323.7028784202</v>
      </c>
      <c r="BT1386" s="168">
        <v>1</v>
      </c>
      <c r="BU1386" s="166">
        <v>570533.11308323999</v>
      </c>
      <c r="BV1386" s="166">
        <v>6464323.7028784202</v>
      </c>
      <c r="BW1386" s="166">
        <v>0</v>
      </c>
      <c r="BX1386" s="166">
        <v>0</v>
      </c>
      <c r="BY1386" s="166">
        <v>0</v>
      </c>
      <c r="BZ1386" s="166">
        <v>0</v>
      </c>
      <c r="CA1386" s="166">
        <v>0</v>
      </c>
      <c r="CB1386" s="166">
        <v>0</v>
      </c>
      <c r="CC1386" s="166">
        <v>0</v>
      </c>
      <c r="CD1386" s="166">
        <v>0</v>
      </c>
      <c r="CE1386" s="166">
        <v>0</v>
      </c>
      <c r="CF1386" s="166">
        <v>0</v>
      </c>
      <c r="CG1386" s="166">
        <v>0</v>
      </c>
      <c r="CH1386" s="166">
        <v>0</v>
      </c>
      <c r="CI1386" s="166">
        <v>0</v>
      </c>
      <c r="CJ1386" s="166">
        <v>0</v>
      </c>
      <c r="CK1386" s="166">
        <v>0</v>
      </c>
      <c r="CL1386" s="166">
        <v>0</v>
      </c>
      <c r="CM1386" s="166">
        <v>0</v>
      </c>
      <c r="CN1386" s="166">
        <v>0</v>
      </c>
      <c r="CO1386" s="166">
        <v>0</v>
      </c>
      <c r="CP1386" s="166">
        <v>0</v>
      </c>
      <c r="CQ1386" s="166">
        <v>0</v>
      </c>
      <c r="CR1386" s="166">
        <v>0</v>
      </c>
      <c r="CS1386" s="166">
        <v>0</v>
      </c>
      <c r="CT1386" s="166">
        <v>0</v>
      </c>
      <c r="CU1386" s="166">
        <v>0</v>
      </c>
      <c r="CV1386" s="166">
        <v>0</v>
      </c>
      <c r="CW1386" s="166">
        <v>0</v>
      </c>
      <c r="CX1386" s="166">
        <v>0</v>
      </c>
      <c r="CY1386" s="166">
        <v>6464323.7028784202</v>
      </c>
      <c r="CZ1386" s="166">
        <v>6464323.7028784202</v>
      </c>
    </row>
    <row r="1387" spans="1:104" x14ac:dyDescent="0.2">
      <c r="A1387" s="167" t="s">
        <v>1154</v>
      </c>
      <c r="B1387" s="166">
        <v>0</v>
      </c>
      <c r="C1387" s="166">
        <v>0</v>
      </c>
      <c r="D1387" s="166">
        <v>0</v>
      </c>
      <c r="E1387" s="166">
        <v>0</v>
      </c>
      <c r="F1387" s="166">
        <v>0</v>
      </c>
      <c r="G1387" s="166">
        <v>0</v>
      </c>
      <c r="H1387" s="166">
        <v>0</v>
      </c>
      <c r="I1387" s="166">
        <v>0</v>
      </c>
      <c r="J1387" s="166">
        <v>0</v>
      </c>
      <c r="K1387" s="166">
        <v>0</v>
      </c>
      <c r="L1387" s="166">
        <v>0</v>
      </c>
      <c r="M1387" s="166">
        <v>0</v>
      </c>
      <c r="N1387" s="166">
        <v>0</v>
      </c>
      <c r="O1387" s="166">
        <v>0</v>
      </c>
      <c r="P1387" s="166">
        <v>0</v>
      </c>
      <c r="Q1387" s="166">
        <v>0</v>
      </c>
      <c r="R1387" s="166">
        <v>0</v>
      </c>
      <c r="S1387" s="166">
        <v>0</v>
      </c>
      <c r="T1387" s="166">
        <v>0</v>
      </c>
      <c r="U1387" s="166">
        <v>0</v>
      </c>
      <c r="V1387" s="166">
        <v>0</v>
      </c>
      <c r="W1387" s="166">
        <v>0</v>
      </c>
      <c r="X1387" s="166">
        <v>0</v>
      </c>
      <c r="Y1387" s="166">
        <v>0</v>
      </c>
      <c r="Z1387" s="166">
        <v>0</v>
      </c>
      <c r="AA1387" s="166">
        <v>0</v>
      </c>
      <c r="AB1387" s="166">
        <v>0</v>
      </c>
      <c r="AC1387" s="166">
        <v>0</v>
      </c>
      <c r="AD1387" s="166">
        <v>0</v>
      </c>
      <c r="AE1387" s="166">
        <v>0</v>
      </c>
      <c r="AF1387" s="166">
        <v>0</v>
      </c>
      <c r="AG1387" s="166">
        <v>0</v>
      </c>
      <c r="AH1387" s="166">
        <v>0</v>
      </c>
      <c r="AI1387" s="166">
        <v>0</v>
      </c>
      <c r="AJ1387" s="166">
        <v>0</v>
      </c>
      <c r="AK1387" s="166">
        <v>0</v>
      </c>
      <c r="AL1387" s="166">
        <v>0</v>
      </c>
      <c r="AM1387" s="166">
        <v>0</v>
      </c>
      <c r="AN1387" s="166">
        <v>0</v>
      </c>
      <c r="AO1387" s="166">
        <v>0</v>
      </c>
      <c r="AP1387" s="166">
        <v>0</v>
      </c>
      <c r="AQ1387" s="166">
        <v>0</v>
      </c>
      <c r="AR1387" s="166">
        <v>0</v>
      </c>
      <c r="AS1387" s="166">
        <v>0</v>
      </c>
      <c r="AT1387" s="166">
        <v>0</v>
      </c>
      <c r="AU1387" s="166">
        <v>0</v>
      </c>
      <c r="AV1387" s="166">
        <v>0</v>
      </c>
      <c r="AW1387" s="166">
        <v>0</v>
      </c>
      <c r="AX1387" s="166">
        <v>0</v>
      </c>
      <c r="AY1387" s="166">
        <v>0</v>
      </c>
      <c r="AZ1387" s="166">
        <v>0</v>
      </c>
      <c r="BA1387" s="166">
        <v>0</v>
      </c>
      <c r="BB1387" s="166">
        <v>0</v>
      </c>
      <c r="BC1387" s="166">
        <v>0</v>
      </c>
      <c r="BD1387" s="166">
        <v>0</v>
      </c>
      <c r="BE1387" s="166">
        <v>0</v>
      </c>
      <c r="BF1387" s="166">
        <v>0</v>
      </c>
      <c r="BG1387" s="166">
        <v>0</v>
      </c>
      <c r="BH1387" s="166">
        <v>0</v>
      </c>
      <c r="BI1387" s="166">
        <v>0</v>
      </c>
      <c r="BJ1387" s="166">
        <v>0</v>
      </c>
      <c r="BK1387" s="166">
        <v>0</v>
      </c>
      <c r="BL1387" s="166">
        <v>0</v>
      </c>
      <c r="BM1387" s="166">
        <v>0</v>
      </c>
      <c r="BN1387" s="166">
        <v>0</v>
      </c>
      <c r="BO1387" s="166">
        <v>0</v>
      </c>
      <c r="BP1387" s="166">
        <v>0</v>
      </c>
      <c r="BQ1387" s="166">
        <v>0</v>
      </c>
      <c r="BR1387" s="166">
        <v>0</v>
      </c>
      <c r="BS1387" s="166">
        <v>0</v>
      </c>
      <c r="BT1387" s="168">
        <v>1</v>
      </c>
      <c r="BU1387" s="166">
        <v>0</v>
      </c>
      <c r="BV1387" s="166">
        <v>0</v>
      </c>
      <c r="BW1387" s="166">
        <v>0</v>
      </c>
      <c r="BX1387" s="166">
        <v>0</v>
      </c>
      <c r="BY1387" s="166">
        <v>0</v>
      </c>
      <c r="BZ1387" s="166">
        <v>0</v>
      </c>
      <c r="CA1387" s="166">
        <v>0</v>
      </c>
      <c r="CB1387" s="166">
        <v>0</v>
      </c>
      <c r="CC1387" s="166">
        <v>0</v>
      </c>
      <c r="CD1387" s="166">
        <v>0</v>
      </c>
      <c r="CE1387" s="166">
        <v>0</v>
      </c>
      <c r="CF1387" s="166">
        <v>0</v>
      </c>
      <c r="CG1387" s="166">
        <v>0</v>
      </c>
      <c r="CH1387" s="166">
        <v>0</v>
      </c>
      <c r="CI1387" s="166">
        <v>0</v>
      </c>
      <c r="CJ1387" s="166">
        <v>0</v>
      </c>
      <c r="CK1387" s="166">
        <v>0</v>
      </c>
      <c r="CL1387" s="166">
        <v>0</v>
      </c>
      <c r="CM1387" s="166">
        <v>0</v>
      </c>
      <c r="CN1387" s="166">
        <v>0</v>
      </c>
      <c r="CO1387" s="166">
        <v>0</v>
      </c>
      <c r="CP1387" s="166">
        <v>0</v>
      </c>
      <c r="CQ1387" s="166">
        <v>0</v>
      </c>
      <c r="CR1387" s="166">
        <v>0</v>
      </c>
      <c r="CS1387" s="166">
        <v>0</v>
      </c>
      <c r="CT1387" s="166">
        <v>0</v>
      </c>
      <c r="CU1387" s="166">
        <v>0</v>
      </c>
      <c r="CV1387" s="166">
        <v>0</v>
      </c>
      <c r="CW1387" s="166">
        <v>0</v>
      </c>
      <c r="CX1387" s="166">
        <v>0</v>
      </c>
      <c r="CY1387" s="166">
        <v>0</v>
      </c>
      <c r="CZ1387" s="166">
        <v>0</v>
      </c>
    </row>
    <row r="1388" spans="1:104" x14ac:dyDescent="0.2">
      <c r="A1388" s="167" t="s">
        <v>1155</v>
      </c>
      <c r="B1388" s="166">
        <v>68905232.289999902</v>
      </c>
      <c r="C1388" s="166">
        <v>68905232.289999902</v>
      </c>
      <c r="D1388" s="166">
        <v>0</v>
      </c>
      <c r="E1388" s="166">
        <v>0</v>
      </c>
      <c r="F1388" s="166">
        <v>0</v>
      </c>
      <c r="G1388" s="166">
        <v>0</v>
      </c>
      <c r="H1388" s="166">
        <v>0</v>
      </c>
      <c r="I1388" s="166">
        <v>0</v>
      </c>
      <c r="J1388" s="166">
        <v>0</v>
      </c>
      <c r="K1388" s="166">
        <v>0</v>
      </c>
      <c r="L1388" s="166">
        <v>0</v>
      </c>
      <c r="M1388" s="166">
        <v>0</v>
      </c>
      <c r="N1388" s="166">
        <v>0</v>
      </c>
      <c r="O1388" s="166">
        <v>0</v>
      </c>
      <c r="P1388" s="166">
        <v>0</v>
      </c>
      <c r="Q1388" s="166">
        <v>0</v>
      </c>
      <c r="R1388" s="166">
        <v>0</v>
      </c>
      <c r="S1388" s="166">
        <v>0</v>
      </c>
      <c r="T1388" s="166">
        <v>0</v>
      </c>
      <c r="U1388" s="166">
        <v>0</v>
      </c>
      <c r="V1388" s="166">
        <v>0</v>
      </c>
      <c r="W1388" s="166">
        <v>0</v>
      </c>
      <c r="X1388" s="166">
        <v>0</v>
      </c>
      <c r="Y1388" s="166">
        <v>0</v>
      </c>
      <c r="Z1388" s="166">
        <v>0</v>
      </c>
      <c r="AA1388" s="166">
        <v>0</v>
      </c>
      <c r="AB1388" s="166">
        <v>0</v>
      </c>
      <c r="AC1388" s="166">
        <v>0</v>
      </c>
      <c r="AD1388" s="166">
        <v>0</v>
      </c>
      <c r="AE1388" s="166">
        <v>0</v>
      </c>
      <c r="AF1388" s="166">
        <v>0</v>
      </c>
      <c r="AG1388" s="166">
        <v>0</v>
      </c>
      <c r="AH1388" s="166">
        <v>0</v>
      </c>
      <c r="AI1388" s="166">
        <v>0</v>
      </c>
      <c r="AJ1388" s="166">
        <v>0</v>
      </c>
      <c r="AK1388" s="166">
        <v>0</v>
      </c>
      <c r="AL1388" s="166">
        <v>0</v>
      </c>
      <c r="AM1388" s="166">
        <v>0</v>
      </c>
      <c r="AN1388" s="166">
        <v>0</v>
      </c>
      <c r="AO1388" s="166">
        <v>0</v>
      </c>
      <c r="AP1388" s="166">
        <v>0</v>
      </c>
      <c r="AQ1388" s="166">
        <v>0</v>
      </c>
      <c r="AR1388" s="166">
        <v>0</v>
      </c>
      <c r="AS1388" s="166">
        <v>0</v>
      </c>
      <c r="AT1388" s="166">
        <v>0</v>
      </c>
      <c r="AU1388" s="166">
        <v>0</v>
      </c>
      <c r="AV1388" s="166">
        <v>0</v>
      </c>
      <c r="AW1388" s="166">
        <v>0</v>
      </c>
      <c r="AX1388" s="166">
        <v>0</v>
      </c>
      <c r="AY1388" s="166">
        <v>0</v>
      </c>
      <c r="AZ1388" s="166">
        <v>0</v>
      </c>
      <c r="BA1388" s="166">
        <v>0</v>
      </c>
      <c r="BB1388" s="166">
        <v>0</v>
      </c>
      <c r="BC1388" s="166">
        <v>0</v>
      </c>
      <c r="BD1388" s="166">
        <v>0</v>
      </c>
      <c r="BE1388" s="166">
        <v>0</v>
      </c>
      <c r="BF1388" s="166">
        <v>0</v>
      </c>
      <c r="BG1388" s="166">
        <v>0</v>
      </c>
      <c r="BH1388" s="166">
        <v>0</v>
      </c>
      <c r="BI1388" s="166">
        <v>0</v>
      </c>
      <c r="BJ1388" s="166">
        <v>0</v>
      </c>
      <c r="BK1388" s="166">
        <v>0</v>
      </c>
      <c r="BL1388" s="166">
        <v>0</v>
      </c>
      <c r="BM1388" s="166">
        <v>0</v>
      </c>
      <c r="BN1388" s="166">
        <v>0</v>
      </c>
      <c r="BO1388" s="166">
        <v>0</v>
      </c>
      <c r="BP1388" s="166">
        <v>0</v>
      </c>
      <c r="BQ1388" s="166">
        <v>0</v>
      </c>
      <c r="BR1388" s="166">
        <v>68905232.289999902</v>
      </c>
      <c r="BS1388" s="166">
        <v>68905232.289999902</v>
      </c>
      <c r="BT1388" s="168">
        <v>0</v>
      </c>
      <c r="BU1388" s="166">
        <v>6100124.9599999897</v>
      </c>
      <c r="BV1388" s="166">
        <v>68905232.289999902</v>
      </c>
      <c r="BW1388" s="166">
        <v>0</v>
      </c>
      <c r="BX1388" s="166">
        <v>0</v>
      </c>
      <c r="BY1388" s="166">
        <v>0</v>
      </c>
      <c r="BZ1388" s="166">
        <v>0</v>
      </c>
      <c r="CA1388" s="166">
        <v>0</v>
      </c>
      <c r="CB1388" s="166">
        <v>0</v>
      </c>
      <c r="CC1388" s="166">
        <v>0</v>
      </c>
      <c r="CD1388" s="166">
        <v>0</v>
      </c>
      <c r="CE1388" s="166">
        <v>0</v>
      </c>
      <c r="CF1388" s="166">
        <v>0</v>
      </c>
      <c r="CG1388" s="166">
        <v>0</v>
      </c>
      <c r="CH1388" s="166">
        <v>0</v>
      </c>
      <c r="CI1388" s="166">
        <v>0</v>
      </c>
      <c r="CJ1388" s="166">
        <v>0</v>
      </c>
      <c r="CK1388" s="166">
        <v>0</v>
      </c>
      <c r="CL1388" s="166">
        <v>0</v>
      </c>
      <c r="CM1388" s="166">
        <v>0</v>
      </c>
      <c r="CN1388" s="166">
        <v>0</v>
      </c>
      <c r="CO1388" s="166">
        <v>0</v>
      </c>
      <c r="CP1388" s="166">
        <v>0</v>
      </c>
      <c r="CQ1388" s="166">
        <v>0</v>
      </c>
      <c r="CR1388" s="166">
        <v>0</v>
      </c>
      <c r="CS1388" s="166">
        <v>0</v>
      </c>
      <c r="CT1388" s="166">
        <v>0</v>
      </c>
      <c r="CU1388" s="166">
        <v>0</v>
      </c>
      <c r="CV1388" s="166">
        <v>0</v>
      </c>
      <c r="CW1388" s="166">
        <v>0</v>
      </c>
      <c r="CX1388" s="166">
        <v>0</v>
      </c>
      <c r="CY1388" s="166">
        <v>68905232.289999902</v>
      </c>
      <c r="CZ1388" s="166">
        <v>68905232.289999902</v>
      </c>
    </row>
    <row r="1389" spans="1:104" x14ac:dyDescent="0.2">
      <c r="A1389" s="167" t="s">
        <v>359</v>
      </c>
    </row>
    <row r="1390" spans="1:104" x14ac:dyDescent="0.2">
      <c r="A1390" s="167" t="s">
        <v>1156</v>
      </c>
      <c r="B1390" s="166">
        <v>0</v>
      </c>
      <c r="C1390" s="166">
        <v>0</v>
      </c>
      <c r="D1390" s="166">
        <v>0</v>
      </c>
      <c r="E1390" s="166">
        <v>0</v>
      </c>
      <c r="F1390" s="166">
        <v>0</v>
      </c>
      <c r="G1390" s="166">
        <v>0</v>
      </c>
      <c r="H1390" s="166">
        <v>0</v>
      </c>
      <c r="I1390" s="166">
        <v>0</v>
      </c>
      <c r="J1390" s="166">
        <v>0</v>
      </c>
      <c r="K1390" s="166">
        <v>0</v>
      </c>
      <c r="L1390" s="166">
        <v>0</v>
      </c>
      <c r="M1390" s="166">
        <v>0</v>
      </c>
      <c r="N1390" s="166">
        <v>0</v>
      </c>
      <c r="O1390" s="166">
        <v>0</v>
      </c>
      <c r="P1390" s="166">
        <v>0</v>
      </c>
      <c r="Q1390" s="166">
        <v>0</v>
      </c>
      <c r="R1390" s="166">
        <v>0</v>
      </c>
      <c r="S1390" s="166">
        <v>0</v>
      </c>
      <c r="T1390" s="166">
        <v>0</v>
      </c>
      <c r="U1390" s="166">
        <v>0</v>
      </c>
      <c r="V1390" s="166">
        <v>0</v>
      </c>
      <c r="W1390" s="166">
        <v>0</v>
      </c>
      <c r="X1390" s="166">
        <v>0</v>
      </c>
      <c r="Y1390" s="166">
        <v>0</v>
      </c>
      <c r="Z1390" s="166">
        <v>0</v>
      </c>
      <c r="AA1390" s="166">
        <v>0</v>
      </c>
      <c r="AB1390" s="166">
        <v>0</v>
      </c>
      <c r="AC1390" s="166">
        <v>0</v>
      </c>
      <c r="AD1390" s="166">
        <v>0</v>
      </c>
      <c r="AE1390" s="166">
        <v>0</v>
      </c>
      <c r="AF1390" s="166">
        <v>0</v>
      </c>
      <c r="AG1390" s="166">
        <v>0</v>
      </c>
      <c r="AH1390" s="166">
        <v>0</v>
      </c>
      <c r="AI1390" s="166">
        <v>0</v>
      </c>
      <c r="AJ1390" s="166">
        <v>0</v>
      </c>
      <c r="AK1390" s="166">
        <v>0</v>
      </c>
      <c r="AL1390" s="166">
        <v>0</v>
      </c>
      <c r="AM1390" s="166">
        <v>0</v>
      </c>
      <c r="AN1390" s="166">
        <v>0</v>
      </c>
      <c r="AO1390" s="166">
        <v>0</v>
      </c>
      <c r="AP1390" s="166">
        <v>0</v>
      </c>
      <c r="AQ1390" s="166">
        <v>0</v>
      </c>
      <c r="AR1390" s="166">
        <v>0</v>
      </c>
      <c r="AS1390" s="166">
        <v>0</v>
      </c>
      <c r="AT1390" s="166">
        <v>0</v>
      </c>
      <c r="AU1390" s="166">
        <v>0</v>
      </c>
      <c r="AV1390" s="166">
        <v>0</v>
      </c>
      <c r="AW1390" s="166">
        <v>0</v>
      </c>
      <c r="AX1390" s="166">
        <v>0</v>
      </c>
      <c r="AY1390" s="166">
        <v>0</v>
      </c>
      <c r="AZ1390" s="166">
        <v>0</v>
      </c>
      <c r="BA1390" s="166">
        <v>0</v>
      </c>
      <c r="BB1390" s="166">
        <v>0</v>
      </c>
      <c r="BC1390" s="166">
        <v>0</v>
      </c>
      <c r="BD1390" s="166">
        <v>0</v>
      </c>
      <c r="BE1390" s="166">
        <v>0</v>
      </c>
      <c r="BF1390" s="166">
        <v>0</v>
      </c>
      <c r="BG1390" s="166">
        <v>0</v>
      </c>
      <c r="BH1390" s="166">
        <v>0</v>
      </c>
      <c r="BI1390" s="166">
        <v>0</v>
      </c>
      <c r="BJ1390" s="166">
        <v>0</v>
      </c>
      <c r="BK1390" s="166">
        <v>0</v>
      </c>
      <c r="BL1390" s="166">
        <v>0</v>
      </c>
      <c r="BM1390" s="166">
        <v>0</v>
      </c>
      <c r="BN1390" s="166">
        <v>0</v>
      </c>
      <c r="BO1390" s="166">
        <v>0</v>
      </c>
      <c r="BP1390" s="166">
        <v>0</v>
      </c>
      <c r="BQ1390" s="166">
        <v>0</v>
      </c>
      <c r="BR1390" s="166">
        <v>0</v>
      </c>
      <c r="BS1390" s="166">
        <v>0</v>
      </c>
      <c r="BT1390" s="168">
        <v>1</v>
      </c>
      <c r="BU1390" s="166">
        <v>0</v>
      </c>
      <c r="BV1390" s="166">
        <v>0</v>
      </c>
      <c r="BW1390" s="166">
        <v>0</v>
      </c>
      <c r="BX1390" s="166">
        <v>0</v>
      </c>
      <c r="BY1390" s="166">
        <v>0</v>
      </c>
      <c r="BZ1390" s="166">
        <v>0</v>
      </c>
      <c r="CA1390" s="166">
        <v>0</v>
      </c>
      <c r="CB1390" s="166">
        <v>0</v>
      </c>
      <c r="CC1390" s="166">
        <v>0</v>
      </c>
      <c r="CD1390" s="166">
        <v>0</v>
      </c>
      <c r="CE1390" s="166">
        <v>0</v>
      </c>
      <c r="CF1390" s="166">
        <v>0</v>
      </c>
      <c r="CG1390" s="166">
        <v>0</v>
      </c>
      <c r="CH1390" s="166">
        <v>0</v>
      </c>
      <c r="CI1390" s="166">
        <v>0</v>
      </c>
      <c r="CJ1390" s="166">
        <v>0</v>
      </c>
      <c r="CK1390" s="166">
        <v>0</v>
      </c>
      <c r="CL1390" s="166">
        <v>0</v>
      </c>
      <c r="CM1390" s="166">
        <v>0</v>
      </c>
      <c r="CN1390" s="166">
        <v>0</v>
      </c>
      <c r="CO1390" s="166">
        <v>0</v>
      </c>
      <c r="CP1390" s="166">
        <v>0</v>
      </c>
      <c r="CQ1390" s="166">
        <v>0</v>
      </c>
      <c r="CR1390" s="166">
        <v>0</v>
      </c>
      <c r="CS1390" s="166">
        <v>0</v>
      </c>
      <c r="CT1390" s="166">
        <v>0</v>
      </c>
      <c r="CU1390" s="166">
        <v>0</v>
      </c>
      <c r="CV1390" s="166">
        <v>0</v>
      </c>
      <c r="CW1390" s="166">
        <v>0</v>
      </c>
      <c r="CX1390" s="166">
        <v>0</v>
      </c>
      <c r="CY1390" s="166">
        <v>0</v>
      </c>
      <c r="CZ1390" s="166">
        <v>0</v>
      </c>
    </row>
    <row r="1391" spans="1:104" x14ac:dyDescent="0.2">
      <c r="A1391" s="167" t="s">
        <v>1157</v>
      </c>
      <c r="B1391" s="166">
        <v>0</v>
      </c>
      <c r="C1391" s="166">
        <v>0</v>
      </c>
      <c r="D1391" s="166">
        <v>0</v>
      </c>
      <c r="E1391" s="166">
        <v>0</v>
      </c>
      <c r="F1391" s="166">
        <v>0</v>
      </c>
      <c r="G1391" s="166">
        <v>0</v>
      </c>
      <c r="H1391" s="166">
        <v>0</v>
      </c>
      <c r="I1391" s="166">
        <v>0</v>
      </c>
      <c r="J1391" s="166">
        <v>0</v>
      </c>
      <c r="K1391" s="166">
        <v>0</v>
      </c>
      <c r="L1391" s="166">
        <v>0</v>
      </c>
      <c r="M1391" s="166">
        <v>0</v>
      </c>
      <c r="N1391" s="166">
        <v>0</v>
      </c>
      <c r="O1391" s="166">
        <v>0</v>
      </c>
      <c r="P1391" s="166">
        <v>0</v>
      </c>
      <c r="Q1391" s="166">
        <v>0</v>
      </c>
      <c r="R1391" s="166">
        <v>0</v>
      </c>
      <c r="S1391" s="166">
        <v>0</v>
      </c>
      <c r="T1391" s="166">
        <v>0</v>
      </c>
      <c r="U1391" s="166">
        <v>0</v>
      </c>
      <c r="V1391" s="166">
        <v>0</v>
      </c>
      <c r="W1391" s="166">
        <v>0</v>
      </c>
      <c r="X1391" s="166">
        <v>0</v>
      </c>
      <c r="Y1391" s="166">
        <v>0</v>
      </c>
      <c r="Z1391" s="166">
        <v>0</v>
      </c>
      <c r="AA1391" s="166">
        <v>0</v>
      </c>
      <c r="AB1391" s="166">
        <v>0</v>
      </c>
      <c r="AC1391" s="166">
        <v>0</v>
      </c>
      <c r="AD1391" s="166">
        <v>0</v>
      </c>
      <c r="AE1391" s="166">
        <v>0</v>
      </c>
      <c r="AF1391" s="166">
        <v>0</v>
      </c>
      <c r="AG1391" s="166">
        <v>0</v>
      </c>
      <c r="AH1391" s="166">
        <v>0</v>
      </c>
      <c r="AI1391" s="166">
        <v>0</v>
      </c>
      <c r="AJ1391" s="166">
        <v>0</v>
      </c>
      <c r="AK1391" s="166">
        <v>0</v>
      </c>
      <c r="AL1391" s="166">
        <v>0</v>
      </c>
      <c r="AM1391" s="166">
        <v>0</v>
      </c>
      <c r="AN1391" s="166">
        <v>0</v>
      </c>
      <c r="AO1391" s="166">
        <v>0</v>
      </c>
      <c r="AP1391" s="166">
        <v>0</v>
      </c>
      <c r="AQ1391" s="166">
        <v>0</v>
      </c>
      <c r="AR1391" s="166">
        <v>0</v>
      </c>
      <c r="AS1391" s="166">
        <v>0</v>
      </c>
      <c r="AT1391" s="166">
        <v>0</v>
      </c>
      <c r="AU1391" s="166">
        <v>0</v>
      </c>
      <c r="AV1391" s="166">
        <v>0</v>
      </c>
      <c r="AW1391" s="166">
        <v>0</v>
      </c>
      <c r="AX1391" s="166">
        <v>0</v>
      </c>
      <c r="AY1391" s="166">
        <v>0</v>
      </c>
      <c r="AZ1391" s="166">
        <v>0</v>
      </c>
      <c r="BA1391" s="166">
        <v>0</v>
      </c>
      <c r="BB1391" s="166">
        <v>0</v>
      </c>
      <c r="BC1391" s="166">
        <v>0</v>
      </c>
      <c r="BD1391" s="166">
        <v>0</v>
      </c>
      <c r="BE1391" s="166">
        <v>0</v>
      </c>
      <c r="BF1391" s="166">
        <v>0</v>
      </c>
      <c r="BG1391" s="166">
        <v>0</v>
      </c>
      <c r="BH1391" s="166">
        <v>0</v>
      </c>
      <c r="BI1391" s="166">
        <v>0</v>
      </c>
      <c r="BJ1391" s="166">
        <v>0</v>
      </c>
      <c r="BK1391" s="166">
        <v>0</v>
      </c>
      <c r="BL1391" s="166">
        <v>0</v>
      </c>
      <c r="BM1391" s="166">
        <v>0</v>
      </c>
      <c r="BN1391" s="166">
        <v>0</v>
      </c>
      <c r="BO1391" s="166">
        <v>0</v>
      </c>
      <c r="BP1391" s="166">
        <v>0</v>
      </c>
      <c r="BQ1391" s="166">
        <v>0</v>
      </c>
      <c r="BR1391" s="166">
        <v>0</v>
      </c>
      <c r="BS1391" s="166">
        <v>0</v>
      </c>
      <c r="BT1391" s="168">
        <v>1</v>
      </c>
      <c r="BU1391" s="166">
        <v>0</v>
      </c>
      <c r="BV1391" s="166">
        <v>0</v>
      </c>
      <c r="BW1391" s="166">
        <v>0</v>
      </c>
      <c r="BX1391" s="166">
        <v>0</v>
      </c>
      <c r="BY1391" s="166">
        <v>0</v>
      </c>
      <c r="BZ1391" s="166">
        <v>0</v>
      </c>
      <c r="CA1391" s="166">
        <v>0</v>
      </c>
      <c r="CB1391" s="166">
        <v>0</v>
      </c>
      <c r="CC1391" s="166">
        <v>0</v>
      </c>
      <c r="CD1391" s="166">
        <v>0</v>
      </c>
      <c r="CE1391" s="166">
        <v>0</v>
      </c>
      <c r="CF1391" s="166">
        <v>0</v>
      </c>
      <c r="CG1391" s="166">
        <v>0</v>
      </c>
      <c r="CH1391" s="166">
        <v>0</v>
      </c>
      <c r="CI1391" s="166">
        <v>0</v>
      </c>
      <c r="CJ1391" s="166">
        <v>0</v>
      </c>
      <c r="CK1391" s="166">
        <v>0</v>
      </c>
      <c r="CL1391" s="166">
        <v>0</v>
      </c>
      <c r="CM1391" s="166">
        <v>0</v>
      </c>
      <c r="CN1391" s="166">
        <v>0</v>
      </c>
      <c r="CO1391" s="166">
        <v>0</v>
      </c>
      <c r="CP1391" s="166">
        <v>0</v>
      </c>
      <c r="CQ1391" s="166">
        <v>0</v>
      </c>
      <c r="CR1391" s="166">
        <v>0</v>
      </c>
      <c r="CS1391" s="166">
        <v>0</v>
      </c>
      <c r="CT1391" s="166">
        <v>0</v>
      </c>
      <c r="CU1391" s="166">
        <v>0</v>
      </c>
      <c r="CV1391" s="166">
        <v>0</v>
      </c>
      <c r="CW1391" s="166">
        <v>0</v>
      </c>
      <c r="CX1391" s="166">
        <v>0</v>
      </c>
      <c r="CY1391" s="166">
        <v>0</v>
      </c>
      <c r="CZ1391" s="166">
        <v>0</v>
      </c>
    </row>
    <row r="1392" spans="1:104" x14ac:dyDescent="0.2">
      <c r="A1392" s="167" t="s">
        <v>1158</v>
      </c>
      <c r="B1392" s="166">
        <v>0</v>
      </c>
      <c r="C1392" s="166">
        <v>0</v>
      </c>
      <c r="D1392" s="166">
        <v>0</v>
      </c>
      <c r="E1392" s="166">
        <v>0</v>
      </c>
      <c r="F1392" s="166">
        <v>0</v>
      </c>
      <c r="G1392" s="166">
        <v>0</v>
      </c>
      <c r="H1392" s="166">
        <v>0</v>
      </c>
      <c r="I1392" s="166">
        <v>0</v>
      </c>
      <c r="J1392" s="166">
        <v>0</v>
      </c>
      <c r="K1392" s="166">
        <v>0</v>
      </c>
      <c r="L1392" s="166">
        <v>0</v>
      </c>
      <c r="M1392" s="166">
        <v>0</v>
      </c>
      <c r="N1392" s="166">
        <v>0</v>
      </c>
      <c r="O1392" s="166">
        <v>0</v>
      </c>
      <c r="P1392" s="166">
        <v>0</v>
      </c>
      <c r="Q1392" s="166">
        <v>0</v>
      </c>
      <c r="R1392" s="166">
        <v>0</v>
      </c>
      <c r="S1392" s="166">
        <v>0</v>
      </c>
      <c r="T1392" s="166">
        <v>0</v>
      </c>
      <c r="U1392" s="166">
        <v>0</v>
      </c>
      <c r="V1392" s="166">
        <v>0</v>
      </c>
      <c r="W1392" s="166">
        <v>0</v>
      </c>
      <c r="X1392" s="166">
        <v>0</v>
      </c>
      <c r="Y1392" s="166">
        <v>0</v>
      </c>
      <c r="Z1392" s="166">
        <v>0</v>
      </c>
      <c r="AA1392" s="166">
        <v>0</v>
      </c>
      <c r="AB1392" s="166">
        <v>0</v>
      </c>
      <c r="AC1392" s="166">
        <v>0</v>
      </c>
      <c r="AD1392" s="166">
        <v>0</v>
      </c>
      <c r="AE1392" s="166">
        <v>0</v>
      </c>
      <c r="AF1392" s="166">
        <v>0</v>
      </c>
      <c r="AG1392" s="166">
        <v>0</v>
      </c>
      <c r="AH1392" s="166">
        <v>0</v>
      </c>
      <c r="AI1392" s="166">
        <v>0</v>
      </c>
      <c r="AJ1392" s="166">
        <v>0</v>
      </c>
      <c r="AK1392" s="166">
        <v>0</v>
      </c>
      <c r="AL1392" s="166">
        <v>0</v>
      </c>
      <c r="AM1392" s="166">
        <v>0</v>
      </c>
      <c r="AN1392" s="166">
        <v>0</v>
      </c>
      <c r="AO1392" s="166">
        <v>0</v>
      </c>
      <c r="AP1392" s="166">
        <v>0</v>
      </c>
      <c r="AQ1392" s="166">
        <v>0</v>
      </c>
      <c r="AR1392" s="166">
        <v>0</v>
      </c>
      <c r="AS1392" s="166">
        <v>0</v>
      </c>
      <c r="AT1392" s="166">
        <v>0</v>
      </c>
      <c r="AU1392" s="166">
        <v>0</v>
      </c>
      <c r="AV1392" s="166">
        <v>0</v>
      </c>
      <c r="AW1392" s="166">
        <v>0</v>
      </c>
      <c r="AX1392" s="166">
        <v>0</v>
      </c>
      <c r="AY1392" s="166">
        <v>0</v>
      </c>
      <c r="AZ1392" s="166">
        <v>0</v>
      </c>
      <c r="BA1392" s="166">
        <v>0</v>
      </c>
      <c r="BB1392" s="166">
        <v>0</v>
      </c>
      <c r="BC1392" s="166">
        <v>0</v>
      </c>
      <c r="BD1392" s="166">
        <v>0</v>
      </c>
      <c r="BE1392" s="166">
        <v>0</v>
      </c>
      <c r="BF1392" s="166">
        <v>0</v>
      </c>
      <c r="BG1392" s="166">
        <v>0</v>
      </c>
      <c r="BH1392" s="166">
        <v>0</v>
      </c>
      <c r="BI1392" s="166">
        <v>0</v>
      </c>
      <c r="BJ1392" s="166">
        <v>0</v>
      </c>
      <c r="BK1392" s="166">
        <v>0</v>
      </c>
      <c r="BL1392" s="166">
        <v>0</v>
      </c>
      <c r="BM1392" s="166">
        <v>0</v>
      </c>
      <c r="BN1392" s="166">
        <v>0</v>
      </c>
      <c r="BO1392" s="166">
        <v>0</v>
      </c>
      <c r="BP1392" s="166">
        <v>0</v>
      </c>
      <c r="BQ1392" s="166">
        <v>0</v>
      </c>
      <c r="BR1392" s="166">
        <v>0</v>
      </c>
      <c r="BS1392" s="166">
        <v>0</v>
      </c>
      <c r="BT1392" s="168">
        <v>1</v>
      </c>
      <c r="BU1392" s="166">
        <v>0</v>
      </c>
      <c r="BV1392" s="166">
        <v>0</v>
      </c>
      <c r="BW1392" s="166">
        <v>0</v>
      </c>
      <c r="BX1392" s="166">
        <v>0</v>
      </c>
      <c r="BY1392" s="166">
        <v>0</v>
      </c>
      <c r="BZ1392" s="166">
        <v>0</v>
      </c>
      <c r="CA1392" s="166">
        <v>0</v>
      </c>
      <c r="CB1392" s="166">
        <v>0</v>
      </c>
      <c r="CC1392" s="166">
        <v>0</v>
      </c>
      <c r="CD1392" s="166">
        <v>0</v>
      </c>
      <c r="CE1392" s="166">
        <v>0</v>
      </c>
      <c r="CF1392" s="166">
        <v>0</v>
      </c>
      <c r="CG1392" s="166">
        <v>0</v>
      </c>
      <c r="CH1392" s="166">
        <v>0</v>
      </c>
      <c r="CI1392" s="166">
        <v>0</v>
      </c>
      <c r="CJ1392" s="166">
        <v>0</v>
      </c>
      <c r="CK1392" s="166">
        <v>0</v>
      </c>
      <c r="CL1392" s="166">
        <v>0</v>
      </c>
      <c r="CM1392" s="166">
        <v>0</v>
      </c>
      <c r="CN1392" s="166">
        <v>0</v>
      </c>
      <c r="CO1392" s="166">
        <v>0</v>
      </c>
      <c r="CP1392" s="166">
        <v>0</v>
      </c>
      <c r="CQ1392" s="166">
        <v>0</v>
      </c>
      <c r="CR1392" s="166">
        <v>0</v>
      </c>
      <c r="CS1392" s="166">
        <v>0</v>
      </c>
      <c r="CT1392" s="166">
        <v>0</v>
      </c>
      <c r="CU1392" s="166">
        <v>0</v>
      </c>
      <c r="CV1392" s="166">
        <v>0</v>
      </c>
      <c r="CW1392" s="166">
        <v>0</v>
      </c>
      <c r="CX1392" s="166">
        <v>0</v>
      </c>
      <c r="CY1392" s="166">
        <v>0</v>
      </c>
      <c r="CZ1392" s="166">
        <v>0</v>
      </c>
    </row>
    <row r="1393" spans="1:104" x14ac:dyDescent="0.2">
      <c r="A1393" s="167" t="s">
        <v>1159</v>
      </c>
      <c r="B1393" s="166">
        <v>0</v>
      </c>
      <c r="C1393" s="166">
        <v>0</v>
      </c>
      <c r="D1393" s="166">
        <v>0</v>
      </c>
      <c r="E1393" s="166">
        <v>0</v>
      </c>
      <c r="F1393" s="166">
        <v>0</v>
      </c>
      <c r="G1393" s="166">
        <v>0</v>
      </c>
      <c r="H1393" s="166">
        <v>0</v>
      </c>
      <c r="I1393" s="166">
        <v>0</v>
      </c>
      <c r="J1393" s="166">
        <v>0</v>
      </c>
      <c r="K1393" s="166">
        <v>0</v>
      </c>
      <c r="L1393" s="166">
        <v>0</v>
      </c>
      <c r="M1393" s="166">
        <v>0</v>
      </c>
      <c r="N1393" s="166">
        <v>0</v>
      </c>
      <c r="O1393" s="166">
        <v>0</v>
      </c>
      <c r="P1393" s="166">
        <v>0</v>
      </c>
      <c r="Q1393" s="166">
        <v>0</v>
      </c>
      <c r="R1393" s="166">
        <v>0</v>
      </c>
      <c r="S1393" s="166">
        <v>0</v>
      </c>
      <c r="T1393" s="166">
        <v>0</v>
      </c>
      <c r="U1393" s="166">
        <v>0</v>
      </c>
      <c r="V1393" s="166">
        <v>0</v>
      </c>
      <c r="W1393" s="166">
        <v>0</v>
      </c>
      <c r="X1393" s="166">
        <v>0</v>
      </c>
      <c r="Y1393" s="166">
        <v>0</v>
      </c>
      <c r="Z1393" s="166">
        <v>0</v>
      </c>
      <c r="AA1393" s="166">
        <v>0</v>
      </c>
      <c r="AB1393" s="166">
        <v>0</v>
      </c>
      <c r="AC1393" s="166">
        <v>0</v>
      </c>
      <c r="AD1393" s="166">
        <v>0</v>
      </c>
      <c r="AE1393" s="166">
        <v>0</v>
      </c>
      <c r="AF1393" s="166">
        <v>0</v>
      </c>
      <c r="AG1393" s="166">
        <v>0</v>
      </c>
      <c r="AH1393" s="166">
        <v>0</v>
      </c>
      <c r="AI1393" s="166">
        <v>0</v>
      </c>
      <c r="AJ1393" s="166">
        <v>0</v>
      </c>
      <c r="AK1393" s="166">
        <v>0</v>
      </c>
      <c r="AL1393" s="166">
        <v>0</v>
      </c>
      <c r="AM1393" s="166">
        <v>0</v>
      </c>
      <c r="AN1393" s="166">
        <v>0</v>
      </c>
      <c r="AO1393" s="166">
        <v>0</v>
      </c>
      <c r="AP1393" s="166">
        <v>0</v>
      </c>
      <c r="AQ1393" s="166">
        <v>0</v>
      </c>
      <c r="AR1393" s="166">
        <v>0</v>
      </c>
      <c r="AS1393" s="166">
        <v>0</v>
      </c>
      <c r="AT1393" s="166">
        <v>0</v>
      </c>
      <c r="AU1393" s="166">
        <v>0</v>
      </c>
      <c r="AV1393" s="166">
        <v>0</v>
      </c>
      <c r="AW1393" s="166">
        <v>0</v>
      </c>
      <c r="AX1393" s="166">
        <v>0</v>
      </c>
      <c r="AY1393" s="166">
        <v>0</v>
      </c>
      <c r="AZ1393" s="166">
        <v>0</v>
      </c>
      <c r="BA1393" s="166">
        <v>0</v>
      </c>
      <c r="BB1393" s="166">
        <v>0</v>
      </c>
      <c r="BC1393" s="166">
        <v>0</v>
      </c>
      <c r="BD1393" s="166">
        <v>0</v>
      </c>
      <c r="BE1393" s="166">
        <v>0</v>
      </c>
      <c r="BF1393" s="166">
        <v>0</v>
      </c>
      <c r="BG1393" s="166">
        <v>0</v>
      </c>
      <c r="BH1393" s="166">
        <v>0</v>
      </c>
      <c r="BI1393" s="166">
        <v>0</v>
      </c>
      <c r="BJ1393" s="166">
        <v>0</v>
      </c>
      <c r="BK1393" s="166">
        <v>0</v>
      </c>
      <c r="BL1393" s="166">
        <v>0</v>
      </c>
      <c r="BM1393" s="166">
        <v>0</v>
      </c>
      <c r="BN1393" s="166">
        <v>0</v>
      </c>
      <c r="BO1393" s="166">
        <v>0</v>
      </c>
      <c r="BP1393" s="166">
        <v>0</v>
      </c>
      <c r="BQ1393" s="166">
        <v>0</v>
      </c>
      <c r="BR1393" s="166">
        <v>0</v>
      </c>
      <c r="BS1393" s="166">
        <v>0</v>
      </c>
      <c r="BT1393" s="168">
        <v>0</v>
      </c>
      <c r="BU1393" s="166">
        <v>0</v>
      </c>
      <c r="BV1393" s="166">
        <v>0</v>
      </c>
      <c r="BW1393" s="166">
        <v>0</v>
      </c>
      <c r="BX1393" s="166">
        <v>0</v>
      </c>
      <c r="BY1393" s="166">
        <v>0</v>
      </c>
      <c r="BZ1393" s="166">
        <v>0</v>
      </c>
      <c r="CA1393" s="166">
        <v>0</v>
      </c>
      <c r="CB1393" s="166">
        <v>0</v>
      </c>
      <c r="CC1393" s="166">
        <v>0</v>
      </c>
      <c r="CD1393" s="166">
        <v>0</v>
      </c>
      <c r="CE1393" s="166">
        <v>0</v>
      </c>
      <c r="CF1393" s="166">
        <v>0</v>
      </c>
      <c r="CG1393" s="166">
        <v>0</v>
      </c>
      <c r="CH1393" s="166">
        <v>0</v>
      </c>
      <c r="CI1393" s="166">
        <v>0</v>
      </c>
      <c r="CJ1393" s="166">
        <v>0</v>
      </c>
      <c r="CK1393" s="166">
        <v>0</v>
      </c>
      <c r="CL1393" s="166">
        <v>0</v>
      </c>
      <c r="CM1393" s="166">
        <v>0</v>
      </c>
      <c r="CN1393" s="166">
        <v>0</v>
      </c>
      <c r="CO1393" s="166">
        <v>0</v>
      </c>
      <c r="CP1393" s="166">
        <v>0</v>
      </c>
      <c r="CQ1393" s="166">
        <v>0</v>
      </c>
      <c r="CR1393" s="166">
        <v>0</v>
      </c>
      <c r="CS1393" s="166">
        <v>0</v>
      </c>
      <c r="CT1393" s="166">
        <v>0</v>
      </c>
      <c r="CU1393" s="166">
        <v>0</v>
      </c>
      <c r="CV1393" s="166">
        <v>0</v>
      </c>
      <c r="CW1393" s="166">
        <v>0</v>
      </c>
      <c r="CX1393" s="166">
        <v>0</v>
      </c>
      <c r="CY1393" s="166">
        <v>0</v>
      </c>
      <c r="CZ1393" s="166">
        <v>0</v>
      </c>
    </row>
    <row r="1394" spans="1:104" x14ac:dyDescent="0.2">
      <c r="A1394" s="167" t="s">
        <v>364</v>
      </c>
    </row>
    <row r="1395" spans="1:104" x14ac:dyDescent="0.2">
      <c r="A1395" s="167" t="s">
        <v>1160</v>
      </c>
      <c r="B1395" s="166">
        <v>283949.62</v>
      </c>
      <c r="C1395" s="166">
        <v>283949.62</v>
      </c>
      <c r="D1395" s="166">
        <v>0</v>
      </c>
      <c r="E1395" s="166">
        <v>0</v>
      </c>
      <c r="F1395" s="166">
        <v>0</v>
      </c>
      <c r="G1395" s="166">
        <v>0</v>
      </c>
      <c r="H1395" s="166">
        <v>0</v>
      </c>
      <c r="I1395" s="166">
        <v>0</v>
      </c>
      <c r="J1395" s="166">
        <v>0</v>
      </c>
      <c r="K1395" s="166">
        <v>0</v>
      </c>
      <c r="L1395" s="166">
        <v>0</v>
      </c>
      <c r="M1395" s="166">
        <v>0</v>
      </c>
      <c r="N1395" s="166">
        <v>0</v>
      </c>
      <c r="O1395" s="166">
        <v>0</v>
      </c>
      <c r="P1395" s="166">
        <v>0</v>
      </c>
      <c r="Q1395" s="166">
        <v>0</v>
      </c>
      <c r="R1395" s="166">
        <v>0</v>
      </c>
      <c r="S1395" s="166">
        <v>0</v>
      </c>
      <c r="T1395" s="166">
        <v>0</v>
      </c>
      <c r="U1395" s="166">
        <v>0</v>
      </c>
      <c r="V1395" s="166">
        <v>0</v>
      </c>
      <c r="W1395" s="166">
        <v>0</v>
      </c>
      <c r="X1395" s="166">
        <v>0</v>
      </c>
      <c r="Y1395" s="166">
        <v>0</v>
      </c>
      <c r="Z1395" s="166">
        <v>0</v>
      </c>
      <c r="AA1395" s="166">
        <v>0</v>
      </c>
      <c r="AB1395" s="166">
        <v>0</v>
      </c>
      <c r="AC1395" s="166">
        <v>0</v>
      </c>
      <c r="AD1395" s="166">
        <v>0</v>
      </c>
      <c r="AE1395" s="166">
        <v>0</v>
      </c>
      <c r="AF1395" s="166">
        <v>0</v>
      </c>
      <c r="AG1395" s="166">
        <v>0</v>
      </c>
      <c r="AH1395" s="166">
        <v>0</v>
      </c>
      <c r="AI1395" s="166">
        <v>0</v>
      </c>
      <c r="AJ1395" s="166">
        <v>0</v>
      </c>
      <c r="AK1395" s="166">
        <v>0</v>
      </c>
      <c r="AL1395" s="166">
        <v>0</v>
      </c>
      <c r="AM1395" s="166">
        <v>0</v>
      </c>
      <c r="AN1395" s="166">
        <v>0</v>
      </c>
      <c r="AO1395" s="166">
        <v>0</v>
      </c>
      <c r="AP1395" s="166">
        <v>0</v>
      </c>
      <c r="AQ1395" s="166">
        <v>0</v>
      </c>
      <c r="AR1395" s="166">
        <v>0</v>
      </c>
      <c r="AS1395" s="166">
        <v>0</v>
      </c>
      <c r="AT1395" s="166">
        <v>0</v>
      </c>
      <c r="AU1395" s="166">
        <v>0</v>
      </c>
      <c r="AV1395" s="166">
        <v>0</v>
      </c>
      <c r="AW1395" s="166">
        <v>0</v>
      </c>
      <c r="AX1395" s="166">
        <v>0</v>
      </c>
      <c r="AY1395" s="166">
        <v>0</v>
      </c>
      <c r="AZ1395" s="166">
        <v>0</v>
      </c>
      <c r="BA1395" s="166">
        <v>0</v>
      </c>
      <c r="BB1395" s="166">
        <v>0</v>
      </c>
      <c r="BC1395" s="166">
        <v>0</v>
      </c>
      <c r="BD1395" s="166">
        <v>0</v>
      </c>
      <c r="BE1395" s="166">
        <v>0</v>
      </c>
      <c r="BF1395" s="166">
        <v>0</v>
      </c>
      <c r="BG1395" s="166">
        <v>0</v>
      </c>
      <c r="BH1395" s="166">
        <v>0</v>
      </c>
      <c r="BI1395" s="166">
        <v>0</v>
      </c>
      <c r="BJ1395" s="166">
        <v>0</v>
      </c>
      <c r="BK1395" s="166">
        <v>0</v>
      </c>
      <c r="BL1395" s="166">
        <v>0</v>
      </c>
      <c r="BM1395" s="166">
        <v>0</v>
      </c>
      <c r="BN1395" s="166">
        <v>0</v>
      </c>
      <c r="BO1395" s="166">
        <v>0</v>
      </c>
      <c r="BP1395" s="166">
        <v>0</v>
      </c>
      <c r="BQ1395" s="166">
        <v>0</v>
      </c>
      <c r="BR1395" s="166">
        <v>283949.62</v>
      </c>
      <c r="BS1395" s="166">
        <v>283949.62</v>
      </c>
      <c r="BT1395" s="168">
        <v>1</v>
      </c>
      <c r="BU1395" s="166">
        <v>22977.29</v>
      </c>
      <c r="BV1395" s="166">
        <v>283949.62</v>
      </c>
      <c r="BW1395" s="166">
        <v>0</v>
      </c>
      <c r="BX1395" s="166">
        <v>0</v>
      </c>
      <c r="BY1395" s="166">
        <v>0</v>
      </c>
      <c r="BZ1395" s="166">
        <v>0</v>
      </c>
      <c r="CA1395" s="166">
        <v>0</v>
      </c>
      <c r="CB1395" s="166">
        <v>0</v>
      </c>
      <c r="CC1395" s="166">
        <v>0</v>
      </c>
      <c r="CD1395" s="166">
        <v>0</v>
      </c>
      <c r="CE1395" s="166">
        <v>0</v>
      </c>
      <c r="CF1395" s="166">
        <v>0</v>
      </c>
      <c r="CG1395" s="166">
        <v>0</v>
      </c>
      <c r="CH1395" s="166">
        <v>0</v>
      </c>
      <c r="CI1395" s="166">
        <v>0</v>
      </c>
      <c r="CJ1395" s="166">
        <v>0</v>
      </c>
      <c r="CK1395" s="166">
        <v>0</v>
      </c>
      <c r="CL1395" s="166">
        <v>0</v>
      </c>
      <c r="CM1395" s="166">
        <v>0</v>
      </c>
      <c r="CN1395" s="166">
        <v>0</v>
      </c>
      <c r="CO1395" s="166">
        <v>0</v>
      </c>
      <c r="CP1395" s="166">
        <v>0</v>
      </c>
      <c r="CQ1395" s="166">
        <v>0</v>
      </c>
      <c r="CR1395" s="166">
        <v>0</v>
      </c>
      <c r="CS1395" s="166">
        <v>0</v>
      </c>
      <c r="CT1395" s="166">
        <v>0</v>
      </c>
      <c r="CU1395" s="166">
        <v>0</v>
      </c>
      <c r="CV1395" s="166">
        <v>0</v>
      </c>
      <c r="CW1395" s="166">
        <v>0</v>
      </c>
      <c r="CX1395" s="166">
        <v>0</v>
      </c>
      <c r="CY1395" s="166">
        <v>283949.62</v>
      </c>
      <c r="CZ1395" s="166">
        <v>283949.62</v>
      </c>
    </row>
    <row r="1396" spans="1:104" x14ac:dyDescent="0.2">
      <c r="A1396" s="167" t="s">
        <v>366</v>
      </c>
    </row>
    <row r="1397" spans="1:104" x14ac:dyDescent="0.2">
      <c r="A1397" s="167" t="s">
        <v>1161</v>
      </c>
      <c r="B1397" s="166">
        <v>11437700.7299999</v>
      </c>
      <c r="C1397" s="166">
        <v>11437700.7299999</v>
      </c>
      <c r="D1397" s="166">
        <v>0</v>
      </c>
      <c r="E1397" s="166">
        <v>0</v>
      </c>
      <c r="F1397" s="166">
        <v>0</v>
      </c>
      <c r="G1397" s="166">
        <v>0</v>
      </c>
      <c r="H1397" s="166">
        <v>0</v>
      </c>
      <c r="I1397" s="166">
        <v>0</v>
      </c>
      <c r="J1397" s="166">
        <v>0</v>
      </c>
      <c r="K1397" s="166">
        <v>0</v>
      </c>
      <c r="L1397" s="166">
        <v>0</v>
      </c>
      <c r="M1397" s="166">
        <v>0</v>
      </c>
      <c r="N1397" s="166">
        <v>0</v>
      </c>
      <c r="O1397" s="166">
        <v>0</v>
      </c>
      <c r="P1397" s="166">
        <v>0</v>
      </c>
      <c r="Q1397" s="166">
        <v>0</v>
      </c>
      <c r="R1397" s="166">
        <v>0</v>
      </c>
      <c r="S1397" s="166">
        <v>0</v>
      </c>
      <c r="T1397" s="166">
        <v>0</v>
      </c>
      <c r="U1397" s="166">
        <v>0</v>
      </c>
      <c r="V1397" s="166">
        <v>0</v>
      </c>
      <c r="W1397" s="166">
        <v>0</v>
      </c>
      <c r="X1397" s="166">
        <v>0</v>
      </c>
      <c r="Y1397" s="166">
        <v>0</v>
      </c>
      <c r="Z1397" s="166">
        <v>0</v>
      </c>
      <c r="AA1397" s="166">
        <v>0</v>
      </c>
      <c r="AB1397" s="166">
        <v>0</v>
      </c>
      <c r="AC1397" s="166">
        <v>0</v>
      </c>
      <c r="AD1397" s="166">
        <v>0</v>
      </c>
      <c r="AE1397" s="166">
        <v>0</v>
      </c>
      <c r="AF1397" s="166">
        <v>0</v>
      </c>
      <c r="AG1397" s="166">
        <v>0</v>
      </c>
      <c r="AH1397" s="166">
        <v>0</v>
      </c>
      <c r="AI1397" s="166">
        <v>0</v>
      </c>
      <c r="AJ1397" s="166">
        <v>0</v>
      </c>
      <c r="AK1397" s="166">
        <v>0</v>
      </c>
      <c r="AL1397" s="166">
        <v>0</v>
      </c>
      <c r="AM1397" s="166">
        <v>0</v>
      </c>
      <c r="AN1397" s="166">
        <v>0</v>
      </c>
      <c r="AO1397" s="166">
        <v>0</v>
      </c>
      <c r="AP1397" s="166">
        <v>0</v>
      </c>
      <c r="AQ1397" s="166">
        <v>0</v>
      </c>
      <c r="AR1397" s="166">
        <v>0</v>
      </c>
      <c r="AS1397" s="166">
        <v>0</v>
      </c>
      <c r="AT1397" s="166">
        <v>0</v>
      </c>
      <c r="AU1397" s="166">
        <v>0</v>
      </c>
      <c r="AV1397" s="166">
        <v>0</v>
      </c>
      <c r="AW1397" s="166">
        <v>0</v>
      </c>
      <c r="AX1397" s="166">
        <v>0</v>
      </c>
      <c r="AY1397" s="166">
        <v>0</v>
      </c>
      <c r="AZ1397" s="166">
        <v>0</v>
      </c>
      <c r="BA1397" s="166">
        <v>0</v>
      </c>
      <c r="BB1397" s="166">
        <v>0</v>
      </c>
      <c r="BC1397" s="166">
        <v>0</v>
      </c>
      <c r="BD1397" s="166">
        <v>0</v>
      </c>
      <c r="BE1397" s="166">
        <v>0</v>
      </c>
      <c r="BF1397" s="166">
        <v>0</v>
      </c>
      <c r="BG1397" s="166">
        <v>0</v>
      </c>
      <c r="BH1397" s="166">
        <v>0</v>
      </c>
      <c r="BI1397" s="166">
        <v>0</v>
      </c>
      <c r="BJ1397" s="166">
        <v>0</v>
      </c>
      <c r="BK1397" s="166">
        <v>0</v>
      </c>
      <c r="BL1397" s="166">
        <v>0</v>
      </c>
      <c r="BM1397" s="166">
        <v>0</v>
      </c>
      <c r="BN1397" s="166">
        <v>0</v>
      </c>
      <c r="BO1397" s="166">
        <v>0</v>
      </c>
      <c r="BP1397" s="166">
        <v>0</v>
      </c>
      <c r="BQ1397" s="166">
        <v>0</v>
      </c>
      <c r="BR1397" s="166">
        <v>11437700.7299999</v>
      </c>
      <c r="BS1397" s="166">
        <v>11437700.7299999</v>
      </c>
      <c r="BT1397" s="168">
        <v>1</v>
      </c>
      <c r="BU1397" s="166">
        <v>1845196.30999999</v>
      </c>
      <c r="BV1397" s="166">
        <v>11437700.7299999</v>
      </c>
      <c r="BW1397" s="166">
        <v>0</v>
      </c>
      <c r="BX1397" s="166">
        <v>0</v>
      </c>
      <c r="BY1397" s="166">
        <v>0</v>
      </c>
      <c r="BZ1397" s="166">
        <v>0</v>
      </c>
      <c r="CA1397" s="166">
        <v>0</v>
      </c>
      <c r="CB1397" s="166">
        <v>0</v>
      </c>
      <c r="CC1397" s="166">
        <v>0</v>
      </c>
      <c r="CD1397" s="166">
        <v>0</v>
      </c>
      <c r="CE1397" s="166">
        <v>0</v>
      </c>
      <c r="CF1397" s="166">
        <v>0</v>
      </c>
      <c r="CG1397" s="166">
        <v>0</v>
      </c>
      <c r="CH1397" s="166">
        <v>0</v>
      </c>
      <c r="CI1397" s="166">
        <v>0</v>
      </c>
      <c r="CJ1397" s="166">
        <v>0</v>
      </c>
      <c r="CK1397" s="166">
        <v>0</v>
      </c>
      <c r="CL1397" s="166">
        <v>0</v>
      </c>
      <c r="CM1397" s="166">
        <v>0</v>
      </c>
      <c r="CN1397" s="166">
        <v>0</v>
      </c>
      <c r="CO1397" s="166">
        <v>0</v>
      </c>
      <c r="CP1397" s="166">
        <v>0</v>
      </c>
      <c r="CQ1397" s="166">
        <v>0</v>
      </c>
      <c r="CR1397" s="166">
        <v>0</v>
      </c>
      <c r="CS1397" s="166">
        <v>0</v>
      </c>
      <c r="CT1397" s="166">
        <v>0</v>
      </c>
      <c r="CU1397" s="166">
        <v>0</v>
      </c>
      <c r="CV1397" s="166">
        <v>0</v>
      </c>
      <c r="CW1397" s="166">
        <v>0</v>
      </c>
      <c r="CX1397" s="166">
        <v>0</v>
      </c>
      <c r="CY1397" s="166">
        <v>11437700.7299999</v>
      </c>
      <c r="CZ1397" s="166">
        <v>11437700.7299999</v>
      </c>
    </row>
    <row r="1398" spans="1:104" x14ac:dyDescent="0.2">
      <c r="A1398" s="167" t="s">
        <v>368</v>
      </c>
    </row>
    <row r="1399" spans="1:104" x14ac:dyDescent="0.2">
      <c r="A1399" s="167" t="s">
        <v>1162</v>
      </c>
      <c r="B1399" s="166">
        <v>2273679.69</v>
      </c>
      <c r="C1399" s="166">
        <v>2273679.69</v>
      </c>
      <c r="D1399" s="166">
        <v>0</v>
      </c>
      <c r="E1399" s="166">
        <v>0</v>
      </c>
      <c r="F1399" s="166">
        <v>0</v>
      </c>
      <c r="G1399" s="166">
        <v>0</v>
      </c>
      <c r="H1399" s="166">
        <v>0</v>
      </c>
      <c r="I1399" s="166">
        <v>0</v>
      </c>
      <c r="J1399" s="166">
        <v>0</v>
      </c>
      <c r="K1399" s="166">
        <v>0</v>
      </c>
      <c r="L1399" s="166">
        <v>0</v>
      </c>
      <c r="M1399" s="166">
        <v>0</v>
      </c>
      <c r="N1399" s="166">
        <v>0</v>
      </c>
      <c r="O1399" s="166">
        <v>0</v>
      </c>
      <c r="P1399" s="166">
        <v>0</v>
      </c>
      <c r="Q1399" s="166">
        <v>0</v>
      </c>
      <c r="R1399" s="166">
        <v>0</v>
      </c>
      <c r="S1399" s="166">
        <v>0</v>
      </c>
      <c r="T1399" s="166">
        <v>0</v>
      </c>
      <c r="U1399" s="166">
        <v>0</v>
      </c>
      <c r="V1399" s="166">
        <v>0</v>
      </c>
      <c r="W1399" s="166">
        <v>0</v>
      </c>
      <c r="X1399" s="166">
        <v>0</v>
      </c>
      <c r="Y1399" s="166">
        <v>0</v>
      </c>
      <c r="Z1399" s="166">
        <v>0</v>
      </c>
      <c r="AA1399" s="166">
        <v>0</v>
      </c>
      <c r="AB1399" s="166">
        <v>0</v>
      </c>
      <c r="AC1399" s="166">
        <v>0</v>
      </c>
      <c r="AD1399" s="166">
        <v>0</v>
      </c>
      <c r="AE1399" s="166">
        <v>0</v>
      </c>
      <c r="AF1399" s="166">
        <v>0</v>
      </c>
      <c r="AG1399" s="166">
        <v>0</v>
      </c>
      <c r="AH1399" s="166">
        <v>0</v>
      </c>
      <c r="AI1399" s="166">
        <v>0</v>
      </c>
      <c r="AJ1399" s="166">
        <v>0</v>
      </c>
      <c r="AK1399" s="166">
        <v>0</v>
      </c>
      <c r="AL1399" s="166">
        <v>0</v>
      </c>
      <c r="AM1399" s="166">
        <v>0</v>
      </c>
      <c r="AN1399" s="166">
        <v>0</v>
      </c>
      <c r="AO1399" s="166">
        <v>0</v>
      </c>
      <c r="AP1399" s="166">
        <v>0</v>
      </c>
      <c r="AQ1399" s="166">
        <v>0</v>
      </c>
      <c r="AR1399" s="166">
        <v>0</v>
      </c>
      <c r="AS1399" s="166">
        <v>0</v>
      </c>
      <c r="AT1399" s="166">
        <v>0</v>
      </c>
      <c r="AU1399" s="166">
        <v>0</v>
      </c>
      <c r="AV1399" s="166">
        <v>0</v>
      </c>
      <c r="AW1399" s="166">
        <v>0</v>
      </c>
      <c r="AX1399" s="166">
        <v>0</v>
      </c>
      <c r="AY1399" s="166">
        <v>0</v>
      </c>
      <c r="AZ1399" s="166">
        <v>0</v>
      </c>
      <c r="BA1399" s="166">
        <v>0</v>
      </c>
      <c r="BB1399" s="166">
        <v>0</v>
      </c>
      <c r="BC1399" s="166">
        <v>0</v>
      </c>
      <c r="BD1399" s="166">
        <v>0</v>
      </c>
      <c r="BE1399" s="166">
        <v>0</v>
      </c>
      <c r="BF1399" s="166">
        <v>0</v>
      </c>
      <c r="BG1399" s="166">
        <v>0</v>
      </c>
      <c r="BH1399" s="166">
        <v>0</v>
      </c>
      <c r="BI1399" s="166">
        <v>0</v>
      </c>
      <c r="BJ1399" s="166">
        <v>0</v>
      </c>
      <c r="BK1399" s="166">
        <v>0</v>
      </c>
      <c r="BL1399" s="166">
        <v>0</v>
      </c>
      <c r="BM1399" s="166">
        <v>0</v>
      </c>
      <c r="BN1399" s="166">
        <v>0</v>
      </c>
      <c r="BO1399" s="166">
        <v>0</v>
      </c>
      <c r="BP1399" s="166">
        <v>0</v>
      </c>
      <c r="BQ1399" s="166">
        <v>0</v>
      </c>
      <c r="BR1399" s="166">
        <v>2273679.69</v>
      </c>
      <c r="BS1399" s="166">
        <v>2273679.69</v>
      </c>
      <c r="BT1399" s="168">
        <v>0.98751</v>
      </c>
      <c r="BU1399" s="166">
        <v>183231.41398919999</v>
      </c>
      <c r="BV1399" s="166">
        <v>2245281.4306719</v>
      </c>
      <c r="BW1399" s="166">
        <v>0</v>
      </c>
      <c r="BX1399" s="166">
        <v>0</v>
      </c>
      <c r="BY1399" s="166">
        <v>0</v>
      </c>
      <c r="BZ1399" s="166">
        <v>0</v>
      </c>
      <c r="CA1399" s="166">
        <v>0</v>
      </c>
      <c r="CB1399" s="166">
        <v>0</v>
      </c>
      <c r="CC1399" s="166">
        <v>0</v>
      </c>
      <c r="CD1399" s="166">
        <v>0</v>
      </c>
      <c r="CE1399" s="166">
        <v>0</v>
      </c>
      <c r="CF1399" s="166">
        <v>0</v>
      </c>
      <c r="CG1399" s="166">
        <v>0</v>
      </c>
      <c r="CH1399" s="166">
        <v>0</v>
      </c>
      <c r="CI1399" s="166">
        <v>0</v>
      </c>
      <c r="CJ1399" s="166">
        <v>0</v>
      </c>
      <c r="CK1399" s="166">
        <v>0</v>
      </c>
      <c r="CL1399" s="166">
        <v>0</v>
      </c>
      <c r="CM1399" s="166">
        <v>0</v>
      </c>
      <c r="CN1399" s="166">
        <v>0</v>
      </c>
      <c r="CO1399" s="166">
        <v>0</v>
      </c>
      <c r="CP1399" s="166">
        <v>0</v>
      </c>
      <c r="CQ1399" s="166">
        <v>0</v>
      </c>
      <c r="CR1399" s="166">
        <v>0</v>
      </c>
      <c r="CS1399" s="166">
        <v>0</v>
      </c>
      <c r="CT1399" s="166">
        <v>0</v>
      </c>
      <c r="CU1399" s="166">
        <v>0</v>
      </c>
      <c r="CV1399" s="166">
        <v>0</v>
      </c>
      <c r="CW1399" s="166">
        <v>0</v>
      </c>
      <c r="CX1399" s="166">
        <v>0</v>
      </c>
      <c r="CY1399" s="166">
        <v>2245281.4306719</v>
      </c>
      <c r="CZ1399" s="166">
        <v>2245281.4306719</v>
      </c>
    </row>
    <row r="1400" spans="1:104" x14ac:dyDescent="0.2">
      <c r="A1400" s="167" t="s">
        <v>370</v>
      </c>
    </row>
    <row r="1401" spans="1:104" x14ac:dyDescent="0.2">
      <c r="A1401" s="167" t="s">
        <v>1163</v>
      </c>
      <c r="B1401" s="166">
        <v>0</v>
      </c>
      <c r="C1401" s="166">
        <v>0</v>
      </c>
      <c r="D1401" s="166">
        <v>0</v>
      </c>
      <c r="E1401" s="166">
        <v>0</v>
      </c>
      <c r="F1401" s="166">
        <v>0</v>
      </c>
      <c r="G1401" s="166">
        <v>0</v>
      </c>
      <c r="H1401" s="166">
        <v>0</v>
      </c>
      <c r="I1401" s="166">
        <v>0</v>
      </c>
      <c r="J1401" s="166">
        <v>0</v>
      </c>
      <c r="K1401" s="166">
        <v>0</v>
      </c>
      <c r="L1401" s="166">
        <v>0</v>
      </c>
      <c r="M1401" s="166">
        <v>0</v>
      </c>
      <c r="N1401" s="166">
        <v>0</v>
      </c>
      <c r="O1401" s="166">
        <v>0</v>
      </c>
      <c r="P1401" s="166">
        <v>0</v>
      </c>
      <c r="Q1401" s="166">
        <v>0</v>
      </c>
      <c r="R1401" s="166">
        <v>0</v>
      </c>
      <c r="S1401" s="166">
        <v>0</v>
      </c>
      <c r="T1401" s="166">
        <v>0</v>
      </c>
      <c r="U1401" s="166">
        <v>0</v>
      </c>
      <c r="V1401" s="166">
        <v>0</v>
      </c>
      <c r="W1401" s="166">
        <v>0</v>
      </c>
      <c r="X1401" s="166">
        <v>0</v>
      </c>
      <c r="Y1401" s="166">
        <v>0</v>
      </c>
      <c r="Z1401" s="166">
        <v>0</v>
      </c>
      <c r="AA1401" s="166">
        <v>0</v>
      </c>
      <c r="AB1401" s="166">
        <v>0</v>
      </c>
      <c r="AC1401" s="166">
        <v>0</v>
      </c>
      <c r="AD1401" s="166">
        <v>0</v>
      </c>
      <c r="AE1401" s="166">
        <v>0</v>
      </c>
      <c r="AF1401" s="166">
        <v>0</v>
      </c>
      <c r="AG1401" s="166">
        <v>0</v>
      </c>
      <c r="AH1401" s="166">
        <v>0</v>
      </c>
      <c r="AI1401" s="166">
        <v>0</v>
      </c>
      <c r="AJ1401" s="166">
        <v>0</v>
      </c>
      <c r="AK1401" s="166">
        <v>0</v>
      </c>
      <c r="AL1401" s="166">
        <v>0</v>
      </c>
      <c r="AM1401" s="166">
        <v>0</v>
      </c>
      <c r="AN1401" s="166">
        <v>0</v>
      </c>
      <c r="AO1401" s="166">
        <v>0</v>
      </c>
      <c r="AP1401" s="166">
        <v>0</v>
      </c>
      <c r="AQ1401" s="166">
        <v>0</v>
      </c>
      <c r="AR1401" s="166">
        <v>0</v>
      </c>
      <c r="AS1401" s="166">
        <v>0</v>
      </c>
      <c r="AT1401" s="166">
        <v>0</v>
      </c>
      <c r="AU1401" s="166">
        <v>0</v>
      </c>
      <c r="AV1401" s="166">
        <v>0</v>
      </c>
      <c r="AW1401" s="166">
        <v>0</v>
      </c>
      <c r="AX1401" s="166">
        <v>0</v>
      </c>
      <c r="AY1401" s="166">
        <v>0</v>
      </c>
      <c r="AZ1401" s="166">
        <v>0</v>
      </c>
      <c r="BA1401" s="166">
        <v>0</v>
      </c>
      <c r="BB1401" s="166">
        <v>0</v>
      </c>
      <c r="BC1401" s="166">
        <v>0</v>
      </c>
      <c r="BD1401" s="166">
        <v>0</v>
      </c>
      <c r="BE1401" s="166">
        <v>0</v>
      </c>
      <c r="BF1401" s="166">
        <v>0</v>
      </c>
      <c r="BG1401" s="166">
        <v>0</v>
      </c>
      <c r="BH1401" s="166">
        <v>0</v>
      </c>
      <c r="BI1401" s="166">
        <v>0</v>
      </c>
      <c r="BJ1401" s="166">
        <v>0</v>
      </c>
      <c r="BK1401" s="166">
        <v>0</v>
      </c>
      <c r="BL1401" s="166">
        <v>0</v>
      </c>
      <c r="BM1401" s="166">
        <v>0</v>
      </c>
      <c r="BN1401" s="166">
        <v>0</v>
      </c>
      <c r="BO1401" s="166">
        <v>0</v>
      </c>
      <c r="BP1401" s="166">
        <v>0</v>
      </c>
      <c r="BQ1401" s="166">
        <v>0</v>
      </c>
      <c r="BR1401" s="166">
        <v>0</v>
      </c>
      <c r="BS1401" s="166">
        <v>0</v>
      </c>
      <c r="BT1401" s="168">
        <v>1</v>
      </c>
      <c r="BU1401" s="166">
        <v>0</v>
      </c>
      <c r="BV1401" s="166">
        <v>0</v>
      </c>
      <c r="BW1401" s="166">
        <v>0</v>
      </c>
      <c r="BX1401" s="166">
        <v>0</v>
      </c>
      <c r="BY1401" s="166">
        <v>0</v>
      </c>
      <c r="BZ1401" s="166">
        <v>0</v>
      </c>
      <c r="CA1401" s="166">
        <v>0</v>
      </c>
      <c r="CB1401" s="166">
        <v>0</v>
      </c>
      <c r="CC1401" s="166">
        <v>0</v>
      </c>
      <c r="CD1401" s="166">
        <v>0</v>
      </c>
      <c r="CE1401" s="166">
        <v>0</v>
      </c>
      <c r="CF1401" s="166">
        <v>0</v>
      </c>
      <c r="CG1401" s="166">
        <v>0</v>
      </c>
      <c r="CH1401" s="166">
        <v>0</v>
      </c>
      <c r="CI1401" s="166">
        <v>0</v>
      </c>
      <c r="CJ1401" s="166">
        <v>0</v>
      </c>
      <c r="CK1401" s="166">
        <v>0</v>
      </c>
      <c r="CL1401" s="166">
        <v>0</v>
      </c>
      <c r="CM1401" s="166">
        <v>0</v>
      </c>
      <c r="CN1401" s="166">
        <v>0</v>
      </c>
      <c r="CO1401" s="166">
        <v>0</v>
      </c>
      <c r="CP1401" s="166">
        <v>0</v>
      </c>
      <c r="CQ1401" s="166">
        <v>0</v>
      </c>
      <c r="CR1401" s="166">
        <v>0</v>
      </c>
      <c r="CS1401" s="166">
        <v>0</v>
      </c>
      <c r="CT1401" s="166">
        <v>0</v>
      </c>
      <c r="CU1401" s="166">
        <v>0</v>
      </c>
      <c r="CV1401" s="166">
        <v>0</v>
      </c>
      <c r="CW1401" s="166">
        <v>0</v>
      </c>
      <c r="CX1401" s="166">
        <v>0</v>
      </c>
      <c r="CY1401" s="166">
        <v>0</v>
      </c>
      <c r="CZ1401" s="166">
        <v>0</v>
      </c>
    </row>
    <row r="1402" spans="1:104" x14ac:dyDescent="0.2">
      <c r="A1402" s="167" t="s">
        <v>1164</v>
      </c>
      <c r="B1402" s="166">
        <v>0</v>
      </c>
      <c r="C1402" s="166">
        <v>0</v>
      </c>
      <c r="D1402" s="166">
        <v>0</v>
      </c>
      <c r="E1402" s="166">
        <v>0</v>
      </c>
      <c r="F1402" s="166">
        <v>0</v>
      </c>
      <c r="G1402" s="166">
        <v>0</v>
      </c>
      <c r="H1402" s="166">
        <v>0</v>
      </c>
      <c r="I1402" s="166">
        <v>0</v>
      </c>
      <c r="J1402" s="166">
        <v>0</v>
      </c>
      <c r="K1402" s="166">
        <v>0</v>
      </c>
      <c r="L1402" s="166">
        <v>0</v>
      </c>
      <c r="M1402" s="166">
        <v>0</v>
      </c>
      <c r="N1402" s="166">
        <v>0</v>
      </c>
      <c r="O1402" s="166">
        <v>0</v>
      </c>
      <c r="P1402" s="166">
        <v>0</v>
      </c>
      <c r="Q1402" s="166">
        <v>0</v>
      </c>
      <c r="R1402" s="166">
        <v>0</v>
      </c>
      <c r="S1402" s="166">
        <v>0</v>
      </c>
      <c r="T1402" s="166">
        <v>0</v>
      </c>
      <c r="U1402" s="166">
        <v>0</v>
      </c>
      <c r="V1402" s="166">
        <v>0</v>
      </c>
      <c r="W1402" s="166">
        <v>0</v>
      </c>
      <c r="X1402" s="166">
        <v>0</v>
      </c>
      <c r="Y1402" s="166">
        <v>0</v>
      </c>
      <c r="Z1402" s="166">
        <v>0</v>
      </c>
      <c r="AA1402" s="166">
        <v>0</v>
      </c>
      <c r="AB1402" s="166">
        <v>0</v>
      </c>
      <c r="AC1402" s="166">
        <v>0</v>
      </c>
      <c r="AD1402" s="166">
        <v>0</v>
      </c>
      <c r="AE1402" s="166">
        <v>0</v>
      </c>
      <c r="AF1402" s="166">
        <v>0</v>
      </c>
      <c r="AG1402" s="166">
        <v>0</v>
      </c>
      <c r="AH1402" s="166">
        <v>0</v>
      </c>
      <c r="AI1402" s="166">
        <v>0</v>
      </c>
      <c r="AJ1402" s="166">
        <v>0</v>
      </c>
      <c r="AK1402" s="166">
        <v>0</v>
      </c>
      <c r="AL1402" s="166">
        <v>0</v>
      </c>
      <c r="AM1402" s="166">
        <v>0</v>
      </c>
      <c r="AN1402" s="166">
        <v>0</v>
      </c>
      <c r="AO1402" s="166">
        <v>0</v>
      </c>
      <c r="AP1402" s="166">
        <v>0</v>
      </c>
      <c r="AQ1402" s="166">
        <v>0</v>
      </c>
      <c r="AR1402" s="166">
        <v>0</v>
      </c>
      <c r="AS1402" s="166">
        <v>0</v>
      </c>
      <c r="AT1402" s="166">
        <v>0</v>
      </c>
      <c r="AU1402" s="166">
        <v>0</v>
      </c>
      <c r="AV1402" s="166">
        <v>0</v>
      </c>
      <c r="AW1402" s="166">
        <v>0</v>
      </c>
      <c r="AX1402" s="166">
        <v>0</v>
      </c>
      <c r="AY1402" s="166">
        <v>0</v>
      </c>
      <c r="AZ1402" s="166">
        <v>0</v>
      </c>
      <c r="BA1402" s="166">
        <v>0</v>
      </c>
      <c r="BB1402" s="166">
        <v>0</v>
      </c>
      <c r="BC1402" s="166">
        <v>0</v>
      </c>
      <c r="BD1402" s="166">
        <v>0</v>
      </c>
      <c r="BE1402" s="166">
        <v>0</v>
      </c>
      <c r="BF1402" s="166">
        <v>0</v>
      </c>
      <c r="BG1402" s="166">
        <v>0</v>
      </c>
      <c r="BH1402" s="166">
        <v>0</v>
      </c>
      <c r="BI1402" s="166">
        <v>0</v>
      </c>
      <c r="BJ1402" s="166">
        <v>0</v>
      </c>
      <c r="BK1402" s="166">
        <v>0</v>
      </c>
      <c r="BL1402" s="166">
        <v>0</v>
      </c>
      <c r="BM1402" s="166">
        <v>0</v>
      </c>
      <c r="BN1402" s="166">
        <v>0</v>
      </c>
      <c r="BO1402" s="166">
        <v>0</v>
      </c>
      <c r="BP1402" s="166">
        <v>0</v>
      </c>
      <c r="BQ1402" s="166">
        <v>0</v>
      </c>
      <c r="BR1402" s="166">
        <v>0</v>
      </c>
      <c r="BS1402" s="166">
        <v>0</v>
      </c>
      <c r="BT1402" s="168">
        <v>1</v>
      </c>
      <c r="BU1402" s="166">
        <v>0</v>
      </c>
      <c r="BV1402" s="166">
        <v>0</v>
      </c>
      <c r="BW1402" s="166">
        <v>0</v>
      </c>
      <c r="BX1402" s="166">
        <v>0</v>
      </c>
      <c r="BY1402" s="166">
        <v>0</v>
      </c>
      <c r="BZ1402" s="166">
        <v>0</v>
      </c>
      <c r="CA1402" s="166">
        <v>0</v>
      </c>
      <c r="CB1402" s="166">
        <v>0</v>
      </c>
      <c r="CC1402" s="166">
        <v>0</v>
      </c>
      <c r="CD1402" s="166">
        <v>0</v>
      </c>
      <c r="CE1402" s="166">
        <v>0</v>
      </c>
      <c r="CF1402" s="166">
        <v>0</v>
      </c>
      <c r="CG1402" s="166">
        <v>0</v>
      </c>
      <c r="CH1402" s="166">
        <v>0</v>
      </c>
      <c r="CI1402" s="166">
        <v>0</v>
      </c>
      <c r="CJ1402" s="166">
        <v>0</v>
      </c>
      <c r="CK1402" s="166">
        <v>0</v>
      </c>
      <c r="CL1402" s="166">
        <v>0</v>
      </c>
      <c r="CM1402" s="166">
        <v>0</v>
      </c>
      <c r="CN1402" s="166">
        <v>0</v>
      </c>
      <c r="CO1402" s="166">
        <v>0</v>
      </c>
      <c r="CP1402" s="166">
        <v>0</v>
      </c>
      <c r="CQ1402" s="166">
        <v>0</v>
      </c>
      <c r="CR1402" s="166">
        <v>0</v>
      </c>
      <c r="CS1402" s="166">
        <v>0</v>
      </c>
      <c r="CT1402" s="166">
        <v>0</v>
      </c>
      <c r="CU1402" s="166">
        <v>0</v>
      </c>
      <c r="CV1402" s="166">
        <v>0</v>
      </c>
      <c r="CW1402" s="166">
        <v>0</v>
      </c>
      <c r="CX1402" s="166">
        <v>0</v>
      </c>
      <c r="CY1402" s="166">
        <v>0</v>
      </c>
      <c r="CZ1402" s="166">
        <v>0</v>
      </c>
    </row>
    <row r="1403" spans="1:104" x14ac:dyDescent="0.2">
      <c r="A1403" s="167" t="s">
        <v>1165</v>
      </c>
      <c r="B1403" s="166">
        <v>0</v>
      </c>
      <c r="C1403" s="166">
        <v>0</v>
      </c>
      <c r="D1403" s="166">
        <v>0</v>
      </c>
      <c r="E1403" s="166">
        <v>0</v>
      </c>
      <c r="F1403" s="166">
        <v>0</v>
      </c>
      <c r="G1403" s="166">
        <v>0</v>
      </c>
      <c r="H1403" s="166">
        <v>0</v>
      </c>
      <c r="I1403" s="166">
        <v>0</v>
      </c>
      <c r="J1403" s="166">
        <v>0</v>
      </c>
      <c r="K1403" s="166">
        <v>0</v>
      </c>
      <c r="L1403" s="166">
        <v>0</v>
      </c>
      <c r="M1403" s="166">
        <v>0</v>
      </c>
      <c r="N1403" s="166">
        <v>0</v>
      </c>
      <c r="O1403" s="166">
        <v>0</v>
      </c>
      <c r="P1403" s="166">
        <v>0</v>
      </c>
      <c r="Q1403" s="166">
        <v>0</v>
      </c>
      <c r="R1403" s="166">
        <v>0</v>
      </c>
      <c r="S1403" s="166">
        <v>0</v>
      </c>
      <c r="T1403" s="166">
        <v>0</v>
      </c>
      <c r="U1403" s="166">
        <v>0</v>
      </c>
      <c r="V1403" s="166">
        <v>0</v>
      </c>
      <c r="W1403" s="166">
        <v>0</v>
      </c>
      <c r="X1403" s="166">
        <v>0</v>
      </c>
      <c r="Y1403" s="166">
        <v>0</v>
      </c>
      <c r="Z1403" s="166">
        <v>0</v>
      </c>
      <c r="AA1403" s="166">
        <v>0</v>
      </c>
      <c r="AB1403" s="166">
        <v>0</v>
      </c>
      <c r="AC1403" s="166">
        <v>0</v>
      </c>
      <c r="AD1403" s="166">
        <v>0</v>
      </c>
      <c r="AE1403" s="166">
        <v>0</v>
      </c>
      <c r="AF1403" s="166">
        <v>0</v>
      </c>
      <c r="AG1403" s="166">
        <v>0</v>
      </c>
      <c r="AH1403" s="166">
        <v>0</v>
      </c>
      <c r="AI1403" s="166">
        <v>0</v>
      </c>
      <c r="AJ1403" s="166">
        <v>0</v>
      </c>
      <c r="AK1403" s="166">
        <v>0</v>
      </c>
      <c r="AL1403" s="166">
        <v>0</v>
      </c>
      <c r="AM1403" s="166">
        <v>0</v>
      </c>
      <c r="AN1403" s="166">
        <v>0</v>
      </c>
      <c r="AO1403" s="166">
        <v>0</v>
      </c>
      <c r="AP1403" s="166">
        <v>0</v>
      </c>
      <c r="AQ1403" s="166">
        <v>0</v>
      </c>
      <c r="AR1403" s="166">
        <v>0</v>
      </c>
      <c r="AS1403" s="166">
        <v>0</v>
      </c>
      <c r="AT1403" s="166">
        <v>0</v>
      </c>
      <c r="AU1403" s="166">
        <v>0</v>
      </c>
      <c r="AV1403" s="166">
        <v>0</v>
      </c>
      <c r="AW1403" s="166">
        <v>0</v>
      </c>
      <c r="AX1403" s="166">
        <v>0</v>
      </c>
      <c r="AY1403" s="166">
        <v>0</v>
      </c>
      <c r="AZ1403" s="166">
        <v>0</v>
      </c>
      <c r="BA1403" s="166">
        <v>0</v>
      </c>
      <c r="BB1403" s="166">
        <v>0</v>
      </c>
      <c r="BC1403" s="166">
        <v>0</v>
      </c>
      <c r="BD1403" s="166">
        <v>0</v>
      </c>
      <c r="BE1403" s="166">
        <v>0</v>
      </c>
      <c r="BF1403" s="166">
        <v>0</v>
      </c>
      <c r="BG1403" s="166">
        <v>0</v>
      </c>
      <c r="BH1403" s="166">
        <v>0</v>
      </c>
      <c r="BI1403" s="166">
        <v>0</v>
      </c>
      <c r="BJ1403" s="166">
        <v>0</v>
      </c>
      <c r="BK1403" s="166">
        <v>0</v>
      </c>
      <c r="BL1403" s="166">
        <v>0</v>
      </c>
      <c r="BM1403" s="166">
        <v>0</v>
      </c>
      <c r="BN1403" s="166">
        <v>0</v>
      </c>
      <c r="BO1403" s="166">
        <v>0</v>
      </c>
      <c r="BP1403" s="166">
        <v>0</v>
      </c>
      <c r="BQ1403" s="166">
        <v>0</v>
      </c>
      <c r="BR1403" s="166">
        <v>0</v>
      </c>
      <c r="BS1403" s="166">
        <v>0</v>
      </c>
      <c r="BT1403" s="168">
        <v>1</v>
      </c>
      <c r="BU1403" s="166">
        <v>0</v>
      </c>
      <c r="BV1403" s="166">
        <v>0</v>
      </c>
      <c r="BW1403" s="166">
        <v>0</v>
      </c>
      <c r="BX1403" s="166">
        <v>0</v>
      </c>
      <c r="BY1403" s="166">
        <v>0</v>
      </c>
      <c r="BZ1403" s="166">
        <v>0</v>
      </c>
      <c r="CA1403" s="166">
        <v>0</v>
      </c>
      <c r="CB1403" s="166">
        <v>0</v>
      </c>
      <c r="CC1403" s="166">
        <v>0</v>
      </c>
      <c r="CD1403" s="166">
        <v>0</v>
      </c>
      <c r="CE1403" s="166">
        <v>0</v>
      </c>
      <c r="CF1403" s="166">
        <v>0</v>
      </c>
      <c r="CG1403" s="166">
        <v>0</v>
      </c>
      <c r="CH1403" s="166">
        <v>0</v>
      </c>
      <c r="CI1403" s="166">
        <v>0</v>
      </c>
      <c r="CJ1403" s="166">
        <v>0</v>
      </c>
      <c r="CK1403" s="166">
        <v>0</v>
      </c>
      <c r="CL1403" s="166">
        <v>0</v>
      </c>
      <c r="CM1403" s="166">
        <v>0</v>
      </c>
      <c r="CN1403" s="166">
        <v>0</v>
      </c>
      <c r="CO1403" s="166">
        <v>0</v>
      </c>
      <c r="CP1403" s="166">
        <v>0</v>
      </c>
      <c r="CQ1403" s="166">
        <v>0</v>
      </c>
      <c r="CR1403" s="166">
        <v>0</v>
      </c>
      <c r="CS1403" s="166">
        <v>0</v>
      </c>
      <c r="CT1403" s="166">
        <v>0</v>
      </c>
      <c r="CU1403" s="166">
        <v>0</v>
      </c>
      <c r="CV1403" s="166">
        <v>0</v>
      </c>
      <c r="CW1403" s="166">
        <v>0</v>
      </c>
      <c r="CX1403" s="166">
        <v>0</v>
      </c>
      <c r="CY1403" s="166">
        <v>0</v>
      </c>
      <c r="CZ1403" s="166">
        <v>0</v>
      </c>
    </row>
    <row r="1404" spans="1:104" x14ac:dyDescent="0.2">
      <c r="A1404" s="167" t="s">
        <v>1166</v>
      </c>
      <c r="B1404" s="166">
        <v>0</v>
      </c>
      <c r="C1404" s="166">
        <v>0</v>
      </c>
      <c r="D1404" s="166">
        <v>0</v>
      </c>
      <c r="E1404" s="166">
        <v>0</v>
      </c>
      <c r="F1404" s="166">
        <v>0</v>
      </c>
      <c r="G1404" s="166">
        <v>0</v>
      </c>
      <c r="H1404" s="166">
        <v>0</v>
      </c>
      <c r="I1404" s="166">
        <v>0</v>
      </c>
      <c r="J1404" s="166">
        <v>0</v>
      </c>
      <c r="K1404" s="166">
        <v>0</v>
      </c>
      <c r="L1404" s="166">
        <v>0</v>
      </c>
      <c r="M1404" s="166">
        <v>0</v>
      </c>
      <c r="N1404" s="166">
        <v>0</v>
      </c>
      <c r="O1404" s="166">
        <v>0</v>
      </c>
      <c r="P1404" s="166">
        <v>0</v>
      </c>
      <c r="Q1404" s="166">
        <v>0</v>
      </c>
      <c r="R1404" s="166">
        <v>0</v>
      </c>
      <c r="S1404" s="166">
        <v>0</v>
      </c>
      <c r="T1404" s="166">
        <v>0</v>
      </c>
      <c r="U1404" s="166">
        <v>0</v>
      </c>
      <c r="V1404" s="166">
        <v>0</v>
      </c>
      <c r="W1404" s="166">
        <v>0</v>
      </c>
      <c r="X1404" s="166">
        <v>0</v>
      </c>
      <c r="Y1404" s="166">
        <v>0</v>
      </c>
      <c r="Z1404" s="166">
        <v>0</v>
      </c>
      <c r="AA1404" s="166">
        <v>0</v>
      </c>
      <c r="AB1404" s="166">
        <v>0</v>
      </c>
      <c r="AC1404" s="166">
        <v>0</v>
      </c>
      <c r="AD1404" s="166">
        <v>0</v>
      </c>
      <c r="AE1404" s="166">
        <v>0</v>
      </c>
      <c r="AF1404" s="166">
        <v>0</v>
      </c>
      <c r="AG1404" s="166">
        <v>0</v>
      </c>
      <c r="AH1404" s="166">
        <v>0</v>
      </c>
      <c r="AI1404" s="166">
        <v>0</v>
      </c>
      <c r="AJ1404" s="166">
        <v>0</v>
      </c>
      <c r="AK1404" s="166">
        <v>0</v>
      </c>
      <c r="AL1404" s="166">
        <v>0</v>
      </c>
      <c r="AM1404" s="166">
        <v>0</v>
      </c>
      <c r="AN1404" s="166">
        <v>0</v>
      </c>
      <c r="AO1404" s="166">
        <v>0</v>
      </c>
      <c r="AP1404" s="166">
        <v>0</v>
      </c>
      <c r="AQ1404" s="166">
        <v>0</v>
      </c>
      <c r="AR1404" s="166">
        <v>0</v>
      </c>
      <c r="AS1404" s="166">
        <v>0</v>
      </c>
      <c r="AT1404" s="166">
        <v>0</v>
      </c>
      <c r="AU1404" s="166">
        <v>0</v>
      </c>
      <c r="AV1404" s="166">
        <v>0</v>
      </c>
      <c r="AW1404" s="166">
        <v>0</v>
      </c>
      <c r="AX1404" s="166">
        <v>0</v>
      </c>
      <c r="AY1404" s="166">
        <v>0</v>
      </c>
      <c r="AZ1404" s="166">
        <v>0</v>
      </c>
      <c r="BA1404" s="166">
        <v>0</v>
      </c>
      <c r="BB1404" s="166">
        <v>0</v>
      </c>
      <c r="BC1404" s="166">
        <v>0</v>
      </c>
      <c r="BD1404" s="166">
        <v>0</v>
      </c>
      <c r="BE1404" s="166">
        <v>0</v>
      </c>
      <c r="BF1404" s="166">
        <v>0</v>
      </c>
      <c r="BG1404" s="166">
        <v>0</v>
      </c>
      <c r="BH1404" s="166">
        <v>0</v>
      </c>
      <c r="BI1404" s="166">
        <v>0</v>
      </c>
      <c r="BJ1404" s="166">
        <v>0</v>
      </c>
      <c r="BK1404" s="166">
        <v>0</v>
      </c>
      <c r="BL1404" s="166">
        <v>0</v>
      </c>
      <c r="BM1404" s="166">
        <v>0</v>
      </c>
      <c r="BN1404" s="166">
        <v>0</v>
      </c>
      <c r="BO1404" s="166">
        <v>0</v>
      </c>
      <c r="BP1404" s="166">
        <v>0</v>
      </c>
      <c r="BQ1404" s="166">
        <v>0</v>
      </c>
      <c r="BR1404" s="166">
        <v>0</v>
      </c>
      <c r="BS1404" s="166">
        <v>0</v>
      </c>
      <c r="BT1404" s="168">
        <v>0.98751</v>
      </c>
      <c r="BU1404" s="166">
        <v>0</v>
      </c>
      <c r="BV1404" s="166">
        <v>0</v>
      </c>
      <c r="BW1404" s="166">
        <v>0</v>
      </c>
      <c r="BX1404" s="166">
        <v>0</v>
      </c>
      <c r="BY1404" s="166">
        <v>0</v>
      </c>
      <c r="BZ1404" s="166">
        <v>0</v>
      </c>
      <c r="CA1404" s="166">
        <v>0</v>
      </c>
      <c r="CB1404" s="166">
        <v>0</v>
      </c>
      <c r="CC1404" s="166">
        <v>0</v>
      </c>
      <c r="CD1404" s="166">
        <v>0</v>
      </c>
      <c r="CE1404" s="166">
        <v>0</v>
      </c>
      <c r="CF1404" s="166">
        <v>0</v>
      </c>
      <c r="CG1404" s="166">
        <v>0</v>
      </c>
      <c r="CH1404" s="166">
        <v>0</v>
      </c>
      <c r="CI1404" s="166">
        <v>0</v>
      </c>
      <c r="CJ1404" s="166">
        <v>0</v>
      </c>
      <c r="CK1404" s="166">
        <v>0</v>
      </c>
      <c r="CL1404" s="166">
        <v>0</v>
      </c>
      <c r="CM1404" s="166">
        <v>0</v>
      </c>
      <c r="CN1404" s="166">
        <v>0</v>
      </c>
      <c r="CO1404" s="166">
        <v>0</v>
      </c>
      <c r="CP1404" s="166">
        <v>0</v>
      </c>
      <c r="CQ1404" s="166">
        <v>0</v>
      </c>
      <c r="CR1404" s="166">
        <v>0</v>
      </c>
      <c r="CS1404" s="166">
        <v>0</v>
      </c>
      <c r="CT1404" s="166">
        <v>0</v>
      </c>
      <c r="CU1404" s="166">
        <v>0</v>
      </c>
      <c r="CV1404" s="166">
        <v>0</v>
      </c>
      <c r="CW1404" s="166">
        <v>0</v>
      </c>
      <c r="CX1404" s="166">
        <v>0</v>
      </c>
      <c r="CY1404" s="166">
        <v>0</v>
      </c>
      <c r="CZ1404" s="166">
        <v>0</v>
      </c>
    </row>
    <row r="1405" spans="1:104" x14ac:dyDescent="0.2">
      <c r="A1405" s="167" t="s">
        <v>1167</v>
      </c>
      <c r="B1405" s="166">
        <v>0</v>
      </c>
      <c r="C1405" s="166">
        <v>0</v>
      </c>
      <c r="D1405" s="166">
        <v>0</v>
      </c>
      <c r="E1405" s="166">
        <v>0</v>
      </c>
      <c r="F1405" s="166">
        <v>0</v>
      </c>
      <c r="G1405" s="166">
        <v>0</v>
      </c>
      <c r="H1405" s="166">
        <v>0</v>
      </c>
      <c r="I1405" s="166">
        <v>0</v>
      </c>
      <c r="J1405" s="166">
        <v>0</v>
      </c>
      <c r="K1405" s="166">
        <v>0</v>
      </c>
      <c r="L1405" s="166">
        <v>0</v>
      </c>
      <c r="M1405" s="166">
        <v>0</v>
      </c>
      <c r="N1405" s="166">
        <v>0</v>
      </c>
      <c r="O1405" s="166">
        <v>0</v>
      </c>
      <c r="P1405" s="166">
        <v>0</v>
      </c>
      <c r="Q1405" s="166">
        <v>0</v>
      </c>
      <c r="R1405" s="166">
        <v>0</v>
      </c>
      <c r="S1405" s="166">
        <v>0</v>
      </c>
      <c r="T1405" s="166">
        <v>0</v>
      </c>
      <c r="U1405" s="166">
        <v>0</v>
      </c>
      <c r="V1405" s="166">
        <v>0</v>
      </c>
      <c r="W1405" s="166">
        <v>0</v>
      </c>
      <c r="X1405" s="166">
        <v>0</v>
      </c>
      <c r="Y1405" s="166">
        <v>0</v>
      </c>
      <c r="Z1405" s="166">
        <v>0</v>
      </c>
      <c r="AA1405" s="166">
        <v>0</v>
      </c>
      <c r="AB1405" s="166">
        <v>0</v>
      </c>
      <c r="AC1405" s="166">
        <v>0</v>
      </c>
      <c r="AD1405" s="166">
        <v>0</v>
      </c>
      <c r="AE1405" s="166">
        <v>0</v>
      </c>
      <c r="AF1405" s="166">
        <v>0</v>
      </c>
      <c r="AG1405" s="166">
        <v>0</v>
      </c>
      <c r="AH1405" s="166">
        <v>0</v>
      </c>
      <c r="AI1405" s="166">
        <v>0</v>
      </c>
      <c r="AJ1405" s="166">
        <v>0</v>
      </c>
      <c r="AK1405" s="166">
        <v>0</v>
      </c>
      <c r="AL1405" s="166">
        <v>0</v>
      </c>
      <c r="AM1405" s="166">
        <v>0</v>
      </c>
      <c r="AN1405" s="166">
        <v>0</v>
      </c>
      <c r="AO1405" s="166">
        <v>0</v>
      </c>
      <c r="AP1405" s="166">
        <v>0</v>
      </c>
      <c r="AQ1405" s="166">
        <v>0</v>
      </c>
      <c r="AR1405" s="166">
        <v>0</v>
      </c>
      <c r="AS1405" s="166">
        <v>0</v>
      </c>
      <c r="AT1405" s="166">
        <v>0</v>
      </c>
      <c r="AU1405" s="166">
        <v>0</v>
      </c>
      <c r="AV1405" s="166">
        <v>0</v>
      </c>
      <c r="AW1405" s="166">
        <v>0</v>
      </c>
      <c r="AX1405" s="166">
        <v>0</v>
      </c>
      <c r="AY1405" s="166">
        <v>0</v>
      </c>
      <c r="AZ1405" s="166">
        <v>0</v>
      </c>
      <c r="BA1405" s="166">
        <v>0</v>
      </c>
      <c r="BB1405" s="166">
        <v>0</v>
      </c>
      <c r="BC1405" s="166">
        <v>0</v>
      </c>
      <c r="BD1405" s="166">
        <v>0</v>
      </c>
      <c r="BE1405" s="166">
        <v>0</v>
      </c>
      <c r="BF1405" s="166">
        <v>0</v>
      </c>
      <c r="BG1405" s="166">
        <v>0</v>
      </c>
      <c r="BH1405" s="166">
        <v>0</v>
      </c>
      <c r="BI1405" s="166">
        <v>0</v>
      </c>
      <c r="BJ1405" s="166">
        <v>0</v>
      </c>
      <c r="BK1405" s="166">
        <v>0</v>
      </c>
      <c r="BL1405" s="166">
        <v>0</v>
      </c>
      <c r="BM1405" s="166">
        <v>0</v>
      </c>
      <c r="BN1405" s="166">
        <v>0</v>
      </c>
      <c r="BO1405" s="166">
        <v>0</v>
      </c>
      <c r="BP1405" s="166">
        <v>0</v>
      </c>
      <c r="BQ1405" s="166">
        <v>0</v>
      </c>
      <c r="BR1405" s="166">
        <v>0</v>
      </c>
      <c r="BS1405" s="166">
        <v>0</v>
      </c>
      <c r="BT1405" s="168">
        <v>1</v>
      </c>
      <c r="BU1405" s="166">
        <v>0</v>
      </c>
      <c r="BV1405" s="166">
        <v>0</v>
      </c>
      <c r="BW1405" s="166">
        <v>0</v>
      </c>
      <c r="BX1405" s="166">
        <v>0</v>
      </c>
      <c r="BY1405" s="166">
        <v>0</v>
      </c>
      <c r="BZ1405" s="166">
        <v>0</v>
      </c>
      <c r="CA1405" s="166">
        <v>0</v>
      </c>
      <c r="CB1405" s="166">
        <v>0</v>
      </c>
      <c r="CC1405" s="166">
        <v>0</v>
      </c>
      <c r="CD1405" s="166">
        <v>0</v>
      </c>
      <c r="CE1405" s="166">
        <v>0</v>
      </c>
      <c r="CF1405" s="166">
        <v>0</v>
      </c>
      <c r="CG1405" s="166">
        <v>0</v>
      </c>
      <c r="CH1405" s="166">
        <v>0</v>
      </c>
      <c r="CI1405" s="166">
        <v>0</v>
      </c>
      <c r="CJ1405" s="166">
        <v>0</v>
      </c>
      <c r="CK1405" s="166">
        <v>0</v>
      </c>
      <c r="CL1405" s="166">
        <v>0</v>
      </c>
      <c r="CM1405" s="166">
        <v>0</v>
      </c>
      <c r="CN1405" s="166">
        <v>0</v>
      </c>
      <c r="CO1405" s="166">
        <v>0</v>
      </c>
      <c r="CP1405" s="166">
        <v>0</v>
      </c>
      <c r="CQ1405" s="166">
        <v>0</v>
      </c>
      <c r="CR1405" s="166">
        <v>0</v>
      </c>
      <c r="CS1405" s="166">
        <v>0</v>
      </c>
      <c r="CT1405" s="166">
        <v>0</v>
      </c>
      <c r="CU1405" s="166">
        <v>0</v>
      </c>
      <c r="CV1405" s="166">
        <v>0</v>
      </c>
      <c r="CW1405" s="166">
        <v>0</v>
      </c>
      <c r="CX1405" s="166">
        <v>0</v>
      </c>
      <c r="CY1405" s="166">
        <v>0</v>
      </c>
      <c r="CZ1405" s="166">
        <v>0</v>
      </c>
    </row>
    <row r="1406" spans="1:104" x14ac:dyDescent="0.2">
      <c r="A1406" s="167" t="s">
        <v>1168</v>
      </c>
      <c r="B1406" s="166">
        <v>0</v>
      </c>
      <c r="C1406" s="166">
        <v>0</v>
      </c>
      <c r="D1406" s="166">
        <v>0</v>
      </c>
      <c r="E1406" s="166">
        <v>0</v>
      </c>
      <c r="F1406" s="166">
        <v>0</v>
      </c>
      <c r="G1406" s="166">
        <v>0</v>
      </c>
      <c r="H1406" s="166">
        <v>0</v>
      </c>
      <c r="I1406" s="166">
        <v>0</v>
      </c>
      <c r="J1406" s="166">
        <v>0</v>
      </c>
      <c r="K1406" s="166">
        <v>0</v>
      </c>
      <c r="L1406" s="166">
        <v>0</v>
      </c>
      <c r="M1406" s="166">
        <v>0</v>
      </c>
      <c r="N1406" s="166">
        <v>0</v>
      </c>
      <c r="O1406" s="166">
        <v>0</v>
      </c>
      <c r="P1406" s="166">
        <v>0</v>
      </c>
      <c r="Q1406" s="166">
        <v>0</v>
      </c>
      <c r="R1406" s="166">
        <v>0</v>
      </c>
      <c r="S1406" s="166">
        <v>0</v>
      </c>
      <c r="T1406" s="166">
        <v>0</v>
      </c>
      <c r="U1406" s="166">
        <v>0</v>
      </c>
      <c r="V1406" s="166">
        <v>0</v>
      </c>
      <c r="W1406" s="166">
        <v>0</v>
      </c>
      <c r="X1406" s="166">
        <v>0</v>
      </c>
      <c r="Y1406" s="166">
        <v>0</v>
      </c>
      <c r="Z1406" s="166">
        <v>0</v>
      </c>
      <c r="AA1406" s="166">
        <v>0</v>
      </c>
      <c r="AB1406" s="166">
        <v>0</v>
      </c>
      <c r="AC1406" s="166">
        <v>0</v>
      </c>
      <c r="AD1406" s="166">
        <v>0</v>
      </c>
      <c r="AE1406" s="166">
        <v>0</v>
      </c>
      <c r="AF1406" s="166">
        <v>0</v>
      </c>
      <c r="AG1406" s="166">
        <v>0</v>
      </c>
      <c r="AH1406" s="166">
        <v>0</v>
      </c>
      <c r="AI1406" s="166">
        <v>0</v>
      </c>
      <c r="AJ1406" s="166">
        <v>0</v>
      </c>
      <c r="AK1406" s="166">
        <v>0</v>
      </c>
      <c r="AL1406" s="166">
        <v>0</v>
      </c>
      <c r="AM1406" s="166">
        <v>0</v>
      </c>
      <c r="AN1406" s="166">
        <v>0</v>
      </c>
      <c r="AO1406" s="166">
        <v>0</v>
      </c>
      <c r="AP1406" s="166">
        <v>0</v>
      </c>
      <c r="AQ1406" s="166">
        <v>0</v>
      </c>
      <c r="AR1406" s="166">
        <v>0</v>
      </c>
      <c r="AS1406" s="166">
        <v>0</v>
      </c>
      <c r="AT1406" s="166">
        <v>0</v>
      </c>
      <c r="AU1406" s="166">
        <v>0</v>
      </c>
      <c r="AV1406" s="166">
        <v>0</v>
      </c>
      <c r="AW1406" s="166">
        <v>0</v>
      </c>
      <c r="AX1406" s="166">
        <v>0</v>
      </c>
      <c r="AY1406" s="166">
        <v>0</v>
      </c>
      <c r="AZ1406" s="166">
        <v>0</v>
      </c>
      <c r="BA1406" s="166">
        <v>0</v>
      </c>
      <c r="BB1406" s="166">
        <v>0</v>
      </c>
      <c r="BC1406" s="166">
        <v>0</v>
      </c>
      <c r="BD1406" s="166">
        <v>0</v>
      </c>
      <c r="BE1406" s="166">
        <v>0</v>
      </c>
      <c r="BF1406" s="166">
        <v>0</v>
      </c>
      <c r="BG1406" s="166">
        <v>0</v>
      </c>
      <c r="BH1406" s="166">
        <v>0</v>
      </c>
      <c r="BI1406" s="166">
        <v>0</v>
      </c>
      <c r="BJ1406" s="166">
        <v>0</v>
      </c>
      <c r="BK1406" s="166">
        <v>0</v>
      </c>
      <c r="BL1406" s="166">
        <v>0</v>
      </c>
      <c r="BM1406" s="166">
        <v>0</v>
      </c>
      <c r="BN1406" s="166">
        <v>0</v>
      </c>
      <c r="BO1406" s="166">
        <v>0</v>
      </c>
      <c r="BP1406" s="166">
        <v>0</v>
      </c>
      <c r="BQ1406" s="166">
        <v>0</v>
      </c>
      <c r="BR1406" s="166">
        <v>0</v>
      </c>
      <c r="BS1406" s="166">
        <v>0</v>
      </c>
      <c r="BT1406" s="168">
        <v>0</v>
      </c>
      <c r="BU1406" s="166">
        <v>0</v>
      </c>
      <c r="BV1406" s="166">
        <v>0</v>
      </c>
      <c r="BW1406" s="166">
        <v>0</v>
      </c>
      <c r="BX1406" s="166">
        <v>0</v>
      </c>
      <c r="BY1406" s="166">
        <v>0</v>
      </c>
      <c r="BZ1406" s="166">
        <v>0</v>
      </c>
      <c r="CA1406" s="166">
        <v>0</v>
      </c>
      <c r="CB1406" s="166">
        <v>0</v>
      </c>
      <c r="CC1406" s="166">
        <v>0</v>
      </c>
      <c r="CD1406" s="166">
        <v>0</v>
      </c>
      <c r="CE1406" s="166">
        <v>0</v>
      </c>
      <c r="CF1406" s="166">
        <v>0</v>
      </c>
      <c r="CG1406" s="166">
        <v>0</v>
      </c>
      <c r="CH1406" s="166">
        <v>0</v>
      </c>
      <c r="CI1406" s="166">
        <v>0</v>
      </c>
      <c r="CJ1406" s="166">
        <v>0</v>
      </c>
      <c r="CK1406" s="166">
        <v>0</v>
      </c>
      <c r="CL1406" s="166">
        <v>0</v>
      </c>
      <c r="CM1406" s="166">
        <v>0</v>
      </c>
      <c r="CN1406" s="166">
        <v>0</v>
      </c>
      <c r="CO1406" s="166">
        <v>0</v>
      </c>
      <c r="CP1406" s="166">
        <v>0</v>
      </c>
      <c r="CQ1406" s="166">
        <v>0</v>
      </c>
      <c r="CR1406" s="166">
        <v>0</v>
      </c>
      <c r="CS1406" s="166">
        <v>0</v>
      </c>
      <c r="CT1406" s="166">
        <v>0</v>
      </c>
      <c r="CU1406" s="166">
        <v>0</v>
      </c>
      <c r="CV1406" s="166">
        <v>0</v>
      </c>
      <c r="CW1406" s="166">
        <v>0</v>
      </c>
      <c r="CX1406" s="166">
        <v>0</v>
      </c>
      <c r="CY1406" s="166">
        <v>0</v>
      </c>
      <c r="CZ1406" s="166">
        <v>0</v>
      </c>
    </row>
    <row r="1407" spans="1:104" x14ac:dyDescent="0.2">
      <c r="A1407" s="167" t="s">
        <v>377</v>
      </c>
    </row>
    <row r="1408" spans="1:104" x14ac:dyDescent="0.2">
      <c r="A1408" s="167" t="s">
        <v>378</v>
      </c>
      <c r="B1408" s="166">
        <v>0</v>
      </c>
      <c r="C1408" s="166">
        <v>0</v>
      </c>
      <c r="D1408" s="166">
        <v>0</v>
      </c>
      <c r="E1408" s="166">
        <v>0</v>
      </c>
      <c r="F1408" s="166">
        <v>0</v>
      </c>
      <c r="G1408" s="166">
        <v>0</v>
      </c>
      <c r="H1408" s="166">
        <v>0</v>
      </c>
      <c r="I1408" s="166">
        <v>0</v>
      </c>
      <c r="J1408" s="166">
        <v>0</v>
      </c>
      <c r="K1408" s="166">
        <v>0</v>
      </c>
      <c r="L1408" s="166">
        <v>0</v>
      </c>
      <c r="M1408" s="166">
        <v>0</v>
      </c>
      <c r="N1408" s="166">
        <v>0</v>
      </c>
      <c r="O1408" s="166">
        <v>0</v>
      </c>
      <c r="P1408" s="166">
        <v>0</v>
      </c>
      <c r="Q1408" s="166">
        <v>0</v>
      </c>
      <c r="R1408" s="166">
        <v>0</v>
      </c>
      <c r="S1408" s="166">
        <v>0</v>
      </c>
      <c r="T1408" s="166">
        <v>0</v>
      </c>
      <c r="U1408" s="166">
        <v>0</v>
      </c>
      <c r="V1408" s="166">
        <v>0</v>
      </c>
      <c r="W1408" s="166">
        <v>0</v>
      </c>
      <c r="X1408" s="166">
        <v>0</v>
      </c>
      <c r="Y1408" s="166">
        <v>0</v>
      </c>
      <c r="Z1408" s="166">
        <v>0</v>
      </c>
      <c r="AA1408" s="166">
        <v>0</v>
      </c>
      <c r="AB1408" s="166">
        <v>0</v>
      </c>
      <c r="AC1408" s="166">
        <v>0</v>
      </c>
      <c r="AD1408" s="166">
        <v>0</v>
      </c>
      <c r="AE1408" s="166">
        <v>0</v>
      </c>
      <c r="AF1408" s="166">
        <v>0</v>
      </c>
      <c r="AG1408" s="166">
        <v>0</v>
      </c>
      <c r="AH1408" s="166">
        <v>0</v>
      </c>
      <c r="AI1408" s="166">
        <v>0</v>
      </c>
      <c r="AJ1408" s="166">
        <v>0</v>
      </c>
      <c r="AK1408" s="166">
        <v>0</v>
      </c>
      <c r="AL1408" s="166">
        <v>0</v>
      </c>
      <c r="AM1408" s="166">
        <v>0</v>
      </c>
      <c r="AN1408" s="166">
        <v>0</v>
      </c>
      <c r="AO1408" s="166">
        <v>0</v>
      </c>
      <c r="AP1408" s="166">
        <v>0</v>
      </c>
      <c r="AQ1408" s="166">
        <v>0</v>
      </c>
      <c r="AR1408" s="166">
        <v>0</v>
      </c>
      <c r="AS1408" s="166">
        <v>0</v>
      </c>
      <c r="AT1408" s="166">
        <v>0</v>
      </c>
      <c r="AU1408" s="166">
        <v>0</v>
      </c>
      <c r="AV1408" s="166">
        <v>0</v>
      </c>
      <c r="AW1408" s="166">
        <v>0</v>
      </c>
      <c r="AX1408" s="166">
        <v>0</v>
      </c>
      <c r="AY1408" s="166">
        <v>0</v>
      </c>
      <c r="AZ1408" s="166">
        <v>0</v>
      </c>
      <c r="BA1408" s="166">
        <v>0</v>
      </c>
      <c r="BB1408" s="166">
        <v>0</v>
      </c>
      <c r="BC1408" s="166">
        <v>0</v>
      </c>
      <c r="BD1408" s="166">
        <v>0</v>
      </c>
      <c r="BE1408" s="166">
        <v>0</v>
      </c>
      <c r="BF1408" s="166">
        <v>0</v>
      </c>
      <c r="BG1408" s="166">
        <v>0</v>
      </c>
      <c r="BH1408" s="166">
        <v>0</v>
      </c>
      <c r="BI1408" s="166">
        <v>0</v>
      </c>
      <c r="BJ1408" s="166">
        <v>0</v>
      </c>
      <c r="BK1408" s="166">
        <v>0</v>
      </c>
      <c r="BL1408" s="166">
        <v>0</v>
      </c>
      <c r="BM1408" s="166">
        <v>0</v>
      </c>
      <c r="BN1408" s="166">
        <v>0</v>
      </c>
      <c r="BO1408" s="166">
        <v>0</v>
      </c>
      <c r="BP1408" s="166">
        <v>0</v>
      </c>
      <c r="BQ1408" s="166">
        <v>0</v>
      </c>
      <c r="BR1408" s="166">
        <v>0</v>
      </c>
      <c r="BS1408" s="166">
        <v>0</v>
      </c>
      <c r="BT1408" s="168">
        <v>1</v>
      </c>
      <c r="BU1408" s="166">
        <v>0</v>
      </c>
      <c r="BV1408" s="166">
        <v>0</v>
      </c>
      <c r="BW1408" s="166">
        <v>0</v>
      </c>
      <c r="BX1408" s="166">
        <v>0</v>
      </c>
      <c r="BY1408" s="166">
        <v>0</v>
      </c>
      <c r="BZ1408" s="166">
        <v>0</v>
      </c>
      <c r="CA1408" s="166">
        <v>0</v>
      </c>
      <c r="CB1408" s="166">
        <v>0</v>
      </c>
      <c r="CC1408" s="166">
        <v>0</v>
      </c>
      <c r="CD1408" s="166">
        <v>0</v>
      </c>
      <c r="CE1408" s="166">
        <v>0</v>
      </c>
      <c r="CF1408" s="166">
        <v>0</v>
      </c>
      <c r="CG1408" s="166">
        <v>0</v>
      </c>
      <c r="CH1408" s="166">
        <v>0</v>
      </c>
      <c r="CI1408" s="166">
        <v>0</v>
      </c>
      <c r="CJ1408" s="166">
        <v>0</v>
      </c>
      <c r="CK1408" s="166">
        <v>0</v>
      </c>
      <c r="CL1408" s="166">
        <v>0</v>
      </c>
      <c r="CM1408" s="166">
        <v>0</v>
      </c>
      <c r="CN1408" s="166">
        <v>0</v>
      </c>
      <c r="CO1408" s="166">
        <v>0</v>
      </c>
      <c r="CP1408" s="166">
        <v>0</v>
      </c>
      <c r="CQ1408" s="166">
        <v>0</v>
      </c>
      <c r="CR1408" s="166">
        <v>0</v>
      </c>
      <c r="CS1408" s="166">
        <v>0</v>
      </c>
      <c r="CT1408" s="166">
        <v>0</v>
      </c>
      <c r="CU1408" s="166">
        <v>0</v>
      </c>
      <c r="CV1408" s="166">
        <v>0</v>
      </c>
      <c r="CW1408" s="166">
        <v>0</v>
      </c>
      <c r="CX1408" s="166">
        <v>0</v>
      </c>
      <c r="CY1408" s="166">
        <v>0</v>
      </c>
      <c r="CZ1408" s="166">
        <v>0</v>
      </c>
    </row>
    <row r="1409" spans="1:104" x14ac:dyDescent="0.2">
      <c r="A1409" s="170" t="s">
        <v>379</v>
      </c>
      <c r="B1409" s="166">
        <v>85746949.989999905</v>
      </c>
      <c r="C1409" s="166">
        <v>85746949.989999905</v>
      </c>
      <c r="D1409" s="166">
        <v>0</v>
      </c>
      <c r="E1409" s="166">
        <v>0</v>
      </c>
      <c r="F1409" s="166">
        <v>0</v>
      </c>
      <c r="G1409" s="166">
        <v>0</v>
      </c>
      <c r="H1409" s="166">
        <v>0</v>
      </c>
      <c r="I1409" s="166">
        <v>0</v>
      </c>
      <c r="J1409" s="166">
        <v>0</v>
      </c>
      <c r="K1409" s="166">
        <v>0</v>
      </c>
      <c r="L1409" s="166">
        <v>0</v>
      </c>
      <c r="M1409" s="166">
        <v>0</v>
      </c>
      <c r="N1409" s="166">
        <v>0</v>
      </c>
      <c r="O1409" s="166">
        <v>0</v>
      </c>
      <c r="P1409" s="166">
        <v>0</v>
      </c>
      <c r="Q1409" s="166">
        <v>0</v>
      </c>
      <c r="R1409" s="166">
        <v>0</v>
      </c>
      <c r="S1409" s="166">
        <v>0</v>
      </c>
      <c r="T1409" s="166">
        <v>0</v>
      </c>
      <c r="U1409" s="166">
        <v>0</v>
      </c>
      <c r="V1409" s="166">
        <v>0</v>
      </c>
      <c r="W1409" s="166">
        <v>0</v>
      </c>
      <c r="X1409" s="166">
        <v>0</v>
      </c>
      <c r="Y1409" s="166">
        <v>0</v>
      </c>
      <c r="Z1409" s="166">
        <v>0</v>
      </c>
      <c r="AA1409" s="166">
        <v>0</v>
      </c>
      <c r="AB1409" s="166">
        <v>0</v>
      </c>
      <c r="AC1409" s="166">
        <v>0</v>
      </c>
      <c r="AD1409" s="166">
        <v>0</v>
      </c>
      <c r="AE1409" s="166">
        <v>0</v>
      </c>
      <c r="AF1409" s="166">
        <v>0</v>
      </c>
      <c r="AG1409" s="166">
        <v>0</v>
      </c>
      <c r="AH1409" s="166">
        <v>0</v>
      </c>
      <c r="AI1409" s="166">
        <v>0</v>
      </c>
      <c r="AJ1409" s="166">
        <v>0</v>
      </c>
      <c r="AK1409" s="166">
        <v>0</v>
      </c>
      <c r="AL1409" s="166">
        <v>0</v>
      </c>
      <c r="AM1409" s="166">
        <v>0</v>
      </c>
      <c r="AN1409" s="166">
        <v>0</v>
      </c>
      <c r="AO1409" s="166">
        <v>0</v>
      </c>
      <c r="AP1409" s="166">
        <v>0</v>
      </c>
      <c r="AQ1409" s="166">
        <v>0</v>
      </c>
      <c r="AR1409" s="166">
        <v>0</v>
      </c>
      <c r="AS1409" s="166">
        <v>0</v>
      </c>
      <c r="AT1409" s="166">
        <v>0</v>
      </c>
      <c r="AU1409" s="166">
        <v>0</v>
      </c>
      <c r="AV1409" s="166">
        <v>0</v>
      </c>
      <c r="AW1409" s="166">
        <v>0</v>
      </c>
      <c r="AX1409" s="166">
        <v>0</v>
      </c>
      <c r="AY1409" s="166">
        <v>0</v>
      </c>
      <c r="AZ1409" s="166">
        <v>0</v>
      </c>
      <c r="BA1409" s="166">
        <v>0</v>
      </c>
      <c r="BB1409" s="166">
        <v>0</v>
      </c>
      <c r="BC1409" s="166">
        <v>0</v>
      </c>
      <c r="BD1409" s="166">
        <v>0</v>
      </c>
      <c r="BE1409" s="166">
        <v>0</v>
      </c>
      <c r="BF1409" s="166">
        <v>0</v>
      </c>
      <c r="BG1409" s="166">
        <v>0</v>
      </c>
      <c r="BH1409" s="166">
        <v>0</v>
      </c>
      <c r="BI1409" s="166">
        <v>0</v>
      </c>
      <c r="BJ1409" s="166">
        <v>0</v>
      </c>
      <c r="BK1409" s="166">
        <v>0</v>
      </c>
      <c r="BL1409" s="166">
        <v>0</v>
      </c>
      <c r="BM1409" s="166">
        <v>0</v>
      </c>
      <c r="BN1409" s="166">
        <v>0</v>
      </c>
      <c r="BO1409" s="166">
        <v>0</v>
      </c>
      <c r="BP1409" s="166">
        <v>0</v>
      </c>
      <c r="BQ1409" s="166">
        <v>0</v>
      </c>
      <c r="BR1409" s="166">
        <v>85746949.989999905</v>
      </c>
      <c r="BS1409" s="166">
        <v>85746949.989999905</v>
      </c>
      <c r="BT1409" s="168">
        <v>0</v>
      </c>
      <c r="BU1409" s="166">
        <v>8304447.5111314002</v>
      </c>
      <c r="BV1409" s="166">
        <v>85717237.738498002</v>
      </c>
      <c r="BW1409" s="166">
        <v>0</v>
      </c>
      <c r="BX1409" s="166">
        <v>0</v>
      </c>
      <c r="BY1409" s="166">
        <v>0</v>
      </c>
      <c r="BZ1409" s="166">
        <v>0</v>
      </c>
      <c r="CA1409" s="166">
        <v>0</v>
      </c>
      <c r="CB1409" s="166">
        <v>0</v>
      </c>
      <c r="CC1409" s="166">
        <v>0</v>
      </c>
      <c r="CD1409" s="166">
        <v>0</v>
      </c>
      <c r="CE1409" s="166">
        <v>0</v>
      </c>
      <c r="CF1409" s="166">
        <v>0</v>
      </c>
      <c r="CG1409" s="166">
        <v>0</v>
      </c>
      <c r="CH1409" s="166">
        <v>0</v>
      </c>
      <c r="CI1409" s="166">
        <v>0</v>
      </c>
      <c r="CJ1409" s="166">
        <v>0</v>
      </c>
      <c r="CK1409" s="166">
        <v>0</v>
      </c>
      <c r="CL1409" s="166">
        <v>0</v>
      </c>
      <c r="CM1409" s="166">
        <v>0</v>
      </c>
      <c r="CN1409" s="166">
        <v>0</v>
      </c>
      <c r="CO1409" s="166">
        <v>0</v>
      </c>
      <c r="CP1409" s="166">
        <v>0</v>
      </c>
      <c r="CQ1409" s="166">
        <v>0</v>
      </c>
      <c r="CR1409" s="166">
        <v>0</v>
      </c>
      <c r="CS1409" s="166">
        <v>0</v>
      </c>
      <c r="CT1409" s="166">
        <v>0</v>
      </c>
      <c r="CU1409" s="166">
        <v>0</v>
      </c>
      <c r="CV1409" s="166">
        <v>0</v>
      </c>
      <c r="CW1409" s="166">
        <v>0</v>
      </c>
      <c r="CX1409" s="166">
        <v>0</v>
      </c>
      <c r="CY1409" s="166">
        <v>85717237.738498002</v>
      </c>
      <c r="CZ1409" s="166">
        <v>85717237.738498002</v>
      </c>
    </row>
    <row r="1410" spans="1:104" x14ac:dyDescent="0.2">
      <c r="A1410" s="167" t="s">
        <v>380</v>
      </c>
    </row>
    <row r="1411" spans="1:104" x14ac:dyDescent="0.2">
      <c r="A1411" s="170" t="s">
        <v>381</v>
      </c>
      <c r="B1411" s="166">
        <v>117228648.36999901</v>
      </c>
      <c r="C1411" s="166">
        <v>117228648.36999901</v>
      </c>
      <c r="D1411" s="166">
        <v>0</v>
      </c>
      <c r="E1411" s="166">
        <v>0</v>
      </c>
      <c r="F1411" s="166">
        <v>0</v>
      </c>
      <c r="G1411" s="166">
        <v>0</v>
      </c>
      <c r="H1411" s="166">
        <v>0</v>
      </c>
      <c r="I1411" s="166">
        <v>0</v>
      </c>
      <c r="J1411" s="166">
        <v>0</v>
      </c>
      <c r="K1411" s="166">
        <v>0</v>
      </c>
      <c r="L1411" s="166">
        <v>0</v>
      </c>
      <c r="M1411" s="166">
        <v>0</v>
      </c>
      <c r="N1411" s="166">
        <v>0</v>
      </c>
      <c r="O1411" s="166">
        <v>0</v>
      </c>
      <c r="P1411" s="166">
        <v>0</v>
      </c>
      <c r="Q1411" s="166">
        <v>0</v>
      </c>
      <c r="R1411" s="166">
        <v>0</v>
      </c>
      <c r="S1411" s="166">
        <v>0</v>
      </c>
      <c r="T1411" s="166">
        <v>0</v>
      </c>
      <c r="U1411" s="166">
        <v>0</v>
      </c>
      <c r="V1411" s="166">
        <v>0</v>
      </c>
      <c r="W1411" s="166">
        <v>0</v>
      </c>
      <c r="X1411" s="166">
        <v>0</v>
      </c>
      <c r="Y1411" s="166">
        <v>0</v>
      </c>
      <c r="Z1411" s="166">
        <v>0</v>
      </c>
      <c r="AA1411" s="166">
        <v>0</v>
      </c>
      <c r="AB1411" s="166">
        <v>0</v>
      </c>
      <c r="AC1411" s="166">
        <v>0</v>
      </c>
      <c r="AD1411" s="166">
        <v>0</v>
      </c>
      <c r="AE1411" s="166">
        <v>0</v>
      </c>
      <c r="AF1411" s="166">
        <v>0</v>
      </c>
      <c r="AG1411" s="166">
        <v>0</v>
      </c>
      <c r="AH1411" s="166">
        <v>0</v>
      </c>
      <c r="AI1411" s="166">
        <v>0</v>
      </c>
      <c r="AJ1411" s="166">
        <v>0</v>
      </c>
      <c r="AK1411" s="166">
        <v>0</v>
      </c>
      <c r="AL1411" s="166">
        <v>0</v>
      </c>
      <c r="AM1411" s="166">
        <v>0</v>
      </c>
      <c r="AN1411" s="166">
        <v>0</v>
      </c>
      <c r="AO1411" s="166">
        <v>0</v>
      </c>
      <c r="AP1411" s="166">
        <v>0</v>
      </c>
      <c r="AQ1411" s="166">
        <v>0</v>
      </c>
      <c r="AR1411" s="166">
        <v>0</v>
      </c>
      <c r="AS1411" s="166">
        <v>0</v>
      </c>
      <c r="AT1411" s="166">
        <v>0</v>
      </c>
      <c r="AU1411" s="166">
        <v>0</v>
      </c>
      <c r="AV1411" s="166">
        <v>0</v>
      </c>
      <c r="AW1411" s="166">
        <v>0</v>
      </c>
      <c r="AX1411" s="166">
        <v>0</v>
      </c>
      <c r="AY1411" s="166">
        <v>0</v>
      </c>
      <c r="AZ1411" s="166">
        <v>0</v>
      </c>
      <c r="BA1411" s="166">
        <v>0</v>
      </c>
      <c r="BB1411" s="166">
        <v>0</v>
      </c>
      <c r="BC1411" s="166">
        <v>0</v>
      </c>
      <c r="BD1411" s="166">
        <v>0</v>
      </c>
      <c r="BE1411" s="166">
        <v>0</v>
      </c>
      <c r="BF1411" s="166">
        <v>0</v>
      </c>
      <c r="BG1411" s="166">
        <v>0</v>
      </c>
      <c r="BH1411" s="166">
        <v>0</v>
      </c>
      <c r="BI1411" s="166">
        <v>0</v>
      </c>
      <c r="BJ1411" s="166">
        <v>0</v>
      </c>
      <c r="BK1411" s="166">
        <v>0</v>
      </c>
      <c r="BL1411" s="166">
        <v>0</v>
      </c>
      <c r="BM1411" s="166">
        <v>0</v>
      </c>
      <c r="BN1411" s="166">
        <v>0</v>
      </c>
      <c r="BO1411" s="166">
        <v>0</v>
      </c>
      <c r="BP1411" s="166">
        <v>0</v>
      </c>
      <c r="BQ1411" s="166">
        <v>0</v>
      </c>
      <c r="BR1411" s="166">
        <v>117228648.36999901</v>
      </c>
      <c r="BS1411" s="166">
        <v>117228648.36999901</v>
      </c>
      <c r="BT1411" s="168">
        <v>0</v>
      </c>
      <c r="BU1411" s="166">
        <v>11120887.851277299</v>
      </c>
      <c r="BV1411" s="166">
        <v>117157101.96571</v>
      </c>
      <c r="BW1411" s="166">
        <v>0</v>
      </c>
      <c r="BX1411" s="166">
        <v>0</v>
      </c>
      <c r="BY1411" s="166">
        <v>0</v>
      </c>
      <c r="BZ1411" s="166">
        <v>0</v>
      </c>
      <c r="CA1411" s="166">
        <v>0</v>
      </c>
      <c r="CB1411" s="166">
        <v>0</v>
      </c>
      <c r="CC1411" s="166">
        <v>0</v>
      </c>
      <c r="CD1411" s="166">
        <v>0</v>
      </c>
      <c r="CE1411" s="166">
        <v>0</v>
      </c>
      <c r="CF1411" s="166">
        <v>0</v>
      </c>
      <c r="CG1411" s="166">
        <v>0</v>
      </c>
      <c r="CH1411" s="166">
        <v>0</v>
      </c>
      <c r="CI1411" s="166">
        <v>0</v>
      </c>
      <c r="CJ1411" s="166">
        <v>0</v>
      </c>
      <c r="CK1411" s="166">
        <v>0</v>
      </c>
      <c r="CL1411" s="166">
        <v>0</v>
      </c>
      <c r="CM1411" s="166">
        <v>0</v>
      </c>
      <c r="CN1411" s="166">
        <v>0</v>
      </c>
      <c r="CO1411" s="166">
        <v>0</v>
      </c>
      <c r="CP1411" s="166">
        <v>0</v>
      </c>
      <c r="CQ1411" s="166">
        <v>0</v>
      </c>
      <c r="CR1411" s="166">
        <v>0</v>
      </c>
      <c r="CS1411" s="166">
        <v>0</v>
      </c>
      <c r="CT1411" s="166">
        <v>0</v>
      </c>
      <c r="CU1411" s="166">
        <v>0</v>
      </c>
      <c r="CV1411" s="166">
        <v>0</v>
      </c>
      <c r="CW1411" s="166">
        <v>0</v>
      </c>
      <c r="CX1411" s="166">
        <v>0</v>
      </c>
      <c r="CY1411" s="166">
        <v>117157101.96571</v>
      </c>
      <c r="CZ1411" s="166">
        <v>117157101.96571</v>
      </c>
    </row>
    <row r="1412" spans="1:104" x14ac:dyDescent="0.2">
      <c r="A1412" s="167" t="s">
        <v>382</v>
      </c>
    </row>
    <row r="1413" spans="1:104" x14ac:dyDescent="0.2">
      <c r="A1413" s="170" t="s">
        <v>383</v>
      </c>
    </row>
    <row r="1414" spans="1:104" x14ac:dyDescent="0.2">
      <c r="A1414" s="167" t="s">
        <v>384</v>
      </c>
      <c r="B1414" s="166">
        <v>88002.159999999902</v>
      </c>
      <c r="C1414" s="166">
        <v>88002.159999999902</v>
      </c>
      <c r="D1414" s="166">
        <v>0</v>
      </c>
      <c r="E1414" s="166">
        <v>0</v>
      </c>
      <c r="F1414" s="166">
        <v>0</v>
      </c>
      <c r="G1414" s="166">
        <v>0</v>
      </c>
      <c r="H1414" s="166">
        <v>0</v>
      </c>
      <c r="I1414" s="166">
        <v>0</v>
      </c>
      <c r="J1414" s="166">
        <v>0</v>
      </c>
      <c r="K1414" s="166">
        <v>0</v>
      </c>
      <c r="L1414" s="166">
        <v>0</v>
      </c>
      <c r="M1414" s="166">
        <v>0</v>
      </c>
      <c r="N1414" s="166">
        <v>0</v>
      </c>
      <c r="O1414" s="166">
        <v>0</v>
      </c>
      <c r="P1414" s="166">
        <v>0</v>
      </c>
      <c r="Q1414" s="166">
        <v>0</v>
      </c>
      <c r="R1414" s="166">
        <v>0</v>
      </c>
      <c r="S1414" s="166">
        <v>0</v>
      </c>
      <c r="T1414" s="166">
        <v>0</v>
      </c>
      <c r="U1414" s="166">
        <v>0</v>
      </c>
      <c r="V1414" s="166">
        <v>0</v>
      </c>
      <c r="W1414" s="166">
        <v>0</v>
      </c>
      <c r="X1414" s="166">
        <v>0</v>
      </c>
      <c r="Y1414" s="166">
        <v>0</v>
      </c>
      <c r="Z1414" s="166">
        <v>0</v>
      </c>
      <c r="AA1414" s="166">
        <v>0</v>
      </c>
      <c r="AB1414" s="166">
        <v>0</v>
      </c>
      <c r="AC1414" s="166">
        <v>0</v>
      </c>
      <c r="AD1414" s="166">
        <v>0</v>
      </c>
      <c r="AE1414" s="166">
        <v>0</v>
      </c>
      <c r="AF1414" s="166">
        <v>0</v>
      </c>
      <c r="AG1414" s="166">
        <v>0</v>
      </c>
      <c r="AH1414" s="166">
        <v>0</v>
      </c>
      <c r="AI1414" s="166">
        <v>0</v>
      </c>
      <c r="AJ1414" s="166">
        <v>0</v>
      </c>
      <c r="AK1414" s="166">
        <v>0</v>
      </c>
      <c r="AL1414" s="166">
        <v>0</v>
      </c>
      <c r="AM1414" s="166">
        <v>0</v>
      </c>
      <c r="AN1414" s="166">
        <v>0</v>
      </c>
      <c r="AO1414" s="166">
        <v>0</v>
      </c>
      <c r="AP1414" s="166">
        <v>0</v>
      </c>
      <c r="AQ1414" s="166">
        <v>0</v>
      </c>
      <c r="AR1414" s="166">
        <v>0</v>
      </c>
      <c r="AS1414" s="166">
        <v>0</v>
      </c>
      <c r="AT1414" s="166">
        <v>0</v>
      </c>
      <c r="AU1414" s="166">
        <v>0</v>
      </c>
      <c r="AV1414" s="166">
        <v>0</v>
      </c>
      <c r="AW1414" s="166">
        <v>0</v>
      </c>
      <c r="AX1414" s="166">
        <v>0</v>
      </c>
      <c r="AY1414" s="166">
        <v>0</v>
      </c>
      <c r="AZ1414" s="166">
        <v>0</v>
      </c>
      <c r="BA1414" s="166">
        <v>0</v>
      </c>
      <c r="BB1414" s="166">
        <v>0</v>
      </c>
      <c r="BC1414" s="166">
        <v>0</v>
      </c>
      <c r="BD1414" s="166">
        <v>0</v>
      </c>
      <c r="BE1414" s="166">
        <v>0</v>
      </c>
      <c r="BF1414" s="166">
        <v>0</v>
      </c>
      <c r="BG1414" s="166">
        <v>0</v>
      </c>
      <c r="BH1414" s="166">
        <v>0</v>
      </c>
      <c r="BI1414" s="166">
        <v>0</v>
      </c>
      <c r="BJ1414" s="166">
        <v>0</v>
      </c>
      <c r="BK1414" s="166">
        <v>0</v>
      </c>
      <c r="BL1414" s="166">
        <v>0</v>
      </c>
      <c r="BM1414" s="166">
        <v>0</v>
      </c>
      <c r="BN1414" s="166">
        <v>0</v>
      </c>
      <c r="BO1414" s="166">
        <v>0</v>
      </c>
      <c r="BP1414" s="166">
        <v>0</v>
      </c>
      <c r="BQ1414" s="166">
        <v>0</v>
      </c>
      <c r="BR1414" s="166">
        <v>88002.159999999902</v>
      </c>
      <c r="BS1414" s="166">
        <v>88002.159999999902</v>
      </c>
      <c r="BT1414" s="168">
        <v>0.99981097613053105</v>
      </c>
      <c r="BU1414" s="166">
        <v>7373.70124173983</v>
      </c>
      <c r="BV1414" s="166">
        <v>87985.526378000795</v>
      </c>
      <c r="BW1414" s="166">
        <v>0</v>
      </c>
      <c r="BX1414" s="166">
        <v>0</v>
      </c>
      <c r="BY1414" s="166">
        <v>0</v>
      </c>
      <c r="BZ1414" s="166">
        <v>0</v>
      </c>
      <c r="CA1414" s="166">
        <v>0</v>
      </c>
      <c r="CB1414" s="166">
        <v>0</v>
      </c>
      <c r="CC1414" s="166">
        <v>0</v>
      </c>
      <c r="CD1414" s="166">
        <v>0</v>
      </c>
      <c r="CE1414" s="166">
        <v>0</v>
      </c>
      <c r="CF1414" s="166">
        <v>0</v>
      </c>
      <c r="CG1414" s="166">
        <v>0</v>
      </c>
      <c r="CH1414" s="166">
        <v>0</v>
      </c>
      <c r="CI1414" s="166">
        <v>0</v>
      </c>
      <c r="CJ1414" s="166">
        <v>0</v>
      </c>
      <c r="CK1414" s="166">
        <v>0</v>
      </c>
      <c r="CL1414" s="166">
        <v>0</v>
      </c>
      <c r="CM1414" s="166">
        <v>0</v>
      </c>
      <c r="CN1414" s="166">
        <v>0</v>
      </c>
      <c r="CO1414" s="166">
        <v>0</v>
      </c>
      <c r="CP1414" s="166">
        <v>0</v>
      </c>
      <c r="CQ1414" s="166">
        <v>0</v>
      </c>
      <c r="CR1414" s="166">
        <v>0</v>
      </c>
      <c r="CS1414" s="166">
        <v>0</v>
      </c>
      <c r="CT1414" s="166">
        <v>0</v>
      </c>
      <c r="CU1414" s="166">
        <v>0</v>
      </c>
      <c r="CV1414" s="166">
        <v>0</v>
      </c>
      <c r="CW1414" s="166">
        <v>0</v>
      </c>
      <c r="CX1414" s="166">
        <v>0</v>
      </c>
      <c r="CY1414" s="166">
        <v>87985.526378000795</v>
      </c>
      <c r="CZ1414" s="166">
        <v>87985.526378000795</v>
      </c>
    </row>
    <row r="1415" spans="1:104" x14ac:dyDescent="0.2">
      <c r="A1415" s="167" t="s">
        <v>385</v>
      </c>
    </row>
    <row r="1416" spans="1:104" x14ac:dyDescent="0.2">
      <c r="A1416" s="167" t="s">
        <v>386</v>
      </c>
      <c r="B1416" s="166">
        <v>815195.22</v>
      </c>
      <c r="C1416" s="166">
        <v>815195.22</v>
      </c>
      <c r="D1416" s="166">
        <v>0</v>
      </c>
      <c r="E1416" s="166">
        <v>0</v>
      </c>
      <c r="F1416" s="166">
        <v>0</v>
      </c>
      <c r="G1416" s="166">
        <v>0</v>
      </c>
      <c r="H1416" s="166">
        <v>0</v>
      </c>
      <c r="I1416" s="166">
        <v>0</v>
      </c>
      <c r="J1416" s="166">
        <v>0</v>
      </c>
      <c r="K1416" s="166">
        <v>0</v>
      </c>
      <c r="L1416" s="166">
        <v>0</v>
      </c>
      <c r="M1416" s="166">
        <v>0</v>
      </c>
      <c r="N1416" s="166">
        <v>0</v>
      </c>
      <c r="O1416" s="166">
        <v>0</v>
      </c>
      <c r="P1416" s="166">
        <v>0</v>
      </c>
      <c r="Q1416" s="166">
        <v>0</v>
      </c>
      <c r="R1416" s="166">
        <v>0</v>
      </c>
      <c r="S1416" s="166">
        <v>0</v>
      </c>
      <c r="T1416" s="166">
        <v>0</v>
      </c>
      <c r="U1416" s="166">
        <v>0</v>
      </c>
      <c r="V1416" s="166">
        <v>0</v>
      </c>
      <c r="W1416" s="166">
        <v>0</v>
      </c>
      <c r="X1416" s="166">
        <v>0</v>
      </c>
      <c r="Y1416" s="166">
        <v>0</v>
      </c>
      <c r="Z1416" s="166">
        <v>0</v>
      </c>
      <c r="AA1416" s="166">
        <v>0</v>
      </c>
      <c r="AB1416" s="166">
        <v>0</v>
      </c>
      <c r="AC1416" s="166">
        <v>0</v>
      </c>
      <c r="AD1416" s="166">
        <v>0</v>
      </c>
      <c r="AE1416" s="166">
        <v>0</v>
      </c>
      <c r="AF1416" s="166">
        <v>0</v>
      </c>
      <c r="AG1416" s="166">
        <v>0</v>
      </c>
      <c r="AH1416" s="166">
        <v>0</v>
      </c>
      <c r="AI1416" s="166">
        <v>0</v>
      </c>
      <c r="AJ1416" s="166">
        <v>0</v>
      </c>
      <c r="AK1416" s="166">
        <v>0</v>
      </c>
      <c r="AL1416" s="166">
        <v>0</v>
      </c>
      <c r="AM1416" s="166">
        <v>0</v>
      </c>
      <c r="AN1416" s="166">
        <v>0</v>
      </c>
      <c r="AO1416" s="166">
        <v>0</v>
      </c>
      <c r="AP1416" s="166">
        <v>0</v>
      </c>
      <c r="AQ1416" s="166">
        <v>0</v>
      </c>
      <c r="AR1416" s="166">
        <v>0</v>
      </c>
      <c r="AS1416" s="166">
        <v>0</v>
      </c>
      <c r="AT1416" s="166">
        <v>0</v>
      </c>
      <c r="AU1416" s="166">
        <v>0</v>
      </c>
      <c r="AV1416" s="166">
        <v>0</v>
      </c>
      <c r="AW1416" s="166">
        <v>0</v>
      </c>
      <c r="AX1416" s="166">
        <v>0</v>
      </c>
      <c r="AY1416" s="166">
        <v>0</v>
      </c>
      <c r="AZ1416" s="166">
        <v>0</v>
      </c>
      <c r="BA1416" s="166">
        <v>0</v>
      </c>
      <c r="BB1416" s="166">
        <v>0</v>
      </c>
      <c r="BC1416" s="166">
        <v>0</v>
      </c>
      <c r="BD1416" s="166">
        <v>0</v>
      </c>
      <c r="BE1416" s="166">
        <v>0</v>
      </c>
      <c r="BF1416" s="166">
        <v>0</v>
      </c>
      <c r="BG1416" s="166">
        <v>0</v>
      </c>
      <c r="BH1416" s="166">
        <v>0</v>
      </c>
      <c r="BI1416" s="166">
        <v>0</v>
      </c>
      <c r="BJ1416" s="166">
        <v>0</v>
      </c>
      <c r="BK1416" s="166">
        <v>0</v>
      </c>
      <c r="BL1416" s="166">
        <v>0</v>
      </c>
      <c r="BM1416" s="166">
        <v>0</v>
      </c>
      <c r="BN1416" s="166">
        <v>0</v>
      </c>
      <c r="BO1416" s="166">
        <v>0</v>
      </c>
      <c r="BP1416" s="166">
        <v>0</v>
      </c>
      <c r="BQ1416" s="166">
        <v>0</v>
      </c>
      <c r="BR1416" s="166">
        <v>815195.22</v>
      </c>
      <c r="BS1416" s="166">
        <v>815195.22</v>
      </c>
      <c r="BT1416" s="168">
        <v>0.98751</v>
      </c>
      <c r="BU1416" s="166">
        <v>65645.902386899994</v>
      </c>
      <c r="BV1416" s="166">
        <v>805013.43170219997</v>
      </c>
      <c r="BW1416" s="166">
        <v>0</v>
      </c>
      <c r="BX1416" s="166">
        <v>0</v>
      </c>
      <c r="BY1416" s="166">
        <v>0</v>
      </c>
      <c r="BZ1416" s="166">
        <v>0</v>
      </c>
      <c r="CA1416" s="166">
        <v>0</v>
      </c>
      <c r="CB1416" s="166">
        <v>0</v>
      </c>
      <c r="CC1416" s="166">
        <v>0</v>
      </c>
      <c r="CD1416" s="166">
        <v>0</v>
      </c>
      <c r="CE1416" s="166">
        <v>0</v>
      </c>
      <c r="CF1416" s="166">
        <v>0</v>
      </c>
      <c r="CG1416" s="166">
        <v>0</v>
      </c>
      <c r="CH1416" s="166">
        <v>0</v>
      </c>
      <c r="CI1416" s="166">
        <v>0</v>
      </c>
      <c r="CJ1416" s="166">
        <v>0</v>
      </c>
      <c r="CK1416" s="166">
        <v>0</v>
      </c>
      <c r="CL1416" s="166">
        <v>0</v>
      </c>
      <c r="CM1416" s="166">
        <v>0</v>
      </c>
      <c r="CN1416" s="166">
        <v>0</v>
      </c>
      <c r="CO1416" s="166">
        <v>0</v>
      </c>
      <c r="CP1416" s="166">
        <v>0</v>
      </c>
      <c r="CQ1416" s="166">
        <v>0</v>
      </c>
      <c r="CR1416" s="166">
        <v>0</v>
      </c>
      <c r="CS1416" s="166">
        <v>0</v>
      </c>
      <c r="CT1416" s="166">
        <v>0</v>
      </c>
      <c r="CU1416" s="166">
        <v>0</v>
      </c>
      <c r="CV1416" s="166">
        <v>0</v>
      </c>
      <c r="CW1416" s="166">
        <v>0</v>
      </c>
      <c r="CX1416" s="166">
        <v>0</v>
      </c>
      <c r="CY1416" s="166">
        <v>805013.43170219997</v>
      </c>
      <c r="CZ1416" s="166">
        <v>805013.43170219997</v>
      </c>
    </row>
    <row r="1417" spans="1:104" x14ac:dyDescent="0.2">
      <c r="A1417" s="167" t="s">
        <v>387</v>
      </c>
    </row>
    <row r="1418" spans="1:104" x14ac:dyDescent="0.2">
      <c r="A1418" s="167" t="s">
        <v>703</v>
      </c>
      <c r="B1418" s="166">
        <v>53647944.119999997</v>
      </c>
      <c r="C1418" s="166">
        <v>53647944.119999997</v>
      </c>
      <c r="D1418" s="166">
        <v>0</v>
      </c>
      <c r="E1418" s="166">
        <v>0</v>
      </c>
      <c r="F1418" s="166">
        <v>0</v>
      </c>
      <c r="G1418" s="166">
        <v>0</v>
      </c>
      <c r="H1418" s="166">
        <v>0</v>
      </c>
      <c r="I1418" s="166">
        <v>0</v>
      </c>
      <c r="J1418" s="166">
        <v>0</v>
      </c>
      <c r="K1418" s="166">
        <v>0</v>
      </c>
      <c r="L1418" s="166">
        <v>0</v>
      </c>
      <c r="M1418" s="166">
        <v>0</v>
      </c>
      <c r="N1418" s="166">
        <v>0</v>
      </c>
      <c r="O1418" s="166">
        <v>0</v>
      </c>
      <c r="P1418" s="166">
        <v>0</v>
      </c>
      <c r="Q1418" s="166">
        <v>0</v>
      </c>
      <c r="R1418" s="166">
        <v>0</v>
      </c>
      <c r="S1418" s="166">
        <v>0</v>
      </c>
      <c r="T1418" s="166">
        <v>0</v>
      </c>
      <c r="U1418" s="166">
        <v>0</v>
      </c>
      <c r="V1418" s="166">
        <v>0</v>
      </c>
      <c r="W1418" s="166">
        <v>0</v>
      </c>
      <c r="X1418" s="166">
        <v>0</v>
      </c>
      <c r="Y1418" s="166">
        <v>0</v>
      </c>
      <c r="Z1418" s="166">
        <v>0</v>
      </c>
      <c r="AA1418" s="166">
        <v>0</v>
      </c>
      <c r="AB1418" s="166">
        <v>0</v>
      </c>
      <c r="AC1418" s="166">
        <v>0</v>
      </c>
      <c r="AD1418" s="166">
        <v>0</v>
      </c>
      <c r="AE1418" s="166">
        <v>0</v>
      </c>
      <c r="AF1418" s="166">
        <v>0</v>
      </c>
      <c r="AG1418" s="166">
        <v>0</v>
      </c>
      <c r="AH1418" s="166">
        <v>0</v>
      </c>
      <c r="AI1418" s="166">
        <v>0</v>
      </c>
      <c r="AJ1418" s="166">
        <v>0</v>
      </c>
      <c r="AK1418" s="166">
        <v>0</v>
      </c>
      <c r="AL1418" s="166">
        <v>0</v>
      </c>
      <c r="AM1418" s="166">
        <v>0</v>
      </c>
      <c r="AN1418" s="166">
        <v>0</v>
      </c>
      <c r="AO1418" s="166">
        <v>0</v>
      </c>
      <c r="AP1418" s="166">
        <v>0</v>
      </c>
      <c r="AQ1418" s="166">
        <v>0</v>
      </c>
      <c r="AR1418" s="166">
        <v>0</v>
      </c>
      <c r="AS1418" s="166">
        <v>0</v>
      </c>
      <c r="AT1418" s="166">
        <v>0</v>
      </c>
      <c r="AU1418" s="166">
        <v>0</v>
      </c>
      <c r="AV1418" s="166">
        <v>0</v>
      </c>
      <c r="AW1418" s="166">
        <v>0</v>
      </c>
      <c r="AX1418" s="166">
        <v>0</v>
      </c>
      <c r="AY1418" s="166">
        <v>0</v>
      </c>
      <c r="AZ1418" s="166">
        <v>0</v>
      </c>
      <c r="BA1418" s="166">
        <v>0</v>
      </c>
      <c r="BB1418" s="166">
        <v>0</v>
      </c>
      <c r="BC1418" s="166">
        <v>0</v>
      </c>
      <c r="BD1418" s="166">
        <v>0</v>
      </c>
      <c r="BE1418" s="166">
        <v>0</v>
      </c>
      <c r="BF1418" s="166">
        <v>0</v>
      </c>
      <c r="BG1418" s="166">
        <v>0</v>
      </c>
      <c r="BH1418" s="166">
        <v>0</v>
      </c>
      <c r="BI1418" s="166">
        <v>0</v>
      </c>
      <c r="BJ1418" s="166">
        <v>0</v>
      </c>
      <c r="BK1418" s="166">
        <v>0</v>
      </c>
      <c r="BL1418" s="166">
        <v>0</v>
      </c>
      <c r="BM1418" s="166">
        <v>0</v>
      </c>
      <c r="BN1418" s="166">
        <v>0</v>
      </c>
      <c r="BO1418" s="166">
        <v>0</v>
      </c>
      <c r="BP1418" s="166">
        <v>0</v>
      </c>
      <c r="BQ1418" s="166">
        <v>0</v>
      </c>
      <c r="BR1418" s="166">
        <v>53647944.119999997</v>
      </c>
      <c r="BS1418" s="166">
        <v>53647944.119999997</v>
      </c>
      <c r="BT1418" s="166">
        <v>1000</v>
      </c>
      <c r="BU1418" s="166">
        <v>4760251.05</v>
      </c>
      <c r="BV1418" s="166">
        <v>53647944.119999997</v>
      </c>
      <c r="BW1418" s="166">
        <v>0</v>
      </c>
      <c r="BX1418" s="166">
        <v>0</v>
      </c>
      <c r="BY1418" s="166">
        <v>0</v>
      </c>
      <c r="BZ1418" s="166">
        <v>0</v>
      </c>
      <c r="CA1418" s="166">
        <v>0</v>
      </c>
      <c r="CB1418" s="166">
        <v>0</v>
      </c>
      <c r="CC1418" s="166">
        <v>0</v>
      </c>
      <c r="CD1418" s="166">
        <v>0</v>
      </c>
      <c r="CE1418" s="166">
        <v>0</v>
      </c>
      <c r="CF1418" s="166">
        <v>0</v>
      </c>
      <c r="CG1418" s="166">
        <v>0</v>
      </c>
      <c r="CH1418" s="166">
        <v>0</v>
      </c>
      <c r="CI1418" s="166">
        <v>0</v>
      </c>
      <c r="CJ1418" s="166">
        <v>0</v>
      </c>
      <c r="CK1418" s="166">
        <v>0</v>
      </c>
      <c r="CL1418" s="166">
        <v>0</v>
      </c>
      <c r="CM1418" s="166">
        <v>0</v>
      </c>
      <c r="CN1418" s="166">
        <v>0</v>
      </c>
      <c r="CO1418" s="166">
        <v>0</v>
      </c>
      <c r="CP1418" s="166">
        <v>0</v>
      </c>
      <c r="CQ1418" s="166">
        <v>0</v>
      </c>
      <c r="CR1418" s="166">
        <v>0</v>
      </c>
      <c r="CS1418" s="166">
        <v>0</v>
      </c>
      <c r="CT1418" s="166">
        <v>0</v>
      </c>
      <c r="CU1418" s="166">
        <v>0</v>
      </c>
      <c r="CV1418" s="166">
        <v>0</v>
      </c>
      <c r="CW1418" s="166">
        <v>0</v>
      </c>
      <c r="CX1418" s="166">
        <v>0</v>
      </c>
      <c r="CY1418" s="166">
        <v>53647944.119999997</v>
      </c>
      <c r="CZ1418" s="166">
        <v>53647944.119999997</v>
      </c>
    </row>
    <row r="1419" spans="1:104" x14ac:dyDescent="0.2">
      <c r="A1419" s="167" t="s">
        <v>704</v>
      </c>
      <c r="B1419" s="166">
        <v>0</v>
      </c>
      <c r="C1419" s="166">
        <v>0</v>
      </c>
      <c r="D1419" s="166">
        <v>0</v>
      </c>
      <c r="E1419" s="166">
        <v>0</v>
      </c>
      <c r="F1419" s="166">
        <v>0</v>
      </c>
      <c r="G1419" s="166">
        <v>0</v>
      </c>
      <c r="H1419" s="166">
        <v>0</v>
      </c>
      <c r="I1419" s="166">
        <v>0</v>
      </c>
      <c r="J1419" s="166">
        <v>0</v>
      </c>
      <c r="K1419" s="166">
        <v>0</v>
      </c>
      <c r="L1419" s="166">
        <v>0</v>
      </c>
      <c r="M1419" s="166">
        <v>0</v>
      </c>
      <c r="N1419" s="166">
        <v>0</v>
      </c>
      <c r="O1419" s="166">
        <v>0</v>
      </c>
      <c r="P1419" s="166">
        <v>0</v>
      </c>
      <c r="Q1419" s="166">
        <v>0</v>
      </c>
      <c r="R1419" s="166">
        <v>0</v>
      </c>
      <c r="S1419" s="166">
        <v>0</v>
      </c>
      <c r="T1419" s="166">
        <v>0</v>
      </c>
      <c r="U1419" s="166">
        <v>0</v>
      </c>
      <c r="V1419" s="166">
        <v>0</v>
      </c>
      <c r="W1419" s="166">
        <v>0</v>
      </c>
      <c r="X1419" s="166">
        <v>0</v>
      </c>
      <c r="Y1419" s="166">
        <v>0</v>
      </c>
      <c r="Z1419" s="166">
        <v>0</v>
      </c>
      <c r="AA1419" s="166">
        <v>0</v>
      </c>
      <c r="AB1419" s="166">
        <v>0</v>
      </c>
      <c r="AC1419" s="166">
        <v>0</v>
      </c>
      <c r="AD1419" s="166">
        <v>0</v>
      </c>
      <c r="AE1419" s="166">
        <v>0</v>
      </c>
      <c r="AF1419" s="166">
        <v>0</v>
      </c>
      <c r="AG1419" s="166">
        <v>0</v>
      </c>
      <c r="AH1419" s="166">
        <v>0</v>
      </c>
      <c r="AI1419" s="166">
        <v>0</v>
      </c>
      <c r="AJ1419" s="166">
        <v>0</v>
      </c>
      <c r="AK1419" s="166">
        <v>0</v>
      </c>
      <c r="AL1419" s="166">
        <v>0</v>
      </c>
      <c r="AM1419" s="166">
        <v>0</v>
      </c>
      <c r="AN1419" s="166">
        <v>0</v>
      </c>
      <c r="AO1419" s="166">
        <v>0</v>
      </c>
      <c r="AP1419" s="166">
        <v>0</v>
      </c>
      <c r="AQ1419" s="166">
        <v>0</v>
      </c>
      <c r="AR1419" s="166">
        <v>0</v>
      </c>
      <c r="AS1419" s="166">
        <v>0</v>
      </c>
      <c r="AT1419" s="166">
        <v>0</v>
      </c>
      <c r="AU1419" s="166">
        <v>0</v>
      </c>
      <c r="AV1419" s="166">
        <v>0</v>
      </c>
      <c r="AW1419" s="166">
        <v>0</v>
      </c>
      <c r="AX1419" s="166">
        <v>0</v>
      </c>
      <c r="AY1419" s="166">
        <v>0</v>
      </c>
      <c r="AZ1419" s="166">
        <v>0</v>
      </c>
      <c r="BA1419" s="166">
        <v>0</v>
      </c>
      <c r="BB1419" s="166">
        <v>0</v>
      </c>
      <c r="BC1419" s="166">
        <v>0</v>
      </c>
      <c r="BD1419" s="166">
        <v>0</v>
      </c>
      <c r="BE1419" s="166">
        <v>0</v>
      </c>
      <c r="BF1419" s="166">
        <v>0</v>
      </c>
      <c r="BG1419" s="166">
        <v>0</v>
      </c>
      <c r="BH1419" s="166">
        <v>0</v>
      </c>
      <c r="BI1419" s="166">
        <v>0</v>
      </c>
      <c r="BJ1419" s="166">
        <v>0</v>
      </c>
      <c r="BK1419" s="166">
        <v>0</v>
      </c>
      <c r="BL1419" s="166">
        <v>0</v>
      </c>
      <c r="BM1419" s="166">
        <v>0</v>
      </c>
      <c r="BN1419" s="166">
        <v>0</v>
      </c>
      <c r="BO1419" s="166">
        <v>0</v>
      </c>
      <c r="BP1419" s="166">
        <v>0</v>
      </c>
      <c r="BQ1419" s="166">
        <v>0</v>
      </c>
      <c r="BR1419" s="166">
        <v>0</v>
      </c>
      <c r="BS1419" s="166">
        <v>0</v>
      </c>
      <c r="BT1419" s="166">
        <v>1000</v>
      </c>
      <c r="BU1419" s="166">
        <v>0</v>
      </c>
      <c r="BV1419" s="166">
        <v>0</v>
      </c>
      <c r="BW1419" s="166">
        <v>0</v>
      </c>
      <c r="BX1419" s="166">
        <v>0</v>
      </c>
      <c r="BY1419" s="166">
        <v>0</v>
      </c>
      <c r="BZ1419" s="166">
        <v>0</v>
      </c>
      <c r="CA1419" s="166">
        <v>0</v>
      </c>
      <c r="CB1419" s="166">
        <v>0</v>
      </c>
      <c r="CC1419" s="166">
        <v>0</v>
      </c>
      <c r="CD1419" s="166">
        <v>0</v>
      </c>
      <c r="CE1419" s="166">
        <v>0</v>
      </c>
      <c r="CF1419" s="166">
        <v>0</v>
      </c>
      <c r="CG1419" s="166">
        <v>0</v>
      </c>
      <c r="CH1419" s="166">
        <v>0</v>
      </c>
      <c r="CI1419" s="166">
        <v>0</v>
      </c>
      <c r="CJ1419" s="166">
        <v>0</v>
      </c>
      <c r="CK1419" s="166">
        <v>0</v>
      </c>
      <c r="CL1419" s="166">
        <v>0</v>
      </c>
      <c r="CM1419" s="166">
        <v>0</v>
      </c>
      <c r="CN1419" s="166">
        <v>0</v>
      </c>
      <c r="CO1419" s="166">
        <v>0</v>
      </c>
      <c r="CP1419" s="166">
        <v>0</v>
      </c>
      <c r="CQ1419" s="166">
        <v>0</v>
      </c>
      <c r="CR1419" s="166">
        <v>0</v>
      </c>
      <c r="CS1419" s="166">
        <v>0</v>
      </c>
      <c r="CT1419" s="166">
        <v>0</v>
      </c>
      <c r="CU1419" s="166">
        <v>0</v>
      </c>
      <c r="CV1419" s="166">
        <v>0</v>
      </c>
      <c r="CW1419" s="166">
        <v>0</v>
      </c>
      <c r="CX1419" s="166">
        <v>0</v>
      </c>
      <c r="CY1419" s="166">
        <v>0</v>
      </c>
      <c r="CZ1419" s="166">
        <v>0</v>
      </c>
    </row>
    <row r="1420" spans="1:104" x14ac:dyDescent="0.2">
      <c r="A1420" s="167" t="s">
        <v>389</v>
      </c>
      <c r="B1420" s="166">
        <v>53647944.119999997</v>
      </c>
      <c r="C1420" s="166">
        <v>53647944.119999997</v>
      </c>
      <c r="D1420" s="166">
        <v>0</v>
      </c>
      <c r="E1420" s="166">
        <v>0</v>
      </c>
      <c r="F1420" s="166">
        <v>0</v>
      </c>
      <c r="G1420" s="166">
        <v>0</v>
      </c>
      <c r="H1420" s="166">
        <v>0</v>
      </c>
      <c r="I1420" s="166">
        <v>0</v>
      </c>
      <c r="J1420" s="166">
        <v>0</v>
      </c>
      <c r="K1420" s="166">
        <v>0</v>
      </c>
      <c r="L1420" s="166">
        <v>0</v>
      </c>
      <c r="M1420" s="166">
        <v>0</v>
      </c>
      <c r="N1420" s="166">
        <v>0</v>
      </c>
      <c r="O1420" s="166">
        <v>0</v>
      </c>
      <c r="P1420" s="166">
        <v>0</v>
      </c>
      <c r="Q1420" s="166">
        <v>0</v>
      </c>
      <c r="R1420" s="166">
        <v>0</v>
      </c>
      <c r="S1420" s="166">
        <v>0</v>
      </c>
      <c r="T1420" s="166">
        <v>0</v>
      </c>
      <c r="U1420" s="166">
        <v>0</v>
      </c>
      <c r="V1420" s="166">
        <v>0</v>
      </c>
      <c r="W1420" s="166">
        <v>0</v>
      </c>
      <c r="X1420" s="166">
        <v>0</v>
      </c>
      <c r="Y1420" s="166">
        <v>0</v>
      </c>
      <c r="Z1420" s="166">
        <v>0</v>
      </c>
      <c r="AA1420" s="166">
        <v>0</v>
      </c>
      <c r="AB1420" s="166">
        <v>0</v>
      </c>
      <c r="AC1420" s="166">
        <v>0</v>
      </c>
      <c r="AD1420" s="166">
        <v>0</v>
      </c>
      <c r="AE1420" s="166">
        <v>0</v>
      </c>
      <c r="AF1420" s="166">
        <v>0</v>
      </c>
      <c r="AG1420" s="166">
        <v>0</v>
      </c>
      <c r="AH1420" s="166">
        <v>0</v>
      </c>
      <c r="AI1420" s="166">
        <v>0</v>
      </c>
      <c r="AJ1420" s="166">
        <v>0</v>
      </c>
      <c r="AK1420" s="166">
        <v>0</v>
      </c>
      <c r="AL1420" s="166">
        <v>0</v>
      </c>
      <c r="AM1420" s="166">
        <v>0</v>
      </c>
      <c r="AN1420" s="166">
        <v>0</v>
      </c>
      <c r="AO1420" s="166">
        <v>0</v>
      </c>
      <c r="AP1420" s="166">
        <v>0</v>
      </c>
      <c r="AQ1420" s="166">
        <v>0</v>
      </c>
      <c r="AR1420" s="166">
        <v>0</v>
      </c>
      <c r="AS1420" s="166">
        <v>0</v>
      </c>
      <c r="AT1420" s="166">
        <v>0</v>
      </c>
      <c r="AU1420" s="166">
        <v>0</v>
      </c>
      <c r="AV1420" s="166">
        <v>0</v>
      </c>
      <c r="AW1420" s="166">
        <v>0</v>
      </c>
      <c r="AX1420" s="166">
        <v>0</v>
      </c>
      <c r="AY1420" s="166">
        <v>0</v>
      </c>
      <c r="AZ1420" s="166">
        <v>0</v>
      </c>
      <c r="BA1420" s="166">
        <v>0</v>
      </c>
      <c r="BB1420" s="166">
        <v>0</v>
      </c>
      <c r="BC1420" s="166">
        <v>0</v>
      </c>
      <c r="BD1420" s="166">
        <v>0</v>
      </c>
      <c r="BE1420" s="166">
        <v>0</v>
      </c>
      <c r="BF1420" s="166">
        <v>0</v>
      </c>
      <c r="BG1420" s="166">
        <v>0</v>
      </c>
      <c r="BH1420" s="166">
        <v>0</v>
      </c>
      <c r="BI1420" s="166">
        <v>0</v>
      </c>
      <c r="BJ1420" s="166">
        <v>0</v>
      </c>
      <c r="BK1420" s="166">
        <v>0</v>
      </c>
      <c r="BL1420" s="166">
        <v>0</v>
      </c>
      <c r="BM1420" s="166">
        <v>0</v>
      </c>
      <c r="BN1420" s="166">
        <v>0</v>
      </c>
      <c r="BO1420" s="166">
        <v>0</v>
      </c>
      <c r="BP1420" s="166">
        <v>0</v>
      </c>
      <c r="BQ1420" s="166">
        <v>0</v>
      </c>
      <c r="BR1420" s="166">
        <v>53647944.119999997</v>
      </c>
      <c r="BS1420" s="166">
        <v>53647944.119999997</v>
      </c>
      <c r="BT1420" s="168">
        <v>1</v>
      </c>
      <c r="BU1420" s="166">
        <v>4760251.05</v>
      </c>
      <c r="BV1420" s="166">
        <v>53647944.119999997</v>
      </c>
      <c r="BW1420" s="166">
        <v>0</v>
      </c>
      <c r="BX1420" s="166">
        <v>0</v>
      </c>
      <c r="BY1420" s="166">
        <v>0</v>
      </c>
      <c r="BZ1420" s="166">
        <v>0</v>
      </c>
      <c r="CA1420" s="166">
        <v>0</v>
      </c>
      <c r="CB1420" s="166">
        <v>0</v>
      </c>
      <c r="CC1420" s="166">
        <v>0</v>
      </c>
      <c r="CD1420" s="166">
        <v>0</v>
      </c>
      <c r="CE1420" s="166">
        <v>0</v>
      </c>
      <c r="CF1420" s="166">
        <v>0</v>
      </c>
      <c r="CG1420" s="166">
        <v>0</v>
      </c>
      <c r="CH1420" s="166">
        <v>0</v>
      </c>
      <c r="CI1420" s="166">
        <v>0</v>
      </c>
      <c r="CJ1420" s="166">
        <v>0</v>
      </c>
      <c r="CK1420" s="166">
        <v>0</v>
      </c>
      <c r="CL1420" s="166">
        <v>0</v>
      </c>
      <c r="CM1420" s="166">
        <v>0</v>
      </c>
      <c r="CN1420" s="166">
        <v>0</v>
      </c>
      <c r="CO1420" s="166">
        <v>0</v>
      </c>
      <c r="CP1420" s="166">
        <v>0</v>
      </c>
      <c r="CQ1420" s="166">
        <v>0</v>
      </c>
      <c r="CR1420" s="166">
        <v>0</v>
      </c>
      <c r="CS1420" s="166">
        <v>0</v>
      </c>
      <c r="CT1420" s="166">
        <v>0</v>
      </c>
      <c r="CU1420" s="166">
        <v>0</v>
      </c>
      <c r="CV1420" s="166">
        <v>0</v>
      </c>
      <c r="CW1420" s="166">
        <v>0</v>
      </c>
      <c r="CX1420" s="166">
        <v>0</v>
      </c>
      <c r="CY1420" s="166">
        <v>53647944.119999997</v>
      </c>
      <c r="CZ1420" s="166">
        <v>53647944.119999997</v>
      </c>
    </row>
    <row r="1421" spans="1:104" x14ac:dyDescent="0.2">
      <c r="A1421" s="167" t="s">
        <v>390</v>
      </c>
    </row>
    <row r="1422" spans="1:104" x14ac:dyDescent="0.2">
      <c r="A1422" s="167" t="s">
        <v>1169</v>
      </c>
      <c r="B1422" s="166">
        <v>32736801.969999999</v>
      </c>
      <c r="C1422" s="166">
        <v>32736801.969999999</v>
      </c>
      <c r="D1422" s="166">
        <v>0</v>
      </c>
      <c r="E1422" s="166">
        <v>0</v>
      </c>
      <c r="F1422" s="166">
        <v>0</v>
      </c>
      <c r="G1422" s="166">
        <v>0</v>
      </c>
      <c r="H1422" s="166">
        <v>0</v>
      </c>
      <c r="I1422" s="166">
        <v>0</v>
      </c>
      <c r="J1422" s="166">
        <v>0</v>
      </c>
      <c r="K1422" s="166">
        <v>0</v>
      </c>
      <c r="L1422" s="166">
        <v>0</v>
      </c>
      <c r="M1422" s="166">
        <v>0</v>
      </c>
      <c r="N1422" s="166">
        <v>0</v>
      </c>
      <c r="O1422" s="166">
        <v>0</v>
      </c>
      <c r="P1422" s="166">
        <v>0</v>
      </c>
      <c r="Q1422" s="166">
        <v>0</v>
      </c>
      <c r="R1422" s="166">
        <v>0</v>
      </c>
      <c r="S1422" s="166">
        <v>0</v>
      </c>
      <c r="T1422" s="166">
        <v>0</v>
      </c>
      <c r="U1422" s="166">
        <v>0</v>
      </c>
      <c r="V1422" s="166">
        <v>0</v>
      </c>
      <c r="W1422" s="166">
        <v>0</v>
      </c>
      <c r="X1422" s="166">
        <v>0</v>
      </c>
      <c r="Y1422" s="166">
        <v>0</v>
      </c>
      <c r="Z1422" s="166">
        <v>0</v>
      </c>
      <c r="AA1422" s="166">
        <v>0</v>
      </c>
      <c r="AB1422" s="166">
        <v>0</v>
      </c>
      <c r="AC1422" s="166">
        <v>0</v>
      </c>
      <c r="AD1422" s="166">
        <v>0</v>
      </c>
      <c r="AE1422" s="166">
        <v>0</v>
      </c>
      <c r="AF1422" s="166">
        <v>0</v>
      </c>
      <c r="AG1422" s="166">
        <v>0</v>
      </c>
      <c r="AH1422" s="166">
        <v>0</v>
      </c>
      <c r="AI1422" s="166">
        <v>0</v>
      </c>
      <c r="AJ1422" s="166">
        <v>0</v>
      </c>
      <c r="AK1422" s="166">
        <v>0</v>
      </c>
      <c r="AL1422" s="166">
        <v>0</v>
      </c>
      <c r="AM1422" s="166">
        <v>0</v>
      </c>
      <c r="AN1422" s="166">
        <v>0</v>
      </c>
      <c r="AO1422" s="166">
        <v>0</v>
      </c>
      <c r="AP1422" s="166">
        <v>0</v>
      </c>
      <c r="AQ1422" s="166">
        <v>0</v>
      </c>
      <c r="AR1422" s="166">
        <v>0</v>
      </c>
      <c r="AS1422" s="166">
        <v>0</v>
      </c>
      <c r="AT1422" s="166">
        <v>0</v>
      </c>
      <c r="AU1422" s="166">
        <v>0</v>
      </c>
      <c r="AV1422" s="166">
        <v>0</v>
      </c>
      <c r="AW1422" s="166">
        <v>0</v>
      </c>
      <c r="AX1422" s="166">
        <v>0</v>
      </c>
      <c r="AY1422" s="166">
        <v>0</v>
      </c>
      <c r="AZ1422" s="166">
        <v>0</v>
      </c>
      <c r="BA1422" s="166">
        <v>0</v>
      </c>
      <c r="BB1422" s="166">
        <v>0</v>
      </c>
      <c r="BC1422" s="166">
        <v>0</v>
      </c>
      <c r="BD1422" s="166">
        <v>0</v>
      </c>
      <c r="BE1422" s="166">
        <v>0</v>
      </c>
      <c r="BF1422" s="166">
        <v>0</v>
      </c>
      <c r="BG1422" s="166">
        <v>0</v>
      </c>
      <c r="BH1422" s="166">
        <v>0</v>
      </c>
      <c r="BI1422" s="166">
        <v>0</v>
      </c>
      <c r="BJ1422" s="166">
        <v>0</v>
      </c>
      <c r="BK1422" s="166">
        <v>0</v>
      </c>
      <c r="BL1422" s="166">
        <v>0</v>
      </c>
      <c r="BM1422" s="166">
        <v>0</v>
      </c>
      <c r="BN1422" s="166">
        <v>0</v>
      </c>
      <c r="BO1422" s="166">
        <v>0</v>
      </c>
      <c r="BP1422" s="166">
        <v>0</v>
      </c>
      <c r="BQ1422" s="166">
        <v>0</v>
      </c>
      <c r="BR1422" s="166">
        <v>32736801.969999999</v>
      </c>
      <c r="BS1422" s="166">
        <v>32736801.969999999</v>
      </c>
      <c r="BT1422" s="168">
        <v>1</v>
      </c>
      <c r="BU1422" s="166">
        <v>2517892.02</v>
      </c>
      <c r="BV1422" s="166">
        <v>32736801.969999999</v>
      </c>
      <c r="BW1422" s="166">
        <v>0</v>
      </c>
      <c r="BX1422" s="166">
        <v>0</v>
      </c>
      <c r="BY1422" s="166">
        <v>0</v>
      </c>
      <c r="BZ1422" s="166">
        <v>0</v>
      </c>
      <c r="CA1422" s="166">
        <v>0</v>
      </c>
      <c r="CB1422" s="166">
        <v>0</v>
      </c>
      <c r="CC1422" s="166">
        <v>0</v>
      </c>
      <c r="CD1422" s="166">
        <v>0</v>
      </c>
      <c r="CE1422" s="166">
        <v>0</v>
      </c>
      <c r="CF1422" s="166">
        <v>0</v>
      </c>
      <c r="CG1422" s="166">
        <v>0</v>
      </c>
      <c r="CH1422" s="166">
        <v>0</v>
      </c>
      <c r="CI1422" s="166">
        <v>0</v>
      </c>
      <c r="CJ1422" s="166">
        <v>0</v>
      </c>
      <c r="CK1422" s="166">
        <v>0</v>
      </c>
      <c r="CL1422" s="166">
        <v>0</v>
      </c>
      <c r="CM1422" s="166">
        <v>0</v>
      </c>
      <c r="CN1422" s="166">
        <v>0</v>
      </c>
      <c r="CO1422" s="166">
        <v>0</v>
      </c>
      <c r="CP1422" s="166">
        <v>0</v>
      </c>
      <c r="CQ1422" s="166">
        <v>0</v>
      </c>
      <c r="CR1422" s="166">
        <v>0</v>
      </c>
      <c r="CS1422" s="166">
        <v>0</v>
      </c>
      <c r="CT1422" s="166">
        <v>0</v>
      </c>
      <c r="CU1422" s="166">
        <v>0</v>
      </c>
      <c r="CV1422" s="166">
        <v>0</v>
      </c>
      <c r="CW1422" s="166">
        <v>0</v>
      </c>
      <c r="CX1422" s="166">
        <v>0</v>
      </c>
      <c r="CY1422" s="166">
        <v>32736801.969999999</v>
      </c>
      <c r="CZ1422" s="166">
        <v>32736801.969999999</v>
      </c>
    </row>
    <row r="1423" spans="1:104" x14ac:dyDescent="0.2">
      <c r="A1423" s="167" t="s">
        <v>392</v>
      </c>
    </row>
    <row r="1424" spans="1:104" x14ac:dyDescent="0.2">
      <c r="A1424" s="167" t="s">
        <v>393</v>
      </c>
      <c r="B1424" s="166">
        <v>0</v>
      </c>
      <c r="C1424" s="166">
        <v>0</v>
      </c>
      <c r="D1424" s="166">
        <v>0</v>
      </c>
      <c r="E1424" s="166">
        <v>0</v>
      </c>
      <c r="F1424" s="166">
        <v>0</v>
      </c>
      <c r="G1424" s="166">
        <v>0</v>
      </c>
      <c r="H1424" s="166">
        <v>0</v>
      </c>
      <c r="I1424" s="166">
        <v>0</v>
      </c>
      <c r="J1424" s="166">
        <v>0</v>
      </c>
      <c r="K1424" s="166">
        <v>0</v>
      </c>
      <c r="L1424" s="166">
        <v>0</v>
      </c>
      <c r="M1424" s="166">
        <v>0</v>
      </c>
      <c r="N1424" s="166">
        <v>0</v>
      </c>
      <c r="O1424" s="166">
        <v>0</v>
      </c>
      <c r="P1424" s="166">
        <v>0</v>
      </c>
      <c r="Q1424" s="166">
        <v>0</v>
      </c>
      <c r="R1424" s="166">
        <v>0</v>
      </c>
      <c r="S1424" s="166">
        <v>0</v>
      </c>
      <c r="T1424" s="166">
        <v>0</v>
      </c>
      <c r="U1424" s="166">
        <v>0</v>
      </c>
      <c r="V1424" s="166">
        <v>0</v>
      </c>
      <c r="W1424" s="166">
        <v>0</v>
      </c>
      <c r="X1424" s="166">
        <v>0</v>
      </c>
      <c r="Y1424" s="166">
        <v>0</v>
      </c>
      <c r="Z1424" s="166">
        <v>0</v>
      </c>
      <c r="AA1424" s="166">
        <v>0</v>
      </c>
      <c r="AB1424" s="166">
        <v>0</v>
      </c>
      <c r="AC1424" s="166">
        <v>0</v>
      </c>
      <c r="AD1424" s="166">
        <v>0</v>
      </c>
      <c r="AE1424" s="166">
        <v>0</v>
      </c>
      <c r="AF1424" s="166">
        <v>0</v>
      </c>
      <c r="AG1424" s="166">
        <v>0</v>
      </c>
      <c r="AH1424" s="166">
        <v>0</v>
      </c>
      <c r="AI1424" s="166">
        <v>0</v>
      </c>
      <c r="AJ1424" s="166">
        <v>0</v>
      </c>
      <c r="AK1424" s="166">
        <v>0</v>
      </c>
      <c r="AL1424" s="166">
        <v>0</v>
      </c>
      <c r="AM1424" s="166">
        <v>0</v>
      </c>
      <c r="AN1424" s="166">
        <v>0</v>
      </c>
      <c r="AO1424" s="166">
        <v>0</v>
      </c>
      <c r="AP1424" s="166">
        <v>0</v>
      </c>
      <c r="AQ1424" s="166">
        <v>0</v>
      </c>
      <c r="AR1424" s="166">
        <v>0</v>
      </c>
      <c r="AS1424" s="166">
        <v>0</v>
      </c>
      <c r="AT1424" s="166">
        <v>0</v>
      </c>
      <c r="AU1424" s="166">
        <v>0</v>
      </c>
      <c r="AV1424" s="166">
        <v>0</v>
      </c>
      <c r="AW1424" s="166">
        <v>0</v>
      </c>
      <c r="AX1424" s="166">
        <v>0</v>
      </c>
      <c r="AY1424" s="166">
        <v>0</v>
      </c>
      <c r="AZ1424" s="166">
        <v>0</v>
      </c>
      <c r="BA1424" s="166">
        <v>0</v>
      </c>
      <c r="BB1424" s="166">
        <v>0</v>
      </c>
      <c r="BC1424" s="166">
        <v>0</v>
      </c>
      <c r="BD1424" s="166">
        <v>0</v>
      </c>
      <c r="BE1424" s="166">
        <v>0</v>
      </c>
      <c r="BF1424" s="166">
        <v>0</v>
      </c>
      <c r="BG1424" s="166">
        <v>0</v>
      </c>
      <c r="BH1424" s="166">
        <v>0</v>
      </c>
      <c r="BI1424" s="166">
        <v>0</v>
      </c>
      <c r="BJ1424" s="166">
        <v>0</v>
      </c>
      <c r="BK1424" s="166">
        <v>0</v>
      </c>
      <c r="BL1424" s="166">
        <v>0</v>
      </c>
      <c r="BM1424" s="166">
        <v>0</v>
      </c>
      <c r="BN1424" s="166">
        <v>0</v>
      </c>
      <c r="BO1424" s="166">
        <v>0</v>
      </c>
      <c r="BP1424" s="166">
        <v>0</v>
      </c>
      <c r="BQ1424" s="166">
        <v>0</v>
      </c>
      <c r="BR1424" s="166">
        <v>0</v>
      </c>
      <c r="BS1424" s="166">
        <v>0</v>
      </c>
      <c r="BT1424" s="168">
        <v>0.99981097613053105</v>
      </c>
      <c r="BU1424" s="166">
        <v>0</v>
      </c>
      <c r="BV1424" s="166">
        <v>0</v>
      </c>
      <c r="BW1424" s="166">
        <v>0</v>
      </c>
      <c r="BX1424" s="166">
        <v>0</v>
      </c>
      <c r="BY1424" s="166">
        <v>0</v>
      </c>
      <c r="BZ1424" s="166">
        <v>0</v>
      </c>
      <c r="CA1424" s="166">
        <v>0</v>
      </c>
      <c r="CB1424" s="166">
        <v>0</v>
      </c>
      <c r="CC1424" s="166">
        <v>0</v>
      </c>
      <c r="CD1424" s="166">
        <v>0</v>
      </c>
      <c r="CE1424" s="166">
        <v>0</v>
      </c>
      <c r="CF1424" s="166">
        <v>0</v>
      </c>
      <c r="CG1424" s="166">
        <v>0</v>
      </c>
      <c r="CH1424" s="166">
        <v>0</v>
      </c>
      <c r="CI1424" s="166">
        <v>0</v>
      </c>
      <c r="CJ1424" s="166">
        <v>0</v>
      </c>
      <c r="CK1424" s="166">
        <v>0</v>
      </c>
      <c r="CL1424" s="166">
        <v>0</v>
      </c>
      <c r="CM1424" s="166">
        <v>0</v>
      </c>
      <c r="CN1424" s="166">
        <v>0</v>
      </c>
      <c r="CO1424" s="166">
        <v>0</v>
      </c>
      <c r="CP1424" s="166">
        <v>0</v>
      </c>
      <c r="CQ1424" s="166">
        <v>0</v>
      </c>
      <c r="CR1424" s="166">
        <v>0</v>
      </c>
      <c r="CS1424" s="166">
        <v>0</v>
      </c>
      <c r="CT1424" s="166">
        <v>0</v>
      </c>
      <c r="CU1424" s="166">
        <v>0</v>
      </c>
      <c r="CV1424" s="166">
        <v>0</v>
      </c>
      <c r="CW1424" s="166">
        <v>0</v>
      </c>
      <c r="CX1424" s="166">
        <v>0</v>
      </c>
      <c r="CY1424" s="166">
        <v>0</v>
      </c>
      <c r="CZ1424" s="166">
        <v>0</v>
      </c>
    </row>
    <row r="1425" spans="1:104" x14ac:dyDescent="0.2">
      <c r="A1425" s="170" t="s">
        <v>394</v>
      </c>
      <c r="B1425" s="166">
        <v>87287943.469999999</v>
      </c>
      <c r="C1425" s="166">
        <v>87287943.469999999</v>
      </c>
      <c r="D1425" s="166">
        <v>0</v>
      </c>
      <c r="E1425" s="166">
        <v>0</v>
      </c>
      <c r="F1425" s="166">
        <v>0</v>
      </c>
      <c r="G1425" s="166">
        <v>0</v>
      </c>
      <c r="H1425" s="166">
        <v>0</v>
      </c>
      <c r="I1425" s="166">
        <v>0</v>
      </c>
      <c r="J1425" s="166">
        <v>0</v>
      </c>
      <c r="K1425" s="166">
        <v>0</v>
      </c>
      <c r="L1425" s="166">
        <v>0</v>
      </c>
      <c r="M1425" s="166">
        <v>0</v>
      </c>
      <c r="N1425" s="166">
        <v>0</v>
      </c>
      <c r="O1425" s="166">
        <v>0</v>
      </c>
      <c r="P1425" s="166">
        <v>0</v>
      </c>
      <c r="Q1425" s="166">
        <v>0</v>
      </c>
      <c r="R1425" s="166">
        <v>0</v>
      </c>
      <c r="S1425" s="166">
        <v>0</v>
      </c>
      <c r="T1425" s="166">
        <v>0</v>
      </c>
      <c r="U1425" s="166">
        <v>0</v>
      </c>
      <c r="V1425" s="166">
        <v>0</v>
      </c>
      <c r="W1425" s="166">
        <v>0</v>
      </c>
      <c r="X1425" s="166">
        <v>0</v>
      </c>
      <c r="Y1425" s="166">
        <v>0</v>
      </c>
      <c r="Z1425" s="166">
        <v>0</v>
      </c>
      <c r="AA1425" s="166">
        <v>0</v>
      </c>
      <c r="AB1425" s="166">
        <v>0</v>
      </c>
      <c r="AC1425" s="166">
        <v>0</v>
      </c>
      <c r="AD1425" s="166">
        <v>0</v>
      </c>
      <c r="AE1425" s="166">
        <v>0</v>
      </c>
      <c r="AF1425" s="166">
        <v>0</v>
      </c>
      <c r="AG1425" s="166">
        <v>0</v>
      </c>
      <c r="AH1425" s="166">
        <v>0</v>
      </c>
      <c r="AI1425" s="166">
        <v>0</v>
      </c>
      <c r="AJ1425" s="166">
        <v>0</v>
      </c>
      <c r="AK1425" s="166">
        <v>0</v>
      </c>
      <c r="AL1425" s="166">
        <v>0</v>
      </c>
      <c r="AM1425" s="166">
        <v>0</v>
      </c>
      <c r="AN1425" s="166">
        <v>0</v>
      </c>
      <c r="AO1425" s="166">
        <v>0</v>
      </c>
      <c r="AP1425" s="166">
        <v>0</v>
      </c>
      <c r="AQ1425" s="166">
        <v>0</v>
      </c>
      <c r="AR1425" s="166">
        <v>0</v>
      </c>
      <c r="AS1425" s="166">
        <v>0</v>
      </c>
      <c r="AT1425" s="166">
        <v>0</v>
      </c>
      <c r="AU1425" s="166">
        <v>0</v>
      </c>
      <c r="AV1425" s="166">
        <v>0</v>
      </c>
      <c r="AW1425" s="166">
        <v>0</v>
      </c>
      <c r="AX1425" s="166">
        <v>0</v>
      </c>
      <c r="AY1425" s="166">
        <v>0</v>
      </c>
      <c r="AZ1425" s="166">
        <v>0</v>
      </c>
      <c r="BA1425" s="166">
        <v>0</v>
      </c>
      <c r="BB1425" s="166">
        <v>0</v>
      </c>
      <c r="BC1425" s="166">
        <v>0</v>
      </c>
      <c r="BD1425" s="166">
        <v>0</v>
      </c>
      <c r="BE1425" s="166">
        <v>0</v>
      </c>
      <c r="BF1425" s="166">
        <v>0</v>
      </c>
      <c r="BG1425" s="166">
        <v>0</v>
      </c>
      <c r="BH1425" s="166">
        <v>0</v>
      </c>
      <c r="BI1425" s="166">
        <v>0</v>
      </c>
      <c r="BJ1425" s="166">
        <v>0</v>
      </c>
      <c r="BK1425" s="166">
        <v>0</v>
      </c>
      <c r="BL1425" s="166">
        <v>0</v>
      </c>
      <c r="BM1425" s="166">
        <v>0</v>
      </c>
      <c r="BN1425" s="166">
        <v>0</v>
      </c>
      <c r="BO1425" s="166">
        <v>0</v>
      </c>
      <c r="BP1425" s="166">
        <v>0</v>
      </c>
      <c r="BQ1425" s="166">
        <v>0</v>
      </c>
      <c r="BR1425" s="166">
        <v>87287943.469999999</v>
      </c>
      <c r="BS1425" s="166">
        <v>87287943.469999999</v>
      </c>
      <c r="BT1425" s="168">
        <v>0</v>
      </c>
      <c r="BU1425" s="166">
        <v>7351162.6736286404</v>
      </c>
      <c r="BV1425" s="166">
        <v>87277745.048080206</v>
      </c>
      <c r="BW1425" s="166">
        <v>0</v>
      </c>
      <c r="BX1425" s="166">
        <v>0</v>
      </c>
      <c r="BY1425" s="166">
        <v>0</v>
      </c>
      <c r="BZ1425" s="166">
        <v>0</v>
      </c>
      <c r="CA1425" s="166">
        <v>0</v>
      </c>
      <c r="CB1425" s="166">
        <v>0</v>
      </c>
      <c r="CC1425" s="166">
        <v>0</v>
      </c>
      <c r="CD1425" s="166">
        <v>0</v>
      </c>
      <c r="CE1425" s="166">
        <v>0</v>
      </c>
      <c r="CF1425" s="166">
        <v>0</v>
      </c>
      <c r="CG1425" s="166">
        <v>0</v>
      </c>
      <c r="CH1425" s="166">
        <v>0</v>
      </c>
      <c r="CI1425" s="166">
        <v>0</v>
      </c>
      <c r="CJ1425" s="166">
        <v>0</v>
      </c>
      <c r="CK1425" s="166">
        <v>0</v>
      </c>
      <c r="CL1425" s="166">
        <v>0</v>
      </c>
      <c r="CM1425" s="166">
        <v>0</v>
      </c>
      <c r="CN1425" s="166">
        <v>0</v>
      </c>
      <c r="CO1425" s="166">
        <v>0</v>
      </c>
      <c r="CP1425" s="166">
        <v>0</v>
      </c>
      <c r="CQ1425" s="166">
        <v>0</v>
      </c>
      <c r="CR1425" s="166">
        <v>0</v>
      </c>
      <c r="CS1425" s="166">
        <v>0</v>
      </c>
      <c r="CT1425" s="166">
        <v>0</v>
      </c>
      <c r="CU1425" s="166">
        <v>0</v>
      </c>
      <c r="CV1425" s="166">
        <v>0</v>
      </c>
      <c r="CW1425" s="166">
        <v>0</v>
      </c>
      <c r="CX1425" s="166">
        <v>0</v>
      </c>
      <c r="CY1425" s="166">
        <v>87277745.048080102</v>
      </c>
      <c r="CZ1425" s="166">
        <v>87277745.048080206</v>
      </c>
    </row>
    <row r="1426" spans="1:104" x14ac:dyDescent="0.2">
      <c r="A1426" s="167" t="s">
        <v>395</v>
      </c>
    </row>
    <row r="1427" spans="1:104" x14ac:dyDescent="0.2">
      <c r="A1427" s="170" t="s">
        <v>396</v>
      </c>
    </row>
    <row r="1428" spans="1:104" x14ac:dyDescent="0.2">
      <c r="A1428" s="167" t="s">
        <v>397</v>
      </c>
      <c r="B1428" s="166">
        <v>0</v>
      </c>
      <c r="C1428" s="166">
        <v>0</v>
      </c>
      <c r="D1428" s="166">
        <v>0</v>
      </c>
      <c r="E1428" s="166">
        <v>0</v>
      </c>
      <c r="F1428" s="166">
        <v>0</v>
      </c>
      <c r="G1428" s="166">
        <v>0</v>
      </c>
      <c r="H1428" s="166">
        <v>0</v>
      </c>
      <c r="I1428" s="166">
        <v>0</v>
      </c>
      <c r="J1428" s="166">
        <v>0</v>
      </c>
      <c r="K1428" s="166">
        <v>0</v>
      </c>
      <c r="L1428" s="166">
        <v>0</v>
      </c>
      <c r="M1428" s="166">
        <v>0</v>
      </c>
      <c r="N1428" s="166">
        <v>0</v>
      </c>
      <c r="O1428" s="166">
        <v>0</v>
      </c>
      <c r="P1428" s="166">
        <v>0</v>
      </c>
      <c r="Q1428" s="166">
        <v>0</v>
      </c>
      <c r="R1428" s="166">
        <v>0</v>
      </c>
      <c r="S1428" s="166">
        <v>0</v>
      </c>
      <c r="T1428" s="166">
        <v>0</v>
      </c>
      <c r="U1428" s="166">
        <v>0</v>
      </c>
      <c r="V1428" s="166">
        <v>0</v>
      </c>
      <c r="W1428" s="166">
        <v>0</v>
      </c>
      <c r="X1428" s="166">
        <v>0</v>
      </c>
      <c r="Y1428" s="166">
        <v>0</v>
      </c>
      <c r="Z1428" s="166">
        <v>0</v>
      </c>
      <c r="AA1428" s="166">
        <v>0</v>
      </c>
      <c r="AB1428" s="166">
        <v>0</v>
      </c>
      <c r="AC1428" s="166">
        <v>0</v>
      </c>
      <c r="AD1428" s="166">
        <v>0</v>
      </c>
      <c r="AE1428" s="166">
        <v>0</v>
      </c>
      <c r="AF1428" s="166">
        <v>0</v>
      </c>
      <c r="AG1428" s="166">
        <v>0</v>
      </c>
      <c r="AH1428" s="166">
        <v>0</v>
      </c>
      <c r="AI1428" s="166">
        <v>0</v>
      </c>
      <c r="AJ1428" s="166">
        <v>0</v>
      </c>
      <c r="AK1428" s="166">
        <v>0</v>
      </c>
      <c r="AL1428" s="166">
        <v>0</v>
      </c>
      <c r="AM1428" s="166">
        <v>0</v>
      </c>
      <c r="AN1428" s="166">
        <v>0</v>
      </c>
      <c r="AO1428" s="166">
        <v>0</v>
      </c>
      <c r="AP1428" s="166">
        <v>0</v>
      </c>
      <c r="AQ1428" s="166">
        <v>0</v>
      </c>
      <c r="AR1428" s="166">
        <v>0</v>
      </c>
      <c r="AS1428" s="166">
        <v>0</v>
      </c>
      <c r="AT1428" s="166">
        <v>0</v>
      </c>
      <c r="AU1428" s="166">
        <v>0</v>
      </c>
      <c r="AV1428" s="166">
        <v>0</v>
      </c>
      <c r="AW1428" s="166">
        <v>0</v>
      </c>
      <c r="AX1428" s="166">
        <v>0</v>
      </c>
      <c r="AY1428" s="166">
        <v>0</v>
      </c>
      <c r="AZ1428" s="166">
        <v>0</v>
      </c>
      <c r="BA1428" s="166">
        <v>0</v>
      </c>
      <c r="BB1428" s="166">
        <v>0</v>
      </c>
      <c r="BC1428" s="166">
        <v>0</v>
      </c>
      <c r="BD1428" s="166">
        <v>0</v>
      </c>
      <c r="BE1428" s="166">
        <v>0</v>
      </c>
      <c r="BF1428" s="166">
        <v>0</v>
      </c>
      <c r="BG1428" s="166">
        <v>0</v>
      </c>
      <c r="BH1428" s="166">
        <v>0</v>
      </c>
      <c r="BI1428" s="166">
        <v>0</v>
      </c>
      <c r="BJ1428" s="166">
        <v>0</v>
      </c>
      <c r="BK1428" s="166">
        <v>0</v>
      </c>
      <c r="BL1428" s="166">
        <v>0</v>
      </c>
      <c r="BM1428" s="166">
        <v>0</v>
      </c>
      <c r="BN1428" s="166">
        <v>0</v>
      </c>
      <c r="BO1428" s="166">
        <v>0</v>
      </c>
      <c r="BP1428" s="166">
        <v>0</v>
      </c>
      <c r="BQ1428" s="166">
        <v>0</v>
      </c>
      <c r="BR1428" s="166">
        <v>0</v>
      </c>
      <c r="BS1428" s="166">
        <v>0</v>
      </c>
      <c r="BT1428" s="168">
        <v>1</v>
      </c>
      <c r="BU1428" s="166">
        <v>0</v>
      </c>
      <c r="BV1428" s="166">
        <v>0</v>
      </c>
      <c r="BW1428" s="166">
        <v>0</v>
      </c>
      <c r="BX1428" s="166">
        <v>0</v>
      </c>
      <c r="BY1428" s="166">
        <v>0</v>
      </c>
      <c r="BZ1428" s="166">
        <v>0</v>
      </c>
      <c r="CA1428" s="166">
        <v>0</v>
      </c>
      <c r="CB1428" s="166">
        <v>0</v>
      </c>
      <c r="CC1428" s="166">
        <v>0</v>
      </c>
      <c r="CD1428" s="166">
        <v>0</v>
      </c>
      <c r="CE1428" s="166">
        <v>0</v>
      </c>
      <c r="CF1428" s="166">
        <v>0</v>
      </c>
      <c r="CG1428" s="166">
        <v>0</v>
      </c>
      <c r="CH1428" s="166">
        <v>0</v>
      </c>
      <c r="CI1428" s="166">
        <v>0</v>
      </c>
      <c r="CJ1428" s="166">
        <v>0</v>
      </c>
      <c r="CK1428" s="166">
        <v>0</v>
      </c>
      <c r="CL1428" s="166">
        <v>0</v>
      </c>
      <c r="CM1428" s="166">
        <v>0</v>
      </c>
      <c r="CN1428" s="166">
        <v>0</v>
      </c>
      <c r="CO1428" s="166">
        <v>0</v>
      </c>
      <c r="CP1428" s="166">
        <v>0</v>
      </c>
      <c r="CQ1428" s="166">
        <v>0</v>
      </c>
      <c r="CR1428" s="166">
        <v>0</v>
      </c>
      <c r="CS1428" s="166">
        <v>0</v>
      </c>
      <c r="CT1428" s="166">
        <v>0</v>
      </c>
      <c r="CU1428" s="166">
        <v>0</v>
      </c>
      <c r="CV1428" s="166">
        <v>0</v>
      </c>
      <c r="CW1428" s="166">
        <v>0</v>
      </c>
      <c r="CX1428" s="166">
        <v>0</v>
      </c>
      <c r="CY1428" s="166">
        <v>0</v>
      </c>
      <c r="CZ1428" s="166">
        <v>0</v>
      </c>
    </row>
    <row r="1429" spans="1:104" x14ac:dyDescent="0.2">
      <c r="A1429" s="167" t="s">
        <v>1171</v>
      </c>
      <c r="B1429" s="166">
        <v>0</v>
      </c>
      <c r="C1429" s="166">
        <v>0</v>
      </c>
      <c r="D1429" s="166">
        <v>0</v>
      </c>
      <c r="E1429" s="166">
        <v>0</v>
      </c>
      <c r="F1429" s="166">
        <v>0</v>
      </c>
      <c r="G1429" s="166">
        <v>0</v>
      </c>
      <c r="H1429" s="166">
        <v>0</v>
      </c>
      <c r="I1429" s="166">
        <v>0</v>
      </c>
      <c r="J1429" s="166">
        <v>0</v>
      </c>
      <c r="K1429" s="166">
        <v>0</v>
      </c>
      <c r="L1429" s="166">
        <v>0</v>
      </c>
      <c r="M1429" s="166">
        <v>0</v>
      </c>
      <c r="N1429" s="166">
        <v>0</v>
      </c>
      <c r="O1429" s="166">
        <v>0</v>
      </c>
      <c r="P1429" s="166">
        <v>0</v>
      </c>
      <c r="Q1429" s="166">
        <v>0</v>
      </c>
      <c r="R1429" s="166">
        <v>0</v>
      </c>
      <c r="S1429" s="166">
        <v>0</v>
      </c>
      <c r="T1429" s="166">
        <v>0</v>
      </c>
      <c r="U1429" s="166">
        <v>0</v>
      </c>
      <c r="V1429" s="166">
        <v>0</v>
      </c>
      <c r="W1429" s="166">
        <v>0</v>
      </c>
      <c r="X1429" s="166">
        <v>0</v>
      </c>
      <c r="Y1429" s="166">
        <v>0</v>
      </c>
      <c r="Z1429" s="166">
        <v>0</v>
      </c>
      <c r="AA1429" s="166">
        <v>0</v>
      </c>
      <c r="AB1429" s="166">
        <v>0</v>
      </c>
      <c r="AC1429" s="166">
        <v>0</v>
      </c>
      <c r="AD1429" s="166">
        <v>0</v>
      </c>
      <c r="AE1429" s="166">
        <v>0</v>
      </c>
      <c r="AF1429" s="166">
        <v>0</v>
      </c>
      <c r="AG1429" s="166">
        <v>0</v>
      </c>
      <c r="AH1429" s="166">
        <v>0</v>
      </c>
      <c r="AI1429" s="166">
        <v>0</v>
      </c>
      <c r="AJ1429" s="166">
        <v>0</v>
      </c>
      <c r="AK1429" s="166">
        <v>0</v>
      </c>
      <c r="AL1429" s="166">
        <v>0</v>
      </c>
      <c r="AM1429" s="166">
        <v>0</v>
      </c>
      <c r="AN1429" s="166">
        <v>0</v>
      </c>
      <c r="AO1429" s="166">
        <v>0</v>
      </c>
      <c r="AP1429" s="166">
        <v>0</v>
      </c>
      <c r="AQ1429" s="166">
        <v>0</v>
      </c>
      <c r="AR1429" s="166">
        <v>0</v>
      </c>
      <c r="AS1429" s="166">
        <v>0</v>
      </c>
      <c r="AT1429" s="166">
        <v>0</v>
      </c>
      <c r="AU1429" s="166">
        <v>0</v>
      </c>
      <c r="AV1429" s="166">
        <v>0</v>
      </c>
      <c r="AW1429" s="166">
        <v>0</v>
      </c>
      <c r="AX1429" s="166">
        <v>0</v>
      </c>
      <c r="AY1429" s="166">
        <v>0</v>
      </c>
      <c r="AZ1429" s="166">
        <v>0</v>
      </c>
      <c r="BA1429" s="166">
        <v>0</v>
      </c>
      <c r="BB1429" s="166">
        <v>0</v>
      </c>
      <c r="BC1429" s="166">
        <v>0</v>
      </c>
      <c r="BD1429" s="166">
        <v>0</v>
      </c>
      <c r="BE1429" s="166">
        <v>0</v>
      </c>
      <c r="BF1429" s="166">
        <v>0</v>
      </c>
      <c r="BG1429" s="166">
        <v>0</v>
      </c>
      <c r="BH1429" s="166">
        <v>0</v>
      </c>
      <c r="BI1429" s="166">
        <v>0</v>
      </c>
      <c r="BJ1429" s="166">
        <v>0</v>
      </c>
      <c r="BK1429" s="166">
        <v>0</v>
      </c>
      <c r="BL1429" s="166">
        <v>0</v>
      </c>
      <c r="BM1429" s="166">
        <v>0</v>
      </c>
      <c r="BN1429" s="166">
        <v>0</v>
      </c>
      <c r="BO1429" s="166">
        <v>0</v>
      </c>
      <c r="BP1429" s="166">
        <v>0</v>
      </c>
      <c r="BQ1429" s="166">
        <v>0</v>
      </c>
      <c r="BR1429" s="166">
        <v>0</v>
      </c>
      <c r="BS1429" s="166">
        <v>0</v>
      </c>
      <c r="BT1429" s="168">
        <v>1</v>
      </c>
      <c r="BU1429" s="166">
        <v>0</v>
      </c>
      <c r="BV1429" s="166">
        <v>0</v>
      </c>
      <c r="BW1429" s="166">
        <v>0</v>
      </c>
      <c r="BX1429" s="166">
        <v>0</v>
      </c>
      <c r="BY1429" s="166">
        <v>0</v>
      </c>
      <c r="BZ1429" s="166">
        <v>0</v>
      </c>
      <c r="CA1429" s="166">
        <v>0</v>
      </c>
      <c r="CB1429" s="166">
        <v>0</v>
      </c>
      <c r="CC1429" s="166">
        <v>0</v>
      </c>
      <c r="CD1429" s="166">
        <v>0</v>
      </c>
      <c r="CE1429" s="166">
        <v>0</v>
      </c>
      <c r="CF1429" s="166">
        <v>0</v>
      </c>
      <c r="CG1429" s="166">
        <v>0</v>
      </c>
      <c r="CH1429" s="166">
        <v>0</v>
      </c>
      <c r="CI1429" s="166">
        <v>0</v>
      </c>
      <c r="CJ1429" s="166">
        <v>0</v>
      </c>
      <c r="CK1429" s="166">
        <v>0</v>
      </c>
      <c r="CL1429" s="166">
        <v>0</v>
      </c>
      <c r="CM1429" s="166">
        <v>0</v>
      </c>
      <c r="CN1429" s="166">
        <v>0</v>
      </c>
      <c r="CO1429" s="166">
        <v>0</v>
      </c>
      <c r="CP1429" s="166">
        <v>0</v>
      </c>
      <c r="CQ1429" s="166">
        <v>0</v>
      </c>
      <c r="CR1429" s="166">
        <v>0</v>
      </c>
      <c r="CS1429" s="166">
        <v>0</v>
      </c>
      <c r="CT1429" s="166">
        <v>0</v>
      </c>
      <c r="CU1429" s="166">
        <v>0</v>
      </c>
      <c r="CV1429" s="166">
        <v>0</v>
      </c>
      <c r="CW1429" s="166">
        <v>0</v>
      </c>
      <c r="CX1429" s="166">
        <v>0</v>
      </c>
      <c r="CY1429" s="166">
        <v>0</v>
      </c>
      <c r="CZ1429" s="166">
        <v>0</v>
      </c>
    </row>
    <row r="1430" spans="1:104" x14ac:dyDescent="0.2">
      <c r="A1430" s="167" t="s">
        <v>399</v>
      </c>
      <c r="B1430" s="166">
        <v>0</v>
      </c>
      <c r="C1430" s="166">
        <v>0</v>
      </c>
      <c r="D1430" s="166">
        <v>0</v>
      </c>
      <c r="E1430" s="166">
        <v>0</v>
      </c>
      <c r="F1430" s="166">
        <v>0</v>
      </c>
      <c r="G1430" s="166">
        <v>0</v>
      </c>
      <c r="H1430" s="166">
        <v>0</v>
      </c>
      <c r="I1430" s="166">
        <v>0</v>
      </c>
      <c r="J1430" s="166">
        <v>0</v>
      </c>
      <c r="K1430" s="166">
        <v>0</v>
      </c>
      <c r="L1430" s="166">
        <v>0</v>
      </c>
      <c r="M1430" s="166">
        <v>0</v>
      </c>
      <c r="N1430" s="166">
        <v>0</v>
      </c>
      <c r="O1430" s="166">
        <v>0</v>
      </c>
      <c r="P1430" s="166">
        <v>0</v>
      </c>
      <c r="Q1430" s="166">
        <v>0</v>
      </c>
      <c r="R1430" s="166">
        <v>0</v>
      </c>
      <c r="S1430" s="166">
        <v>0</v>
      </c>
      <c r="T1430" s="166">
        <v>0</v>
      </c>
      <c r="U1430" s="166">
        <v>0</v>
      </c>
      <c r="V1430" s="166">
        <v>0</v>
      </c>
      <c r="W1430" s="166">
        <v>0</v>
      </c>
      <c r="X1430" s="166">
        <v>0</v>
      </c>
      <c r="Y1430" s="166">
        <v>0</v>
      </c>
      <c r="Z1430" s="166">
        <v>0</v>
      </c>
      <c r="AA1430" s="166">
        <v>0</v>
      </c>
      <c r="AB1430" s="166">
        <v>0</v>
      </c>
      <c r="AC1430" s="166">
        <v>0</v>
      </c>
      <c r="AD1430" s="166">
        <v>0</v>
      </c>
      <c r="AE1430" s="166">
        <v>0</v>
      </c>
      <c r="AF1430" s="166">
        <v>0</v>
      </c>
      <c r="AG1430" s="166">
        <v>0</v>
      </c>
      <c r="AH1430" s="166">
        <v>0</v>
      </c>
      <c r="AI1430" s="166">
        <v>0</v>
      </c>
      <c r="AJ1430" s="166">
        <v>0</v>
      </c>
      <c r="AK1430" s="166">
        <v>0</v>
      </c>
      <c r="AL1430" s="166">
        <v>0</v>
      </c>
      <c r="AM1430" s="166">
        <v>0</v>
      </c>
      <c r="AN1430" s="166">
        <v>0</v>
      </c>
      <c r="AO1430" s="166">
        <v>0</v>
      </c>
      <c r="AP1430" s="166">
        <v>0</v>
      </c>
      <c r="AQ1430" s="166">
        <v>0</v>
      </c>
      <c r="AR1430" s="166">
        <v>0</v>
      </c>
      <c r="AS1430" s="166">
        <v>0</v>
      </c>
      <c r="AT1430" s="166">
        <v>0</v>
      </c>
      <c r="AU1430" s="166">
        <v>0</v>
      </c>
      <c r="AV1430" s="166">
        <v>0</v>
      </c>
      <c r="AW1430" s="166">
        <v>0</v>
      </c>
      <c r="AX1430" s="166">
        <v>0</v>
      </c>
      <c r="AY1430" s="166">
        <v>0</v>
      </c>
      <c r="AZ1430" s="166">
        <v>0</v>
      </c>
      <c r="BA1430" s="166">
        <v>0</v>
      </c>
      <c r="BB1430" s="166">
        <v>0</v>
      </c>
      <c r="BC1430" s="166">
        <v>0</v>
      </c>
      <c r="BD1430" s="166">
        <v>0</v>
      </c>
      <c r="BE1430" s="166">
        <v>0</v>
      </c>
      <c r="BF1430" s="166">
        <v>0</v>
      </c>
      <c r="BG1430" s="166">
        <v>0</v>
      </c>
      <c r="BH1430" s="166">
        <v>0</v>
      </c>
      <c r="BI1430" s="166">
        <v>0</v>
      </c>
      <c r="BJ1430" s="166">
        <v>0</v>
      </c>
      <c r="BK1430" s="166">
        <v>0</v>
      </c>
      <c r="BL1430" s="166">
        <v>0</v>
      </c>
      <c r="BM1430" s="166">
        <v>0</v>
      </c>
      <c r="BN1430" s="166">
        <v>0</v>
      </c>
      <c r="BO1430" s="166">
        <v>0</v>
      </c>
      <c r="BP1430" s="166">
        <v>0</v>
      </c>
      <c r="BQ1430" s="166">
        <v>0</v>
      </c>
      <c r="BR1430" s="166">
        <v>0</v>
      </c>
      <c r="BS1430" s="166">
        <v>0</v>
      </c>
      <c r="BT1430" s="168">
        <v>1</v>
      </c>
      <c r="BU1430" s="166">
        <v>0</v>
      </c>
      <c r="BV1430" s="166">
        <v>0</v>
      </c>
      <c r="BW1430" s="166">
        <v>0</v>
      </c>
      <c r="BX1430" s="166">
        <v>0</v>
      </c>
      <c r="BY1430" s="166">
        <v>0</v>
      </c>
      <c r="BZ1430" s="166">
        <v>0</v>
      </c>
      <c r="CA1430" s="166">
        <v>0</v>
      </c>
      <c r="CB1430" s="166">
        <v>0</v>
      </c>
      <c r="CC1430" s="166">
        <v>0</v>
      </c>
      <c r="CD1430" s="166">
        <v>0</v>
      </c>
      <c r="CE1430" s="166">
        <v>0</v>
      </c>
      <c r="CF1430" s="166">
        <v>0</v>
      </c>
      <c r="CG1430" s="166">
        <v>0</v>
      </c>
      <c r="CH1430" s="166">
        <v>0</v>
      </c>
      <c r="CI1430" s="166">
        <v>0</v>
      </c>
      <c r="CJ1430" s="166">
        <v>0</v>
      </c>
      <c r="CK1430" s="166">
        <v>0</v>
      </c>
      <c r="CL1430" s="166">
        <v>0</v>
      </c>
      <c r="CM1430" s="166">
        <v>0</v>
      </c>
      <c r="CN1430" s="166">
        <v>0</v>
      </c>
      <c r="CO1430" s="166">
        <v>0</v>
      </c>
      <c r="CP1430" s="166">
        <v>0</v>
      </c>
      <c r="CQ1430" s="166">
        <v>0</v>
      </c>
      <c r="CR1430" s="166">
        <v>0</v>
      </c>
      <c r="CS1430" s="166">
        <v>0</v>
      </c>
      <c r="CT1430" s="166">
        <v>0</v>
      </c>
      <c r="CU1430" s="166">
        <v>0</v>
      </c>
      <c r="CV1430" s="166">
        <v>0</v>
      </c>
      <c r="CW1430" s="166">
        <v>0</v>
      </c>
      <c r="CX1430" s="166">
        <v>0</v>
      </c>
      <c r="CY1430" s="166">
        <v>0</v>
      </c>
      <c r="CZ1430" s="166">
        <v>0</v>
      </c>
    </row>
    <row r="1431" spans="1:104" x14ac:dyDescent="0.2">
      <c r="A1431" s="167" t="s">
        <v>1172</v>
      </c>
      <c r="B1431" s="166">
        <v>10493572.1299999</v>
      </c>
      <c r="C1431" s="166">
        <v>10493572.1299999</v>
      </c>
      <c r="D1431" s="166">
        <v>0</v>
      </c>
      <c r="E1431" s="166">
        <v>0</v>
      </c>
      <c r="F1431" s="166">
        <v>0</v>
      </c>
      <c r="G1431" s="166">
        <v>0</v>
      </c>
      <c r="H1431" s="166">
        <v>0</v>
      </c>
      <c r="I1431" s="166">
        <v>0</v>
      </c>
      <c r="J1431" s="166">
        <v>0</v>
      </c>
      <c r="K1431" s="166">
        <v>0</v>
      </c>
      <c r="L1431" s="166">
        <v>0</v>
      </c>
      <c r="M1431" s="166">
        <v>0</v>
      </c>
      <c r="N1431" s="166">
        <v>0</v>
      </c>
      <c r="O1431" s="166">
        <v>0</v>
      </c>
      <c r="P1431" s="166">
        <v>0</v>
      </c>
      <c r="Q1431" s="166">
        <v>0</v>
      </c>
      <c r="R1431" s="166">
        <v>0</v>
      </c>
      <c r="S1431" s="166">
        <v>0</v>
      </c>
      <c r="T1431" s="166">
        <v>0</v>
      </c>
      <c r="U1431" s="166">
        <v>0</v>
      </c>
      <c r="V1431" s="166">
        <v>0</v>
      </c>
      <c r="W1431" s="166">
        <v>0</v>
      </c>
      <c r="X1431" s="166">
        <v>0</v>
      </c>
      <c r="Y1431" s="166">
        <v>0</v>
      </c>
      <c r="Z1431" s="166">
        <v>0</v>
      </c>
      <c r="AA1431" s="166">
        <v>0</v>
      </c>
      <c r="AB1431" s="166">
        <v>0</v>
      </c>
      <c r="AC1431" s="166">
        <v>0</v>
      </c>
      <c r="AD1431" s="166">
        <v>0</v>
      </c>
      <c r="AE1431" s="166">
        <v>0</v>
      </c>
      <c r="AF1431" s="166">
        <v>0</v>
      </c>
      <c r="AG1431" s="166">
        <v>0</v>
      </c>
      <c r="AH1431" s="166">
        <v>0</v>
      </c>
      <c r="AI1431" s="166">
        <v>0</v>
      </c>
      <c r="AJ1431" s="166">
        <v>0</v>
      </c>
      <c r="AK1431" s="166">
        <v>0</v>
      </c>
      <c r="AL1431" s="166">
        <v>0</v>
      </c>
      <c r="AM1431" s="166">
        <v>0</v>
      </c>
      <c r="AN1431" s="166">
        <v>0</v>
      </c>
      <c r="AO1431" s="166">
        <v>0</v>
      </c>
      <c r="AP1431" s="166">
        <v>0</v>
      </c>
      <c r="AQ1431" s="166">
        <v>0</v>
      </c>
      <c r="AR1431" s="166">
        <v>0</v>
      </c>
      <c r="AS1431" s="166">
        <v>0</v>
      </c>
      <c r="AT1431" s="166">
        <v>0</v>
      </c>
      <c r="AU1431" s="166">
        <v>0</v>
      </c>
      <c r="AV1431" s="166">
        <v>0</v>
      </c>
      <c r="AW1431" s="166">
        <v>0</v>
      </c>
      <c r="AX1431" s="166">
        <v>0</v>
      </c>
      <c r="AY1431" s="166">
        <v>0</v>
      </c>
      <c r="AZ1431" s="166">
        <v>0</v>
      </c>
      <c r="BA1431" s="166">
        <v>0</v>
      </c>
      <c r="BB1431" s="166">
        <v>0</v>
      </c>
      <c r="BC1431" s="166">
        <v>0</v>
      </c>
      <c r="BD1431" s="166">
        <v>0</v>
      </c>
      <c r="BE1431" s="166">
        <v>0</v>
      </c>
      <c r="BF1431" s="166">
        <v>0</v>
      </c>
      <c r="BG1431" s="166">
        <v>0</v>
      </c>
      <c r="BH1431" s="166">
        <v>0</v>
      </c>
      <c r="BI1431" s="166">
        <v>0</v>
      </c>
      <c r="BJ1431" s="166">
        <v>0</v>
      </c>
      <c r="BK1431" s="166">
        <v>0</v>
      </c>
      <c r="BL1431" s="166">
        <v>0</v>
      </c>
      <c r="BM1431" s="166">
        <v>0</v>
      </c>
      <c r="BN1431" s="166">
        <v>0</v>
      </c>
      <c r="BO1431" s="166">
        <v>0</v>
      </c>
      <c r="BP1431" s="166">
        <v>0</v>
      </c>
      <c r="BQ1431" s="166">
        <v>0</v>
      </c>
      <c r="BR1431" s="166">
        <v>10493572.1299999</v>
      </c>
      <c r="BS1431" s="166">
        <v>10493572.1299999</v>
      </c>
      <c r="BT1431" s="168">
        <v>1</v>
      </c>
      <c r="BU1431" s="166">
        <v>787683.10999999905</v>
      </c>
      <c r="BV1431" s="166">
        <v>10493572.1299999</v>
      </c>
      <c r="BW1431" s="166">
        <v>0</v>
      </c>
      <c r="BX1431" s="166">
        <v>0</v>
      </c>
      <c r="BY1431" s="166">
        <v>0</v>
      </c>
      <c r="BZ1431" s="166">
        <v>0</v>
      </c>
      <c r="CA1431" s="166">
        <v>0</v>
      </c>
      <c r="CB1431" s="166">
        <v>0</v>
      </c>
      <c r="CC1431" s="166">
        <v>0</v>
      </c>
      <c r="CD1431" s="166">
        <v>0</v>
      </c>
      <c r="CE1431" s="166">
        <v>0</v>
      </c>
      <c r="CF1431" s="166">
        <v>0</v>
      </c>
      <c r="CG1431" s="166">
        <v>0</v>
      </c>
      <c r="CH1431" s="166">
        <v>0</v>
      </c>
      <c r="CI1431" s="166">
        <v>0</v>
      </c>
      <c r="CJ1431" s="166">
        <v>0</v>
      </c>
      <c r="CK1431" s="166">
        <v>0</v>
      </c>
      <c r="CL1431" s="166">
        <v>0</v>
      </c>
      <c r="CM1431" s="166">
        <v>0</v>
      </c>
      <c r="CN1431" s="166">
        <v>0</v>
      </c>
      <c r="CO1431" s="166">
        <v>0</v>
      </c>
      <c r="CP1431" s="166">
        <v>0</v>
      </c>
      <c r="CQ1431" s="166">
        <v>0</v>
      </c>
      <c r="CR1431" s="166">
        <v>0</v>
      </c>
      <c r="CS1431" s="166">
        <v>0</v>
      </c>
      <c r="CT1431" s="166">
        <v>0</v>
      </c>
      <c r="CU1431" s="166">
        <v>0</v>
      </c>
      <c r="CV1431" s="166">
        <v>0</v>
      </c>
      <c r="CW1431" s="166">
        <v>0</v>
      </c>
      <c r="CX1431" s="166">
        <v>0</v>
      </c>
      <c r="CY1431" s="166">
        <v>10493572.1299999</v>
      </c>
      <c r="CZ1431" s="166">
        <v>10493572.1299999</v>
      </c>
    </row>
    <row r="1432" spans="1:104" x14ac:dyDescent="0.2">
      <c r="A1432" s="170" t="s">
        <v>401</v>
      </c>
      <c r="B1432" s="166">
        <v>10493572.1299999</v>
      </c>
      <c r="C1432" s="166">
        <v>10493572.1299999</v>
      </c>
      <c r="D1432" s="166">
        <v>0</v>
      </c>
      <c r="E1432" s="166">
        <v>0</v>
      </c>
      <c r="F1432" s="166">
        <v>0</v>
      </c>
      <c r="G1432" s="166">
        <v>0</v>
      </c>
      <c r="H1432" s="166">
        <v>0</v>
      </c>
      <c r="I1432" s="166">
        <v>0</v>
      </c>
      <c r="J1432" s="166">
        <v>0</v>
      </c>
      <c r="K1432" s="166">
        <v>0</v>
      </c>
      <c r="L1432" s="166">
        <v>0</v>
      </c>
      <c r="M1432" s="166">
        <v>0</v>
      </c>
      <c r="N1432" s="166">
        <v>0</v>
      </c>
      <c r="O1432" s="166">
        <v>0</v>
      </c>
      <c r="P1432" s="166">
        <v>0</v>
      </c>
      <c r="Q1432" s="166">
        <v>0</v>
      </c>
      <c r="R1432" s="166">
        <v>0</v>
      </c>
      <c r="S1432" s="166">
        <v>0</v>
      </c>
      <c r="T1432" s="166">
        <v>0</v>
      </c>
      <c r="U1432" s="166">
        <v>0</v>
      </c>
      <c r="V1432" s="166">
        <v>0</v>
      </c>
      <c r="W1432" s="166">
        <v>0</v>
      </c>
      <c r="X1432" s="166">
        <v>0</v>
      </c>
      <c r="Y1432" s="166">
        <v>0</v>
      </c>
      <c r="Z1432" s="166">
        <v>0</v>
      </c>
      <c r="AA1432" s="166">
        <v>0</v>
      </c>
      <c r="AB1432" s="166">
        <v>0</v>
      </c>
      <c r="AC1432" s="166">
        <v>0</v>
      </c>
      <c r="AD1432" s="166">
        <v>0</v>
      </c>
      <c r="AE1432" s="166">
        <v>0</v>
      </c>
      <c r="AF1432" s="166">
        <v>0</v>
      </c>
      <c r="AG1432" s="166">
        <v>0</v>
      </c>
      <c r="AH1432" s="166">
        <v>0</v>
      </c>
      <c r="AI1432" s="166">
        <v>0</v>
      </c>
      <c r="AJ1432" s="166">
        <v>0</v>
      </c>
      <c r="AK1432" s="166">
        <v>0</v>
      </c>
      <c r="AL1432" s="166">
        <v>0</v>
      </c>
      <c r="AM1432" s="166">
        <v>0</v>
      </c>
      <c r="AN1432" s="166">
        <v>0</v>
      </c>
      <c r="AO1432" s="166">
        <v>0</v>
      </c>
      <c r="AP1432" s="166">
        <v>0</v>
      </c>
      <c r="AQ1432" s="166">
        <v>0</v>
      </c>
      <c r="AR1432" s="166">
        <v>0</v>
      </c>
      <c r="AS1432" s="166">
        <v>0</v>
      </c>
      <c r="AT1432" s="166">
        <v>0</v>
      </c>
      <c r="AU1432" s="166">
        <v>0</v>
      </c>
      <c r="AV1432" s="166">
        <v>0</v>
      </c>
      <c r="AW1432" s="166">
        <v>0</v>
      </c>
      <c r="AX1432" s="166">
        <v>0</v>
      </c>
      <c r="AY1432" s="166">
        <v>0</v>
      </c>
      <c r="AZ1432" s="166">
        <v>0</v>
      </c>
      <c r="BA1432" s="166">
        <v>0</v>
      </c>
      <c r="BB1432" s="166">
        <v>0</v>
      </c>
      <c r="BC1432" s="166">
        <v>0</v>
      </c>
      <c r="BD1432" s="166">
        <v>0</v>
      </c>
      <c r="BE1432" s="166">
        <v>0</v>
      </c>
      <c r="BF1432" s="166">
        <v>0</v>
      </c>
      <c r="BG1432" s="166">
        <v>0</v>
      </c>
      <c r="BH1432" s="166">
        <v>0</v>
      </c>
      <c r="BI1432" s="166">
        <v>0</v>
      </c>
      <c r="BJ1432" s="166">
        <v>0</v>
      </c>
      <c r="BK1432" s="166">
        <v>0</v>
      </c>
      <c r="BL1432" s="166">
        <v>0</v>
      </c>
      <c r="BM1432" s="166">
        <v>0</v>
      </c>
      <c r="BN1432" s="166">
        <v>0</v>
      </c>
      <c r="BO1432" s="166">
        <v>0</v>
      </c>
      <c r="BP1432" s="166">
        <v>0</v>
      </c>
      <c r="BQ1432" s="166">
        <v>0</v>
      </c>
      <c r="BR1432" s="166">
        <v>10493572.1299999</v>
      </c>
      <c r="BS1432" s="166">
        <v>10493572.1299999</v>
      </c>
      <c r="BT1432" s="168">
        <v>0</v>
      </c>
      <c r="BU1432" s="166">
        <v>787683.10999999905</v>
      </c>
      <c r="BV1432" s="166">
        <v>10493572.1299999</v>
      </c>
      <c r="BW1432" s="166">
        <v>0</v>
      </c>
      <c r="BX1432" s="166">
        <v>0</v>
      </c>
      <c r="BY1432" s="166">
        <v>0</v>
      </c>
      <c r="BZ1432" s="166">
        <v>0</v>
      </c>
      <c r="CA1432" s="166">
        <v>0</v>
      </c>
      <c r="CB1432" s="166">
        <v>0</v>
      </c>
      <c r="CC1432" s="166">
        <v>0</v>
      </c>
      <c r="CD1432" s="166">
        <v>0</v>
      </c>
      <c r="CE1432" s="166">
        <v>0</v>
      </c>
      <c r="CF1432" s="166">
        <v>0</v>
      </c>
      <c r="CG1432" s="166">
        <v>0</v>
      </c>
      <c r="CH1432" s="166">
        <v>0</v>
      </c>
      <c r="CI1432" s="166">
        <v>0</v>
      </c>
      <c r="CJ1432" s="166">
        <v>0</v>
      </c>
      <c r="CK1432" s="166">
        <v>0</v>
      </c>
      <c r="CL1432" s="166">
        <v>0</v>
      </c>
      <c r="CM1432" s="166">
        <v>0</v>
      </c>
      <c r="CN1432" s="166">
        <v>0</v>
      </c>
      <c r="CO1432" s="166">
        <v>0</v>
      </c>
      <c r="CP1432" s="166">
        <v>0</v>
      </c>
      <c r="CQ1432" s="166">
        <v>0</v>
      </c>
      <c r="CR1432" s="166">
        <v>0</v>
      </c>
      <c r="CS1432" s="166">
        <v>0</v>
      </c>
      <c r="CT1432" s="166">
        <v>0</v>
      </c>
      <c r="CU1432" s="166">
        <v>0</v>
      </c>
      <c r="CV1432" s="166">
        <v>0</v>
      </c>
      <c r="CW1432" s="166">
        <v>0</v>
      </c>
      <c r="CX1432" s="166">
        <v>0</v>
      </c>
      <c r="CY1432" s="166">
        <v>10493572.1299999</v>
      </c>
      <c r="CZ1432" s="166">
        <v>10493572.1299999</v>
      </c>
    </row>
    <row r="1433" spans="1:104" x14ac:dyDescent="0.2">
      <c r="A1433" s="167" t="s">
        <v>402</v>
      </c>
    </row>
    <row r="1434" spans="1:104" x14ac:dyDescent="0.2">
      <c r="A1434" s="170" t="s">
        <v>403</v>
      </c>
    </row>
    <row r="1435" spans="1:104" x14ac:dyDescent="0.2">
      <c r="A1435" s="167" t="s">
        <v>404</v>
      </c>
      <c r="B1435" s="166">
        <v>0</v>
      </c>
      <c r="C1435" s="166">
        <v>0</v>
      </c>
      <c r="D1435" s="166">
        <v>0</v>
      </c>
      <c r="E1435" s="166">
        <v>0</v>
      </c>
      <c r="F1435" s="166">
        <v>0</v>
      </c>
      <c r="G1435" s="166">
        <v>0</v>
      </c>
      <c r="H1435" s="166">
        <v>0</v>
      </c>
      <c r="I1435" s="166">
        <v>0</v>
      </c>
      <c r="J1435" s="166">
        <v>0</v>
      </c>
      <c r="K1435" s="166">
        <v>0</v>
      </c>
      <c r="L1435" s="166">
        <v>0</v>
      </c>
      <c r="M1435" s="166">
        <v>0</v>
      </c>
      <c r="N1435" s="166">
        <v>0</v>
      </c>
      <c r="O1435" s="166">
        <v>0</v>
      </c>
      <c r="P1435" s="166">
        <v>0</v>
      </c>
      <c r="Q1435" s="166">
        <v>0</v>
      </c>
      <c r="R1435" s="166">
        <v>0</v>
      </c>
      <c r="S1435" s="166">
        <v>0</v>
      </c>
      <c r="T1435" s="166">
        <v>0</v>
      </c>
      <c r="U1435" s="166">
        <v>0</v>
      </c>
      <c r="V1435" s="166">
        <v>0</v>
      </c>
      <c r="W1435" s="166">
        <v>0</v>
      </c>
      <c r="X1435" s="166">
        <v>0</v>
      </c>
      <c r="Y1435" s="166">
        <v>0</v>
      </c>
      <c r="Z1435" s="166">
        <v>0</v>
      </c>
      <c r="AA1435" s="166">
        <v>0</v>
      </c>
      <c r="AB1435" s="166">
        <v>0</v>
      </c>
      <c r="AC1435" s="166">
        <v>0</v>
      </c>
      <c r="AD1435" s="166">
        <v>0</v>
      </c>
      <c r="AE1435" s="166">
        <v>0</v>
      </c>
      <c r="AF1435" s="166">
        <v>0</v>
      </c>
      <c r="AG1435" s="166">
        <v>0</v>
      </c>
      <c r="AH1435" s="166">
        <v>0</v>
      </c>
      <c r="AI1435" s="166">
        <v>0</v>
      </c>
      <c r="AJ1435" s="166">
        <v>0</v>
      </c>
      <c r="AK1435" s="166">
        <v>0</v>
      </c>
      <c r="AL1435" s="166">
        <v>0</v>
      </c>
      <c r="AM1435" s="166">
        <v>0</v>
      </c>
      <c r="AN1435" s="166">
        <v>0</v>
      </c>
      <c r="AO1435" s="166">
        <v>0</v>
      </c>
      <c r="AP1435" s="166">
        <v>0</v>
      </c>
      <c r="AQ1435" s="166">
        <v>0</v>
      </c>
      <c r="AR1435" s="166">
        <v>0</v>
      </c>
      <c r="AS1435" s="166">
        <v>0</v>
      </c>
      <c r="AT1435" s="166">
        <v>0</v>
      </c>
      <c r="AU1435" s="166">
        <v>0</v>
      </c>
      <c r="AV1435" s="166">
        <v>0</v>
      </c>
      <c r="AW1435" s="166">
        <v>0</v>
      </c>
      <c r="AX1435" s="166">
        <v>0</v>
      </c>
      <c r="AY1435" s="166">
        <v>0</v>
      </c>
      <c r="AZ1435" s="166">
        <v>0</v>
      </c>
      <c r="BA1435" s="166">
        <v>0</v>
      </c>
      <c r="BB1435" s="166">
        <v>0</v>
      </c>
      <c r="BC1435" s="166">
        <v>0</v>
      </c>
      <c r="BD1435" s="166">
        <v>0</v>
      </c>
      <c r="BE1435" s="166">
        <v>0</v>
      </c>
      <c r="BF1435" s="166">
        <v>0</v>
      </c>
      <c r="BG1435" s="166">
        <v>0</v>
      </c>
      <c r="BH1435" s="166">
        <v>0</v>
      </c>
      <c r="BI1435" s="166">
        <v>0</v>
      </c>
      <c r="BJ1435" s="166">
        <v>0</v>
      </c>
      <c r="BK1435" s="166">
        <v>0</v>
      </c>
      <c r="BL1435" s="166">
        <v>0</v>
      </c>
      <c r="BM1435" s="166">
        <v>0</v>
      </c>
      <c r="BN1435" s="166">
        <v>0</v>
      </c>
      <c r="BO1435" s="166">
        <v>0</v>
      </c>
      <c r="BP1435" s="166">
        <v>0</v>
      </c>
      <c r="BQ1435" s="166">
        <v>0</v>
      </c>
      <c r="BR1435" s="166">
        <v>0</v>
      </c>
      <c r="BS1435" s="166">
        <v>0</v>
      </c>
      <c r="BT1435" s="168">
        <v>1</v>
      </c>
      <c r="BU1435" s="166">
        <v>0</v>
      </c>
      <c r="BV1435" s="166">
        <v>0</v>
      </c>
      <c r="BW1435" s="166">
        <v>0</v>
      </c>
      <c r="BX1435" s="166">
        <v>0</v>
      </c>
      <c r="BY1435" s="166">
        <v>0</v>
      </c>
      <c r="BZ1435" s="166">
        <v>0</v>
      </c>
      <c r="CA1435" s="166">
        <v>0</v>
      </c>
      <c r="CB1435" s="166">
        <v>0</v>
      </c>
      <c r="CC1435" s="166">
        <v>0</v>
      </c>
      <c r="CD1435" s="166">
        <v>0</v>
      </c>
      <c r="CE1435" s="166">
        <v>0</v>
      </c>
      <c r="CF1435" s="166">
        <v>0</v>
      </c>
      <c r="CG1435" s="166">
        <v>0</v>
      </c>
      <c r="CH1435" s="166">
        <v>0</v>
      </c>
      <c r="CI1435" s="166">
        <v>0</v>
      </c>
      <c r="CJ1435" s="166">
        <v>0</v>
      </c>
      <c r="CK1435" s="166">
        <v>0</v>
      </c>
      <c r="CL1435" s="166">
        <v>0</v>
      </c>
      <c r="CM1435" s="166">
        <v>0</v>
      </c>
      <c r="CN1435" s="166">
        <v>0</v>
      </c>
      <c r="CO1435" s="166">
        <v>0</v>
      </c>
      <c r="CP1435" s="166">
        <v>0</v>
      </c>
      <c r="CQ1435" s="166">
        <v>0</v>
      </c>
      <c r="CR1435" s="166">
        <v>0</v>
      </c>
      <c r="CS1435" s="166">
        <v>0</v>
      </c>
      <c r="CT1435" s="166">
        <v>0</v>
      </c>
      <c r="CU1435" s="166">
        <v>0</v>
      </c>
      <c r="CV1435" s="166">
        <v>0</v>
      </c>
      <c r="CW1435" s="166">
        <v>0</v>
      </c>
      <c r="CX1435" s="166">
        <v>0</v>
      </c>
      <c r="CY1435" s="166">
        <v>0</v>
      </c>
      <c r="CZ1435" s="166">
        <v>0</v>
      </c>
    </row>
    <row r="1436" spans="1:104" x14ac:dyDescent="0.2">
      <c r="A1436" s="167" t="s">
        <v>1174</v>
      </c>
      <c r="B1436" s="166">
        <v>7610216.9399999902</v>
      </c>
      <c r="C1436" s="166">
        <v>7610216.9399999902</v>
      </c>
      <c r="D1436" s="166">
        <v>0</v>
      </c>
      <c r="E1436" s="166">
        <v>0</v>
      </c>
      <c r="F1436" s="166">
        <v>0</v>
      </c>
      <c r="G1436" s="166">
        <v>0</v>
      </c>
      <c r="H1436" s="166">
        <v>0</v>
      </c>
      <c r="I1436" s="166">
        <v>0</v>
      </c>
      <c r="J1436" s="166">
        <v>0</v>
      </c>
      <c r="K1436" s="166">
        <v>0</v>
      </c>
      <c r="L1436" s="166">
        <v>0</v>
      </c>
      <c r="M1436" s="166">
        <v>0</v>
      </c>
      <c r="N1436" s="166">
        <v>0</v>
      </c>
      <c r="O1436" s="166">
        <v>0</v>
      </c>
      <c r="P1436" s="166">
        <v>0</v>
      </c>
      <c r="Q1436" s="166">
        <v>0</v>
      </c>
      <c r="R1436" s="166">
        <v>0</v>
      </c>
      <c r="S1436" s="166">
        <v>0</v>
      </c>
      <c r="T1436" s="166">
        <v>0</v>
      </c>
      <c r="U1436" s="166">
        <v>0</v>
      </c>
      <c r="V1436" s="166">
        <v>0</v>
      </c>
      <c r="W1436" s="166">
        <v>0</v>
      </c>
      <c r="X1436" s="166">
        <v>0</v>
      </c>
      <c r="Y1436" s="166">
        <v>0</v>
      </c>
      <c r="Z1436" s="166">
        <v>0</v>
      </c>
      <c r="AA1436" s="166">
        <v>0</v>
      </c>
      <c r="AB1436" s="166">
        <v>0</v>
      </c>
      <c r="AC1436" s="166">
        <v>0</v>
      </c>
      <c r="AD1436" s="166">
        <v>0</v>
      </c>
      <c r="AE1436" s="166">
        <v>0</v>
      </c>
      <c r="AF1436" s="166">
        <v>0</v>
      </c>
      <c r="AG1436" s="166">
        <v>0</v>
      </c>
      <c r="AH1436" s="166">
        <v>0</v>
      </c>
      <c r="AI1436" s="166">
        <v>0</v>
      </c>
      <c r="AJ1436" s="166">
        <v>0</v>
      </c>
      <c r="AK1436" s="166">
        <v>0</v>
      </c>
      <c r="AL1436" s="166">
        <v>0</v>
      </c>
      <c r="AM1436" s="166">
        <v>0</v>
      </c>
      <c r="AN1436" s="166">
        <v>0</v>
      </c>
      <c r="AO1436" s="166">
        <v>0</v>
      </c>
      <c r="AP1436" s="166">
        <v>0</v>
      </c>
      <c r="AQ1436" s="166">
        <v>0</v>
      </c>
      <c r="AR1436" s="166">
        <v>0</v>
      </c>
      <c r="AS1436" s="166">
        <v>0</v>
      </c>
      <c r="AT1436" s="166">
        <v>0</v>
      </c>
      <c r="AU1436" s="166">
        <v>0</v>
      </c>
      <c r="AV1436" s="166">
        <v>0</v>
      </c>
      <c r="AW1436" s="166">
        <v>0</v>
      </c>
      <c r="AX1436" s="166">
        <v>0</v>
      </c>
      <c r="AY1436" s="166">
        <v>0</v>
      </c>
      <c r="AZ1436" s="166">
        <v>0</v>
      </c>
      <c r="BA1436" s="166">
        <v>0</v>
      </c>
      <c r="BB1436" s="166">
        <v>0</v>
      </c>
      <c r="BC1436" s="166">
        <v>0</v>
      </c>
      <c r="BD1436" s="166">
        <v>0</v>
      </c>
      <c r="BE1436" s="166">
        <v>0</v>
      </c>
      <c r="BF1436" s="166">
        <v>0</v>
      </c>
      <c r="BG1436" s="166">
        <v>0</v>
      </c>
      <c r="BH1436" s="166">
        <v>0</v>
      </c>
      <c r="BI1436" s="166">
        <v>0</v>
      </c>
      <c r="BJ1436" s="166">
        <v>0</v>
      </c>
      <c r="BK1436" s="166">
        <v>0</v>
      </c>
      <c r="BL1436" s="166">
        <v>0</v>
      </c>
      <c r="BM1436" s="166">
        <v>0</v>
      </c>
      <c r="BN1436" s="166">
        <v>0</v>
      </c>
      <c r="BO1436" s="166">
        <v>0</v>
      </c>
      <c r="BP1436" s="166">
        <v>0</v>
      </c>
      <c r="BQ1436" s="166">
        <v>0</v>
      </c>
      <c r="BR1436" s="166">
        <v>7610216.9399999902</v>
      </c>
      <c r="BS1436" s="166">
        <v>7610216.9399999902</v>
      </c>
      <c r="BT1436" s="168">
        <v>1</v>
      </c>
      <c r="BU1436" s="166">
        <v>437718.49</v>
      </c>
      <c r="BV1436" s="166">
        <v>7610216.9399999902</v>
      </c>
      <c r="BW1436" s="166">
        <v>0</v>
      </c>
      <c r="BX1436" s="166">
        <v>0</v>
      </c>
      <c r="BY1436" s="166">
        <v>0</v>
      </c>
      <c r="BZ1436" s="166">
        <v>0</v>
      </c>
      <c r="CA1436" s="166">
        <v>0</v>
      </c>
      <c r="CB1436" s="166">
        <v>0</v>
      </c>
      <c r="CC1436" s="166">
        <v>0</v>
      </c>
      <c r="CD1436" s="166">
        <v>0</v>
      </c>
      <c r="CE1436" s="166">
        <v>0</v>
      </c>
      <c r="CF1436" s="166">
        <v>0</v>
      </c>
      <c r="CG1436" s="166">
        <v>0</v>
      </c>
      <c r="CH1436" s="166">
        <v>0</v>
      </c>
      <c r="CI1436" s="166">
        <v>0</v>
      </c>
      <c r="CJ1436" s="166">
        <v>0</v>
      </c>
      <c r="CK1436" s="166">
        <v>0</v>
      </c>
      <c r="CL1436" s="166">
        <v>0</v>
      </c>
      <c r="CM1436" s="166">
        <v>0</v>
      </c>
      <c r="CN1436" s="166">
        <v>0</v>
      </c>
      <c r="CO1436" s="166">
        <v>0</v>
      </c>
      <c r="CP1436" s="166">
        <v>0</v>
      </c>
      <c r="CQ1436" s="166">
        <v>0</v>
      </c>
      <c r="CR1436" s="166">
        <v>0</v>
      </c>
      <c r="CS1436" s="166">
        <v>0</v>
      </c>
      <c r="CT1436" s="166">
        <v>0</v>
      </c>
      <c r="CU1436" s="166">
        <v>0</v>
      </c>
      <c r="CV1436" s="166">
        <v>0</v>
      </c>
      <c r="CW1436" s="166">
        <v>0</v>
      </c>
      <c r="CX1436" s="166">
        <v>0</v>
      </c>
      <c r="CY1436" s="166">
        <v>7610216.9399999902</v>
      </c>
      <c r="CZ1436" s="166">
        <v>7610216.9399999902</v>
      </c>
    </row>
    <row r="1437" spans="1:104" x14ac:dyDescent="0.2">
      <c r="A1437" s="167" t="s">
        <v>1175</v>
      </c>
      <c r="B1437" s="166">
        <v>413385.609999999</v>
      </c>
      <c r="C1437" s="166">
        <v>413385.609999999</v>
      </c>
      <c r="D1437" s="166">
        <v>0</v>
      </c>
      <c r="E1437" s="166">
        <v>0</v>
      </c>
      <c r="F1437" s="166">
        <v>0</v>
      </c>
      <c r="G1437" s="166">
        <v>0</v>
      </c>
      <c r="H1437" s="166">
        <v>0</v>
      </c>
      <c r="I1437" s="166">
        <v>0</v>
      </c>
      <c r="J1437" s="166">
        <v>0</v>
      </c>
      <c r="K1437" s="166">
        <v>0</v>
      </c>
      <c r="L1437" s="166">
        <v>0</v>
      </c>
      <c r="M1437" s="166">
        <v>0</v>
      </c>
      <c r="N1437" s="166">
        <v>0</v>
      </c>
      <c r="O1437" s="166">
        <v>0</v>
      </c>
      <c r="P1437" s="166">
        <v>0</v>
      </c>
      <c r="Q1437" s="166">
        <v>0</v>
      </c>
      <c r="R1437" s="166">
        <v>0</v>
      </c>
      <c r="S1437" s="166">
        <v>0</v>
      </c>
      <c r="T1437" s="166">
        <v>0</v>
      </c>
      <c r="U1437" s="166">
        <v>0</v>
      </c>
      <c r="V1437" s="166">
        <v>0</v>
      </c>
      <c r="W1437" s="166">
        <v>0</v>
      </c>
      <c r="X1437" s="166">
        <v>0</v>
      </c>
      <c r="Y1437" s="166">
        <v>0</v>
      </c>
      <c r="Z1437" s="166">
        <v>0</v>
      </c>
      <c r="AA1437" s="166">
        <v>0</v>
      </c>
      <c r="AB1437" s="166">
        <v>0</v>
      </c>
      <c r="AC1437" s="166">
        <v>0</v>
      </c>
      <c r="AD1437" s="166">
        <v>0</v>
      </c>
      <c r="AE1437" s="166">
        <v>0</v>
      </c>
      <c r="AF1437" s="166">
        <v>0</v>
      </c>
      <c r="AG1437" s="166">
        <v>0</v>
      </c>
      <c r="AH1437" s="166">
        <v>0</v>
      </c>
      <c r="AI1437" s="166">
        <v>0</v>
      </c>
      <c r="AJ1437" s="166">
        <v>0</v>
      </c>
      <c r="AK1437" s="166">
        <v>0</v>
      </c>
      <c r="AL1437" s="166">
        <v>0</v>
      </c>
      <c r="AM1437" s="166">
        <v>0</v>
      </c>
      <c r="AN1437" s="166">
        <v>0</v>
      </c>
      <c r="AO1437" s="166">
        <v>0</v>
      </c>
      <c r="AP1437" s="166">
        <v>0</v>
      </c>
      <c r="AQ1437" s="166">
        <v>0</v>
      </c>
      <c r="AR1437" s="166">
        <v>0</v>
      </c>
      <c r="AS1437" s="166">
        <v>0</v>
      </c>
      <c r="AT1437" s="166">
        <v>0</v>
      </c>
      <c r="AU1437" s="166">
        <v>0</v>
      </c>
      <c r="AV1437" s="166">
        <v>0</v>
      </c>
      <c r="AW1437" s="166">
        <v>0</v>
      </c>
      <c r="AX1437" s="166">
        <v>0</v>
      </c>
      <c r="AY1437" s="166">
        <v>0</v>
      </c>
      <c r="AZ1437" s="166">
        <v>0</v>
      </c>
      <c r="BA1437" s="166">
        <v>0</v>
      </c>
      <c r="BB1437" s="166">
        <v>0</v>
      </c>
      <c r="BC1437" s="166">
        <v>0</v>
      </c>
      <c r="BD1437" s="166">
        <v>0</v>
      </c>
      <c r="BE1437" s="166">
        <v>0</v>
      </c>
      <c r="BF1437" s="166">
        <v>0</v>
      </c>
      <c r="BG1437" s="166">
        <v>0</v>
      </c>
      <c r="BH1437" s="166">
        <v>0</v>
      </c>
      <c r="BI1437" s="166">
        <v>0</v>
      </c>
      <c r="BJ1437" s="166">
        <v>0</v>
      </c>
      <c r="BK1437" s="166">
        <v>0</v>
      </c>
      <c r="BL1437" s="166">
        <v>0</v>
      </c>
      <c r="BM1437" s="166">
        <v>0</v>
      </c>
      <c r="BN1437" s="166">
        <v>0</v>
      </c>
      <c r="BO1437" s="166">
        <v>0</v>
      </c>
      <c r="BP1437" s="166">
        <v>0</v>
      </c>
      <c r="BQ1437" s="166">
        <v>0</v>
      </c>
      <c r="BR1437" s="166">
        <v>413385.609999999</v>
      </c>
      <c r="BS1437" s="166">
        <v>413385.609999999</v>
      </c>
      <c r="BT1437" s="168">
        <v>1</v>
      </c>
      <c r="BU1437" s="166">
        <v>36613.699999999997</v>
      </c>
      <c r="BV1437" s="166">
        <v>413385.609999999</v>
      </c>
      <c r="BW1437" s="166">
        <v>0</v>
      </c>
      <c r="BX1437" s="166">
        <v>0</v>
      </c>
      <c r="BY1437" s="166">
        <v>0</v>
      </c>
      <c r="BZ1437" s="166">
        <v>0</v>
      </c>
      <c r="CA1437" s="166">
        <v>0</v>
      </c>
      <c r="CB1437" s="166">
        <v>0</v>
      </c>
      <c r="CC1437" s="166">
        <v>0</v>
      </c>
      <c r="CD1437" s="166">
        <v>0</v>
      </c>
      <c r="CE1437" s="166">
        <v>0</v>
      </c>
      <c r="CF1437" s="166">
        <v>0</v>
      </c>
      <c r="CG1437" s="166">
        <v>0</v>
      </c>
      <c r="CH1437" s="166">
        <v>0</v>
      </c>
      <c r="CI1437" s="166">
        <v>0</v>
      </c>
      <c r="CJ1437" s="166">
        <v>0</v>
      </c>
      <c r="CK1437" s="166">
        <v>0</v>
      </c>
      <c r="CL1437" s="166">
        <v>0</v>
      </c>
      <c r="CM1437" s="166">
        <v>0</v>
      </c>
      <c r="CN1437" s="166">
        <v>0</v>
      </c>
      <c r="CO1437" s="166">
        <v>0</v>
      </c>
      <c r="CP1437" s="166">
        <v>0</v>
      </c>
      <c r="CQ1437" s="166">
        <v>0</v>
      </c>
      <c r="CR1437" s="166">
        <v>0</v>
      </c>
      <c r="CS1437" s="166">
        <v>0</v>
      </c>
      <c r="CT1437" s="166">
        <v>0</v>
      </c>
      <c r="CU1437" s="166">
        <v>0</v>
      </c>
      <c r="CV1437" s="166">
        <v>0</v>
      </c>
      <c r="CW1437" s="166">
        <v>0</v>
      </c>
      <c r="CX1437" s="166">
        <v>0</v>
      </c>
      <c r="CY1437" s="166">
        <v>413385.609999999</v>
      </c>
      <c r="CZ1437" s="166">
        <v>413385.609999999</v>
      </c>
    </row>
    <row r="1438" spans="1:104" x14ac:dyDescent="0.2">
      <c r="A1438" s="167" t="s">
        <v>1176</v>
      </c>
      <c r="B1438" s="166">
        <v>0</v>
      </c>
      <c r="C1438" s="166">
        <v>0</v>
      </c>
      <c r="D1438" s="166">
        <v>0</v>
      </c>
      <c r="E1438" s="166">
        <v>0</v>
      </c>
      <c r="F1438" s="166">
        <v>0</v>
      </c>
      <c r="G1438" s="166">
        <v>0</v>
      </c>
      <c r="H1438" s="166">
        <v>0</v>
      </c>
      <c r="I1438" s="166">
        <v>0</v>
      </c>
      <c r="J1438" s="166">
        <v>0</v>
      </c>
      <c r="K1438" s="166">
        <v>0</v>
      </c>
      <c r="L1438" s="166">
        <v>0</v>
      </c>
      <c r="M1438" s="166">
        <v>0</v>
      </c>
      <c r="N1438" s="166">
        <v>0</v>
      </c>
      <c r="O1438" s="166">
        <v>0</v>
      </c>
      <c r="P1438" s="166">
        <v>0</v>
      </c>
      <c r="Q1438" s="166">
        <v>0</v>
      </c>
      <c r="R1438" s="166">
        <v>0</v>
      </c>
      <c r="S1438" s="166">
        <v>0</v>
      </c>
      <c r="T1438" s="166">
        <v>0</v>
      </c>
      <c r="U1438" s="166">
        <v>0</v>
      </c>
      <c r="V1438" s="166">
        <v>0</v>
      </c>
      <c r="W1438" s="166">
        <v>0</v>
      </c>
      <c r="X1438" s="166">
        <v>0</v>
      </c>
      <c r="Y1438" s="166">
        <v>0</v>
      </c>
      <c r="Z1438" s="166">
        <v>0</v>
      </c>
      <c r="AA1438" s="166">
        <v>0</v>
      </c>
      <c r="AB1438" s="166">
        <v>0</v>
      </c>
      <c r="AC1438" s="166">
        <v>0</v>
      </c>
      <c r="AD1438" s="166">
        <v>0</v>
      </c>
      <c r="AE1438" s="166">
        <v>0</v>
      </c>
      <c r="AF1438" s="166">
        <v>0</v>
      </c>
      <c r="AG1438" s="166">
        <v>0</v>
      </c>
      <c r="AH1438" s="166">
        <v>0</v>
      </c>
      <c r="AI1438" s="166">
        <v>0</v>
      </c>
      <c r="AJ1438" s="166">
        <v>0</v>
      </c>
      <c r="AK1438" s="166">
        <v>0</v>
      </c>
      <c r="AL1438" s="166">
        <v>0</v>
      </c>
      <c r="AM1438" s="166">
        <v>0</v>
      </c>
      <c r="AN1438" s="166">
        <v>0</v>
      </c>
      <c r="AO1438" s="166">
        <v>0</v>
      </c>
      <c r="AP1438" s="166">
        <v>0</v>
      </c>
      <c r="AQ1438" s="166">
        <v>0</v>
      </c>
      <c r="AR1438" s="166">
        <v>0</v>
      </c>
      <c r="AS1438" s="166">
        <v>0</v>
      </c>
      <c r="AT1438" s="166">
        <v>0</v>
      </c>
      <c r="AU1438" s="166">
        <v>0</v>
      </c>
      <c r="AV1438" s="166">
        <v>0</v>
      </c>
      <c r="AW1438" s="166">
        <v>0</v>
      </c>
      <c r="AX1438" s="166">
        <v>0</v>
      </c>
      <c r="AY1438" s="166">
        <v>0</v>
      </c>
      <c r="AZ1438" s="166">
        <v>0</v>
      </c>
      <c r="BA1438" s="166">
        <v>0</v>
      </c>
      <c r="BB1438" s="166">
        <v>0</v>
      </c>
      <c r="BC1438" s="166">
        <v>0</v>
      </c>
      <c r="BD1438" s="166">
        <v>0</v>
      </c>
      <c r="BE1438" s="166">
        <v>0</v>
      </c>
      <c r="BF1438" s="166">
        <v>0</v>
      </c>
      <c r="BG1438" s="166">
        <v>0</v>
      </c>
      <c r="BH1438" s="166">
        <v>0</v>
      </c>
      <c r="BI1438" s="166">
        <v>0</v>
      </c>
      <c r="BJ1438" s="166">
        <v>0</v>
      </c>
      <c r="BK1438" s="166">
        <v>0</v>
      </c>
      <c r="BL1438" s="166">
        <v>0</v>
      </c>
      <c r="BM1438" s="166">
        <v>0</v>
      </c>
      <c r="BN1438" s="166">
        <v>0</v>
      </c>
      <c r="BO1438" s="166">
        <v>0</v>
      </c>
      <c r="BP1438" s="166">
        <v>0</v>
      </c>
      <c r="BQ1438" s="166">
        <v>0</v>
      </c>
      <c r="BR1438" s="166">
        <v>0</v>
      </c>
      <c r="BS1438" s="166">
        <v>0</v>
      </c>
      <c r="BT1438" s="168">
        <v>1</v>
      </c>
      <c r="BU1438" s="166">
        <v>0</v>
      </c>
      <c r="BV1438" s="166">
        <v>0</v>
      </c>
      <c r="BW1438" s="166">
        <v>0</v>
      </c>
      <c r="BX1438" s="166">
        <v>0</v>
      </c>
      <c r="BY1438" s="166">
        <v>0</v>
      </c>
      <c r="BZ1438" s="166">
        <v>0</v>
      </c>
      <c r="CA1438" s="166">
        <v>0</v>
      </c>
      <c r="CB1438" s="166">
        <v>0</v>
      </c>
      <c r="CC1438" s="166">
        <v>0</v>
      </c>
      <c r="CD1438" s="166">
        <v>0</v>
      </c>
      <c r="CE1438" s="166">
        <v>0</v>
      </c>
      <c r="CF1438" s="166">
        <v>0</v>
      </c>
      <c r="CG1438" s="166">
        <v>0</v>
      </c>
      <c r="CH1438" s="166">
        <v>0</v>
      </c>
      <c r="CI1438" s="166">
        <v>0</v>
      </c>
      <c r="CJ1438" s="166">
        <v>0</v>
      </c>
      <c r="CK1438" s="166">
        <v>0</v>
      </c>
      <c r="CL1438" s="166">
        <v>0</v>
      </c>
      <c r="CM1438" s="166">
        <v>0</v>
      </c>
      <c r="CN1438" s="166">
        <v>0</v>
      </c>
      <c r="CO1438" s="166">
        <v>0</v>
      </c>
      <c r="CP1438" s="166">
        <v>0</v>
      </c>
      <c r="CQ1438" s="166">
        <v>0</v>
      </c>
      <c r="CR1438" s="166">
        <v>0</v>
      </c>
      <c r="CS1438" s="166">
        <v>0</v>
      </c>
      <c r="CT1438" s="166">
        <v>0</v>
      </c>
      <c r="CU1438" s="166">
        <v>0</v>
      </c>
      <c r="CV1438" s="166">
        <v>0</v>
      </c>
      <c r="CW1438" s="166">
        <v>0</v>
      </c>
      <c r="CX1438" s="166">
        <v>0</v>
      </c>
      <c r="CY1438" s="166">
        <v>0</v>
      </c>
      <c r="CZ1438" s="166">
        <v>0</v>
      </c>
    </row>
    <row r="1439" spans="1:104" x14ac:dyDescent="0.2">
      <c r="A1439" s="170" t="s">
        <v>408</v>
      </c>
      <c r="B1439" s="166">
        <v>8023602.5499999998</v>
      </c>
      <c r="C1439" s="166">
        <v>8023602.5499999998</v>
      </c>
      <c r="D1439" s="166">
        <v>0</v>
      </c>
      <c r="E1439" s="166">
        <v>0</v>
      </c>
      <c r="F1439" s="166">
        <v>0</v>
      </c>
      <c r="G1439" s="166">
        <v>0</v>
      </c>
      <c r="H1439" s="166">
        <v>0</v>
      </c>
      <c r="I1439" s="166">
        <v>0</v>
      </c>
      <c r="J1439" s="166">
        <v>0</v>
      </c>
      <c r="K1439" s="166">
        <v>0</v>
      </c>
      <c r="L1439" s="166">
        <v>0</v>
      </c>
      <c r="M1439" s="166">
        <v>0</v>
      </c>
      <c r="N1439" s="166">
        <v>0</v>
      </c>
      <c r="O1439" s="166">
        <v>0</v>
      </c>
      <c r="P1439" s="166">
        <v>0</v>
      </c>
      <c r="Q1439" s="166">
        <v>0</v>
      </c>
      <c r="R1439" s="166">
        <v>0</v>
      </c>
      <c r="S1439" s="166">
        <v>0</v>
      </c>
      <c r="T1439" s="166">
        <v>0</v>
      </c>
      <c r="U1439" s="166">
        <v>0</v>
      </c>
      <c r="V1439" s="166">
        <v>0</v>
      </c>
      <c r="W1439" s="166">
        <v>0</v>
      </c>
      <c r="X1439" s="166">
        <v>0</v>
      </c>
      <c r="Y1439" s="166">
        <v>0</v>
      </c>
      <c r="Z1439" s="166">
        <v>0</v>
      </c>
      <c r="AA1439" s="166">
        <v>0</v>
      </c>
      <c r="AB1439" s="166">
        <v>0</v>
      </c>
      <c r="AC1439" s="166">
        <v>0</v>
      </c>
      <c r="AD1439" s="166">
        <v>0</v>
      </c>
      <c r="AE1439" s="166">
        <v>0</v>
      </c>
      <c r="AF1439" s="166">
        <v>0</v>
      </c>
      <c r="AG1439" s="166">
        <v>0</v>
      </c>
      <c r="AH1439" s="166">
        <v>0</v>
      </c>
      <c r="AI1439" s="166">
        <v>0</v>
      </c>
      <c r="AJ1439" s="166">
        <v>0</v>
      </c>
      <c r="AK1439" s="166">
        <v>0</v>
      </c>
      <c r="AL1439" s="166">
        <v>0</v>
      </c>
      <c r="AM1439" s="166">
        <v>0</v>
      </c>
      <c r="AN1439" s="166">
        <v>0</v>
      </c>
      <c r="AO1439" s="166">
        <v>0</v>
      </c>
      <c r="AP1439" s="166">
        <v>0</v>
      </c>
      <c r="AQ1439" s="166">
        <v>0</v>
      </c>
      <c r="AR1439" s="166">
        <v>0</v>
      </c>
      <c r="AS1439" s="166">
        <v>0</v>
      </c>
      <c r="AT1439" s="166">
        <v>0</v>
      </c>
      <c r="AU1439" s="166">
        <v>0</v>
      </c>
      <c r="AV1439" s="166">
        <v>0</v>
      </c>
      <c r="AW1439" s="166">
        <v>0</v>
      </c>
      <c r="AX1439" s="166">
        <v>0</v>
      </c>
      <c r="AY1439" s="166">
        <v>0</v>
      </c>
      <c r="AZ1439" s="166">
        <v>0</v>
      </c>
      <c r="BA1439" s="166">
        <v>0</v>
      </c>
      <c r="BB1439" s="166">
        <v>0</v>
      </c>
      <c r="BC1439" s="166">
        <v>0</v>
      </c>
      <c r="BD1439" s="166">
        <v>0</v>
      </c>
      <c r="BE1439" s="166">
        <v>0</v>
      </c>
      <c r="BF1439" s="166">
        <v>0</v>
      </c>
      <c r="BG1439" s="166">
        <v>0</v>
      </c>
      <c r="BH1439" s="166">
        <v>0</v>
      </c>
      <c r="BI1439" s="166">
        <v>0</v>
      </c>
      <c r="BJ1439" s="166">
        <v>0</v>
      </c>
      <c r="BK1439" s="166">
        <v>0</v>
      </c>
      <c r="BL1439" s="166">
        <v>0</v>
      </c>
      <c r="BM1439" s="166">
        <v>0</v>
      </c>
      <c r="BN1439" s="166">
        <v>0</v>
      </c>
      <c r="BO1439" s="166">
        <v>0</v>
      </c>
      <c r="BP1439" s="166">
        <v>0</v>
      </c>
      <c r="BQ1439" s="166">
        <v>0</v>
      </c>
      <c r="BR1439" s="166">
        <v>8023602.5499999998</v>
      </c>
      <c r="BS1439" s="166">
        <v>8023602.5499999998</v>
      </c>
      <c r="BT1439" s="168">
        <v>0</v>
      </c>
      <c r="BU1439" s="166">
        <v>474332.18999999901</v>
      </c>
      <c r="BV1439" s="166">
        <v>8023602.5499999998</v>
      </c>
      <c r="BW1439" s="166">
        <v>0</v>
      </c>
      <c r="BX1439" s="166">
        <v>0</v>
      </c>
      <c r="BY1439" s="166">
        <v>0</v>
      </c>
      <c r="BZ1439" s="166">
        <v>0</v>
      </c>
      <c r="CA1439" s="166">
        <v>0</v>
      </c>
      <c r="CB1439" s="166">
        <v>0</v>
      </c>
      <c r="CC1439" s="166">
        <v>0</v>
      </c>
      <c r="CD1439" s="166">
        <v>0</v>
      </c>
      <c r="CE1439" s="166">
        <v>0</v>
      </c>
      <c r="CF1439" s="166">
        <v>0</v>
      </c>
      <c r="CG1439" s="166">
        <v>0</v>
      </c>
      <c r="CH1439" s="166">
        <v>0</v>
      </c>
      <c r="CI1439" s="166">
        <v>0</v>
      </c>
      <c r="CJ1439" s="166">
        <v>0</v>
      </c>
      <c r="CK1439" s="166">
        <v>0</v>
      </c>
      <c r="CL1439" s="166">
        <v>0</v>
      </c>
      <c r="CM1439" s="166">
        <v>0</v>
      </c>
      <c r="CN1439" s="166">
        <v>0</v>
      </c>
      <c r="CO1439" s="166">
        <v>0</v>
      </c>
      <c r="CP1439" s="166">
        <v>0</v>
      </c>
      <c r="CQ1439" s="166">
        <v>0</v>
      </c>
      <c r="CR1439" s="166">
        <v>0</v>
      </c>
      <c r="CS1439" s="166">
        <v>0</v>
      </c>
      <c r="CT1439" s="166">
        <v>0</v>
      </c>
      <c r="CU1439" s="166">
        <v>0</v>
      </c>
      <c r="CV1439" s="166">
        <v>0</v>
      </c>
      <c r="CW1439" s="166">
        <v>0</v>
      </c>
      <c r="CX1439" s="166">
        <v>0</v>
      </c>
      <c r="CY1439" s="166">
        <v>8023602.5499999998</v>
      </c>
      <c r="CZ1439" s="166">
        <v>8023602.5499999998</v>
      </c>
    </row>
    <row r="1440" spans="1:104" x14ac:dyDescent="0.2">
      <c r="A1440" s="167" t="s">
        <v>409</v>
      </c>
    </row>
    <row r="1441" spans="1:104" x14ac:dyDescent="0.2">
      <c r="A1441" s="170" t="s">
        <v>410</v>
      </c>
    </row>
    <row r="1442" spans="1:104" x14ac:dyDescent="0.2">
      <c r="A1442" s="167" t="s">
        <v>1178</v>
      </c>
      <c r="B1442" s="166">
        <v>53252299.43</v>
      </c>
      <c r="C1442" s="166">
        <v>53252299.43</v>
      </c>
      <c r="D1442" s="166">
        <v>0</v>
      </c>
      <c r="E1442" s="166">
        <v>0</v>
      </c>
      <c r="F1442" s="166">
        <v>0</v>
      </c>
      <c r="G1442" s="166">
        <v>0</v>
      </c>
      <c r="H1442" s="166">
        <v>0</v>
      </c>
      <c r="I1442" s="166">
        <v>0</v>
      </c>
      <c r="J1442" s="166">
        <v>0</v>
      </c>
      <c r="K1442" s="166">
        <v>0</v>
      </c>
      <c r="L1442" s="166">
        <v>0</v>
      </c>
      <c r="M1442" s="166">
        <v>0</v>
      </c>
      <c r="N1442" s="166">
        <v>0</v>
      </c>
      <c r="O1442" s="166">
        <v>0</v>
      </c>
      <c r="P1442" s="166">
        <v>0</v>
      </c>
      <c r="Q1442" s="166">
        <v>0</v>
      </c>
      <c r="R1442" s="166">
        <v>0</v>
      </c>
      <c r="S1442" s="166">
        <v>0</v>
      </c>
      <c r="T1442" s="166">
        <v>0</v>
      </c>
      <c r="U1442" s="166">
        <v>0</v>
      </c>
      <c r="V1442" s="166">
        <v>0</v>
      </c>
      <c r="W1442" s="166">
        <v>0</v>
      </c>
      <c r="X1442" s="166">
        <v>0</v>
      </c>
      <c r="Y1442" s="166">
        <v>0</v>
      </c>
      <c r="Z1442" s="166">
        <v>0</v>
      </c>
      <c r="AA1442" s="166">
        <v>0</v>
      </c>
      <c r="AB1442" s="166">
        <v>0</v>
      </c>
      <c r="AC1442" s="166">
        <v>0</v>
      </c>
      <c r="AD1442" s="166">
        <v>0</v>
      </c>
      <c r="AE1442" s="166">
        <v>0</v>
      </c>
      <c r="AF1442" s="166">
        <v>0</v>
      </c>
      <c r="AG1442" s="166">
        <v>0</v>
      </c>
      <c r="AH1442" s="166">
        <v>0</v>
      </c>
      <c r="AI1442" s="166">
        <v>0</v>
      </c>
      <c r="AJ1442" s="166">
        <v>0</v>
      </c>
      <c r="AK1442" s="166">
        <v>0</v>
      </c>
      <c r="AL1442" s="166">
        <v>0</v>
      </c>
      <c r="AM1442" s="166">
        <v>0</v>
      </c>
      <c r="AN1442" s="166">
        <v>0</v>
      </c>
      <c r="AO1442" s="166">
        <v>0</v>
      </c>
      <c r="AP1442" s="166">
        <v>0</v>
      </c>
      <c r="AQ1442" s="166">
        <v>0</v>
      </c>
      <c r="AR1442" s="166">
        <v>0</v>
      </c>
      <c r="AS1442" s="166">
        <v>0</v>
      </c>
      <c r="AT1442" s="166">
        <v>0</v>
      </c>
      <c r="AU1442" s="166">
        <v>0</v>
      </c>
      <c r="AV1442" s="166">
        <v>0</v>
      </c>
      <c r="AW1442" s="166">
        <v>0</v>
      </c>
      <c r="AX1442" s="166">
        <v>0</v>
      </c>
      <c r="AY1442" s="166">
        <v>0</v>
      </c>
      <c r="AZ1442" s="166">
        <v>0</v>
      </c>
      <c r="BA1442" s="166">
        <v>0</v>
      </c>
      <c r="BB1442" s="166">
        <v>0</v>
      </c>
      <c r="BC1442" s="166">
        <v>0</v>
      </c>
      <c r="BD1442" s="166">
        <v>0</v>
      </c>
      <c r="BE1442" s="166">
        <v>0</v>
      </c>
      <c r="BF1442" s="166">
        <v>0</v>
      </c>
      <c r="BG1442" s="166">
        <v>0</v>
      </c>
      <c r="BH1442" s="166">
        <v>0</v>
      </c>
      <c r="BI1442" s="166">
        <v>0</v>
      </c>
      <c r="BJ1442" s="166">
        <v>0</v>
      </c>
      <c r="BK1442" s="166">
        <v>0</v>
      </c>
      <c r="BL1442" s="166">
        <v>0</v>
      </c>
      <c r="BM1442" s="166">
        <v>0</v>
      </c>
      <c r="BN1442" s="166">
        <v>0</v>
      </c>
      <c r="BO1442" s="166">
        <v>0</v>
      </c>
      <c r="BP1442" s="166">
        <v>0</v>
      </c>
      <c r="BQ1442" s="166">
        <v>0</v>
      </c>
      <c r="BR1442" s="166">
        <v>53252299.43</v>
      </c>
      <c r="BS1442" s="166">
        <v>53252299.43</v>
      </c>
      <c r="BT1442" s="168">
        <v>0.96779000000000004</v>
      </c>
      <c r="BU1442" s="166">
        <v>2092162.1797545</v>
      </c>
      <c r="BV1442" s="166">
        <v>51537042.865359597</v>
      </c>
      <c r="BW1442" s="166">
        <v>0</v>
      </c>
      <c r="BX1442" s="166">
        <v>0</v>
      </c>
      <c r="BY1442" s="166">
        <v>0</v>
      </c>
      <c r="BZ1442" s="166">
        <v>0</v>
      </c>
      <c r="CA1442" s="166">
        <v>0</v>
      </c>
      <c r="CB1442" s="166">
        <v>0</v>
      </c>
      <c r="CC1442" s="166">
        <v>0</v>
      </c>
      <c r="CD1442" s="166">
        <v>0</v>
      </c>
      <c r="CE1442" s="166">
        <v>0</v>
      </c>
      <c r="CF1442" s="166">
        <v>0</v>
      </c>
      <c r="CG1442" s="166">
        <v>0</v>
      </c>
      <c r="CH1442" s="166">
        <v>0</v>
      </c>
      <c r="CI1442" s="166">
        <v>0</v>
      </c>
      <c r="CJ1442" s="166">
        <v>0</v>
      </c>
      <c r="CK1442" s="166">
        <v>0</v>
      </c>
      <c r="CL1442" s="166">
        <v>0</v>
      </c>
      <c r="CM1442" s="166">
        <v>0</v>
      </c>
      <c r="CN1442" s="166">
        <v>0</v>
      </c>
      <c r="CO1442" s="166">
        <v>0</v>
      </c>
      <c r="CP1442" s="166">
        <v>0</v>
      </c>
      <c r="CQ1442" s="166">
        <v>0</v>
      </c>
      <c r="CR1442" s="166">
        <v>0</v>
      </c>
      <c r="CS1442" s="166">
        <v>0</v>
      </c>
      <c r="CT1442" s="166">
        <v>0</v>
      </c>
      <c r="CU1442" s="166">
        <v>0</v>
      </c>
      <c r="CV1442" s="166">
        <v>0</v>
      </c>
      <c r="CW1442" s="166">
        <v>0</v>
      </c>
      <c r="CX1442" s="166">
        <v>0</v>
      </c>
      <c r="CY1442" s="166">
        <v>51537042.865359597</v>
      </c>
      <c r="CZ1442" s="166">
        <v>51537042.865359597</v>
      </c>
    </row>
    <row r="1443" spans="1:104" x14ac:dyDescent="0.2">
      <c r="A1443" s="167" t="s">
        <v>1179</v>
      </c>
      <c r="B1443" s="166">
        <v>0</v>
      </c>
      <c r="C1443" s="166">
        <v>0</v>
      </c>
      <c r="D1443" s="166">
        <v>0</v>
      </c>
      <c r="E1443" s="166">
        <v>0</v>
      </c>
      <c r="F1443" s="166">
        <v>0</v>
      </c>
      <c r="G1443" s="166">
        <v>0</v>
      </c>
      <c r="H1443" s="166">
        <v>0</v>
      </c>
      <c r="I1443" s="166">
        <v>0</v>
      </c>
      <c r="J1443" s="166">
        <v>0</v>
      </c>
      <c r="K1443" s="166">
        <v>0</v>
      </c>
      <c r="L1443" s="166">
        <v>0</v>
      </c>
      <c r="M1443" s="166">
        <v>0</v>
      </c>
      <c r="N1443" s="166">
        <v>0</v>
      </c>
      <c r="O1443" s="166">
        <v>0</v>
      </c>
      <c r="P1443" s="166">
        <v>0</v>
      </c>
      <c r="Q1443" s="166">
        <v>0</v>
      </c>
      <c r="R1443" s="166">
        <v>0</v>
      </c>
      <c r="S1443" s="166">
        <v>0</v>
      </c>
      <c r="T1443" s="166">
        <v>0</v>
      </c>
      <c r="U1443" s="166">
        <v>0</v>
      </c>
      <c r="V1443" s="166">
        <v>0</v>
      </c>
      <c r="W1443" s="166">
        <v>0</v>
      </c>
      <c r="X1443" s="166">
        <v>0</v>
      </c>
      <c r="Y1443" s="166">
        <v>0</v>
      </c>
      <c r="Z1443" s="166">
        <v>0</v>
      </c>
      <c r="AA1443" s="166">
        <v>0</v>
      </c>
      <c r="AB1443" s="166">
        <v>0</v>
      </c>
      <c r="AC1443" s="166">
        <v>0</v>
      </c>
      <c r="AD1443" s="166">
        <v>0</v>
      </c>
      <c r="AE1443" s="166">
        <v>0</v>
      </c>
      <c r="AF1443" s="166">
        <v>0</v>
      </c>
      <c r="AG1443" s="166">
        <v>0</v>
      </c>
      <c r="AH1443" s="166">
        <v>0</v>
      </c>
      <c r="AI1443" s="166">
        <v>0</v>
      </c>
      <c r="AJ1443" s="166">
        <v>0</v>
      </c>
      <c r="AK1443" s="166">
        <v>0</v>
      </c>
      <c r="AL1443" s="166">
        <v>0</v>
      </c>
      <c r="AM1443" s="166">
        <v>0</v>
      </c>
      <c r="AN1443" s="166">
        <v>0</v>
      </c>
      <c r="AO1443" s="166">
        <v>0</v>
      </c>
      <c r="AP1443" s="166">
        <v>0</v>
      </c>
      <c r="AQ1443" s="166">
        <v>0</v>
      </c>
      <c r="AR1443" s="166">
        <v>0</v>
      </c>
      <c r="AS1443" s="166">
        <v>0</v>
      </c>
      <c r="AT1443" s="166">
        <v>0</v>
      </c>
      <c r="AU1443" s="166">
        <v>0</v>
      </c>
      <c r="AV1443" s="166">
        <v>0</v>
      </c>
      <c r="AW1443" s="166">
        <v>0</v>
      </c>
      <c r="AX1443" s="166">
        <v>0</v>
      </c>
      <c r="AY1443" s="166">
        <v>0</v>
      </c>
      <c r="AZ1443" s="166">
        <v>0</v>
      </c>
      <c r="BA1443" s="166">
        <v>0</v>
      </c>
      <c r="BB1443" s="166">
        <v>0</v>
      </c>
      <c r="BC1443" s="166">
        <v>0</v>
      </c>
      <c r="BD1443" s="166">
        <v>0</v>
      </c>
      <c r="BE1443" s="166">
        <v>0</v>
      </c>
      <c r="BF1443" s="166">
        <v>0</v>
      </c>
      <c r="BG1443" s="166">
        <v>0</v>
      </c>
      <c r="BH1443" s="166">
        <v>0</v>
      </c>
      <c r="BI1443" s="166">
        <v>0</v>
      </c>
      <c r="BJ1443" s="166">
        <v>0</v>
      </c>
      <c r="BK1443" s="166">
        <v>0</v>
      </c>
      <c r="BL1443" s="166">
        <v>0</v>
      </c>
      <c r="BM1443" s="166">
        <v>0</v>
      </c>
      <c r="BN1443" s="166">
        <v>0</v>
      </c>
      <c r="BO1443" s="166">
        <v>0</v>
      </c>
      <c r="BP1443" s="166">
        <v>0</v>
      </c>
      <c r="BQ1443" s="166">
        <v>0</v>
      </c>
      <c r="BR1443" s="166">
        <v>0</v>
      </c>
      <c r="BS1443" s="166">
        <v>0</v>
      </c>
      <c r="BT1443" s="168">
        <v>0</v>
      </c>
      <c r="BU1443" s="166">
        <v>0</v>
      </c>
      <c r="BV1443" s="166">
        <v>0</v>
      </c>
      <c r="BW1443" s="166">
        <v>0</v>
      </c>
      <c r="BX1443" s="166">
        <v>0</v>
      </c>
      <c r="BY1443" s="166">
        <v>0</v>
      </c>
      <c r="BZ1443" s="166">
        <v>0</v>
      </c>
      <c r="CA1443" s="166">
        <v>0</v>
      </c>
      <c r="CB1443" s="166">
        <v>0</v>
      </c>
      <c r="CC1443" s="166">
        <v>0</v>
      </c>
      <c r="CD1443" s="166">
        <v>0</v>
      </c>
      <c r="CE1443" s="166">
        <v>0</v>
      </c>
      <c r="CF1443" s="166">
        <v>0</v>
      </c>
      <c r="CG1443" s="166">
        <v>0</v>
      </c>
      <c r="CH1443" s="166">
        <v>0</v>
      </c>
      <c r="CI1443" s="166">
        <v>0</v>
      </c>
      <c r="CJ1443" s="166">
        <v>0</v>
      </c>
      <c r="CK1443" s="166">
        <v>0</v>
      </c>
      <c r="CL1443" s="166">
        <v>0</v>
      </c>
      <c r="CM1443" s="166">
        <v>0</v>
      </c>
      <c r="CN1443" s="166">
        <v>0</v>
      </c>
      <c r="CO1443" s="166">
        <v>0</v>
      </c>
      <c r="CP1443" s="166">
        <v>0</v>
      </c>
      <c r="CQ1443" s="166">
        <v>0</v>
      </c>
      <c r="CR1443" s="166">
        <v>0</v>
      </c>
      <c r="CS1443" s="166">
        <v>0</v>
      </c>
      <c r="CT1443" s="166">
        <v>0</v>
      </c>
      <c r="CU1443" s="166">
        <v>0</v>
      </c>
      <c r="CV1443" s="166">
        <v>0</v>
      </c>
      <c r="CW1443" s="166">
        <v>0</v>
      </c>
      <c r="CX1443" s="166">
        <v>0</v>
      </c>
      <c r="CY1443" s="166">
        <v>0</v>
      </c>
      <c r="CZ1443" s="166">
        <v>0</v>
      </c>
    </row>
    <row r="1444" spans="1:104" x14ac:dyDescent="0.2">
      <c r="A1444" s="167" t="s">
        <v>413</v>
      </c>
      <c r="B1444" s="166">
        <v>53252299.43</v>
      </c>
      <c r="C1444" s="166">
        <v>53252299.43</v>
      </c>
      <c r="D1444" s="166">
        <v>0</v>
      </c>
      <c r="E1444" s="166">
        <v>0</v>
      </c>
      <c r="F1444" s="166">
        <v>0</v>
      </c>
      <c r="G1444" s="166">
        <v>0</v>
      </c>
      <c r="H1444" s="166">
        <v>0</v>
      </c>
      <c r="I1444" s="166">
        <v>0</v>
      </c>
      <c r="J1444" s="166">
        <v>0</v>
      </c>
      <c r="K1444" s="166">
        <v>0</v>
      </c>
      <c r="L1444" s="166">
        <v>0</v>
      </c>
      <c r="M1444" s="166">
        <v>0</v>
      </c>
      <c r="N1444" s="166">
        <v>0</v>
      </c>
      <c r="O1444" s="166">
        <v>0</v>
      </c>
      <c r="P1444" s="166">
        <v>0</v>
      </c>
      <c r="Q1444" s="166">
        <v>0</v>
      </c>
      <c r="R1444" s="166">
        <v>0</v>
      </c>
      <c r="S1444" s="166">
        <v>0</v>
      </c>
      <c r="T1444" s="166">
        <v>0</v>
      </c>
      <c r="U1444" s="166">
        <v>0</v>
      </c>
      <c r="V1444" s="166">
        <v>0</v>
      </c>
      <c r="W1444" s="166">
        <v>0</v>
      </c>
      <c r="X1444" s="166">
        <v>0</v>
      </c>
      <c r="Y1444" s="166">
        <v>0</v>
      </c>
      <c r="Z1444" s="166">
        <v>0</v>
      </c>
      <c r="AA1444" s="166">
        <v>0</v>
      </c>
      <c r="AB1444" s="166">
        <v>0</v>
      </c>
      <c r="AC1444" s="166">
        <v>0</v>
      </c>
      <c r="AD1444" s="166">
        <v>0</v>
      </c>
      <c r="AE1444" s="166">
        <v>0</v>
      </c>
      <c r="AF1444" s="166">
        <v>0</v>
      </c>
      <c r="AG1444" s="166">
        <v>0</v>
      </c>
      <c r="AH1444" s="166">
        <v>0</v>
      </c>
      <c r="AI1444" s="166">
        <v>0</v>
      </c>
      <c r="AJ1444" s="166">
        <v>0</v>
      </c>
      <c r="AK1444" s="166">
        <v>0</v>
      </c>
      <c r="AL1444" s="166">
        <v>0</v>
      </c>
      <c r="AM1444" s="166">
        <v>0</v>
      </c>
      <c r="AN1444" s="166">
        <v>0</v>
      </c>
      <c r="AO1444" s="166">
        <v>0</v>
      </c>
      <c r="AP1444" s="166">
        <v>0</v>
      </c>
      <c r="AQ1444" s="166">
        <v>0</v>
      </c>
      <c r="AR1444" s="166">
        <v>0</v>
      </c>
      <c r="AS1444" s="166">
        <v>0</v>
      </c>
      <c r="AT1444" s="166">
        <v>0</v>
      </c>
      <c r="AU1444" s="166">
        <v>0</v>
      </c>
      <c r="AV1444" s="166">
        <v>0</v>
      </c>
      <c r="AW1444" s="166">
        <v>0</v>
      </c>
      <c r="AX1444" s="166">
        <v>0</v>
      </c>
      <c r="AY1444" s="166">
        <v>0</v>
      </c>
      <c r="AZ1444" s="166">
        <v>0</v>
      </c>
      <c r="BA1444" s="166">
        <v>0</v>
      </c>
      <c r="BB1444" s="166">
        <v>0</v>
      </c>
      <c r="BC1444" s="166">
        <v>0</v>
      </c>
      <c r="BD1444" s="166">
        <v>0</v>
      </c>
      <c r="BE1444" s="166">
        <v>0</v>
      </c>
      <c r="BF1444" s="166">
        <v>0</v>
      </c>
      <c r="BG1444" s="166">
        <v>0</v>
      </c>
      <c r="BH1444" s="166">
        <v>0</v>
      </c>
      <c r="BI1444" s="166">
        <v>0</v>
      </c>
      <c r="BJ1444" s="166">
        <v>0</v>
      </c>
      <c r="BK1444" s="166">
        <v>0</v>
      </c>
      <c r="BL1444" s="166">
        <v>0</v>
      </c>
      <c r="BM1444" s="166">
        <v>0</v>
      </c>
      <c r="BN1444" s="166">
        <v>0</v>
      </c>
      <c r="BO1444" s="166">
        <v>0</v>
      </c>
      <c r="BP1444" s="166">
        <v>0</v>
      </c>
      <c r="BQ1444" s="166">
        <v>0</v>
      </c>
      <c r="BR1444" s="166">
        <v>53252299.43</v>
      </c>
      <c r="BS1444" s="166">
        <v>53252299.43</v>
      </c>
      <c r="BT1444" s="168">
        <v>0</v>
      </c>
      <c r="BU1444" s="166">
        <v>2092162.1797545</v>
      </c>
      <c r="BV1444" s="166">
        <v>51537042.865359597</v>
      </c>
      <c r="BW1444" s="166">
        <v>0</v>
      </c>
      <c r="BX1444" s="166">
        <v>0</v>
      </c>
      <c r="BY1444" s="166">
        <v>0</v>
      </c>
      <c r="BZ1444" s="166">
        <v>0</v>
      </c>
      <c r="CA1444" s="166">
        <v>0</v>
      </c>
      <c r="CB1444" s="166">
        <v>0</v>
      </c>
      <c r="CC1444" s="166">
        <v>0</v>
      </c>
      <c r="CD1444" s="166">
        <v>0</v>
      </c>
      <c r="CE1444" s="166">
        <v>0</v>
      </c>
      <c r="CF1444" s="166">
        <v>0</v>
      </c>
      <c r="CG1444" s="166">
        <v>0</v>
      </c>
      <c r="CH1444" s="166">
        <v>0</v>
      </c>
      <c r="CI1444" s="166">
        <v>0</v>
      </c>
      <c r="CJ1444" s="166">
        <v>0</v>
      </c>
      <c r="CK1444" s="166">
        <v>0</v>
      </c>
      <c r="CL1444" s="166">
        <v>0</v>
      </c>
      <c r="CM1444" s="166">
        <v>0</v>
      </c>
      <c r="CN1444" s="166">
        <v>0</v>
      </c>
      <c r="CO1444" s="166">
        <v>0</v>
      </c>
      <c r="CP1444" s="166">
        <v>0</v>
      </c>
      <c r="CQ1444" s="166">
        <v>0</v>
      </c>
      <c r="CR1444" s="166">
        <v>0</v>
      </c>
      <c r="CS1444" s="166">
        <v>0</v>
      </c>
      <c r="CT1444" s="166">
        <v>0</v>
      </c>
      <c r="CU1444" s="166">
        <v>0</v>
      </c>
      <c r="CV1444" s="166">
        <v>0</v>
      </c>
      <c r="CW1444" s="166">
        <v>0</v>
      </c>
      <c r="CX1444" s="166">
        <v>0</v>
      </c>
      <c r="CY1444" s="166">
        <v>51537042.865359597</v>
      </c>
      <c r="CZ1444" s="166">
        <v>51537042.865359597</v>
      </c>
    </row>
    <row r="1445" spans="1:104" x14ac:dyDescent="0.2">
      <c r="A1445" s="167" t="s">
        <v>414</v>
      </c>
    </row>
    <row r="1446" spans="1:104" x14ac:dyDescent="0.2">
      <c r="A1446" s="167" t="s">
        <v>1180</v>
      </c>
      <c r="B1446" s="166">
        <v>50212617.789999999</v>
      </c>
      <c r="C1446" s="166">
        <v>50212617.789999999</v>
      </c>
      <c r="D1446" s="166">
        <v>0</v>
      </c>
      <c r="E1446" s="166">
        <v>0</v>
      </c>
      <c r="F1446" s="166">
        <v>0</v>
      </c>
      <c r="G1446" s="166">
        <v>0</v>
      </c>
      <c r="H1446" s="166">
        <v>0</v>
      </c>
      <c r="I1446" s="166">
        <v>0</v>
      </c>
      <c r="J1446" s="166">
        <v>0</v>
      </c>
      <c r="K1446" s="166">
        <v>0</v>
      </c>
      <c r="L1446" s="166">
        <v>0</v>
      </c>
      <c r="M1446" s="166">
        <v>0</v>
      </c>
      <c r="N1446" s="166">
        <v>0</v>
      </c>
      <c r="O1446" s="166">
        <v>0</v>
      </c>
      <c r="P1446" s="166">
        <v>0</v>
      </c>
      <c r="Q1446" s="166">
        <v>0</v>
      </c>
      <c r="R1446" s="166">
        <v>0</v>
      </c>
      <c r="S1446" s="166">
        <v>0</v>
      </c>
      <c r="T1446" s="166">
        <v>0</v>
      </c>
      <c r="U1446" s="166">
        <v>0</v>
      </c>
      <c r="V1446" s="166">
        <v>0</v>
      </c>
      <c r="W1446" s="166">
        <v>0</v>
      </c>
      <c r="X1446" s="166">
        <v>0</v>
      </c>
      <c r="Y1446" s="166">
        <v>0</v>
      </c>
      <c r="Z1446" s="166">
        <v>0</v>
      </c>
      <c r="AA1446" s="166">
        <v>0</v>
      </c>
      <c r="AB1446" s="166">
        <v>0</v>
      </c>
      <c r="AC1446" s="166">
        <v>0</v>
      </c>
      <c r="AD1446" s="166">
        <v>0</v>
      </c>
      <c r="AE1446" s="166">
        <v>0</v>
      </c>
      <c r="AF1446" s="166">
        <v>0</v>
      </c>
      <c r="AG1446" s="166">
        <v>0</v>
      </c>
      <c r="AH1446" s="166">
        <v>0</v>
      </c>
      <c r="AI1446" s="166">
        <v>0</v>
      </c>
      <c r="AJ1446" s="166">
        <v>0</v>
      </c>
      <c r="AK1446" s="166">
        <v>0</v>
      </c>
      <c r="AL1446" s="166">
        <v>0</v>
      </c>
      <c r="AM1446" s="166">
        <v>0</v>
      </c>
      <c r="AN1446" s="166">
        <v>0</v>
      </c>
      <c r="AO1446" s="166">
        <v>0</v>
      </c>
      <c r="AP1446" s="166">
        <v>0</v>
      </c>
      <c r="AQ1446" s="166">
        <v>0</v>
      </c>
      <c r="AR1446" s="166">
        <v>0</v>
      </c>
      <c r="AS1446" s="166">
        <v>0</v>
      </c>
      <c r="AT1446" s="166">
        <v>0</v>
      </c>
      <c r="AU1446" s="166">
        <v>0</v>
      </c>
      <c r="AV1446" s="166">
        <v>0</v>
      </c>
      <c r="AW1446" s="166">
        <v>0</v>
      </c>
      <c r="AX1446" s="166">
        <v>0</v>
      </c>
      <c r="AY1446" s="166">
        <v>0</v>
      </c>
      <c r="AZ1446" s="166">
        <v>0</v>
      </c>
      <c r="BA1446" s="166">
        <v>0</v>
      </c>
      <c r="BB1446" s="166">
        <v>0</v>
      </c>
      <c r="BC1446" s="166">
        <v>0</v>
      </c>
      <c r="BD1446" s="166">
        <v>0</v>
      </c>
      <c r="BE1446" s="166">
        <v>0</v>
      </c>
      <c r="BF1446" s="166">
        <v>0</v>
      </c>
      <c r="BG1446" s="166">
        <v>0</v>
      </c>
      <c r="BH1446" s="166">
        <v>0</v>
      </c>
      <c r="BI1446" s="166">
        <v>0</v>
      </c>
      <c r="BJ1446" s="166">
        <v>0</v>
      </c>
      <c r="BK1446" s="166">
        <v>0</v>
      </c>
      <c r="BL1446" s="166">
        <v>0</v>
      </c>
      <c r="BM1446" s="166">
        <v>0</v>
      </c>
      <c r="BN1446" s="166">
        <v>0</v>
      </c>
      <c r="BO1446" s="166">
        <v>0</v>
      </c>
      <c r="BP1446" s="166">
        <v>0</v>
      </c>
      <c r="BQ1446" s="166">
        <v>0</v>
      </c>
      <c r="BR1446" s="166">
        <v>50212617.789999999</v>
      </c>
      <c r="BS1446" s="166">
        <v>50212617.789999999</v>
      </c>
      <c r="BT1446" s="168">
        <v>0.96779000000000004</v>
      </c>
      <c r="BU1446" s="166">
        <v>693789.47908009996</v>
      </c>
      <c r="BV1446" s="166">
        <v>48595269.3709841</v>
      </c>
      <c r="BW1446" s="166">
        <v>0</v>
      </c>
      <c r="BX1446" s="166">
        <v>0</v>
      </c>
      <c r="BY1446" s="166">
        <v>0</v>
      </c>
      <c r="BZ1446" s="166">
        <v>0</v>
      </c>
      <c r="CA1446" s="166">
        <v>0</v>
      </c>
      <c r="CB1446" s="166">
        <v>0</v>
      </c>
      <c r="CC1446" s="166">
        <v>0</v>
      </c>
      <c r="CD1446" s="166">
        <v>0</v>
      </c>
      <c r="CE1446" s="166">
        <v>0</v>
      </c>
      <c r="CF1446" s="166">
        <v>0</v>
      </c>
      <c r="CG1446" s="166">
        <v>0</v>
      </c>
      <c r="CH1446" s="166">
        <v>0</v>
      </c>
      <c r="CI1446" s="166">
        <v>0</v>
      </c>
      <c r="CJ1446" s="166">
        <v>0</v>
      </c>
      <c r="CK1446" s="166">
        <v>0</v>
      </c>
      <c r="CL1446" s="166">
        <v>0</v>
      </c>
      <c r="CM1446" s="166">
        <v>0</v>
      </c>
      <c r="CN1446" s="166">
        <v>0</v>
      </c>
      <c r="CO1446" s="166">
        <v>0</v>
      </c>
      <c r="CP1446" s="166">
        <v>0</v>
      </c>
      <c r="CQ1446" s="166">
        <v>0</v>
      </c>
      <c r="CR1446" s="166">
        <v>0</v>
      </c>
      <c r="CS1446" s="166">
        <v>0</v>
      </c>
      <c r="CT1446" s="166">
        <v>0</v>
      </c>
      <c r="CU1446" s="166">
        <v>0</v>
      </c>
      <c r="CV1446" s="166">
        <v>0</v>
      </c>
      <c r="CW1446" s="166">
        <v>0</v>
      </c>
      <c r="CX1446" s="166">
        <v>0</v>
      </c>
      <c r="CY1446" s="166">
        <v>48595269.3709841</v>
      </c>
      <c r="CZ1446" s="166">
        <v>48595269.3709841</v>
      </c>
    </row>
    <row r="1447" spans="1:104" x14ac:dyDescent="0.2">
      <c r="A1447" s="167" t="s">
        <v>1181</v>
      </c>
      <c r="B1447" s="166">
        <v>0</v>
      </c>
      <c r="C1447" s="166">
        <v>0</v>
      </c>
      <c r="D1447" s="166">
        <v>0</v>
      </c>
      <c r="E1447" s="166">
        <v>0</v>
      </c>
      <c r="F1447" s="166">
        <v>0</v>
      </c>
      <c r="G1447" s="166">
        <v>0</v>
      </c>
      <c r="H1447" s="166">
        <v>0</v>
      </c>
      <c r="I1447" s="166">
        <v>0</v>
      </c>
      <c r="J1447" s="166">
        <v>0</v>
      </c>
      <c r="K1447" s="166">
        <v>0</v>
      </c>
      <c r="L1447" s="166">
        <v>0</v>
      </c>
      <c r="M1447" s="166">
        <v>0</v>
      </c>
      <c r="N1447" s="166">
        <v>0</v>
      </c>
      <c r="O1447" s="166">
        <v>0</v>
      </c>
      <c r="P1447" s="166">
        <v>0</v>
      </c>
      <c r="Q1447" s="166">
        <v>0</v>
      </c>
      <c r="R1447" s="166">
        <v>0</v>
      </c>
      <c r="S1447" s="166">
        <v>0</v>
      </c>
      <c r="T1447" s="166">
        <v>0</v>
      </c>
      <c r="U1447" s="166">
        <v>0</v>
      </c>
      <c r="V1447" s="166">
        <v>0</v>
      </c>
      <c r="W1447" s="166">
        <v>0</v>
      </c>
      <c r="X1447" s="166">
        <v>0</v>
      </c>
      <c r="Y1447" s="166">
        <v>0</v>
      </c>
      <c r="Z1447" s="166">
        <v>0</v>
      </c>
      <c r="AA1447" s="166">
        <v>0</v>
      </c>
      <c r="AB1447" s="166">
        <v>0</v>
      </c>
      <c r="AC1447" s="166">
        <v>0</v>
      </c>
      <c r="AD1447" s="166">
        <v>0</v>
      </c>
      <c r="AE1447" s="166">
        <v>0</v>
      </c>
      <c r="AF1447" s="166">
        <v>0</v>
      </c>
      <c r="AG1447" s="166">
        <v>0</v>
      </c>
      <c r="AH1447" s="166">
        <v>0</v>
      </c>
      <c r="AI1447" s="166">
        <v>0</v>
      </c>
      <c r="AJ1447" s="166">
        <v>0</v>
      </c>
      <c r="AK1447" s="166">
        <v>0</v>
      </c>
      <c r="AL1447" s="166">
        <v>0</v>
      </c>
      <c r="AM1447" s="166">
        <v>0</v>
      </c>
      <c r="AN1447" s="166">
        <v>0</v>
      </c>
      <c r="AO1447" s="166">
        <v>0</v>
      </c>
      <c r="AP1447" s="166">
        <v>0</v>
      </c>
      <c r="AQ1447" s="166">
        <v>0</v>
      </c>
      <c r="AR1447" s="166">
        <v>0</v>
      </c>
      <c r="AS1447" s="166">
        <v>0</v>
      </c>
      <c r="AT1447" s="166">
        <v>0</v>
      </c>
      <c r="AU1447" s="166">
        <v>0</v>
      </c>
      <c r="AV1447" s="166">
        <v>0</v>
      </c>
      <c r="AW1447" s="166">
        <v>0</v>
      </c>
      <c r="AX1447" s="166">
        <v>0</v>
      </c>
      <c r="AY1447" s="166">
        <v>0</v>
      </c>
      <c r="AZ1447" s="166">
        <v>0</v>
      </c>
      <c r="BA1447" s="166">
        <v>0</v>
      </c>
      <c r="BB1447" s="166">
        <v>0</v>
      </c>
      <c r="BC1447" s="166">
        <v>0</v>
      </c>
      <c r="BD1447" s="166">
        <v>0</v>
      </c>
      <c r="BE1447" s="166">
        <v>0</v>
      </c>
      <c r="BF1447" s="166">
        <v>0</v>
      </c>
      <c r="BG1447" s="166">
        <v>0</v>
      </c>
      <c r="BH1447" s="166">
        <v>0</v>
      </c>
      <c r="BI1447" s="166">
        <v>0</v>
      </c>
      <c r="BJ1447" s="166">
        <v>0</v>
      </c>
      <c r="BK1447" s="166">
        <v>0</v>
      </c>
      <c r="BL1447" s="166">
        <v>0</v>
      </c>
      <c r="BM1447" s="166">
        <v>0</v>
      </c>
      <c r="BN1447" s="166">
        <v>0</v>
      </c>
      <c r="BO1447" s="166">
        <v>0</v>
      </c>
      <c r="BP1447" s="166">
        <v>0</v>
      </c>
      <c r="BQ1447" s="166">
        <v>0</v>
      </c>
      <c r="BR1447" s="166">
        <v>0</v>
      </c>
      <c r="BS1447" s="166">
        <v>0</v>
      </c>
      <c r="BT1447" s="168">
        <v>0</v>
      </c>
      <c r="BU1447" s="166">
        <v>0</v>
      </c>
      <c r="BV1447" s="166">
        <v>0</v>
      </c>
      <c r="BW1447" s="166">
        <v>0</v>
      </c>
      <c r="BX1447" s="166">
        <v>0</v>
      </c>
      <c r="BY1447" s="166">
        <v>0</v>
      </c>
      <c r="BZ1447" s="166">
        <v>0</v>
      </c>
      <c r="CA1447" s="166">
        <v>0</v>
      </c>
      <c r="CB1447" s="166">
        <v>0</v>
      </c>
      <c r="CC1447" s="166">
        <v>0</v>
      </c>
      <c r="CD1447" s="166">
        <v>0</v>
      </c>
      <c r="CE1447" s="166">
        <v>0</v>
      </c>
      <c r="CF1447" s="166">
        <v>0</v>
      </c>
      <c r="CG1447" s="166">
        <v>0</v>
      </c>
      <c r="CH1447" s="166">
        <v>0</v>
      </c>
      <c r="CI1447" s="166">
        <v>0</v>
      </c>
      <c r="CJ1447" s="166">
        <v>0</v>
      </c>
      <c r="CK1447" s="166">
        <v>0</v>
      </c>
      <c r="CL1447" s="166">
        <v>0</v>
      </c>
      <c r="CM1447" s="166">
        <v>0</v>
      </c>
      <c r="CN1447" s="166">
        <v>0</v>
      </c>
      <c r="CO1447" s="166">
        <v>0</v>
      </c>
      <c r="CP1447" s="166">
        <v>0</v>
      </c>
      <c r="CQ1447" s="166">
        <v>0</v>
      </c>
      <c r="CR1447" s="166">
        <v>0</v>
      </c>
      <c r="CS1447" s="166">
        <v>0</v>
      </c>
      <c r="CT1447" s="166">
        <v>0</v>
      </c>
      <c r="CU1447" s="166">
        <v>0</v>
      </c>
      <c r="CV1447" s="166">
        <v>0</v>
      </c>
      <c r="CW1447" s="166">
        <v>0</v>
      </c>
      <c r="CX1447" s="166">
        <v>0</v>
      </c>
      <c r="CY1447" s="166">
        <v>0</v>
      </c>
      <c r="CZ1447" s="166">
        <v>0</v>
      </c>
    </row>
    <row r="1448" spans="1:104" x14ac:dyDescent="0.2">
      <c r="A1448" s="167" t="s">
        <v>1182</v>
      </c>
      <c r="B1448" s="166">
        <v>50212617.789999999</v>
      </c>
      <c r="C1448" s="166">
        <v>50212617.789999999</v>
      </c>
      <c r="D1448" s="166">
        <v>0</v>
      </c>
      <c r="E1448" s="166">
        <v>0</v>
      </c>
      <c r="F1448" s="166">
        <v>0</v>
      </c>
      <c r="G1448" s="166">
        <v>0</v>
      </c>
      <c r="H1448" s="166">
        <v>0</v>
      </c>
      <c r="I1448" s="166">
        <v>0</v>
      </c>
      <c r="J1448" s="166">
        <v>0</v>
      </c>
      <c r="K1448" s="166">
        <v>0</v>
      </c>
      <c r="L1448" s="166">
        <v>0</v>
      </c>
      <c r="M1448" s="166">
        <v>0</v>
      </c>
      <c r="N1448" s="166">
        <v>0</v>
      </c>
      <c r="O1448" s="166">
        <v>0</v>
      </c>
      <c r="P1448" s="166">
        <v>0</v>
      </c>
      <c r="Q1448" s="166">
        <v>0</v>
      </c>
      <c r="R1448" s="166">
        <v>0</v>
      </c>
      <c r="S1448" s="166">
        <v>0</v>
      </c>
      <c r="T1448" s="166">
        <v>0</v>
      </c>
      <c r="U1448" s="166">
        <v>0</v>
      </c>
      <c r="V1448" s="166">
        <v>0</v>
      </c>
      <c r="W1448" s="166">
        <v>0</v>
      </c>
      <c r="X1448" s="166">
        <v>0</v>
      </c>
      <c r="Y1448" s="166">
        <v>0</v>
      </c>
      <c r="Z1448" s="166">
        <v>0</v>
      </c>
      <c r="AA1448" s="166">
        <v>0</v>
      </c>
      <c r="AB1448" s="166">
        <v>0</v>
      </c>
      <c r="AC1448" s="166">
        <v>0</v>
      </c>
      <c r="AD1448" s="166">
        <v>0</v>
      </c>
      <c r="AE1448" s="166">
        <v>0</v>
      </c>
      <c r="AF1448" s="166">
        <v>0</v>
      </c>
      <c r="AG1448" s="166">
        <v>0</v>
      </c>
      <c r="AH1448" s="166">
        <v>0</v>
      </c>
      <c r="AI1448" s="166">
        <v>0</v>
      </c>
      <c r="AJ1448" s="166">
        <v>0</v>
      </c>
      <c r="AK1448" s="166">
        <v>0</v>
      </c>
      <c r="AL1448" s="166">
        <v>0</v>
      </c>
      <c r="AM1448" s="166">
        <v>0</v>
      </c>
      <c r="AN1448" s="166">
        <v>0</v>
      </c>
      <c r="AO1448" s="166">
        <v>0</v>
      </c>
      <c r="AP1448" s="166">
        <v>0</v>
      </c>
      <c r="AQ1448" s="166">
        <v>0</v>
      </c>
      <c r="AR1448" s="166">
        <v>0</v>
      </c>
      <c r="AS1448" s="166">
        <v>0</v>
      </c>
      <c r="AT1448" s="166">
        <v>0</v>
      </c>
      <c r="AU1448" s="166">
        <v>0</v>
      </c>
      <c r="AV1448" s="166">
        <v>0</v>
      </c>
      <c r="AW1448" s="166">
        <v>0</v>
      </c>
      <c r="AX1448" s="166">
        <v>0</v>
      </c>
      <c r="AY1448" s="166">
        <v>0</v>
      </c>
      <c r="AZ1448" s="166">
        <v>0</v>
      </c>
      <c r="BA1448" s="166">
        <v>0</v>
      </c>
      <c r="BB1448" s="166">
        <v>0</v>
      </c>
      <c r="BC1448" s="166">
        <v>0</v>
      </c>
      <c r="BD1448" s="166">
        <v>0</v>
      </c>
      <c r="BE1448" s="166">
        <v>0</v>
      </c>
      <c r="BF1448" s="166">
        <v>0</v>
      </c>
      <c r="BG1448" s="166">
        <v>0</v>
      </c>
      <c r="BH1448" s="166">
        <v>0</v>
      </c>
      <c r="BI1448" s="166">
        <v>0</v>
      </c>
      <c r="BJ1448" s="166">
        <v>0</v>
      </c>
      <c r="BK1448" s="166">
        <v>0</v>
      </c>
      <c r="BL1448" s="166">
        <v>0</v>
      </c>
      <c r="BM1448" s="166">
        <v>0</v>
      </c>
      <c r="BN1448" s="166">
        <v>0</v>
      </c>
      <c r="BO1448" s="166">
        <v>0</v>
      </c>
      <c r="BP1448" s="166">
        <v>0</v>
      </c>
      <c r="BQ1448" s="166">
        <v>0</v>
      </c>
      <c r="BR1448" s="166">
        <v>50212617.789999999</v>
      </c>
      <c r="BS1448" s="166">
        <v>50212617.789999999</v>
      </c>
      <c r="BT1448" s="168">
        <v>0</v>
      </c>
      <c r="BU1448" s="166">
        <v>693789.47908009996</v>
      </c>
      <c r="BV1448" s="166">
        <v>48595269.3709841</v>
      </c>
      <c r="BW1448" s="166">
        <v>0</v>
      </c>
      <c r="BX1448" s="166">
        <v>0</v>
      </c>
      <c r="BY1448" s="166">
        <v>0</v>
      </c>
      <c r="BZ1448" s="166">
        <v>0</v>
      </c>
      <c r="CA1448" s="166">
        <v>0</v>
      </c>
      <c r="CB1448" s="166">
        <v>0</v>
      </c>
      <c r="CC1448" s="166">
        <v>0</v>
      </c>
      <c r="CD1448" s="166">
        <v>0</v>
      </c>
      <c r="CE1448" s="166">
        <v>0</v>
      </c>
      <c r="CF1448" s="166">
        <v>0</v>
      </c>
      <c r="CG1448" s="166">
        <v>0</v>
      </c>
      <c r="CH1448" s="166">
        <v>0</v>
      </c>
      <c r="CI1448" s="166">
        <v>0</v>
      </c>
      <c r="CJ1448" s="166">
        <v>0</v>
      </c>
      <c r="CK1448" s="166">
        <v>0</v>
      </c>
      <c r="CL1448" s="166">
        <v>0</v>
      </c>
      <c r="CM1448" s="166">
        <v>0</v>
      </c>
      <c r="CN1448" s="166">
        <v>0</v>
      </c>
      <c r="CO1448" s="166">
        <v>0</v>
      </c>
      <c r="CP1448" s="166">
        <v>0</v>
      </c>
      <c r="CQ1448" s="166">
        <v>0</v>
      </c>
      <c r="CR1448" s="166">
        <v>0</v>
      </c>
      <c r="CS1448" s="166">
        <v>0</v>
      </c>
      <c r="CT1448" s="166">
        <v>0</v>
      </c>
      <c r="CU1448" s="166">
        <v>0</v>
      </c>
      <c r="CV1448" s="166">
        <v>0</v>
      </c>
      <c r="CW1448" s="166">
        <v>0</v>
      </c>
      <c r="CX1448" s="166">
        <v>0</v>
      </c>
      <c r="CY1448" s="166">
        <v>48595269.3709841</v>
      </c>
      <c r="CZ1448" s="166">
        <v>48595269.3709841</v>
      </c>
    </row>
    <row r="1449" spans="1:104" x14ac:dyDescent="0.2">
      <c r="A1449" s="167" t="s">
        <v>418</v>
      </c>
    </row>
    <row r="1450" spans="1:104" x14ac:dyDescent="0.2">
      <c r="A1450" s="167" t="s">
        <v>419</v>
      </c>
      <c r="B1450" s="166">
        <v>42936.46</v>
      </c>
      <c r="C1450" s="166">
        <v>42936.46</v>
      </c>
      <c r="D1450" s="166">
        <v>0</v>
      </c>
      <c r="E1450" s="166">
        <v>0</v>
      </c>
      <c r="F1450" s="166">
        <v>0</v>
      </c>
      <c r="G1450" s="166">
        <v>0</v>
      </c>
      <c r="H1450" s="166">
        <v>0</v>
      </c>
      <c r="I1450" s="166">
        <v>0</v>
      </c>
      <c r="J1450" s="166">
        <v>0</v>
      </c>
      <c r="K1450" s="166">
        <v>0</v>
      </c>
      <c r="L1450" s="166">
        <v>0</v>
      </c>
      <c r="M1450" s="166">
        <v>0</v>
      </c>
      <c r="N1450" s="166">
        <v>0</v>
      </c>
      <c r="O1450" s="166">
        <v>0</v>
      </c>
      <c r="P1450" s="166">
        <v>0</v>
      </c>
      <c r="Q1450" s="166">
        <v>0</v>
      </c>
      <c r="R1450" s="166">
        <v>0</v>
      </c>
      <c r="S1450" s="166">
        <v>0</v>
      </c>
      <c r="T1450" s="166">
        <v>0</v>
      </c>
      <c r="U1450" s="166">
        <v>0</v>
      </c>
      <c r="V1450" s="166">
        <v>0</v>
      </c>
      <c r="W1450" s="166">
        <v>0</v>
      </c>
      <c r="X1450" s="166">
        <v>0</v>
      </c>
      <c r="Y1450" s="166">
        <v>0</v>
      </c>
      <c r="Z1450" s="166">
        <v>0</v>
      </c>
      <c r="AA1450" s="166">
        <v>0</v>
      </c>
      <c r="AB1450" s="166">
        <v>0</v>
      </c>
      <c r="AC1450" s="166">
        <v>0</v>
      </c>
      <c r="AD1450" s="166">
        <v>0</v>
      </c>
      <c r="AE1450" s="166">
        <v>0</v>
      </c>
      <c r="AF1450" s="166">
        <v>0</v>
      </c>
      <c r="AG1450" s="166">
        <v>0</v>
      </c>
      <c r="AH1450" s="166">
        <v>0</v>
      </c>
      <c r="AI1450" s="166">
        <v>0</v>
      </c>
      <c r="AJ1450" s="166">
        <v>0</v>
      </c>
      <c r="AK1450" s="166">
        <v>0</v>
      </c>
      <c r="AL1450" s="166">
        <v>0</v>
      </c>
      <c r="AM1450" s="166">
        <v>0</v>
      </c>
      <c r="AN1450" s="166">
        <v>0</v>
      </c>
      <c r="AO1450" s="166">
        <v>0</v>
      </c>
      <c r="AP1450" s="166">
        <v>0</v>
      </c>
      <c r="AQ1450" s="166">
        <v>0</v>
      </c>
      <c r="AR1450" s="166">
        <v>0</v>
      </c>
      <c r="AS1450" s="166">
        <v>0</v>
      </c>
      <c r="AT1450" s="166">
        <v>0</v>
      </c>
      <c r="AU1450" s="166">
        <v>0</v>
      </c>
      <c r="AV1450" s="166">
        <v>0</v>
      </c>
      <c r="AW1450" s="166">
        <v>0</v>
      </c>
      <c r="AX1450" s="166">
        <v>0</v>
      </c>
      <c r="AY1450" s="166">
        <v>0</v>
      </c>
      <c r="AZ1450" s="166">
        <v>0</v>
      </c>
      <c r="BA1450" s="166">
        <v>0</v>
      </c>
      <c r="BB1450" s="166">
        <v>0</v>
      </c>
      <c r="BC1450" s="166">
        <v>0</v>
      </c>
      <c r="BD1450" s="166">
        <v>0</v>
      </c>
      <c r="BE1450" s="166">
        <v>0</v>
      </c>
      <c r="BF1450" s="166">
        <v>0</v>
      </c>
      <c r="BG1450" s="166">
        <v>0</v>
      </c>
      <c r="BH1450" s="166">
        <v>0</v>
      </c>
      <c r="BI1450" s="166">
        <v>0</v>
      </c>
      <c r="BJ1450" s="166">
        <v>0</v>
      </c>
      <c r="BK1450" s="166">
        <v>0</v>
      </c>
      <c r="BL1450" s="166">
        <v>0</v>
      </c>
      <c r="BM1450" s="166">
        <v>0</v>
      </c>
      <c r="BN1450" s="166">
        <v>0</v>
      </c>
      <c r="BO1450" s="166">
        <v>0</v>
      </c>
      <c r="BP1450" s="166">
        <v>0</v>
      </c>
      <c r="BQ1450" s="166">
        <v>0</v>
      </c>
      <c r="BR1450" s="166">
        <v>42936.46</v>
      </c>
      <c r="BS1450" s="166">
        <v>42936.46</v>
      </c>
      <c r="BT1450" s="168">
        <v>0.96779000000000004</v>
      </c>
      <c r="BU1450" s="166">
        <v>3482.4181128</v>
      </c>
      <c r="BV1450" s="166">
        <v>41553.476623399998</v>
      </c>
      <c r="BW1450" s="166">
        <v>0</v>
      </c>
      <c r="BX1450" s="166">
        <v>0</v>
      </c>
      <c r="BY1450" s="166">
        <v>0</v>
      </c>
      <c r="BZ1450" s="166">
        <v>0</v>
      </c>
      <c r="CA1450" s="166">
        <v>0</v>
      </c>
      <c r="CB1450" s="166">
        <v>0</v>
      </c>
      <c r="CC1450" s="166">
        <v>0</v>
      </c>
      <c r="CD1450" s="166">
        <v>0</v>
      </c>
      <c r="CE1450" s="166">
        <v>0</v>
      </c>
      <c r="CF1450" s="166">
        <v>0</v>
      </c>
      <c r="CG1450" s="166">
        <v>0</v>
      </c>
      <c r="CH1450" s="166">
        <v>0</v>
      </c>
      <c r="CI1450" s="166">
        <v>0</v>
      </c>
      <c r="CJ1450" s="166">
        <v>0</v>
      </c>
      <c r="CK1450" s="166">
        <v>0</v>
      </c>
      <c r="CL1450" s="166">
        <v>0</v>
      </c>
      <c r="CM1450" s="166">
        <v>0</v>
      </c>
      <c r="CN1450" s="166">
        <v>0</v>
      </c>
      <c r="CO1450" s="166">
        <v>0</v>
      </c>
      <c r="CP1450" s="166">
        <v>0</v>
      </c>
      <c r="CQ1450" s="166">
        <v>0</v>
      </c>
      <c r="CR1450" s="166">
        <v>0</v>
      </c>
      <c r="CS1450" s="166">
        <v>0</v>
      </c>
      <c r="CT1450" s="166">
        <v>0</v>
      </c>
      <c r="CU1450" s="166">
        <v>0</v>
      </c>
      <c r="CV1450" s="166">
        <v>0</v>
      </c>
      <c r="CW1450" s="166">
        <v>0</v>
      </c>
      <c r="CX1450" s="166">
        <v>0</v>
      </c>
      <c r="CY1450" s="166">
        <v>41553.476623399998</v>
      </c>
      <c r="CZ1450" s="166">
        <v>41553.476623399998</v>
      </c>
    </row>
    <row r="1451" spans="1:104" x14ac:dyDescent="0.2">
      <c r="A1451" s="167" t="s">
        <v>420</v>
      </c>
    </row>
    <row r="1452" spans="1:104" x14ac:dyDescent="0.2">
      <c r="A1452" s="167" t="s">
        <v>1183</v>
      </c>
      <c r="B1452" s="166">
        <v>25877667.489999902</v>
      </c>
      <c r="C1452" s="166">
        <v>25877667.489999902</v>
      </c>
      <c r="D1452" s="166">
        <v>0</v>
      </c>
      <c r="E1452" s="166">
        <v>0</v>
      </c>
      <c r="F1452" s="166">
        <v>0</v>
      </c>
      <c r="G1452" s="166">
        <v>0</v>
      </c>
      <c r="H1452" s="166">
        <v>0</v>
      </c>
      <c r="I1452" s="166">
        <v>0</v>
      </c>
      <c r="J1452" s="166">
        <v>0</v>
      </c>
      <c r="K1452" s="166">
        <v>0</v>
      </c>
      <c r="L1452" s="166">
        <v>0</v>
      </c>
      <c r="M1452" s="166">
        <v>0</v>
      </c>
      <c r="N1452" s="166">
        <v>0</v>
      </c>
      <c r="O1452" s="166">
        <v>0</v>
      </c>
      <c r="P1452" s="166">
        <v>0</v>
      </c>
      <c r="Q1452" s="166">
        <v>0</v>
      </c>
      <c r="R1452" s="166">
        <v>0</v>
      </c>
      <c r="S1452" s="166">
        <v>0</v>
      </c>
      <c r="T1452" s="166">
        <v>0</v>
      </c>
      <c r="U1452" s="166">
        <v>0</v>
      </c>
      <c r="V1452" s="166">
        <v>0</v>
      </c>
      <c r="W1452" s="166">
        <v>0</v>
      </c>
      <c r="X1452" s="166">
        <v>0</v>
      </c>
      <c r="Y1452" s="166">
        <v>0</v>
      </c>
      <c r="Z1452" s="166">
        <v>0</v>
      </c>
      <c r="AA1452" s="166">
        <v>0</v>
      </c>
      <c r="AB1452" s="166">
        <v>0</v>
      </c>
      <c r="AC1452" s="166">
        <v>0</v>
      </c>
      <c r="AD1452" s="166">
        <v>0</v>
      </c>
      <c r="AE1452" s="166">
        <v>0</v>
      </c>
      <c r="AF1452" s="166">
        <v>0</v>
      </c>
      <c r="AG1452" s="166">
        <v>0</v>
      </c>
      <c r="AH1452" s="166">
        <v>0</v>
      </c>
      <c r="AI1452" s="166">
        <v>0</v>
      </c>
      <c r="AJ1452" s="166">
        <v>0</v>
      </c>
      <c r="AK1452" s="166">
        <v>0</v>
      </c>
      <c r="AL1452" s="166">
        <v>0</v>
      </c>
      <c r="AM1452" s="166">
        <v>0</v>
      </c>
      <c r="AN1452" s="166">
        <v>0</v>
      </c>
      <c r="AO1452" s="166">
        <v>0</v>
      </c>
      <c r="AP1452" s="166">
        <v>0</v>
      </c>
      <c r="AQ1452" s="166">
        <v>0</v>
      </c>
      <c r="AR1452" s="166">
        <v>0</v>
      </c>
      <c r="AS1452" s="166">
        <v>0</v>
      </c>
      <c r="AT1452" s="166">
        <v>0</v>
      </c>
      <c r="AU1452" s="166">
        <v>0</v>
      </c>
      <c r="AV1452" s="166">
        <v>0</v>
      </c>
      <c r="AW1452" s="166">
        <v>0</v>
      </c>
      <c r="AX1452" s="166">
        <v>0</v>
      </c>
      <c r="AY1452" s="166">
        <v>0</v>
      </c>
      <c r="AZ1452" s="166">
        <v>0</v>
      </c>
      <c r="BA1452" s="166">
        <v>0</v>
      </c>
      <c r="BB1452" s="166">
        <v>0</v>
      </c>
      <c r="BC1452" s="166">
        <v>0</v>
      </c>
      <c r="BD1452" s="166">
        <v>0</v>
      </c>
      <c r="BE1452" s="166">
        <v>0</v>
      </c>
      <c r="BF1452" s="166">
        <v>0</v>
      </c>
      <c r="BG1452" s="166">
        <v>0</v>
      </c>
      <c r="BH1452" s="166">
        <v>0</v>
      </c>
      <c r="BI1452" s="166">
        <v>0</v>
      </c>
      <c r="BJ1452" s="166">
        <v>0</v>
      </c>
      <c r="BK1452" s="166">
        <v>0</v>
      </c>
      <c r="BL1452" s="166">
        <v>0</v>
      </c>
      <c r="BM1452" s="166">
        <v>0</v>
      </c>
      <c r="BN1452" s="166">
        <v>0</v>
      </c>
      <c r="BO1452" s="166">
        <v>0</v>
      </c>
      <c r="BP1452" s="166">
        <v>0</v>
      </c>
      <c r="BQ1452" s="166">
        <v>0</v>
      </c>
      <c r="BR1452" s="166">
        <v>25877667.489999902</v>
      </c>
      <c r="BS1452" s="166">
        <v>25877667.489999902</v>
      </c>
      <c r="BT1452" s="168">
        <v>0.96779000000000004</v>
      </c>
      <c r="BU1452" s="166">
        <v>2045778.20193779</v>
      </c>
      <c r="BV1452" s="166">
        <v>25044147.820147</v>
      </c>
      <c r="BW1452" s="166">
        <v>0</v>
      </c>
      <c r="BX1452" s="166">
        <v>0</v>
      </c>
      <c r="BY1452" s="166">
        <v>0</v>
      </c>
      <c r="BZ1452" s="166">
        <v>0</v>
      </c>
      <c r="CA1452" s="166">
        <v>0</v>
      </c>
      <c r="CB1452" s="166">
        <v>0</v>
      </c>
      <c r="CC1452" s="166">
        <v>0</v>
      </c>
      <c r="CD1452" s="166">
        <v>0</v>
      </c>
      <c r="CE1452" s="166">
        <v>0</v>
      </c>
      <c r="CF1452" s="166">
        <v>0</v>
      </c>
      <c r="CG1452" s="166">
        <v>0</v>
      </c>
      <c r="CH1452" s="166">
        <v>0</v>
      </c>
      <c r="CI1452" s="166">
        <v>0</v>
      </c>
      <c r="CJ1452" s="166">
        <v>0</v>
      </c>
      <c r="CK1452" s="166">
        <v>0</v>
      </c>
      <c r="CL1452" s="166">
        <v>0</v>
      </c>
      <c r="CM1452" s="166">
        <v>0</v>
      </c>
      <c r="CN1452" s="166">
        <v>0</v>
      </c>
      <c r="CO1452" s="166">
        <v>0</v>
      </c>
      <c r="CP1452" s="166">
        <v>0</v>
      </c>
      <c r="CQ1452" s="166">
        <v>0</v>
      </c>
      <c r="CR1452" s="166">
        <v>0</v>
      </c>
      <c r="CS1452" s="166">
        <v>0</v>
      </c>
      <c r="CT1452" s="166">
        <v>0</v>
      </c>
      <c r="CU1452" s="166">
        <v>0</v>
      </c>
      <c r="CV1452" s="166">
        <v>0</v>
      </c>
      <c r="CW1452" s="166">
        <v>0</v>
      </c>
      <c r="CX1452" s="166">
        <v>0</v>
      </c>
      <c r="CY1452" s="166">
        <v>25044147.820147</v>
      </c>
      <c r="CZ1452" s="166">
        <v>25044147.820147</v>
      </c>
    </row>
    <row r="1453" spans="1:104" x14ac:dyDescent="0.2">
      <c r="A1453" s="167" t="s">
        <v>422</v>
      </c>
      <c r="B1453" s="166">
        <v>0</v>
      </c>
      <c r="C1453" s="166">
        <v>0</v>
      </c>
      <c r="D1453" s="166">
        <v>0</v>
      </c>
      <c r="E1453" s="166">
        <v>0</v>
      </c>
      <c r="F1453" s="166">
        <v>0</v>
      </c>
      <c r="G1453" s="166">
        <v>0</v>
      </c>
      <c r="H1453" s="166">
        <v>0</v>
      </c>
      <c r="I1453" s="166">
        <v>0</v>
      </c>
      <c r="J1453" s="166">
        <v>0</v>
      </c>
      <c r="K1453" s="166">
        <v>0</v>
      </c>
      <c r="L1453" s="166">
        <v>0</v>
      </c>
      <c r="M1453" s="166">
        <v>0</v>
      </c>
      <c r="N1453" s="166">
        <v>0</v>
      </c>
      <c r="O1453" s="166">
        <v>0</v>
      </c>
      <c r="P1453" s="166">
        <v>0</v>
      </c>
      <c r="Q1453" s="166">
        <v>0</v>
      </c>
      <c r="R1453" s="166">
        <v>0</v>
      </c>
      <c r="S1453" s="166">
        <v>0</v>
      </c>
      <c r="T1453" s="166">
        <v>0</v>
      </c>
      <c r="U1453" s="166">
        <v>0</v>
      </c>
      <c r="V1453" s="166">
        <v>0</v>
      </c>
      <c r="W1453" s="166">
        <v>0</v>
      </c>
      <c r="X1453" s="166">
        <v>0</v>
      </c>
      <c r="Y1453" s="166">
        <v>0</v>
      </c>
      <c r="Z1453" s="166">
        <v>0</v>
      </c>
      <c r="AA1453" s="166">
        <v>0</v>
      </c>
      <c r="AB1453" s="166">
        <v>0</v>
      </c>
      <c r="AC1453" s="166">
        <v>0</v>
      </c>
      <c r="AD1453" s="166">
        <v>0</v>
      </c>
      <c r="AE1453" s="166">
        <v>0</v>
      </c>
      <c r="AF1453" s="166">
        <v>0</v>
      </c>
      <c r="AG1453" s="166">
        <v>0</v>
      </c>
      <c r="AH1453" s="166">
        <v>0</v>
      </c>
      <c r="AI1453" s="166">
        <v>0</v>
      </c>
      <c r="AJ1453" s="166">
        <v>0</v>
      </c>
      <c r="AK1453" s="166">
        <v>0</v>
      </c>
      <c r="AL1453" s="166">
        <v>0</v>
      </c>
      <c r="AM1453" s="166">
        <v>0</v>
      </c>
      <c r="AN1453" s="166">
        <v>0</v>
      </c>
      <c r="AO1453" s="166">
        <v>0</v>
      </c>
      <c r="AP1453" s="166">
        <v>0</v>
      </c>
      <c r="AQ1453" s="166">
        <v>0</v>
      </c>
      <c r="AR1453" s="166">
        <v>0</v>
      </c>
      <c r="AS1453" s="166">
        <v>0</v>
      </c>
      <c r="AT1453" s="166">
        <v>0</v>
      </c>
      <c r="AU1453" s="166">
        <v>0</v>
      </c>
      <c r="AV1453" s="166">
        <v>0</v>
      </c>
      <c r="AW1453" s="166">
        <v>0</v>
      </c>
      <c r="AX1453" s="166">
        <v>0</v>
      </c>
      <c r="AY1453" s="166">
        <v>0</v>
      </c>
      <c r="AZ1453" s="166">
        <v>0</v>
      </c>
      <c r="BA1453" s="166">
        <v>0</v>
      </c>
      <c r="BB1453" s="166">
        <v>0</v>
      </c>
      <c r="BC1453" s="166">
        <v>0</v>
      </c>
      <c r="BD1453" s="166">
        <v>0</v>
      </c>
      <c r="BE1453" s="166">
        <v>0</v>
      </c>
      <c r="BF1453" s="166">
        <v>0</v>
      </c>
      <c r="BG1453" s="166">
        <v>0</v>
      </c>
      <c r="BH1453" s="166">
        <v>0</v>
      </c>
      <c r="BI1453" s="166">
        <v>0</v>
      </c>
      <c r="BJ1453" s="166">
        <v>0</v>
      </c>
      <c r="BK1453" s="166">
        <v>0</v>
      </c>
      <c r="BL1453" s="166">
        <v>0</v>
      </c>
      <c r="BM1453" s="166">
        <v>0</v>
      </c>
      <c r="BN1453" s="166">
        <v>0</v>
      </c>
      <c r="BO1453" s="166">
        <v>0</v>
      </c>
      <c r="BP1453" s="166">
        <v>0</v>
      </c>
      <c r="BQ1453" s="166">
        <v>0</v>
      </c>
      <c r="BR1453" s="166">
        <v>0</v>
      </c>
      <c r="BS1453" s="166">
        <v>0</v>
      </c>
      <c r="BT1453" s="168">
        <v>0</v>
      </c>
      <c r="BU1453" s="166">
        <v>0</v>
      </c>
      <c r="BV1453" s="166">
        <v>0</v>
      </c>
      <c r="BW1453" s="166">
        <v>0</v>
      </c>
      <c r="BX1453" s="166">
        <v>0</v>
      </c>
      <c r="BY1453" s="166">
        <v>0</v>
      </c>
      <c r="BZ1453" s="166">
        <v>0</v>
      </c>
      <c r="CA1453" s="166">
        <v>0</v>
      </c>
      <c r="CB1453" s="166">
        <v>0</v>
      </c>
      <c r="CC1453" s="166">
        <v>0</v>
      </c>
      <c r="CD1453" s="166">
        <v>0</v>
      </c>
      <c r="CE1453" s="166">
        <v>0</v>
      </c>
      <c r="CF1453" s="166">
        <v>0</v>
      </c>
      <c r="CG1453" s="166">
        <v>0</v>
      </c>
      <c r="CH1453" s="166">
        <v>0</v>
      </c>
      <c r="CI1453" s="166">
        <v>0</v>
      </c>
      <c r="CJ1453" s="166">
        <v>0</v>
      </c>
      <c r="CK1453" s="166">
        <v>0</v>
      </c>
      <c r="CL1453" s="166">
        <v>0</v>
      </c>
      <c r="CM1453" s="166">
        <v>0</v>
      </c>
      <c r="CN1453" s="166">
        <v>0</v>
      </c>
      <c r="CO1453" s="166">
        <v>0</v>
      </c>
      <c r="CP1453" s="166">
        <v>0</v>
      </c>
      <c r="CQ1453" s="166">
        <v>0</v>
      </c>
      <c r="CR1453" s="166">
        <v>0</v>
      </c>
      <c r="CS1453" s="166">
        <v>0</v>
      </c>
      <c r="CT1453" s="166">
        <v>0</v>
      </c>
      <c r="CU1453" s="166">
        <v>0</v>
      </c>
      <c r="CV1453" s="166">
        <v>0</v>
      </c>
      <c r="CW1453" s="166">
        <v>0</v>
      </c>
      <c r="CX1453" s="166">
        <v>0</v>
      </c>
      <c r="CY1453" s="166">
        <v>0</v>
      </c>
      <c r="CZ1453" s="166">
        <v>0</v>
      </c>
    </row>
    <row r="1454" spans="1:104" x14ac:dyDescent="0.2">
      <c r="A1454" s="167" t="s">
        <v>705</v>
      </c>
      <c r="B1454" s="166">
        <v>0</v>
      </c>
      <c r="C1454" s="166">
        <v>0</v>
      </c>
      <c r="D1454" s="166">
        <v>0</v>
      </c>
      <c r="E1454" s="166">
        <v>0</v>
      </c>
      <c r="F1454" s="166">
        <v>0</v>
      </c>
      <c r="G1454" s="166">
        <v>0</v>
      </c>
      <c r="H1454" s="166">
        <v>0</v>
      </c>
      <c r="I1454" s="166">
        <v>0</v>
      </c>
      <c r="J1454" s="166">
        <v>0</v>
      </c>
      <c r="K1454" s="166">
        <v>0</v>
      </c>
      <c r="L1454" s="166">
        <v>0</v>
      </c>
      <c r="M1454" s="166">
        <v>0</v>
      </c>
      <c r="N1454" s="166">
        <v>0</v>
      </c>
      <c r="O1454" s="166">
        <v>0</v>
      </c>
      <c r="P1454" s="166">
        <v>0</v>
      </c>
      <c r="Q1454" s="166">
        <v>0</v>
      </c>
      <c r="R1454" s="166">
        <v>0</v>
      </c>
      <c r="S1454" s="166">
        <v>0</v>
      </c>
      <c r="T1454" s="166">
        <v>0</v>
      </c>
      <c r="U1454" s="166">
        <v>0</v>
      </c>
      <c r="V1454" s="166">
        <v>0</v>
      </c>
      <c r="W1454" s="166">
        <v>0</v>
      </c>
      <c r="X1454" s="166">
        <v>0</v>
      </c>
      <c r="Y1454" s="166">
        <v>0</v>
      </c>
      <c r="Z1454" s="166">
        <v>0</v>
      </c>
      <c r="AA1454" s="166">
        <v>0</v>
      </c>
      <c r="AB1454" s="166">
        <v>0</v>
      </c>
      <c r="AC1454" s="166">
        <v>0</v>
      </c>
      <c r="AD1454" s="166">
        <v>0</v>
      </c>
      <c r="AE1454" s="166">
        <v>0</v>
      </c>
      <c r="AF1454" s="166">
        <v>0</v>
      </c>
      <c r="AG1454" s="166">
        <v>0</v>
      </c>
      <c r="AH1454" s="166">
        <v>0</v>
      </c>
      <c r="AI1454" s="166">
        <v>0</v>
      </c>
      <c r="AJ1454" s="166">
        <v>0</v>
      </c>
      <c r="AK1454" s="166">
        <v>0</v>
      </c>
      <c r="AL1454" s="166">
        <v>0</v>
      </c>
      <c r="AM1454" s="166">
        <v>0</v>
      </c>
      <c r="AN1454" s="166">
        <v>0</v>
      </c>
      <c r="AO1454" s="166">
        <v>0</v>
      </c>
      <c r="AP1454" s="166">
        <v>0</v>
      </c>
      <c r="AQ1454" s="166">
        <v>0</v>
      </c>
      <c r="AR1454" s="166">
        <v>0</v>
      </c>
      <c r="AS1454" s="166">
        <v>0</v>
      </c>
      <c r="AT1454" s="166">
        <v>0</v>
      </c>
      <c r="AU1454" s="166">
        <v>0</v>
      </c>
      <c r="AV1454" s="166">
        <v>0</v>
      </c>
      <c r="AW1454" s="166">
        <v>0</v>
      </c>
      <c r="AX1454" s="166">
        <v>0</v>
      </c>
      <c r="AY1454" s="166">
        <v>0</v>
      </c>
      <c r="AZ1454" s="166">
        <v>0</v>
      </c>
      <c r="BA1454" s="166">
        <v>0</v>
      </c>
      <c r="BB1454" s="166">
        <v>0</v>
      </c>
      <c r="BC1454" s="166">
        <v>0</v>
      </c>
      <c r="BD1454" s="166">
        <v>0</v>
      </c>
      <c r="BE1454" s="166">
        <v>0</v>
      </c>
      <c r="BF1454" s="166">
        <v>0</v>
      </c>
      <c r="BG1454" s="166">
        <v>0</v>
      </c>
      <c r="BH1454" s="166">
        <v>0</v>
      </c>
      <c r="BI1454" s="166">
        <v>0</v>
      </c>
      <c r="BJ1454" s="166">
        <v>0</v>
      </c>
      <c r="BK1454" s="166">
        <v>0</v>
      </c>
      <c r="BL1454" s="166">
        <v>0</v>
      </c>
      <c r="BM1454" s="166">
        <v>0</v>
      </c>
      <c r="BN1454" s="166">
        <v>0</v>
      </c>
      <c r="BO1454" s="166">
        <v>0</v>
      </c>
      <c r="BP1454" s="166">
        <v>0</v>
      </c>
      <c r="BQ1454" s="166">
        <v>0</v>
      </c>
      <c r="BR1454" s="166">
        <v>0</v>
      </c>
      <c r="BS1454" s="166">
        <v>0</v>
      </c>
      <c r="BT1454" s="166">
        <v>1000</v>
      </c>
      <c r="BU1454" s="166">
        <v>0</v>
      </c>
      <c r="BV1454" s="166">
        <v>0</v>
      </c>
      <c r="BW1454" s="166">
        <v>0</v>
      </c>
      <c r="BX1454" s="166">
        <v>0</v>
      </c>
      <c r="BY1454" s="166">
        <v>0</v>
      </c>
      <c r="BZ1454" s="166">
        <v>0</v>
      </c>
      <c r="CA1454" s="166">
        <v>0</v>
      </c>
      <c r="CB1454" s="166">
        <v>0</v>
      </c>
      <c r="CC1454" s="166">
        <v>0</v>
      </c>
      <c r="CD1454" s="166">
        <v>0</v>
      </c>
      <c r="CE1454" s="166">
        <v>0</v>
      </c>
      <c r="CF1454" s="166">
        <v>0</v>
      </c>
      <c r="CG1454" s="166">
        <v>0</v>
      </c>
      <c r="CH1454" s="166">
        <v>0</v>
      </c>
      <c r="CI1454" s="166">
        <v>0</v>
      </c>
      <c r="CJ1454" s="166">
        <v>0</v>
      </c>
      <c r="CK1454" s="166">
        <v>0</v>
      </c>
      <c r="CL1454" s="166">
        <v>0</v>
      </c>
      <c r="CM1454" s="166">
        <v>0</v>
      </c>
      <c r="CN1454" s="166">
        <v>0</v>
      </c>
      <c r="CO1454" s="166">
        <v>0</v>
      </c>
      <c r="CP1454" s="166">
        <v>0</v>
      </c>
      <c r="CQ1454" s="166">
        <v>0</v>
      </c>
      <c r="CR1454" s="166">
        <v>0</v>
      </c>
      <c r="CS1454" s="166">
        <v>0</v>
      </c>
      <c r="CT1454" s="166">
        <v>0</v>
      </c>
      <c r="CU1454" s="166">
        <v>0</v>
      </c>
      <c r="CV1454" s="166">
        <v>0</v>
      </c>
      <c r="CW1454" s="166">
        <v>0</v>
      </c>
      <c r="CX1454" s="166">
        <v>0</v>
      </c>
      <c r="CY1454" s="166">
        <v>0</v>
      </c>
      <c r="CZ1454" s="166">
        <v>0</v>
      </c>
    </row>
    <row r="1455" spans="1:104" x14ac:dyDescent="0.2">
      <c r="A1455" s="167" t="s">
        <v>423</v>
      </c>
      <c r="B1455" s="166">
        <v>25877667.489999902</v>
      </c>
      <c r="C1455" s="166">
        <v>25877667.489999902</v>
      </c>
      <c r="D1455" s="166">
        <v>0</v>
      </c>
      <c r="E1455" s="166">
        <v>0</v>
      </c>
      <c r="F1455" s="166">
        <v>0</v>
      </c>
      <c r="G1455" s="166">
        <v>0</v>
      </c>
      <c r="H1455" s="166">
        <v>0</v>
      </c>
      <c r="I1455" s="166">
        <v>0</v>
      </c>
      <c r="J1455" s="166">
        <v>0</v>
      </c>
      <c r="K1455" s="166">
        <v>0</v>
      </c>
      <c r="L1455" s="166">
        <v>0</v>
      </c>
      <c r="M1455" s="166">
        <v>0</v>
      </c>
      <c r="N1455" s="166">
        <v>0</v>
      </c>
      <c r="O1455" s="166">
        <v>0</v>
      </c>
      <c r="P1455" s="166">
        <v>0</v>
      </c>
      <c r="Q1455" s="166">
        <v>0</v>
      </c>
      <c r="R1455" s="166">
        <v>0</v>
      </c>
      <c r="S1455" s="166">
        <v>0</v>
      </c>
      <c r="T1455" s="166">
        <v>0</v>
      </c>
      <c r="U1455" s="166">
        <v>0</v>
      </c>
      <c r="V1455" s="166">
        <v>0</v>
      </c>
      <c r="W1455" s="166">
        <v>0</v>
      </c>
      <c r="X1455" s="166">
        <v>0</v>
      </c>
      <c r="Y1455" s="166">
        <v>0</v>
      </c>
      <c r="Z1455" s="166">
        <v>0</v>
      </c>
      <c r="AA1455" s="166">
        <v>0</v>
      </c>
      <c r="AB1455" s="166">
        <v>0</v>
      </c>
      <c r="AC1455" s="166">
        <v>0</v>
      </c>
      <c r="AD1455" s="166">
        <v>0</v>
      </c>
      <c r="AE1455" s="166">
        <v>0</v>
      </c>
      <c r="AF1455" s="166">
        <v>0</v>
      </c>
      <c r="AG1455" s="166">
        <v>0</v>
      </c>
      <c r="AH1455" s="166">
        <v>0</v>
      </c>
      <c r="AI1455" s="166">
        <v>0</v>
      </c>
      <c r="AJ1455" s="166">
        <v>0</v>
      </c>
      <c r="AK1455" s="166">
        <v>0</v>
      </c>
      <c r="AL1455" s="166">
        <v>0</v>
      </c>
      <c r="AM1455" s="166">
        <v>0</v>
      </c>
      <c r="AN1455" s="166">
        <v>0</v>
      </c>
      <c r="AO1455" s="166">
        <v>0</v>
      </c>
      <c r="AP1455" s="166">
        <v>0</v>
      </c>
      <c r="AQ1455" s="166">
        <v>0</v>
      </c>
      <c r="AR1455" s="166">
        <v>0</v>
      </c>
      <c r="AS1455" s="166">
        <v>0</v>
      </c>
      <c r="AT1455" s="166">
        <v>0</v>
      </c>
      <c r="AU1455" s="166">
        <v>0</v>
      </c>
      <c r="AV1455" s="166">
        <v>0</v>
      </c>
      <c r="AW1455" s="166">
        <v>0</v>
      </c>
      <c r="AX1455" s="166">
        <v>0</v>
      </c>
      <c r="AY1455" s="166">
        <v>0</v>
      </c>
      <c r="AZ1455" s="166">
        <v>0</v>
      </c>
      <c r="BA1455" s="166">
        <v>0</v>
      </c>
      <c r="BB1455" s="166">
        <v>0</v>
      </c>
      <c r="BC1455" s="166">
        <v>0</v>
      </c>
      <c r="BD1455" s="166">
        <v>0</v>
      </c>
      <c r="BE1455" s="166">
        <v>0</v>
      </c>
      <c r="BF1455" s="166">
        <v>0</v>
      </c>
      <c r="BG1455" s="166">
        <v>0</v>
      </c>
      <c r="BH1455" s="166">
        <v>0</v>
      </c>
      <c r="BI1455" s="166">
        <v>0</v>
      </c>
      <c r="BJ1455" s="166">
        <v>0</v>
      </c>
      <c r="BK1455" s="166">
        <v>0</v>
      </c>
      <c r="BL1455" s="166">
        <v>0</v>
      </c>
      <c r="BM1455" s="166">
        <v>0</v>
      </c>
      <c r="BN1455" s="166">
        <v>0</v>
      </c>
      <c r="BO1455" s="166">
        <v>0</v>
      </c>
      <c r="BP1455" s="166">
        <v>0</v>
      </c>
      <c r="BQ1455" s="166">
        <v>0</v>
      </c>
      <c r="BR1455" s="166">
        <v>25877667.489999902</v>
      </c>
      <c r="BS1455" s="166">
        <v>25877667.489999902</v>
      </c>
      <c r="BT1455" s="168">
        <v>0</v>
      </c>
      <c r="BU1455" s="166">
        <v>2045778.20193779</v>
      </c>
      <c r="BV1455" s="166">
        <v>25044147.820147</v>
      </c>
      <c r="BW1455" s="166">
        <v>0</v>
      </c>
      <c r="BX1455" s="166">
        <v>0</v>
      </c>
      <c r="BY1455" s="166">
        <v>0</v>
      </c>
      <c r="BZ1455" s="166">
        <v>0</v>
      </c>
      <c r="CA1455" s="166">
        <v>0</v>
      </c>
      <c r="CB1455" s="166">
        <v>0</v>
      </c>
      <c r="CC1455" s="166">
        <v>0</v>
      </c>
      <c r="CD1455" s="166">
        <v>0</v>
      </c>
      <c r="CE1455" s="166">
        <v>0</v>
      </c>
      <c r="CF1455" s="166">
        <v>0</v>
      </c>
      <c r="CG1455" s="166">
        <v>0</v>
      </c>
      <c r="CH1455" s="166">
        <v>0</v>
      </c>
      <c r="CI1455" s="166">
        <v>0</v>
      </c>
      <c r="CJ1455" s="166">
        <v>0</v>
      </c>
      <c r="CK1455" s="166">
        <v>0</v>
      </c>
      <c r="CL1455" s="166">
        <v>0</v>
      </c>
      <c r="CM1455" s="166">
        <v>0</v>
      </c>
      <c r="CN1455" s="166">
        <v>0</v>
      </c>
      <c r="CO1455" s="166">
        <v>0</v>
      </c>
      <c r="CP1455" s="166">
        <v>0</v>
      </c>
      <c r="CQ1455" s="166">
        <v>0</v>
      </c>
      <c r="CR1455" s="166">
        <v>0</v>
      </c>
      <c r="CS1455" s="166">
        <v>0</v>
      </c>
      <c r="CT1455" s="166">
        <v>0</v>
      </c>
      <c r="CU1455" s="166">
        <v>0</v>
      </c>
      <c r="CV1455" s="166">
        <v>0</v>
      </c>
      <c r="CW1455" s="166">
        <v>0</v>
      </c>
      <c r="CX1455" s="166">
        <v>0</v>
      </c>
      <c r="CY1455" s="166">
        <v>25044147.820147</v>
      </c>
      <c r="CZ1455" s="166">
        <v>25044147.820147</v>
      </c>
    </row>
    <row r="1456" spans="1:104" x14ac:dyDescent="0.2">
      <c r="A1456" s="167" t="s">
        <v>1184</v>
      </c>
    </row>
    <row r="1457" spans="1:104" x14ac:dyDescent="0.2">
      <c r="A1457" s="167" t="s">
        <v>1185</v>
      </c>
      <c r="B1457" s="166">
        <v>29765773.009999901</v>
      </c>
      <c r="C1457" s="166">
        <v>29765773.009999901</v>
      </c>
      <c r="D1457" s="166">
        <v>0</v>
      </c>
      <c r="E1457" s="166">
        <v>0</v>
      </c>
      <c r="F1457" s="166">
        <v>0</v>
      </c>
      <c r="G1457" s="166">
        <v>0</v>
      </c>
      <c r="H1457" s="166">
        <v>0</v>
      </c>
      <c r="I1457" s="166">
        <v>0</v>
      </c>
      <c r="J1457" s="166">
        <v>0</v>
      </c>
      <c r="K1457" s="166">
        <v>0</v>
      </c>
      <c r="L1457" s="166">
        <v>0</v>
      </c>
      <c r="M1457" s="166">
        <v>0</v>
      </c>
      <c r="N1457" s="166">
        <v>0</v>
      </c>
      <c r="O1457" s="166">
        <v>0</v>
      </c>
      <c r="P1457" s="166">
        <v>0</v>
      </c>
      <c r="Q1457" s="166">
        <v>0</v>
      </c>
      <c r="R1457" s="166">
        <v>0</v>
      </c>
      <c r="S1457" s="166">
        <v>0</v>
      </c>
      <c r="T1457" s="166">
        <v>0</v>
      </c>
      <c r="U1457" s="166">
        <v>0</v>
      </c>
      <c r="V1457" s="166">
        <v>0</v>
      </c>
      <c r="W1457" s="166">
        <v>0</v>
      </c>
      <c r="X1457" s="166">
        <v>0</v>
      </c>
      <c r="Y1457" s="166">
        <v>0</v>
      </c>
      <c r="Z1457" s="166">
        <v>0</v>
      </c>
      <c r="AA1457" s="166">
        <v>0</v>
      </c>
      <c r="AB1457" s="166">
        <v>0</v>
      </c>
      <c r="AC1457" s="166">
        <v>0</v>
      </c>
      <c r="AD1457" s="166">
        <v>0</v>
      </c>
      <c r="AE1457" s="166">
        <v>0</v>
      </c>
      <c r="AF1457" s="166">
        <v>0</v>
      </c>
      <c r="AG1457" s="166">
        <v>0</v>
      </c>
      <c r="AH1457" s="166">
        <v>0</v>
      </c>
      <c r="AI1457" s="166">
        <v>0</v>
      </c>
      <c r="AJ1457" s="166">
        <v>0</v>
      </c>
      <c r="AK1457" s="166">
        <v>0</v>
      </c>
      <c r="AL1457" s="166">
        <v>0</v>
      </c>
      <c r="AM1457" s="166">
        <v>0</v>
      </c>
      <c r="AN1457" s="166">
        <v>0</v>
      </c>
      <c r="AO1457" s="166">
        <v>0</v>
      </c>
      <c r="AP1457" s="166">
        <v>0</v>
      </c>
      <c r="AQ1457" s="166">
        <v>0</v>
      </c>
      <c r="AR1457" s="166">
        <v>0</v>
      </c>
      <c r="AS1457" s="166">
        <v>0</v>
      </c>
      <c r="AT1457" s="166">
        <v>0</v>
      </c>
      <c r="AU1457" s="166">
        <v>0</v>
      </c>
      <c r="AV1457" s="166">
        <v>0</v>
      </c>
      <c r="AW1457" s="166">
        <v>0</v>
      </c>
      <c r="AX1457" s="166">
        <v>0</v>
      </c>
      <c r="AY1457" s="166">
        <v>0</v>
      </c>
      <c r="AZ1457" s="166">
        <v>0</v>
      </c>
      <c r="BA1457" s="166">
        <v>0</v>
      </c>
      <c r="BB1457" s="166">
        <v>0</v>
      </c>
      <c r="BC1457" s="166">
        <v>0</v>
      </c>
      <c r="BD1457" s="166">
        <v>0</v>
      </c>
      <c r="BE1457" s="166">
        <v>0</v>
      </c>
      <c r="BF1457" s="166">
        <v>0</v>
      </c>
      <c r="BG1457" s="166">
        <v>0</v>
      </c>
      <c r="BH1457" s="166">
        <v>0</v>
      </c>
      <c r="BI1457" s="166">
        <v>0</v>
      </c>
      <c r="BJ1457" s="166">
        <v>0</v>
      </c>
      <c r="BK1457" s="166">
        <v>0</v>
      </c>
      <c r="BL1457" s="166">
        <v>0</v>
      </c>
      <c r="BM1457" s="166">
        <v>0</v>
      </c>
      <c r="BN1457" s="166">
        <v>0</v>
      </c>
      <c r="BO1457" s="166">
        <v>0</v>
      </c>
      <c r="BP1457" s="166">
        <v>0</v>
      </c>
      <c r="BQ1457" s="166">
        <v>0</v>
      </c>
      <c r="BR1457" s="166">
        <v>29765773.009999901</v>
      </c>
      <c r="BS1457" s="166">
        <v>29765773.009999901</v>
      </c>
      <c r="BT1457" s="168">
        <v>0.93364471102744095</v>
      </c>
      <c r="BU1457" s="166">
        <v>2310107.32389862</v>
      </c>
      <c r="BV1457" s="166">
        <v>27790656.540429801</v>
      </c>
      <c r="BW1457" s="166">
        <v>0</v>
      </c>
      <c r="BX1457" s="166">
        <v>0</v>
      </c>
      <c r="BY1457" s="166">
        <v>0</v>
      </c>
      <c r="BZ1457" s="166">
        <v>0</v>
      </c>
      <c r="CA1457" s="166">
        <v>0</v>
      </c>
      <c r="CB1457" s="166">
        <v>0</v>
      </c>
      <c r="CC1457" s="166">
        <v>0</v>
      </c>
      <c r="CD1457" s="166">
        <v>0</v>
      </c>
      <c r="CE1457" s="166">
        <v>0</v>
      </c>
      <c r="CF1457" s="166">
        <v>0</v>
      </c>
      <c r="CG1457" s="166">
        <v>0</v>
      </c>
      <c r="CH1457" s="166">
        <v>0</v>
      </c>
      <c r="CI1457" s="166">
        <v>0</v>
      </c>
      <c r="CJ1457" s="166">
        <v>0</v>
      </c>
      <c r="CK1457" s="166">
        <v>0</v>
      </c>
      <c r="CL1457" s="166">
        <v>0</v>
      </c>
      <c r="CM1457" s="166">
        <v>0</v>
      </c>
      <c r="CN1457" s="166">
        <v>0</v>
      </c>
      <c r="CO1457" s="166">
        <v>0</v>
      </c>
      <c r="CP1457" s="166">
        <v>0</v>
      </c>
      <c r="CQ1457" s="166">
        <v>0</v>
      </c>
      <c r="CR1457" s="166">
        <v>0</v>
      </c>
      <c r="CS1457" s="166">
        <v>0</v>
      </c>
      <c r="CT1457" s="166">
        <v>0</v>
      </c>
      <c r="CU1457" s="166">
        <v>0</v>
      </c>
      <c r="CV1457" s="166">
        <v>0</v>
      </c>
      <c r="CW1457" s="166">
        <v>0</v>
      </c>
      <c r="CX1457" s="166">
        <v>0</v>
      </c>
      <c r="CY1457" s="166">
        <v>27790656.540429801</v>
      </c>
      <c r="CZ1457" s="166">
        <v>27790656.540429801</v>
      </c>
    </row>
    <row r="1458" spans="1:104" x14ac:dyDescent="0.2">
      <c r="A1458" s="167" t="s">
        <v>426</v>
      </c>
      <c r="B1458" s="166">
        <v>0</v>
      </c>
      <c r="C1458" s="166">
        <v>0</v>
      </c>
      <c r="D1458" s="166">
        <v>0</v>
      </c>
      <c r="E1458" s="166">
        <v>0</v>
      </c>
      <c r="F1458" s="166">
        <v>0</v>
      </c>
      <c r="G1458" s="166">
        <v>0</v>
      </c>
      <c r="H1458" s="166">
        <v>0</v>
      </c>
      <c r="I1458" s="166">
        <v>0</v>
      </c>
      <c r="J1458" s="166">
        <v>0</v>
      </c>
      <c r="K1458" s="166">
        <v>0</v>
      </c>
      <c r="L1458" s="166">
        <v>0</v>
      </c>
      <c r="M1458" s="166">
        <v>0</v>
      </c>
      <c r="N1458" s="166">
        <v>0</v>
      </c>
      <c r="O1458" s="166">
        <v>0</v>
      </c>
      <c r="P1458" s="166">
        <v>0</v>
      </c>
      <c r="Q1458" s="166">
        <v>0</v>
      </c>
      <c r="R1458" s="166">
        <v>0</v>
      </c>
      <c r="S1458" s="166">
        <v>0</v>
      </c>
      <c r="T1458" s="166">
        <v>0</v>
      </c>
      <c r="U1458" s="166">
        <v>0</v>
      </c>
      <c r="V1458" s="166">
        <v>0</v>
      </c>
      <c r="W1458" s="166">
        <v>0</v>
      </c>
      <c r="X1458" s="166">
        <v>0</v>
      </c>
      <c r="Y1458" s="166">
        <v>0</v>
      </c>
      <c r="Z1458" s="166">
        <v>0</v>
      </c>
      <c r="AA1458" s="166">
        <v>0</v>
      </c>
      <c r="AB1458" s="166">
        <v>0</v>
      </c>
      <c r="AC1458" s="166">
        <v>0</v>
      </c>
      <c r="AD1458" s="166">
        <v>0</v>
      </c>
      <c r="AE1458" s="166">
        <v>0</v>
      </c>
      <c r="AF1458" s="166">
        <v>0</v>
      </c>
      <c r="AG1458" s="166">
        <v>0</v>
      </c>
      <c r="AH1458" s="166">
        <v>0</v>
      </c>
      <c r="AI1458" s="166">
        <v>0</v>
      </c>
      <c r="AJ1458" s="166">
        <v>0</v>
      </c>
      <c r="AK1458" s="166">
        <v>0</v>
      </c>
      <c r="AL1458" s="166">
        <v>0</v>
      </c>
      <c r="AM1458" s="166">
        <v>0</v>
      </c>
      <c r="AN1458" s="166">
        <v>0</v>
      </c>
      <c r="AO1458" s="166">
        <v>0</v>
      </c>
      <c r="AP1458" s="166">
        <v>0</v>
      </c>
      <c r="AQ1458" s="166">
        <v>0</v>
      </c>
      <c r="AR1458" s="166">
        <v>0</v>
      </c>
      <c r="AS1458" s="166">
        <v>0</v>
      </c>
      <c r="AT1458" s="166">
        <v>0</v>
      </c>
      <c r="AU1458" s="166">
        <v>0</v>
      </c>
      <c r="AV1458" s="166">
        <v>0</v>
      </c>
      <c r="AW1458" s="166">
        <v>0</v>
      </c>
      <c r="AX1458" s="166">
        <v>0</v>
      </c>
      <c r="AY1458" s="166">
        <v>0</v>
      </c>
      <c r="AZ1458" s="166">
        <v>0</v>
      </c>
      <c r="BA1458" s="166">
        <v>0</v>
      </c>
      <c r="BB1458" s="166">
        <v>0</v>
      </c>
      <c r="BC1458" s="166">
        <v>0</v>
      </c>
      <c r="BD1458" s="166">
        <v>0</v>
      </c>
      <c r="BE1458" s="166">
        <v>0</v>
      </c>
      <c r="BF1458" s="166">
        <v>0</v>
      </c>
      <c r="BG1458" s="166">
        <v>0</v>
      </c>
      <c r="BH1458" s="166">
        <v>0</v>
      </c>
      <c r="BI1458" s="166">
        <v>0</v>
      </c>
      <c r="BJ1458" s="166">
        <v>0</v>
      </c>
      <c r="BK1458" s="166">
        <v>0</v>
      </c>
      <c r="BL1458" s="166">
        <v>0</v>
      </c>
      <c r="BM1458" s="166">
        <v>0</v>
      </c>
      <c r="BN1458" s="166">
        <v>0</v>
      </c>
      <c r="BO1458" s="166">
        <v>0</v>
      </c>
      <c r="BP1458" s="166">
        <v>0</v>
      </c>
      <c r="BQ1458" s="166">
        <v>0</v>
      </c>
      <c r="BR1458" s="166">
        <v>0</v>
      </c>
      <c r="BS1458" s="166">
        <v>0</v>
      </c>
      <c r="BT1458" s="168">
        <v>1</v>
      </c>
      <c r="BU1458" s="166">
        <v>0</v>
      </c>
      <c r="BV1458" s="166">
        <v>0</v>
      </c>
      <c r="BW1458" s="166">
        <v>0</v>
      </c>
      <c r="BX1458" s="166">
        <v>0</v>
      </c>
      <c r="BY1458" s="166">
        <v>0</v>
      </c>
      <c r="BZ1458" s="166">
        <v>0</v>
      </c>
      <c r="CA1458" s="166">
        <v>0</v>
      </c>
      <c r="CB1458" s="166">
        <v>0</v>
      </c>
      <c r="CC1458" s="166">
        <v>0</v>
      </c>
      <c r="CD1458" s="166">
        <v>0</v>
      </c>
      <c r="CE1458" s="166">
        <v>0</v>
      </c>
      <c r="CF1458" s="166">
        <v>0</v>
      </c>
      <c r="CG1458" s="166">
        <v>0</v>
      </c>
      <c r="CH1458" s="166">
        <v>0</v>
      </c>
      <c r="CI1458" s="166">
        <v>0</v>
      </c>
      <c r="CJ1458" s="166">
        <v>0</v>
      </c>
      <c r="CK1458" s="166">
        <v>0</v>
      </c>
      <c r="CL1458" s="166">
        <v>0</v>
      </c>
      <c r="CM1458" s="166">
        <v>0</v>
      </c>
      <c r="CN1458" s="166">
        <v>0</v>
      </c>
      <c r="CO1458" s="166">
        <v>0</v>
      </c>
      <c r="CP1458" s="166">
        <v>0</v>
      </c>
      <c r="CQ1458" s="166">
        <v>0</v>
      </c>
      <c r="CR1458" s="166">
        <v>0</v>
      </c>
      <c r="CS1458" s="166">
        <v>0</v>
      </c>
      <c r="CT1458" s="166">
        <v>0</v>
      </c>
      <c r="CU1458" s="166">
        <v>0</v>
      </c>
      <c r="CV1458" s="166">
        <v>0</v>
      </c>
      <c r="CW1458" s="166">
        <v>0</v>
      </c>
      <c r="CX1458" s="166">
        <v>0</v>
      </c>
      <c r="CY1458" s="166">
        <v>0</v>
      </c>
      <c r="CZ1458" s="166">
        <v>0</v>
      </c>
    </row>
    <row r="1459" spans="1:104" x14ac:dyDescent="0.2">
      <c r="A1459" s="167" t="s">
        <v>427</v>
      </c>
      <c r="B1459" s="166">
        <v>0</v>
      </c>
      <c r="C1459" s="166">
        <v>0</v>
      </c>
      <c r="D1459" s="166">
        <v>0</v>
      </c>
      <c r="E1459" s="166">
        <v>0</v>
      </c>
      <c r="F1459" s="166">
        <v>0</v>
      </c>
      <c r="G1459" s="166">
        <v>0</v>
      </c>
      <c r="H1459" s="166">
        <v>0</v>
      </c>
      <c r="I1459" s="166">
        <v>0</v>
      </c>
      <c r="J1459" s="166">
        <v>0</v>
      </c>
      <c r="K1459" s="166">
        <v>0</v>
      </c>
      <c r="L1459" s="166">
        <v>0</v>
      </c>
      <c r="M1459" s="166">
        <v>0</v>
      </c>
      <c r="N1459" s="166">
        <v>0</v>
      </c>
      <c r="O1459" s="166">
        <v>0</v>
      </c>
      <c r="P1459" s="166">
        <v>0</v>
      </c>
      <c r="Q1459" s="166">
        <v>0</v>
      </c>
      <c r="R1459" s="166">
        <v>0</v>
      </c>
      <c r="S1459" s="166">
        <v>0</v>
      </c>
      <c r="T1459" s="166">
        <v>0</v>
      </c>
      <c r="U1459" s="166">
        <v>0</v>
      </c>
      <c r="V1459" s="166">
        <v>0</v>
      </c>
      <c r="W1459" s="166">
        <v>0</v>
      </c>
      <c r="X1459" s="166">
        <v>0</v>
      </c>
      <c r="Y1459" s="166">
        <v>0</v>
      </c>
      <c r="Z1459" s="166">
        <v>0</v>
      </c>
      <c r="AA1459" s="166">
        <v>0</v>
      </c>
      <c r="AB1459" s="166">
        <v>0</v>
      </c>
      <c r="AC1459" s="166">
        <v>0</v>
      </c>
      <c r="AD1459" s="166">
        <v>0</v>
      </c>
      <c r="AE1459" s="166">
        <v>0</v>
      </c>
      <c r="AF1459" s="166">
        <v>0</v>
      </c>
      <c r="AG1459" s="166">
        <v>0</v>
      </c>
      <c r="AH1459" s="166">
        <v>0</v>
      </c>
      <c r="AI1459" s="166">
        <v>0</v>
      </c>
      <c r="AJ1459" s="166">
        <v>0</v>
      </c>
      <c r="AK1459" s="166">
        <v>0</v>
      </c>
      <c r="AL1459" s="166">
        <v>0</v>
      </c>
      <c r="AM1459" s="166">
        <v>0</v>
      </c>
      <c r="AN1459" s="166">
        <v>0</v>
      </c>
      <c r="AO1459" s="166">
        <v>0</v>
      </c>
      <c r="AP1459" s="166">
        <v>0</v>
      </c>
      <c r="AQ1459" s="166">
        <v>0</v>
      </c>
      <c r="AR1459" s="166">
        <v>0</v>
      </c>
      <c r="AS1459" s="166">
        <v>0</v>
      </c>
      <c r="AT1459" s="166">
        <v>0</v>
      </c>
      <c r="AU1459" s="166">
        <v>0</v>
      </c>
      <c r="AV1459" s="166">
        <v>0</v>
      </c>
      <c r="AW1459" s="166">
        <v>0</v>
      </c>
      <c r="AX1459" s="166">
        <v>0</v>
      </c>
      <c r="AY1459" s="166">
        <v>0</v>
      </c>
      <c r="AZ1459" s="166">
        <v>0</v>
      </c>
      <c r="BA1459" s="166">
        <v>0</v>
      </c>
      <c r="BB1459" s="166">
        <v>0</v>
      </c>
      <c r="BC1459" s="166">
        <v>0</v>
      </c>
      <c r="BD1459" s="166">
        <v>0</v>
      </c>
      <c r="BE1459" s="166">
        <v>0</v>
      </c>
      <c r="BF1459" s="166">
        <v>0</v>
      </c>
      <c r="BG1459" s="166">
        <v>0</v>
      </c>
      <c r="BH1459" s="166">
        <v>0</v>
      </c>
      <c r="BI1459" s="166">
        <v>0</v>
      </c>
      <c r="BJ1459" s="166">
        <v>0</v>
      </c>
      <c r="BK1459" s="166">
        <v>0</v>
      </c>
      <c r="BL1459" s="166">
        <v>0</v>
      </c>
      <c r="BM1459" s="166">
        <v>0</v>
      </c>
      <c r="BN1459" s="166">
        <v>0</v>
      </c>
      <c r="BO1459" s="166">
        <v>0</v>
      </c>
      <c r="BP1459" s="166">
        <v>0</v>
      </c>
      <c r="BQ1459" s="166">
        <v>0</v>
      </c>
      <c r="BR1459" s="166">
        <v>0</v>
      </c>
      <c r="BS1459" s="166">
        <v>0</v>
      </c>
      <c r="BT1459" s="168">
        <v>0</v>
      </c>
      <c r="BU1459" s="166">
        <v>0</v>
      </c>
      <c r="BV1459" s="166">
        <v>0</v>
      </c>
      <c r="BW1459" s="166">
        <v>0</v>
      </c>
      <c r="BX1459" s="166">
        <v>0</v>
      </c>
      <c r="BY1459" s="166">
        <v>0</v>
      </c>
      <c r="BZ1459" s="166">
        <v>0</v>
      </c>
      <c r="CA1459" s="166">
        <v>0</v>
      </c>
      <c r="CB1459" s="166">
        <v>0</v>
      </c>
      <c r="CC1459" s="166">
        <v>0</v>
      </c>
      <c r="CD1459" s="166">
        <v>0</v>
      </c>
      <c r="CE1459" s="166">
        <v>0</v>
      </c>
      <c r="CF1459" s="166">
        <v>0</v>
      </c>
      <c r="CG1459" s="166">
        <v>0</v>
      </c>
      <c r="CH1459" s="166">
        <v>0</v>
      </c>
      <c r="CI1459" s="166">
        <v>0</v>
      </c>
      <c r="CJ1459" s="166">
        <v>0</v>
      </c>
      <c r="CK1459" s="166">
        <v>0</v>
      </c>
      <c r="CL1459" s="166">
        <v>0</v>
      </c>
      <c r="CM1459" s="166">
        <v>0</v>
      </c>
      <c r="CN1459" s="166">
        <v>0</v>
      </c>
      <c r="CO1459" s="166">
        <v>0</v>
      </c>
      <c r="CP1459" s="166">
        <v>0</v>
      </c>
      <c r="CQ1459" s="166">
        <v>0</v>
      </c>
      <c r="CR1459" s="166">
        <v>0</v>
      </c>
      <c r="CS1459" s="166">
        <v>0</v>
      </c>
      <c r="CT1459" s="166">
        <v>0</v>
      </c>
      <c r="CU1459" s="166">
        <v>0</v>
      </c>
      <c r="CV1459" s="166">
        <v>0</v>
      </c>
      <c r="CW1459" s="166">
        <v>0</v>
      </c>
      <c r="CX1459" s="166">
        <v>0</v>
      </c>
      <c r="CY1459" s="166">
        <v>0</v>
      </c>
      <c r="CZ1459" s="166">
        <v>0</v>
      </c>
    </row>
    <row r="1460" spans="1:104" x14ac:dyDescent="0.2">
      <c r="A1460" s="167" t="s">
        <v>1186</v>
      </c>
      <c r="B1460" s="166">
        <v>29765773.009999901</v>
      </c>
      <c r="C1460" s="166">
        <v>29765773.009999901</v>
      </c>
      <c r="D1460" s="166">
        <v>0</v>
      </c>
      <c r="E1460" s="166">
        <v>0</v>
      </c>
      <c r="F1460" s="166">
        <v>0</v>
      </c>
      <c r="G1460" s="166">
        <v>0</v>
      </c>
      <c r="H1460" s="166">
        <v>0</v>
      </c>
      <c r="I1460" s="166">
        <v>0</v>
      </c>
      <c r="J1460" s="166">
        <v>0</v>
      </c>
      <c r="K1460" s="166">
        <v>0</v>
      </c>
      <c r="L1460" s="166">
        <v>0</v>
      </c>
      <c r="M1460" s="166">
        <v>0</v>
      </c>
      <c r="N1460" s="166">
        <v>0</v>
      </c>
      <c r="O1460" s="166">
        <v>0</v>
      </c>
      <c r="P1460" s="166">
        <v>0</v>
      </c>
      <c r="Q1460" s="166">
        <v>0</v>
      </c>
      <c r="R1460" s="166">
        <v>0</v>
      </c>
      <c r="S1460" s="166">
        <v>0</v>
      </c>
      <c r="T1460" s="166">
        <v>0</v>
      </c>
      <c r="U1460" s="166">
        <v>0</v>
      </c>
      <c r="V1460" s="166">
        <v>0</v>
      </c>
      <c r="W1460" s="166">
        <v>0</v>
      </c>
      <c r="X1460" s="166">
        <v>0</v>
      </c>
      <c r="Y1460" s="166">
        <v>0</v>
      </c>
      <c r="Z1460" s="166">
        <v>0</v>
      </c>
      <c r="AA1460" s="166">
        <v>0</v>
      </c>
      <c r="AB1460" s="166">
        <v>0</v>
      </c>
      <c r="AC1460" s="166">
        <v>0</v>
      </c>
      <c r="AD1460" s="166">
        <v>0</v>
      </c>
      <c r="AE1460" s="166">
        <v>0</v>
      </c>
      <c r="AF1460" s="166">
        <v>0</v>
      </c>
      <c r="AG1460" s="166">
        <v>0</v>
      </c>
      <c r="AH1460" s="166">
        <v>0</v>
      </c>
      <c r="AI1460" s="166">
        <v>0</v>
      </c>
      <c r="AJ1460" s="166">
        <v>0</v>
      </c>
      <c r="AK1460" s="166">
        <v>0</v>
      </c>
      <c r="AL1460" s="166">
        <v>0</v>
      </c>
      <c r="AM1460" s="166">
        <v>0</v>
      </c>
      <c r="AN1460" s="166">
        <v>0</v>
      </c>
      <c r="AO1460" s="166">
        <v>0</v>
      </c>
      <c r="AP1460" s="166">
        <v>0</v>
      </c>
      <c r="AQ1460" s="166">
        <v>0</v>
      </c>
      <c r="AR1460" s="166">
        <v>0</v>
      </c>
      <c r="AS1460" s="166">
        <v>0</v>
      </c>
      <c r="AT1460" s="166">
        <v>0</v>
      </c>
      <c r="AU1460" s="166">
        <v>0</v>
      </c>
      <c r="AV1460" s="166">
        <v>0</v>
      </c>
      <c r="AW1460" s="166">
        <v>0</v>
      </c>
      <c r="AX1460" s="166">
        <v>0</v>
      </c>
      <c r="AY1460" s="166">
        <v>0</v>
      </c>
      <c r="AZ1460" s="166">
        <v>0</v>
      </c>
      <c r="BA1460" s="166">
        <v>0</v>
      </c>
      <c r="BB1460" s="166">
        <v>0</v>
      </c>
      <c r="BC1460" s="166">
        <v>0</v>
      </c>
      <c r="BD1460" s="166">
        <v>0</v>
      </c>
      <c r="BE1460" s="166">
        <v>0</v>
      </c>
      <c r="BF1460" s="166">
        <v>0</v>
      </c>
      <c r="BG1460" s="166">
        <v>0</v>
      </c>
      <c r="BH1460" s="166">
        <v>0</v>
      </c>
      <c r="BI1460" s="166">
        <v>0</v>
      </c>
      <c r="BJ1460" s="166">
        <v>0</v>
      </c>
      <c r="BK1460" s="166">
        <v>0</v>
      </c>
      <c r="BL1460" s="166">
        <v>0</v>
      </c>
      <c r="BM1460" s="166">
        <v>0</v>
      </c>
      <c r="BN1460" s="166">
        <v>0</v>
      </c>
      <c r="BO1460" s="166">
        <v>0</v>
      </c>
      <c r="BP1460" s="166">
        <v>0</v>
      </c>
      <c r="BQ1460" s="166">
        <v>0</v>
      </c>
      <c r="BR1460" s="166">
        <v>29765773.009999901</v>
      </c>
      <c r="BS1460" s="166">
        <v>29765773.009999901</v>
      </c>
      <c r="BT1460" s="168">
        <v>0</v>
      </c>
      <c r="BU1460" s="166">
        <v>2310107.32389862</v>
      </c>
      <c r="BV1460" s="166">
        <v>27790656.540429801</v>
      </c>
      <c r="BW1460" s="166">
        <v>0</v>
      </c>
      <c r="BX1460" s="166">
        <v>0</v>
      </c>
      <c r="BY1460" s="166">
        <v>0</v>
      </c>
      <c r="BZ1460" s="166">
        <v>0</v>
      </c>
      <c r="CA1460" s="166">
        <v>0</v>
      </c>
      <c r="CB1460" s="166">
        <v>0</v>
      </c>
      <c r="CC1460" s="166">
        <v>0</v>
      </c>
      <c r="CD1460" s="166">
        <v>0</v>
      </c>
      <c r="CE1460" s="166">
        <v>0</v>
      </c>
      <c r="CF1460" s="166">
        <v>0</v>
      </c>
      <c r="CG1460" s="166">
        <v>0</v>
      </c>
      <c r="CH1460" s="166">
        <v>0</v>
      </c>
      <c r="CI1460" s="166">
        <v>0</v>
      </c>
      <c r="CJ1460" s="166">
        <v>0</v>
      </c>
      <c r="CK1460" s="166">
        <v>0</v>
      </c>
      <c r="CL1460" s="166">
        <v>0</v>
      </c>
      <c r="CM1460" s="166">
        <v>0</v>
      </c>
      <c r="CN1460" s="166">
        <v>0</v>
      </c>
      <c r="CO1460" s="166">
        <v>0</v>
      </c>
      <c r="CP1460" s="166">
        <v>0</v>
      </c>
      <c r="CQ1460" s="166">
        <v>0</v>
      </c>
      <c r="CR1460" s="166">
        <v>0</v>
      </c>
      <c r="CS1460" s="166">
        <v>0</v>
      </c>
      <c r="CT1460" s="166">
        <v>0</v>
      </c>
      <c r="CU1460" s="166">
        <v>0</v>
      </c>
      <c r="CV1460" s="166">
        <v>0</v>
      </c>
      <c r="CW1460" s="166">
        <v>0</v>
      </c>
      <c r="CX1460" s="166">
        <v>0</v>
      </c>
      <c r="CY1460" s="166">
        <v>27790656.540429801</v>
      </c>
      <c r="CZ1460" s="166">
        <v>27790656.540429801</v>
      </c>
    </row>
    <row r="1461" spans="1:104" x14ac:dyDescent="0.2">
      <c r="A1461" s="167" t="s">
        <v>1187</v>
      </c>
    </row>
    <row r="1462" spans="1:104" x14ac:dyDescent="0.2">
      <c r="A1462" s="167" t="s">
        <v>1188</v>
      </c>
      <c r="B1462" s="166">
        <v>0</v>
      </c>
      <c r="C1462" s="166">
        <v>0</v>
      </c>
      <c r="D1462" s="166">
        <v>0</v>
      </c>
      <c r="E1462" s="166">
        <v>0</v>
      </c>
      <c r="F1462" s="166">
        <v>0</v>
      </c>
      <c r="G1462" s="166">
        <v>0</v>
      </c>
      <c r="H1462" s="166">
        <v>0</v>
      </c>
      <c r="I1462" s="166">
        <v>0</v>
      </c>
      <c r="J1462" s="166">
        <v>0</v>
      </c>
      <c r="K1462" s="166">
        <v>0</v>
      </c>
      <c r="L1462" s="166">
        <v>0</v>
      </c>
      <c r="M1462" s="166">
        <v>0</v>
      </c>
      <c r="N1462" s="166">
        <v>0</v>
      </c>
      <c r="O1462" s="166">
        <v>0</v>
      </c>
      <c r="P1462" s="166">
        <v>0</v>
      </c>
      <c r="Q1462" s="166">
        <v>0</v>
      </c>
      <c r="R1462" s="166">
        <v>0</v>
      </c>
      <c r="S1462" s="166">
        <v>0</v>
      </c>
      <c r="T1462" s="166">
        <v>0</v>
      </c>
      <c r="U1462" s="166">
        <v>0</v>
      </c>
      <c r="V1462" s="166">
        <v>0</v>
      </c>
      <c r="W1462" s="166">
        <v>0</v>
      </c>
      <c r="X1462" s="166">
        <v>0</v>
      </c>
      <c r="Y1462" s="166">
        <v>0</v>
      </c>
      <c r="Z1462" s="166">
        <v>0</v>
      </c>
      <c r="AA1462" s="166">
        <v>0</v>
      </c>
      <c r="AB1462" s="166">
        <v>0</v>
      </c>
      <c r="AC1462" s="166">
        <v>0</v>
      </c>
      <c r="AD1462" s="166">
        <v>0</v>
      </c>
      <c r="AE1462" s="166">
        <v>0</v>
      </c>
      <c r="AF1462" s="166">
        <v>0</v>
      </c>
      <c r="AG1462" s="166">
        <v>0</v>
      </c>
      <c r="AH1462" s="166">
        <v>0</v>
      </c>
      <c r="AI1462" s="166">
        <v>0</v>
      </c>
      <c r="AJ1462" s="166">
        <v>0</v>
      </c>
      <c r="AK1462" s="166">
        <v>0</v>
      </c>
      <c r="AL1462" s="166">
        <v>0</v>
      </c>
      <c r="AM1462" s="166">
        <v>0</v>
      </c>
      <c r="AN1462" s="166">
        <v>0</v>
      </c>
      <c r="AO1462" s="166">
        <v>0</v>
      </c>
      <c r="AP1462" s="166">
        <v>0</v>
      </c>
      <c r="AQ1462" s="166">
        <v>0</v>
      </c>
      <c r="AR1462" s="166">
        <v>0</v>
      </c>
      <c r="AS1462" s="166">
        <v>0</v>
      </c>
      <c r="AT1462" s="166">
        <v>0</v>
      </c>
      <c r="AU1462" s="166">
        <v>0</v>
      </c>
      <c r="AV1462" s="166">
        <v>0</v>
      </c>
      <c r="AW1462" s="166">
        <v>0</v>
      </c>
      <c r="AX1462" s="166">
        <v>0</v>
      </c>
      <c r="AY1462" s="166">
        <v>0</v>
      </c>
      <c r="AZ1462" s="166">
        <v>0</v>
      </c>
      <c r="BA1462" s="166">
        <v>0</v>
      </c>
      <c r="BB1462" s="166">
        <v>0</v>
      </c>
      <c r="BC1462" s="166">
        <v>0</v>
      </c>
      <c r="BD1462" s="166">
        <v>0</v>
      </c>
      <c r="BE1462" s="166">
        <v>0</v>
      </c>
      <c r="BF1462" s="166">
        <v>0</v>
      </c>
      <c r="BG1462" s="166">
        <v>0</v>
      </c>
      <c r="BH1462" s="166">
        <v>0</v>
      </c>
      <c r="BI1462" s="166">
        <v>0</v>
      </c>
      <c r="BJ1462" s="166">
        <v>0</v>
      </c>
      <c r="BK1462" s="166">
        <v>0</v>
      </c>
      <c r="BL1462" s="166">
        <v>0</v>
      </c>
      <c r="BM1462" s="166">
        <v>0</v>
      </c>
      <c r="BN1462" s="166">
        <v>0</v>
      </c>
      <c r="BO1462" s="166">
        <v>0</v>
      </c>
      <c r="BP1462" s="166">
        <v>0</v>
      </c>
      <c r="BQ1462" s="166">
        <v>0</v>
      </c>
      <c r="BR1462" s="166">
        <v>0</v>
      </c>
      <c r="BS1462" s="166">
        <v>0</v>
      </c>
      <c r="BT1462" s="168">
        <v>0</v>
      </c>
      <c r="BU1462" s="166">
        <v>0</v>
      </c>
      <c r="BV1462" s="166">
        <v>0</v>
      </c>
      <c r="BW1462" s="166">
        <v>0</v>
      </c>
      <c r="BX1462" s="166">
        <v>0</v>
      </c>
      <c r="BY1462" s="166">
        <v>0</v>
      </c>
      <c r="BZ1462" s="166">
        <v>0</v>
      </c>
      <c r="CA1462" s="166">
        <v>0</v>
      </c>
      <c r="CB1462" s="166">
        <v>0</v>
      </c>
      <c r="CC1462" s="166">
        <v>0</v>
      </c>
      <c r="CD1462" s="166">
        <v>0</v>
      </c>
      <c r="CE1462" s="166">
        <v>0</v>
      </c>
      <c r="CF1462" s="166">
        <v>0</v>
      </c>
      <c r="CG1462" s="166">
        <v>0</v>
      </c>
      <c r="CH1462" s="166">
        <v>0</v>
      </c>
      <c r="CI1462" s="166">
        <v>0</v>
      </c>
      <c r="CJ1462" s="166">
        <v>0</v>
      </c>
      <c r="CK1462" s="166">
        <v>0</v>
      </c>
      <c r="CL1462" s="166">
        <v>0</v>
      </c>
      <c r="CM1462" s="166">
        <v>0</v>
      </c>
      <c r="CN1462" s="166">
        <v>0</v>
      </c>
      <c r="CO1462" s="166">
        <v>0</v>
      </c>
      <c r="CP1462" s="166">
        <v>0</v>
      </c>
      <c r="CQ1462" s="166">
        <v>0</v>
      </c>
      <c r="CR1462" s="166">
        <v>0</v>
      </c>
      <c r="CS1462" s="166">
        <v>0</v>
      </c>
      <c r="CT1462" s="166">
        <v>0</v>
      </c>
      <c r="CU1462" s="166">
        <v>0</v>
      </c>
      <c r="CV1462" s="166">
        <v>0</v>
      </c>
      <c r="CW1462" s="166">
        <v>0</v>
      </c>
      <c r="CX1462" s="166">
        <v>0</v>
      </c>
      <c r="CY1462" s="166">
        <v>0</v>
      </c>
      <c r="CZ1462" s="166">
        <v>0</v>
      </c>
    </row>
    <row r="1463" spans="1:104" x14ac:dyDescent="0.2">
      <c r="A1463" s="167" t="s">
        <v>431</v>
      </c>
      <c r="B1463" s="166">
        <v>0</v>
      </c>
      <c r="C1463" s="166">
        <v>0</v>
      </c>
      <c r="D1463" s="166">
        <v>0</v>
      </c>
      <c r="E1463" s="166">
        <v>0</v>
      </c>
      <c r="F1463" s="166">
        <v>0</v>
      </c>
      <c r="G1463" s="166">
        <v>0</v>
      </c>
      <c r="H1463" s="166">
        <v>0</v>
      </c>
      <c r="I1463" s="166">
        <v>0</v>
      </c>
      <c r="J1463" s="166">
        <v>0</v>
      </c>
      <c r="K1463" s="166">
        <v>0</v>
      </c>
      <c r="L1463" s="166">
        <v>0</v>
      </c>
      <c r="M1463" s="166">
        <v>0</v>
      </c>
      <c r="N1463" s="166">
        <v>0</v>
      </c>
      <c r="O1463" s="166">
        <v>0</v>
      </c>
      <c r="P1463" s="166">
        <v>0</v>
      </c>
      <c r="Q1463" s="166">
        <v>0</v>
      </c>
      <c r="R1463" s="166">
        <v>0</v>
      </c>
      <c r="S1463" s="166">
        <v>0</v>
      </c>
      <c r="T1463" s="166">
        <v>0</v>
      </c>
      <c r="U1463" s="166">
        <v>0</v>
      </c>
      <c r="V1463" s="166">
        <v>0</v>
      </c>
      <c r="W1463" s="166">
        <v>0</v>
      </c>
      <c r="X1463" s="166">
        <v>0</v>
      </c>
      <c r="Y1463" s="166">
        <v>0</v>
      </c>
      <c r="Z1463" s="166">
        <v>0</v>
      </c>
      <c r="AA1463" s="166">
        <v>0</v>
      </c>
      <c r="AB1463" s="166">
        <v>0</v>
      </c>
      <c r="AC1463" s="166">
        <v>0</v>
      </c>
      <c r="AD1463" s="166">
        <v>0</v>
      </c>
      <c r="AE1463" s="166">
        <v>0</v>
      </c>
      <c r="AF1463" s="166">
        <v>0</v>
      </c>
      <c r="AG1463" s="166">
        <v>0</v>
      </c>
      <c r="AH1463" s="166">
        <v>0</v>
      </c>
      <c r="AI1463" s="166">
        <v>0</v>
      </c>
      <c r="AJ1463" s="166">
        <v>0</v>
      </c>
      <c r="AK1463" s="166">
        <v>0</v>
      </c>
      <c r="AL1463" s="166">
        <v>0</v>
      </c>
      <c r="AM1463" s="166">
        <v>0</v>
      </c>
      <c r="AN1463" s="166">
        <v>0</v>
      </c>
      <c r="AO1463" s="166">
        <v>0</v>
      </c>
      <c r="AP1463" s="166">
        <v>0</v>
      </c>
      <c r="AQ1463" s="166">
        <v>0</v>
      </c>
      <c r="AR1463" s="166">
        <v>0</v>
      </c>
      <c r="AS1463" s="166">
        <v>0</v>
      </c>
      <c r="AT1463" s="166">
        <v>0</v>
      </c>
      <c r="AU1463" s="166">
        <v>0</v>
      </c>
      <c r="AV1463" s="166">
        <v>0</v>
      </c>
      <c r="AW1463" s="166">
        <v>0</v>
      </c>
      <c r="AX1463" s="166">
        <v>0</v>
      </c>
      <c r="AY1463" s="166">
        <v>0</v>
      </c>
      <c r="AZ1463" s="166">
        <v>0</v>
      </c>
      <c r="BA1463" s="166">
        <v>0</v>
      </c>
      <c r="BB1463" s="166">
        <v>0</v>
      </c>
      <c r="BC1463" s="166">
        <v>0</v>
      </c>
      <c r="BD1463" s="166">
        <v>0</v>
      </c>
      <c r="BE1463" s="166">
        <v>0</v>
      </c>
      <c r="BF1463" s="166">
        <v>0</v>
      </c>
      <c r="BG1463" s="166">
        <v>0</v>
      </c>
      <c r="BH1463" s="166">
        <v>0</v>
      </c>
      <c r="BI1463" s="166">
        <v>0</v>
      </c>
      <c r="BJ1463" s="166">
        <v>0</v>
      </c>
      <c r="BK1463" s="166">
        <v>0</v>
      </c>
      <c r="BL1463" s="166">
        <v>0</v>
      </c>
      <c r="BM1463" s="166">
        <v>0</v>
      </c>
      <c r="BN1463" s="166">
        <v>0</v>
      </c>
      <c r="BO1463" s="166">
        <v>0</v>
      </c>
      <c r="BP1463" s="166">
        <v>0</v>
      </c>
      <c r="BQ1463" s="166">
        <v>0</v>
      </c>
      <c r="BR1463" s="166">
        <v>0</v>
      </c>
      <c r="BS1463" s="166">
        <v>0</v>
      </c>
      <c r="BT1463" s="168">
        <v>1</v>
      </c>
      <c r="BU1463" s="166">
        <v>0</v>
      </c>
      <c r="BV1463" s="166">
        <v>0</v>
      </c>
      <c r="BW1463" s="166">
        <v>0</v>
      </c>
      <c r="BX1463" s="166">
        <v>0</v>
      </c>
      <c r="BY1463" s="166">
        <v>0</v>
      </c>
      <c r="BZ1463" s="166">
        <v>0</v>
      </c>
      <c r="CA1463" s="166">
        <v>0</v>
      </c>
      <c r="CB1463" s="166">
        <v>0</v>
      </c>
      <c r="CC1463" s="166">
        <v>0</v>
      </c>
      <c r="CD1463" s="166">
        <v>0</v>
      </c>
      <c r="CE1463" s="166">
        <v>0</v>
      </c>
      <c r="CF1463" s="166">
        <v>0</v>
      </c>
      <c r="CG1463" s="166">
        <v>0</v>
      </c>
      <c r="CH1463" s="166">
        <v>0</v>
      </c>
      <c r="CI1463" s="166">
        <v>0</v>
      </c>
      <c r="CJ1463" s="166">
        <v>0</v>
      </c>
      <c r="CK1463" s="166">
        <v>0</v>
      </c>
      <c r="CL1463" s="166">
        <v>0</v>
      </c>
      <c r="CM1463" s="166">
        <v>0</v>
      </c>
      <c r="CN1463" s="166">
        <v>0</v>
      </c>
      <c r="CO1463" s="166">
        <v>0</v>
      </c>
      <c r="CP1463" s="166">
        <v>0</v>
      </c>
      <c r="CQ1463" s="166">
        <v>0</v>
      </c>
      <c r="CR1463" s="166">
        <v>0</v>
      </c>
      <c r="CS1463" s="166">
        <v>0</v>
      </c>
      <c r="CT1463" s="166">
        <v>0</v>
      </c>
      <c r="CU1463" s="166">
        <v>0</v>
      </c>
      <c r="CV1463" s="166">
        <v>0</v>
      </c>
      <c r="CW1463" s="166">
        <v>0</v>
      </c>
      <c r="CX1463" s="166">
        <v>0</v>
      </c>
      <c r="CY1463" s="166">
        <v>0</v>
      </c>
      <c r="CZ1463" s="166">
        <v>0</v>
      </c>
    </row>
    <row r="1464" spans="1:104" x14ac:dyDescent="0.2">
      <c r="A1464" s="167" t="s">
        <v>432</v>
      </c>
      <c r="B1464" s="166">
        <v>0</v>
      </c>
      <c r="C1464" s="166">
        <v>0</v>
      </c>
      <c r="D1464" s="166">
        <v>0</v>
      </c>
      <c r="E1464" s="166">
        <v>0</v>
      </c>
      <c r="F1464" s="166">
        <v>0</v>
      </c>
      <c r="G1464" s="166">
        <v>0</v>
      </c>
      <c r="H1464" s="166">
        <v>0</v>
      </c>
      <c r="I1464" s="166">
        <v>0</v>
      </c>
      <c r="J1464" s="166">
        <v>0</v>
      </c>
      <c r="K1464" s="166">
        <v>0</v>
      </c>
      <c r="L1464" s="166">
        <v>0</v>
      </c>
      <c r="M1464" s="166">
        <v>0</v>
      </c>
      <c r="N1464" s="166">
        <v>0</v>
      </c>
      <c r="O1464" s="166">
        <v>0</v>
      </c>
      <c r="P1464" s="166">
        <v>0</v>
      </c>
      <c r="Q1464" s="166">
        <v>0</v>
      </c>
      <c r="R1464" s="166">
        <v>0</v>
      </c>
      <c r="S1464" s="166">
        <v>0</v>
      </c>
      <c r="T1464" s="166">
        <v>0</v>
      </c>
      <c r="U1464" s="166">
        <v>0</v>
      </c>
      <c r="V1464" s="166">
        <v>0</v>
      </c>
      <c r="W1464" s="166">
        <v>0</v>
      </c>
      <c r="X1464" s="166">
        <v>0</v>
      </c>
      <c r="Y1464" s="166">
        <v>0</v>
      </c>
      <c r="Z1464" s="166">
        <v>0</v>
      </c>
      <c r="AA1464" s="166">
        <v>0</v>
      </c>
      <c r="AB1464" s="166">
        <v>0</v>
      </c>
      <c r="AC1464" s="166">
        <v>0</v>
      </c>
      <c r="AD1464" s="166">
        <v>0</v>
      </c>
      <c r="AE1464" s="166">
        <v>0</v>
      </c>
      <c r="AF1464" s="166">
        <v>0</v>
      </c>
      <c r="AG1464" s="166">
        <v>0</v>
      </c>
      <c r="AH1464" s="166">
        <v>0</v>
      </c>
      <c r="AI1464" s="166">
        <v>0</v>
      </c>
      <c r="AJ1464" s="166">
        <v>0</v>
      </c>
      <c r="AK1464" s="166">
        <v>0</v>
      </c>
      <c r="AL1464" s="166">
        <v>0</v>
      </c>
      <c r="AM1464" s="166">
        <v>0</v>
      </c>
      <c r="AN1464" s="166">
        <v>0</v>
      </c>
      <c r="AO1464" s="166">
        <v>0</v>
      </c>
      <c r="AP1464" s="166">
        <v>0</v>
      </c>
      <c r="AQ1464" s="166">
        <v>0</v>
      </c>
      <c r="AR1464" s="166">
        <v>0</v>
      </c>
      <c r="AS1464" s="166">
        <v>0</v>
      </c>
      <c r="AT1464" s="166">
        <v>0</v>
      </c>
      <c r="AU1464" s="166">
        <v>0</v>
      </c>
      <c r="AV1464" s="166">
        <v>0</v>
      </c>
      <c r="AW1464" s="166">
        <v>0</v>
      </c>
      <c r="AX1464" s="166">
        <v>0</v>
      </c>
      <c r="AY1464" s="166">
        <v>0</v>
      </c>
      <c r="AZ1464" s="166">
        <v>0</v>
      </c>
      <c r="BA1464" s="166">
        <v>0</v>
      </c>
      <c r="BB1464" s="166">
        <v>0</v>
      </c>
      <c r="BC1464" s="166">
        <v>0</v>
      </c>
      <c r="BD1464" s="166">
        <v>0</v>
      </c>
      <c r="BE1464" s="166">
        <v>0</v>
      </c>
      <c r="BF1464" s="166">
        <v>0</v>
      </c>
      <c r="BG1464" s="166">
        <v>0</v>
      </c>
      <c r="BH1464" s="166">
        <v>0</v>
      </c>
      <c r="BI1464" s="166">
        <v>0</v>
      </c>
      <c r="BJ1464" s="166">
        <v>0</v>
      </c>
      <c r="BK1464" s="166">
        <v>0</v>
      </c>
      <c r="BL1464" s="166">
        <v>0</v>
      </c>
      <c r="BM1464" s="166">
        <v>0</v>
      </c>
      <c r="BN1464" s="166">
        <v>0</v>
      </c>
      <c r="BO1464" s="166">
        <v>0</v>
      </c>
      <c r="BP1464" s="166">
        <v>0</v>
      </c>
      <c r="BQ1464" s="166">
        <v>0</v>
      </c>
      <c r="BR1464" s="166">
        <v>0</v>
      </c>
      <c r="BS1464" s="166">
        <v>0</v>
      </c>
      <c r="BT1464" s="168">
        <v>1</v>
      </c>
      <c r="BU1464" s="166">
        <v>0</v>
      </c>
      <c r="BV1464" s="166">
        <v>0</v>
      </c>
      <c r="BW1464" s="166">
        <v>0</v>
      </c>
      <c r="BX1464" s="166">
        <v>0</v>
      </c>
      <c r="BY1464" s="166">
        <v>0</v>
      </c>
      <c r="BZ1464" s="166">
        <v>0</v>
      </c>
      <c r="CA1464" s="166">
        <v>0</v>
      </c>
      <c r="CB1464" s="166">
        <v>0</v>
      </c>
      <c r="CC1464" s="166">
        <v>0</v>
      </c>
      <c r="CD1464" s="166">
        <v>0</v>
      </c>
      <c r="CE1464" s="166">
        <v>0</v>
      </c>
      <c r="CF1464" s="166">
        <v>0</v>
      </c>
      <c r="CG1464" s="166">
        <v>0</v>
      </c>
      <c r="CH1464" s="166">
        <v>0</v>
      </c>
      <c r="CI1464" s="166">
        <v>0</v>
      </c>
      <c r="CJ1464" s="166">
        <v>0</v>
      </c>
      <c r="CK1464" s="166">
        <v>0</v>
      </c>
      <c r="CL1464" s="166">
        <v>0</v>
      </c>
      <c r="CM1464" s="166">
        <v>0</v>
      </c>
      <c r="CN1464" s="166">
        <v>0</v>
      </c>
      <c r="CO1464" s="166">
        <v>0</v>
      </c>
      <c r="CP1464" s="166">
        <v>0</v>
      </c>
      <c r="CQ1464" s="166">
        <v>0</v>
      </c>
      <c r="CR1464" s="166">
        <v>0</v>
      </c>
      <c r="CS1464" s="166">
        <v>0</v>
      </c>
      <c r="CT1464" s="166">
        <v>0</v>
      </c>
      <c r="CU1464" s="166">
        <v>0</v>
      </c>
      <c r="CV1464" s="166">
        <v>0</v>
      </c>
      <c r="CW1464" s="166">
        <v>0</v>
      </c>
      <c r="CX1464" s="166">
        <v>0</v>
      </c>
      <c r="CY1464" s="166">
        <v>0</v>
      </c>
      <c r="CZ1464" s="166">
        <v>0</v>
      </c>
    </row>
    <row r="1465" spans="1:104" x14ac:dyDescent="0.2">
      <c r="A1465" s="167" t="s">
        <v>433</v>
      </c>
      <c r="B1465" s="166">
        <v>0</v>
      </c>
      <c r="C1465" s="166">
        <v>0</v>
      </c>
      <c r="D1465" s="166">
        <v>0</v>
      </c>
      <c r="E1465" s="166">
        <v>0</v>
      </c>
      <c r="F1465" s="166">
        <v>0</v>
      </c>
      <c r="G1465" s="166">
        <v>0</v>
      </c>
      <c r="H1465" s="166">
        <v>0</v>
      </c>
      <c r="I1465" s="166">
        <v>0</v>
      </c>
      <c r="J1465" s="166">
        <v>0</v>
      </c>
      <c r="K1465" s="166">
        <v>0</v>
      </c>
      <c r="L1465" s="166">
        <v>0</v>
      </c>
      <c r="M1465" s="166">
        <v>0</v>
      </c>
      <c r="N1465" s="166">
        <v>0</v>
      </c>
      <c r="O1465" s="166">
        <v>0</v>
      </c>
      <c r="P1465" s="166">
        <v>0</v>
      </c>
      <c r="Q1465" s="166">
        <v>0</v>
      </c>
      <c r="R1465" s="166">
        <v>0</v>
      </c>
      <c r="S1465" s="166">
        <v>0</v>
      </c>
      <c r="T1465" s="166">
        <v>0</v>
      </c>
      <c r="U1465" s="166">
        <v>0</v>
      </c>
      <c r="V1465" s="166">
        <v>0</v>
      </c>
      <c r="W1465" s="166">
        <v>0</v>
      </c>
      <c r="X1465" s="166">
        <v>0</v>
      </c>
      <c r="Y1465" s="166">
        <v>0</v>
      </c>
      <c r="Z1465" s="166">
        <v>0</v>
      </c>
      <c r="AA1465" s="166">
        <v>0</v>
      </c>
      <c r="AB1465" s="166">
        <v>0</v>
      </c>
      <c r="AC1465" s="166">
        <v>0</v>
      </c>
      <c r="AD1465" s="166">
        <v>0</v>
      </c>
      <c r="AE1465" s="166">
        <v>0</v>
      </c>
      <c r="AF1465" s="166">
        <v>0</v>
      </c>
      <c r="AG1465" s="166">
        <v>0</v>
      </c>
      <c r="AH1465" s="166">
        <v>0</v>
      </c>
      <c r="AI1465" s="166">
        <v>0</v>
      </c>
      <c r="AJ1465" s="166">
        <v>0</v>
      </c>
      <c r="AK1465" s="166">
        <v>0</v>
      </c>
      <c r="AL1465" s="166">
        <v>0</v>
      </c>
      <c r="AM1465" s="166">
        <v>0</v>
      </c>
      <c r="AN1465" s="166">
        <v>0</v>
      </c>
      <c r="AO1465" s="166">
        <v>0</v>
      </c>
      <c r="AP1465" s="166">
        <v>0</v>
      </c>
      <c r="AQ1465" s="166">
        <v>0</v>
      </c>
      <c r="AR1465" s="166">
        <v>0</v>
      </c>
      <c r="AS1465" s="166">
        <v>0</v>
      </c>
      <c r="AT1465" s="166">
        <v>0</v>
      </c>
      <c r="AU1465" s="166">
        <v>0</v>
      </c>
      <c r="AV1465" s="166">
        <v>0</v>
      </c>
      <c r="AW1465" s="166">
        <v>0</v>
      </c>
      <c r="AX1465" s="166">
        <v>0</v>
      </c>
      <c r="AY1465" s="166">
        <v>0</v>
      </c>
      <c r="AZ1465" s="166">
        <v>0</v>
      </c>
      <c r="BA1465" s="166">
        <v>0</v>
      </c>
      <c r="BB1465" s="166">
        <v>0</v>
      </c>
      <c r="BC1465" s="166">
        <v>0</v>
      </c>
      <c r="BD1465" s="166">
        <v>0</v>
      </c>
      <c r="BE1465" s="166">
        <v>0</v>
      </c>
      <c r="BF1465" s="166">
        <v>0</v>
      </c>
      <c r="BG1465" s="166">
        <v>0</v>
      </c>
      <c r="BH1465" s="166">
        <v>0</v>
      </c>
      <c r="BI1465" s="166">
        <v>0</v>
      </c>
      <c r="BJ1465" s="166">
        <v>0</v>
      </c>
      <c r="BK1465" s="166">
        <v>0</v>
      </c>
      <c r="BL1465" s="166">
        <v>0</v>
      </c>
      <c r="BM1465" s="166">
        <v>0</v>
      </c>
      <c r="BN1465" s="166">
        <v>0</v>
      </c>
      <c r="BO1465" s="166">
        <v>0</v>
      </c>
      <c r="BP1465" s="166">
        <v>0</v>
      </c>
      <c r="BQ1465" s="166">
        <v>0</v>
      </c>
      <c r="BR1465" s="166">
        <v>0</v>
      </c>
      <c r="BS1465" s="166">
        <v>0</v>
      </c>
      <c r="BT1465" s="168">
        <v>0</v>
      </c>
      <c r="BU1465" s="166">
        <v>0</v>
      </c>
      <c r="BV1465" s="166">
        <v>0</v>
      </c>
      <c r="BW1465" s="166">
        <v>0</v>
      </c>
      <c r="BX1465" s="166">
        <v>0</v>
      </c>
      <c r="BY1465" s="166">
        <v>0</v>
      </c>
      <c r="BZ1465" s="166">
        <v>0</v>
      </c>
      <c r="CA1465" s="166">
        <v>0</v>
      </c>
      <c r="CB1465" s="166">
        <v>0</v>
      </c>
      <c r="CC1465" s="166">
        <v>0</v>
      </c>
      <c r="CD1465" s="166">
        <v>0</v>
      </c>
      <c r="CE1465" s="166">
        <v>0</v>
      </c>
      <c r="CF1465" s="166">
        <v>0</v>
      </c>
      <c r="CG1465" s="166">
        <v>0</v>
      </c>
      <c r="CH1465" s="166">
        <v>0</v>
      </c>
      <c r="CI1465" s="166">
        <v>0</v>
      </c>
      <c r="CJ1465" s="166">
        <v>0</v>
      </c>
      <c r="CK1465" s="166">
        <v>0</v>
      </c>
      <c r="CL1465" s="166">
        <v>0</v>
      </c>
      <c r="CM1465" s="166">
        <v>0</v>
      </c>
      <c r="CN1465" s="166">
        <v>0</v>
      </c>
      <c r="CO1465" s="166">
        <v>0</v>
      </c>
      <c r="CP1465" s="166">
        <v>0</v>
      </c>
      <c r="CQ1465" s="166">
        <v>0</v>
      </c>
      <c r="CR1465" s="166">
        <v>0</v>
      </c>
      <c r="CS1465" s="166">
        <v>0</v>
      </c>
      <c r="CT1465" s="166">
        <v>0</v>
      </c>
      <c r="CU1465" s="166">
        <v>0</v>
      </c>
      <c r="CV1465" s="166">
        <v>0</v>
      </c>
      <c r="CW1465" s="166">
        <v>0</v>
      </c>
      <c r="CX1465" s="166">
        <v>0</v>
      </c>
      <c r="CY1465" s="166">
        <v>0</v>
      </c>
      <c r="CZ1465" s="166">
        <v>0</v>
      </c>
    </row>
    <row r="1466" spans="1:104" x14ac:dyDescent="0.2">
      <c r="A1466" s="167" t="s">
        <v>434</v>
      </c>
    </row>
    <row r="1467" spans="1:104" x14ac:dyDescent="0.2">
      <c r="A1467" s="167" t="s">
        <v>1189</v>
      </c>
      <c r="B1467" s="166">
        <v>7298477</v>
      </c>
      <c r="C1467" s="166">
        <v>7298477</v>
      </c>
      <c r="D1467" s="166">
        <v>0</v>
      </c>
      <c r="E1467" s="166">
        <v>0</v>
      </c>
      <c r="F1467" s="166">
        <v>0</v>
      </c>
      <c r="G1467" s="166">
        <v>0</v>
      </c>
      <c r="H1467" s="166">
        <v>0</v>
      </c>
      <c r="I1467" s="166">
        <v>0</v>
      </c>
      <c r="J1467" s="166">
        <v>0</v>
      </c>
      <c r="K1467" s="166">
        <v>0</v>
      </c>
      <c r="L1467" s="166">
        <v>0</v>
      </c>
      <c r="M1467" s="166">
        <v>0</v>
      </c>
      <c r="N1467" s="166">
        <v>0</v>
      </c>
      <c r="O1467" s="166">
        <v>0</v>
      </c>
      <c r="P1467" s="166">
        <v>0</v>
      </c>
      <c r="Q1467" s="166">
        <v>0</v>
      </c>
      <c r="R1467" s="166">
        <v>0</v>
      </c>
      <c r="S1467" s="166">
        <v>0</v>
      </c>
      <c r="T1467" s="166">
        <v>0</v>
      </c>
      <c r="U1467" s="166">
        <v>0</v>
      </c>
      <c r="V1467" s="166">
        <v>0</v>
      </c>
      <c r="W1467" s="166">
        <v>0</v>
      </c>
      <c r="X1467" s="166">
        <v>0</v>
      </c>
      <c r="Y1467" s="166">
        <v>0</v>
      </c>
      <c r="Z1467" s="166">
        <v>0</v>
      </c>
      <c r="AA1467" s="166">
        <v>0</v>
      </c>
      <c r="AB1467" s="166">
        <v>0</v>
      </c>
      <c r="AC1467" s="166">
        <v>0</v>
      </c>
      <c r="AD1467" s="166">
        <v>0</v>
      </c>
      <c r="AE1467" s="166">
        <v>0</v>
      </c>
      <c r="AF1467" s="166">
        <v>0</v>
      </c>
      <c r="AG1467" s="166">
        <v>0</v>
      </c>
      <c r="AH1467" s="166">
        <v>0</v>
      </c>
      <c r="AI1467" s="166">
        <v>0</v>
      </c>
      <c r="AJ1467" s="166">
        <v>0</v>
      </c>
      <c r="AK1467" s="166">
        <v>0</v>
      </c>
      <c r="AL1467" s="166">
        <v>0</v>
      </c>
      <c r="AM1467" s="166">
        <v>0</v>
      </c>
      <c r="AN1467" s="166">
        <v>0</v>
      </c>
      <c r="AO1467" s="166">
        <v>0</v>
      </c>
      <c r="AP1467" s="166">
        <v>0</v>
      </c>
      <c r="AQ1467" s="166">
        <v>0</v>
      </c>
      <c r="AR1467" s="166">
        <v>0</v>
      </c>
      <c r="AS1467" s="166">
        <v>0</v>
      </c>
      <c r="AT1467" s="166">
        <v>0</v>
      </c>
      <c r="AU1467" s="166">
        <v>0</v>
      </c>
      <c r="AV1467" s="166">
        <v>0</v>
      </c>
      <c r="AW1467" s="166">
        <v>0</v>
      </c>
      <c r="AX1467" s="166">
        <v>0</v>
      </c>
      <c r="AY1467" s="166">
        <v>0</v>
      </c>
      <c r="AZ1467" s="166">
        <v>0</v>
      </c>
      <c r="BA1467" s="166">
        <v>0</v>
      </c>
      <c r="BB1467" s="166">
        <v>0</v>
      </c>
      <c r="BC1467" s="166">
        <v>0</v>
      </c>
      <c r="BD1467" s="166">
        <v>0</v>
      </c>
      <c r="BE1467" s="166">
        <v>0</v>
      </c>
      <c r="BF1467" s="166">
        <v>0</v>
      </c>
      <c r="BG1467" s="166">
        <v>0</v>
      </c>
      <c r="BH1467" s="166">
        <v>0</v>
      </c>
      <c r="BI1467" s="166">
        <v>0</v>
      </c>
      <c r="BJ1467" s="166">
        <v>0</v>
      </c>
      <c r="BK1467" s="166">
        <v>0</v>
      </c>
      <c r="BL1467" s="166">
        <v>0</v>
      </c>
      <c r="BM1467" s="166">
        <v>0</v>
      </c>
      <c r="BN1467" s="166">
        <v>0</v>
      </c>
      <c r="BO1467" s="166">
        <v>0</v>
      </c>
      <c r="BP1467" s="166">
        <v>0</v>
      </c>
      <c r="BQ1467" s="166">
        <v>0</v>
      </c>
      <c r="BR1467" s="166">
        <v>7298477</v>
      </c>
      <c r="BS1467" s="166">
        <v>7298477</v>
      </c>
      <c r="BT1467" s="168">
        <v>0.96779000000000004</v>
      </c>
      <c r="BU1467" s="166">
        <v>638253.66287369898</v>
      </c>
      <c r="BV1467" s="166">
        <v>7063393.0558299897</v>
      </c>
      <c r="BW1467" s="166">
        <v>0</v>
      </c>
      <c r="BX1467" s="166">
        <v>0</v>
      </c>
      <c r="BY1467" s="166">
        <v>0</v>
      </c>
      <c r="BZ1467" s="166">
        <v>0</v>
      </c>
      <c r="CA1467" s="166">
        <v>0</v>
      </c>
      <c r="CB1467" s="166">
        <v>0</v>
      </c>
      <c r="CC1467" s="166">
        <v>0</v>
      </c>
      <c r="CD1467" s="166">
        <v>0</v>
      </c>
      <c r="CE1467" s="166">
        <v>0</v>
      </c>
      <c r="CF1467" s="166">
        <v>0</v>
      </c>
      <c r="CG1467" s="166">
        <v>0</v>
      </c>
      <c r="CH1467" s="166">
        <v>0</v>
      </c>
      <c r="CI1467" s="166">
        <v>0</v>
      </c>
      <c r="CJ1467" s="166">
        <v>0</v>
      </c>
      <c r="CK1467" s="166">
        <v>0</v>
      </c>
      <c r="CL1467" s="166">
        <v>0</v>
      </c>
      <c r="CM1467" s="166">
        <v>0</v>
      </c>
      <c r="CN1467" s="166">
        <v>0</v>
      </c>
      <c r="CO1467" s="166">
        <v>0</v>
      </c>
      <c r="CP1467" s="166">
        <v>0</v>
      </c>
      <c r="CQ1467" s="166">
        <v>0</v>
      </c>
      <c r="CR1467" s="166">
        <v>0</v>
      </c>
      <c r="CS1467" s="166">
        <v>0</v>
      </c>
      <c r="CT1467" s="166">
        <v>0</v>
      </c>
      <c r="CU1467" s="166">
        <v>0</v>
      </c>
      <c r="CV1467" s="166">
        <v>0</v>
      </c>
      <c r="CW1467" s="166">
        <v>0</v>
      </c>
      <c r="CX1467" s="166">
        <v>0</v>
      </c>
      <c r="CY1467" s="166">
        <v>7063393.0558299897</v>
      </c>
      <c r="CZ1467" s="166">
        <v>7063393.0558299897</v>
      </c>
    </row>
    <row r="1468" spans="1:104" x14ac:dyDescent="0.2">
      <c r="A1468" s="167" t="s">
        <v>1190</v>
      </c>
    </row>
    <row r="1469" spans="1:104" x14ac:dyDescent="0.2">
      <c r="A1469" s="167" t="s">
        <v>1191</v>
      </c>
      <c r="B1469" s="166">
        <v>15870506.032857001</v>
      </c>
      <c r="C1469" s="166">
        <v>15870506.032857001</v>
      </c>
      <c r="D1469" s="166">
        <v>0</v>
      </c>
      <c r="E1469" s="166">
        <v>0</v>
      </c>
      <c r="F1469" s="166">
        <v>0</v>
      </c>
      <c r="G1469" s="166">
        <v>0</v>
      </c>
      <c r="H1469" s="166">
        <v>0</v>
      </c>
      <c r="I1469" s="166">
        <v>0</v>
      </c>
      <c r="J1469" s="166">
        <v>0</v>
      </c>
      <c r="K1469" s="166">
        <v>0</v>
      </c>
      <c r="L1469" s="166">
        <v>0</v>
      </c>
      <c r="M1469" s="166">
        <v>0</v>
      </c>
      <c r="N1469" s="166">
        <v>0</v>
      </c>
      <c r="O1469" s="166">
        <v>0</v>
      </c>
      <c r="P1469" s="166">
        <v>0</v>
      </c>
      <c r="Q1469" s="166">
        <v>0</v>
      </c>
      <c r="R1469" s="166">
        <v>0</v>
      </c>
      <c r="S1469" s="166">
        <v>0</v>
      </c>
      <c r="T1469" s="166">
        <v>0</v>
      </c>
      <c r="U1469" s="166">
        <v>0</v>
      </c>
      <c r="V1469" s="166">
        <v>0</v>
      </c>
      <c r="W1469" s="166">
        <v>0</v>
      </c>
      <c r="X1469" s="166">
        <v>0</v>
      </c>
      <c r="Y1469" s="166">
        <v>0</v>
      </c>
      <c r="Z1469" s="166">
        <v>0</v>
      </c>
      <c r="AA1469" s="166">
        <v>0</v>
      </c>
      <c r="AB1469" s="166">
        <v>0</v>
      </c>
      <c r="AC1469" s="166">
        <v>0</v>
      </c>
      <c r="AD1469" s="166">
        <v>0</v>
      </c>
      <c r="AE1469" s="166">
        <v>0</v>
      </c>
      <c r="AF1469" s="166">
        <v>0</v>
      </c>
      <c r="AG1469" s="166">
        <v>0</v>
      </c>
      <c r="AH1469" s="166">
        <v>0</v>
      </c>
      <c r="AI1469" s="166">
        <v>0</v>
      </c>
      <c r="AJ1469" s="166">
        <v>0</v>
      </c>
      <c r="AK1469" s="166">
        <v>0</v>
      </c>
      <c r="AL1469" s="166">
        <v>0</v>
      </c>
      <c r="AM1469" s="166">
        <v>0</v>
      </c>
      <c r="AN1469" s="166">
        <v>0</v>
      </c>
      <c r="AO1469" s="166">
        <v>0</v>
      </c>
      <c r="AP1469" s="166">
        <v>0</v>
      </c>
      <c r="AQ1469" s="166">
        <v>0</v>
      </c>
      <c r="AR1469" s="166">
        <v>0</v>
      </c>
      <c r="AS1469" s="166">
        <v>0</v>
      </c>
      <c r="AT1469" s="166">
        <v>0</v>
      </c>
      <c r="AU1469" s="166">
        <v>0</v>
      </c>
      <c r="AV1469" s="166">
        <v>0</v>
      </c>
      <c r="AW1469" s="166">
        <v>0</v>
      </c>
      <c r="AX1469" s="166">
        <v>0</v>
      </c>
      <c r="AY1469" s="166">
        <v>0</v>
      </c>
      <c r="AZ1469" s="166">
        <v>0</v>
      </c>
      <c r="BA1469" s="166">
        <v>0</v>
      </c>
      <c r="BB1469" s="166">
        <v>0</v>
      </c>
      <c r="BC1469" s="166">
        <v>0</v>
      </c>
      <c r="BD1469" s="166">
        <v>0</v>
      </c>
      <c r="BE1469" s="166">
        <v>0</v>
      </c>
      <c r="BF1469" s="166">
        <v>0</v>
      </c>
      <c r="BG1469" s="166">
        <v>0</v>
      </c>
      <c r="BH1469" s="166">
        <v>0</v>
      </c>
      <c r="BI1469" s="166">
        <v>0</v>
      </c>
      <c r="BJ1469" s="166">
        <v>0</v>
      </c>
      <c r="BK1469" s="166">
        <v>0</v>
      </c>
      <c r="BL1469" s="166">
        <v>0</v>
      </c>
      <c r="BM1469" s="166">
        <v>0</v>
      </c>
      <c r="BN1469" s="166">
        <v>0</v>
      </c>
      <c r="BO1469" s="166">
        <v>0</v>
      </c>
      <c r="BP1469" s="166">
        <v>0</v>
      </c>
      <c r="BQ1469" s="166">
        <v>0</v>
      </c>
      <c r="BR1469" s="166">
        <v>15870506.032857001</v>
      </c>
      <c r="BS1469" s="166">
        <v>15870506.032857001</v>
      </c>
      <c r="BT1469" s="168">
        <v>0.96779000000000004</v>
      </c>
      <c r="BU1469" s="166">
        <v>3602490.3545480398</v>
      </c>
      <c r="BV1469" s="166">
        <v>15359317.033538699</v>
      </c>
      <c r="BW1469" s="166">
        <v>0</v>
      </c>
      <c r="BX1469" s="166">
        <v>0</v>
      </c>
      <c r="BY1469" s="166">
        <v>0</v>
      </c>
      <c r="BZ1469" s="166">
        <v>0</v>
      </c>
      <c r="CA1469" s="166">
        <v>0</v>
      </c>
      <c r="CB1469" s="166">
        <v>0</v>
      </c>
      <c r="CC1469" s="166">
        <v>0</v>
      </c>
      <c r="CD1469" s="166">
        <v>0</v>
      </c>
      <c r="CE1469" s="166">
        <v>0</v>
      </c>
      <c r="CF1469" s="166">
        <v>0</v>
      </c>
      <c r="CG1469" s="166">
        <v>0</v>
      </c>
      <c r="CH1469" s="166">
        <v>0</v>
      </c>
      <c r="CI1469" s="166">
        <v>0</v>
      </c>
      <c r="CJ1469" s="166">
        <v>0</v>
      </c>
      <c r="CK1469" s="166">
        <v>0</v>
      </c>
      <c r="CL1469" s="166">
        <v>0</v>
      </c>
      <c r="CM1469" s="166">
        <v>0</v>
      </c>
      <c r="CN1469" s="166">
        <v>0</v>
      </c>
      <c r="CO1469" s="166">
        <v>0</v>
      </c>
      <c r="CP1469" s="166">
        <v>0</v>
      </c>
      <c r="CQ1469" s="166">
        <v>0</v>
      </c>
      <c r="CR1469" s="166">
        <v>0</v>
      </c>
      <c r="CS1469" s="166">
        <v>0</v>
      </c>
      <c r="CT1469" s="166">
        <v>0</v>
      </c>
      <c r="CU1469" s="166">
        <v>0</v>
      </c>
      <c r="CV1469" s="166">
        <v>0</v>
      </c>
      <c r="CW1469" s="166">
        <v>0</v>
      </c>
      <c r="CX1469" s="166">
        <v>0</v>
      </c>
      <c r="CY1469" s="166">
        <v>15359317.033538699</v>
      </c>
      <c r="CZ1469" s="166">
        <v>15359317.033538699</v>
      </c>
    </row>
    <row r="1470" spans="1:104" x14ac:dyDescent="0.2">
      <c r="A1470" s="167" t="s">
        <v>1192</v>
      </c>
      <c r="B1470" s="166">
        <v>0</v>
      </c>
      <c r="C1470" s="166">
        <v>0</v>
      </c>
      <c r="D1470" s="166">
        <v>0</v>
      </c>
      <c r="E1470" s="166">
        <v>0</v>
      </c>
      <c r="F1470" s="166">
        <v>0</v>
      </c>
      <c r="G1470" s="166">
        <v>0</v>
      </c>
      <c r="H1470" s="166">
        <v>0</v>
      </c>
      <c r="I1470" s="166">
        <v>0</v>
      </c>
      <c r="J1470" s="166">
        <v>0</v>
      </c>
      <c r="K1470" s="166">
        <v>0</v>
      </c>
      <c r="L1470" s="166">
        <v>0</v>
      </c>
      <c r="M1470" s="166">
        <v>0</v>
      </c>
      <c r="N1470" s="166">
        <v>0</v>
      </c>
      <c r="O1470" s="166">
        <v>0</v>
      </c>
      <c r="P1470" s="166">
        <v>0</v>
      </c>
      <c r="Q1470" s="166">
        <v>0</v>
      </c>
      <c r="R1470" s="166">
        <v>0</v>
      </c>
      <c r="S1470" s="166">
        <v>0</v>
      </c>
      <c r="T1470" s="166">
        <v>0</v>
      </c>
      <c r="U1470" s="166">
        <v>0</v>
      </c>
      <c r="V1470" s="166">
        <v>0</v>
      </c>
      <c r="W1470" s="166">
        <v>0</v>
      </c>
      <c r="X1470" s="166">
        <v>0</v>
      </c>
      <c r="Y1470" s="166">
        <v>0</v>
      </c>
      <c r="Z1470" s="166">
        <v>0</v>
      </c>
      <c r="AA1470" s="166">
        <v>0</v>
      </c>
      <c r="AB1470" s="166">
        <v>0</v>
      </c>
      <c r="AC1470" s="166">
        <v>0</v>
      </c>
      <c r="AD1470" s="166">
        <v>0</v>
      </c>
      <c r="AE1470" s="166">
        <v>0</v>
      </c>
      <c r="AF1470" s="166">
        <v>0</v>
      </c>
      <c r="AG1470" s="166">
        <v>0</v>
      </c>
      <c r="AH1470" s="166">
        <v>0</v>
      </c>
      <c r="AI1470" s="166">
        <v>0</v>
      </c>
      <c r="AJ1470" s="166">
        <v>0</v>
      </c>
      <c r="AK1470" s="166">
        <v>0</v>
      </c>
      <c r="AL1470" s="166">
        <v>0</v>
      </c>
      <c r="AM1470" s="166">
        <v>0</v>
      </c>
      <c r="AN1470" s="166">
        <v>0</v>
      </c>
      <c r="AO1470" s="166">
        <v>0</v>
      </c>
      <c r="AP1470" s="166">
        <v>0</v>
      </c>
      <c r="AQ1470" s="166">
        <v>0</v>
      </c>
      <c r="AR1470" s="166">
        <v>0</v>
      </c>
      <c r="AS1470" s="166">
        <v>0</v>
      </c>
      <c r="AT1470" s="166">
        <v>0</v>
      </c>
      <c r="AU1470" s="166">
        <v>0</v>
      </c>
      <c r="AV1470" s="166">
        <v>0</v>
      </c>
      <c r="AW1470" s="166">
        <v>0</v>
      </c>
      <c r="AX1470" s="166">
        <v>0</v>
      </c>
      <c r="AY1470" s="166">
        <v>0</v>
      </c>
      <c r="AZ1470" s="166">
        <v>0</v>
      </c>
      <c r="BA1470" s="166">
        <v>0</v>
      </c>
      <c r="BB1470" s="166">
        <v>0</v>
      </c>
      <c r="BC1470" s="166">
        <v>0</v>
      </c>
      <c r="BD1470" s="166">
        <v>0</v>
      </c>
      <c r="BE1470" s="166">
        <v>0</v>
      </c>
      <c r="BF1470" s="166">
        <v>0</v>
      </c>
      <c r="BG1470" s="166">
        <v>0</v>
      </c>
      <c r="BH1470" s="166">
        <v>0</v>
      </c>
      <c r="BI1470" s="166">
        <v>0</v>
      </c>
      <c r="BJ1470" s="166">
        <v>0</v>
      </c>
      <c r="BK1470" s="166">
        <v>0</v>
      </c>
      <c r="BL1470" s="166">
        <v>0</v>
      </c>
      <c r="BM1470" s="166">
        <v>0</v>
      </c>
      <c r="BN1470" s="166">
        <v>0</v>
      </c>
      <c r="BO1470" s="166">
        <v>0</v>
      </c>
      <c r="BP1470" s="166">
        <v>0</v>
      </c>
      <c r="BQ1470" s="166">
        <v>0</v>
      </c>
      <c r="BR1470" s="166">
        <v>0</v>
      </c>
      <c r="BS1470" s="166">
        <v>0</v>
      </c>
      <c r="BT1470" s="168">
        <v>0</v>
      </c>
      <c r="BU1470" s="166">
        <v>0</v>
      </c>
      <c r="BV1470" s="166">
        <v>0</v>
      </c>
      <c r="BW1470" s="166">
        <v>0</v>
      </c>
      <c r="BX1470" s="166">
        <v>0</v>
      </c>
      <c r="BY1470" s="166">
        <v>0</v>
      </c>
      <c r="BZ1470" s="166">
        <v>0</v>
      </c>
      <c r="CA1470" s="166">
        <v>0</v>
      </c>
      <c r="CB1470" s="166">
        <v>0</v>
      </c>
      <c r="CC1470" s="166">
        <v>0</v>
      </c>
      <c r="CD1470" s="166">
        <v>0</v>
      </c>
      <c r="CE1470" s="166">
        <v>0</v>
      </c>
      <c r="CF1470" s="166">
        <v>0</v>
      </c>
      <c r="CG1470" s="166">
        <v>0</v>
      </c>
      <c r="CH1470" s="166">
        <v>0</v>
      </c>
      <c r="CI1470" s="166">
        <v>0</v>
      </c>
      <c r="CJ1470" s="166">
        <v>0</v>
      </c>
      <c r="CK1470" s="166">
        <v>0</v>
      </c>
      <c r="CL1470" s="166">
        <v>0</v>
      </c>
      <c r="CM1470" s="166">
        <v>0</v>
      </c>
      <c r="CN1470" s="166">
        <v>0</v>
      </c>
      <c r="CO1470" s="166">
        <v>0</v>
      </c>
      <c r="CP1470" s="166">
        <v>0</v>
      </c>
      <c r="CQ1470" s="166">
        <v>0</v>
      </c>
      <c r="CR1470" s="166">
        <v>0</v>
      </c>
      <c r="CS1470" s="166">
        <v>0</v>
      </c>
      <c r="CT1470" s="166">
        <v>0</v>
      </c>
      <c r="CU1470" s="166">
        <v>0</v>
      </c>
      <c r="CV1470" s="166">
        <v>0</v>
      </c>
      <c r="CW1470" s="166">
        <v>0</v>
      </c>
      <c r="CX1470" s="166">
        <v>0</v>
      </c>
      <c r="CY1470" s="166">
        <v>0</v>
      </c>
      <c r="CZ1470" s="166">
        <v>0</v>
      </c>
    </row>
    <row r="1471" spans="1:104" x14ac:dyDescent="0.2">
      <c r="A1471" s="167" t="s">
        <v>1193</v>
      </c>
      <c r="B1471" s="166">
        <v>15870506.032857001</v>
      </c>
      <c r="C1471" s="166">
        <v>15870506.032857001</v>
      </c>
      <c r="D1471" s="166">
        <v>0</v>
      </c>
      <c r="E1471" s="166">
        <v>0</v>
      </c>
      <c r="F1471" s="166">
        <v>0</v>
      </c>
      <c r="G1471" s="166">
        <v>0</v>
      </c>
      <c r="H1471" s="166">
        <v>0</v>
      </c>
      <c r="I1471" s="166">
        <v>0</v>
      </c>
      <c r="J1471" s="166">
        <v>0</v>
      </c>
      <c r="K1471" s="166">
        <v>0</v>
      </c>
      <c r="L1471" s="166">
        <v>0</v>
      </c>
      <c r="M1471" s="166">
        <v>0</v>
      </c>
      <c r="N1471" s="166">
        <v>0</v>
      </c>
      <c r="O1471" s="166">
        <v>0</v>
      </c>
      <c r="P1471" s="166">
        <v>0</v>
      </c>
      <c r="Q1471" s="166">
        <v>0</v>
      </c>
      <c r="R1471" s="166">
        <v>0</v>
      </c>
      <c r="S1471" s="166">
        <v>0</v>
      </c>
      <c r="T1471" s="166">
        <v>0</v>
      </c>
      <c r="U1471" s="166">
        <v>0</v>
      </c>
      <c r="V1471" s="166">
        <v>0</v>
      </c>
      <c r="W1471" s="166">
        <v>0</v>
      </c>
      <c r="X1471" s="166">
        <v>0</v>
      </c>
      <c r="Y1471" s="166">
        <v>0</v>
      </c>
      <c r="Z1471" s="166">
        <v>0</v>
      </c>
      <c r="AA1471" s="166">
        <v>0</v>
      </c>
      <c r="AB1471" s="166">
        <v>0</v>
      </c>
      <c r="AC1471" s="166">
        <v>0</v>
      </c>
      <c r="AD1471" s="166">
        <v>0</v>
      </c>
      <c r="AE1471" s="166">
        <v>0</v>
      </c>
      <c r="AF1471" s="166">
        <v>0</v>
      </c>
      <c r="AG1471" s="166">
        <v>0</v>
      </c>
      <c r="AH1471" s="166">
        <v>0</v>
      </c>
      <c r="AI1471" s="166">
        <v>0</v>
      </c>
      <c r="AJ1471" s="166">
        <v>0</v>
      </c>
      <c r="AK1471" s="166">
        <v>0</v>
      </c>
      <c r="AL1471" s="166">
        <v>0</v>
      </c>
      <c r="AM1471" s="166">
        <v>0</v>
      </c>
      <c r="AN1471" s="166">
        <v>0</v>
      </c>
      <c r="AO1471" s="166">
        <v>0</v>
      </c>
      <c r="AP1471" s="166">
        <v>0</v>
      </c>
      <c r="AQ1471" s="166">
        <v>0</v>
      </c>
      <c r="AR1471" s="166">
        <v>0</v>
      </c>
      <c r="AS1471" s="166">
        <v>0</v>
      </c>
      <c r="AT1471" s="166">
        <v>0</v>
      </c>
      <c r="AU1471" s="166">
        <v>0</v>
      </c>
      <c r="AV1471" s="166">
        <v>0</v>
      </c>
      <c r="AW1471" s="166">
        <v>0</v>
      </c>
      <c r="AX1471" s="166">
        <v>0</v>
      </c>
      <c r="AY1471" s="166">
        <v>0</v>
      </c>
      <c r="AZ1471" s="166">
        <v>0</v>
      </c>
      <c r="BA1471" s="166">
        <v>0</v>
      </c>
      <c r="BB1471" s="166">
        <v>0</v>
      </c>
      <c r="BC1471" s="166">
        <v>0</v>
      </c>
      <c r="BD1471" s="166">
        <v>0</v>
      </c>
      <c r="BE1471" s="166">
        <v>0</v>
      </c>
      <c r="BF1471" s="166">
        <v>0</v>
      </c>
      <c r="BG1471" s="166">
        <v>0</v>
      </c>
      <c r="BH1471" s="166">
        <v>0</v>
      </c>
      <c r="BI1471" s="166">
        <v>0</v>
      </c>
      <c r="BJ1471" s="166">
        <v>0</v>
      </c>
      <c r="BK1471" s="166">
        <v>0</v>
      </c>
      <c r="BL1471" s="166">
        <v>0</v>
      </c>
      <c r="BM1471" s="166">
        <v>0</v>
      </c>
      <c r="BN1471" s="166">
        <v>0</v>
      </c>
      <c r="BO1471" s="166">
        <v>0</v>
      </c>
      <c r="BP1471" s="166">
        <v>0</v>
      </c>
      <c r="BQ1471" s="166">
        <v>0</v>
      </c>
      <c r="BR1471" s="166">
        <v>15870506.032857001</v>
      </c>
      <c r="BS1471" s="166">
        <v>15870506.032857001</v>
      </c>
      <c r="BT1471" s="168">
        <v>0</v>
      </c>
      <c r="BU1471" s="166">
        <v>3602490.3545480398</v>
      </c>
      <c r="BV1471" s="166">
        <v>15359317.033538699</v>
      </c>
      <c r="BW1471" s="166">
        <v>0</v>
      </c>
      <c r="BX1471" s="166">
        <v>0</v>
      </c>
      <c r="BY1471" s="166">
        <v>0</v>
      </c>
      <c r="BZ1471" s="166">
        <v>0</v>
      </c>
      <c r="CA1471" s="166">
        <v>0</v>
      </c>
      <c r="CB1471" s="166">
        <v>0</v>
      </c>
      <c r="CC1471" s="166">
        <v>0</v>
      </c>
      <c r="CD1471" s="166">
        <v>0</v>
      </c>
      <c r="CE1471" s="166">
        <v>0</v>
      </c>
      <c r="CF1471" s="166">
        <v>0</v>
      </c>
      <c r="CG1471" s="166">
        <v>0</v>
      </c>
      <c r="CH1471" s="166">
        <v>0</v>
      </c>
      <c r="CI1471" s="166">
        <v>0</v>
      </c>
      <c r="CJ1471" s="166">
        <v>0</v>
      </c>
      <c r="CK1471" s="166">
        <v>0</v>
      </c>
      <c r="CL1471" s="166">
        <v>0</v>
      </c>
      <c r="CM1471" s="166">
        <v>0</v>
      </c>
      <c r="CN1471" s="166">
        <v>0</v>
      </c>
      <c r="CO1471" s="166">
        <v>0</v>
      </c>
      <c r="CP1471" s="166">
        <v>0</v>
      </c>
      <c r="CQ1471" s="166">
        <v>0</v>
      </c>
      <c r="CR1471" s="166">
        <v>0</v>
      </c>
      <c r="CS1471" s="166">
        <v>0</v>
      </c>
      <c r="CT1471" s="166">
        <v>0</v>
      </c>
      <c r="CU1471" s="166">
        <v>0</v>
      </c>
      <c r="CV1471" s="166">
        <v>0</v>
      </c>
      <c r="CW1471" s="166">
        <v>0</v>
      </c>
      <c r="CX1471" s="166">
        <v>0</v>
      </c>
      <c r="CY1471" s="166">
        <v>15359317.033538699</v>
      </c>
      <c r="CZ1471" s="166">
        <v>15359317.033538699</v>
      </c>
    </row>
    <row r="1472" spans="1:104" x14ac:dyDescent="0.2">
      <c r="A1472" s="167" t="s">
        <v>1194</v>
      </c>
    </row>
    <row r="1473" spans="1:104" x14ac:dyDescent="0.2">
      <c r="A1473" s="167" t="s">
        <v>441</v>
      </c>
      <c r="B1473" s="166">
        <v>0</v>
      </c>
      <c r="C1473" s="166">
        <v>0</v>
      </c>
      <c r="D1473" s="166">
        <v>0</v>
      </c>
      <c r="E1473" s="166">
        <v>0</v>
      </c>
      <c r="F1473" s="166">
        <v>0</v>
      </c>
      <c r="G1473" s="166">
        <v>0</v>
      </c>
      <c r="H1473" s="166">
        <v>0</v>
      </c>
      <c r="I1473" s="166">
        <v>0</v>
      </c>
      <c r="J1473" s="166">
        <v>0</v>
      </c>
      <c r="K1473" s="166">
        <v>0</v>
      </c>
      <c r="L1473" s="166">
        <v>0</v>
      </c>
      <c r="M1473" s="166">
        <v>0</v>
      </c>
      <c r="N1473" s="166">
        <v>0</v>
      </c>
      <c r="O1473" s="166">
        <v>0</v>
      </c>
      <c r="P1473" s="166">
        <v>0</v>
      </c>
      <c r="Q1473" s="166">
        <v>0</v>
      </c>
      <c r="R1473" s="166">
        <v>0</v>
      </c>
      <c r="S1473" s="166">
        <v>0</v>
      </c>
      <c r="T1473" s="166">
        <v>0</v>
      </c>
      <c r="U1473" s="166">
        <v>0</v>
      </c>
      <c r="V1473" s="166">
        <v>0</v>
      </c>
      <c r="W1473" s="166">
        <v>0</v>
      </c>
      <c r="X1473" s="166">
        <v>0</v>
      </c>
      <c r="Y1473" s="166">
        <v>0</v>
      </c>
      <c r="Z1473" s="166">
        <v>0</v>
      </c>
      <c r="AA1473" s="166">
        <v>0</v>
      </c>
      <c r="AB1473" s="166">
        <v>0</v>
      </c>
      <c r="AC1473" s="166">
        <v>0</v>
      </c>
      <c r="AD1473" s="166">
        <v>0</v>
      </c>
      <c r="AE1473" s="166">
        <v>0</v>
      </c>
      <c r="AF1473" s="166">
        <v>0</v>
      </c>
      <c r="AG1473" s="166">
        <v>0</v>
      </c>
      <c r="AH1473" s="166">
        <v>0</v>
      </c>
      <c r="AI1473" s="166">
        <v>0</v>
      </c>
      <c r="AJ1473" s="166">
        <v>0</v>
      </c>
      <c r="AK1473" s="166">
        <v>0</v>
      </c>
      <c r="AL1473" s="166">
        <v>0</v>
      </c>
      <c r="AM1473" s="166">
        <v>0</v>
      </c>
      <c r="AN1473" s="166">
        <v>0</v>
      </c>
      <c r="AO1473" s="166">
        <v>0</v>
      </c>
      <c r="AP1473" s="166">
        <v>0</v>
      </c>
      <c r="AQ1473" s="166">
        <v>0</v>
      </c>
      <c r="AR1473" s="166">
        <v>0</v>
      </c>
      <c r="AS1473" s="166">
        <v>0</v>
      </c>
      <c r="AT1473" s="166">
        <v>0</v>
      </c>
      <c r="AU1473" s="166">
        <v>0</v>
      </c>
      <c r="AV1473" s="166">
        <v>0</v>
      </c>
      <c r="AW1473" s="166">
        <v>0</v>
      </c>
      <c r="AX1473" s="166">
        <v>0</v>
      </c>
      <c r="AY1473" s="166">
        <v>0</v>
      </c>
      <c r="AZ1473" s="166">
        <v>0</v>
      </c>
      <c r="BA1473" s="166">
        <v>0</v>
      </c>
      <c r="BB1473" s="166">
        <v>0</v>
      </c>
      <c r="BC1473" s="166">
        <v>0</v>
      </c>
      <c r="BD1473" s="166">
        <v>0</v>
      </c>
      <c r="BE1473" s="166">
        <v>0</v>
      </c>
      <c r="BF1473" s="166">
        <v>0</v>
      </c>
      <c r="BG1473" s="166">
        <v>0</v>
      </c>
      <c r="BH1473" s="166">
        <v>0</v>
      </c>
      <c r="BI1473" s="166">
        <v>0</v>
      </c>
      <c r="BJ1473" s="166">
        <v>0</v>
      </c>
      <c r="BK1473" s="166">
        <v>0</v>
      </c>
      <c r="BL1473" s="166">
        <v>0</v>
      </c>
      <c r="BM1473" s="166">
        <v>0</v>
      </c>
      <c r="BN1473" s="166">
        <v>0</v>
      </c>
      <c r="BO1473" s="166">
        <v>0</v>
      </c>
      <c r="BP1473" s="166">
        <v>0</v>
      </c>
      <c r="BQ1473" s="166">
        <v>0</v>
      </c>
      <c r="BR1473" s="166">
        <v>0</v>
      </c>
      <c r="BS1473" s="166">
        <v>0</v>
      </c>
      <c r="BT1473" s="168">
        <v>0.96779000000000004</v>
      </c>
      <c r="BU1473" s="166">
        <v>0</v>
      </c>
      <c r="BV1473" s="166">
        <v>0</v>
      </c>
      <c r="BW1473" s="166">
        <v>0</v>
      </c>
      <c r="BX1473" s="166">
        <v>0</v>
      </c>
      <c r="BY1473" s="166">
        <v>0</v>
      </c>
      <c r="BZ1473" s="166">
        <v>0</v>
      </c>
      <c r="CA1473" s="166">
        <v>0</v>
      </c>
      <c r="CB1473" s="166">
        <v>0</v>
      </c>
      <c r="CC1473" s="166">
        <v>0</v>
      </c>
      <c r="CD1473" s="166">
        <v>0</v>
      </c>
      <c r="CE1473" s="166">
        <v>0</v>
      </c>
      <c r="CF1473" s="166">
        <v>0</v>
      </c>
      <c r="CG1473" s="166">
        <v>0</v>
      </c>
      <c r="CH1473" s="166">
        <v>0</v>
      </c>
      <c r="CI1473" s="166">
        <v>0</v>
      </c>
      <c r="CJ1473" s="166">
        <v>0</v>
      </c>
      <c r="CK1473" s="166">
        <v>0</v>
      </c>
      <c r="CL1473" s="166">
        <v>0</v>
      </c>
      <c r="CM1473" s="166">
        <v>0</v>
      </c>
      <c r="CN1473" s="166">
        <v>0</v>
      </c>
      <c r="CO1473" s="166">
        <v>0</v>
      </c>
      <c r="CP1473" s="166">
        <v>0</v>
      </c>
      <c r="CQ1473" s="166">
        <v>0</v>
      </c>
      <c r="CR1473" s="166">
        <v>0</v>
      </c>
      <c r="CS1473" s="166">
        <v>0</v>
      </c>
      <c r="CT1473" s="166">
        <v>0</v>
      </c>
      <c r="CU1473" s="166">
        <v>0</v>
      </c>
      <c r="CV1473" s="166">
        <v>0</v>
      </c>
      <c r="CW1473" s="166">
        <v>0</v>
      </c>
      <c r="CX1473" s="166">
        <v>0</v>
      </c>
      <c r="CY1473" s="166">
        <v>0</v>
      </c>
      <c r="CZ1473" s="166">
        <v>0</v>
      </c>
    </row>
    <row r="1474" spans="1:104" x14ac:dyDescent="0.2">
      <c r="A1474" s="167" t="s">
        <v>442</v>
      </c>
    </row>
    <row r="1475" spans="1:104" x14ac:dyDescent="0.2">
      <c r="A1475" s="167" t="s">
        <v>1195</v>
      </c>
      <c r="B1475" s="166">
        <v>-2178898.84</v>
      </c>
      <c r="C1475" s="166">
        <v>-2178898.84</v>
      </c>
      <c r="D1475" s="166">
        <v>0</v>
      </c>
      <c r="E1475" s="166">
        <v>0</v>
      </c>
      <c r="F1475" s="166">
        <v>0</v>
      </c>
      <c r="G1475" s="166">
        <v>0</v>
      </c>
      <c r="H1475" s="166">
        <v>0</v>
      </c>
      <c r="I1475" s="166">
        <v>0</v>
      </c>
      <c r="J1475" s="166">
        <v>0</v>
      </c>
      <c r="K1475" s="166">
        <v>0</v>
      </c>
      <c r="L1475" s="166">
        <v>0</v>
      </c>
      <c r="M1475" s="166">
        <v>0</v>
      </c>
      <c r="N1475" s="166">
        <v>0</v>
      </c>
      <c r="O1475" s="166">
        <v>0</v>
      </c>
      <c r="P1475" s="166">
        <v>0</v>
      </c>
      <c r="Q1475" s="166">
        <v>0</v>
      </c>
      <c r="R1475" s="166">
        <v>0</v>
      </c>
      <c r="S1475" s="166">
        <v>0</v>
      </c>
      <c r="T1475" s="166">
        <v>0</v>
      </c>
      <c r="U1475" s="166">
        <v>0</v>
      </c>
      <c r="V1475" s="166">
        <v>0</v>
      </c>
      <c r="W1475" s="166">
        <v>0</v>
      </c>
      <c r="X1475" s="166">
        <v>0</v>
      </c>
      <c r="Y1475" s="166">
        <v>0</v>
      </c>
      <c r="Z1475" s="166">
        <v>0</v>
      </c>
      <c r="AA1475" s="166">
        <v>0</v>
      </c>
      <c r="AB1475" s="166">
        <v>0</v>
      </c>
      <c r="AC1475" s="166">
        <v>0</v>
      </c>
      <c r="AD1475" s="166">
        <v>0</v>
      </c>
      <c r="AE1475" s="166">
        <v>0</v>
      </c>
      <c r="AF1475" s="166">
        <v>0</v>
      </c>
      <c r="AG1475" s="166">
        <v>0</v>
      </c>
      <c r="AH1475" s="166">
        <v>0</v>
      </c>
      <c r="AI1475" s="166">
        <v>0</v>
      </c>
      <c r="AJ1475" s="166">
        <v>0</v>
      </c>
      <c r="AK1475" s="166">
        <v>0</v>
      </c>
      <c r="AL1475" s="166">
        <v>0</v>
      </c>
      <c r="AM1475" s="166">
        <v>0</v>
      </c>
      <c r="AN1475" s="166">
        <v>0</v>
      </c>
      <c r="AO1475" s="166">
        <v>0</v>
      </c>
      <c r="AP1475" s="166">
        <v>0</v>
      </c>
      <c r="AQ1475" s="166">
        <v>0</v>
      </c>
      <c r="AR1475" s="166">
        <v>0</v>
      </c>
      <c r="AS1475" s="166">
        <v>0</v>
      </c>
      <c r="AT1475" s="166">
        <v>0</v>
      </c>
      <c r="AU1475" s="166">
        <v>0</v>
      </c>
      <c r="AV1475" s="166">
        <v>0</v>
      </c>
      <c r="AW1475" s="166">
        <v>0</v>
      </c>
      <c r="AX1475" s="166">
        <v>0</v>
      </c>
      <c r="AY1475" s="166">
        <v>0</v>
      </c>
      <c r="AZ1475" s="166">
        <v>0</v>
      </c>
      <c r="BA1475" s="166">
        <v>0</v>
      </c>
      <c r="BB1475" s="166">
        <v>0</v>
      </c>
      <c r="BC1475" s="166">
        <v>0</v>
      </c>
      <c r="BD1475" s="166">
        <v>0</v>
      </c>
      <c r="BE1475" s="166">
        <v>0</v>
      </c>
      <c r="BF1475" s="166">
        <v>0</v>
      </c>
      <c r="BG1475" s="166">
        <v>0</v>
      </c>
      <c r="BH1475" s="166">
        <v>0</v>
      </c>
      <c r="BI1475" s="166">
        <v>0</v>
      </c>
      <c r="BJ1475" s="166">
        <v>0</v>
      </c>
      <c r="BK1475" s="166">
        <v>0</v>
      </c>
      <c r="BL1475" s="166">
        <v>0</v>
      </c>
      <c r="BM1475" s="166">
        <v>0</v>
      </c>
      <c r="BN1475" s="166">
        <v>0</v>
      </c>
      <c r="BO1475" s="166">
        <v>0</v>
      </c>
      <c r="BP1475" s="166">
        <v>0</v>
      </c>
      <c r="BQ1475" s="166">
        <v>0</v>
      </c>
      <c r="BR1475" s="166">
        <v>-2178898.84</v>
      </c>
      <c r="BS1475" s="166">
        <v>-2178898.84</v>
      </c>
      <c r="BT1475" s="168">
        <v>1</v>
      </c>
      <c r="BU1475" s="166">
        <v>100718.429999999</v>
      </c>
      <c r="BV1475" s="166">
        <v>-2178898.84</v>
      </c>
      <c r="BW1475" s="166">
        <v>0</v>
      </c>
      <c r="BX1475" s="166">
        <v>0</v>
      </c>
      <c r="BY1475" s="166">
        <v>0</v>
      </c>
      <c r="BZ1475" s="166">
        <v>0</v>
      </c>
      <c r="CA1475" s="166">
        <v>0</v>
      </c>
      <c r="CB1475" s="166">
        <v>0</v>
      </c>
      <c r="CC1475" s="166">
        <v>0</v>
      </c>
      <c r="CD1475" s="166">
        <v>0</v>
      </c>
      <c r="CE1475" s="166">
        <v>0</v>
      </c>
      <c r="CF1475" s="166">
        <v>0</v>
      </c>
      <c r="CG1475" s="166">
        <v>0</v>
      </c>
      <c r="CH1475" s="166">
        <v>0</v>
      </c>
      <c r="CI1475" s="166">
        <v>0</v>
      </c>
      <c r="CJ1475" s="166">
        <v>0</v>
      </c>
      <c r="CK1475" s="166">
        <v>0</v>
      </c>
      <c r="CL1475" s="166">
        <v>0</v>
      </c>
      <c r="CM1475" s="166">
        <v>0</v>
      </c>
      <c r="CN1475" s="166">
        <v>0</v>
      </c>
      <c r="CO1475" s="166">
        <v>0</v>
      </c>
      <c r="CP1475" s="166">
        <v>0</v>
      </c>
      <c r="CQ1475" s="166">
        <v>0</v>
      </c>
      <c r="CR1475" s="166">
        <v>0</v>
      </c>
      <c r="CS1475" s="166">
        <v>0</v>
      </c>
      <c r="CT1475" s="166">
        <v>0</v>
      </c>
      <c r="CU1475" s="166">
        <v>0</v>
      </c>
      <c r="CV1475" s="166">
        <v>0</v>
      </c>
      <c r="CW1475" s="166">
        <v>0</v>
      </c>
      <c r="CX1475" s="166">
        <v>0</v>
      </c>
      <c r="CY1475" s="166">
        <v>-2178898.84</v>
      </c>
      <c r="CZ1475" s="166">
        <v>-2178898.84</v>
      </c>
    </row>
    <row r="1476" spans="1:104" x14ac:dyDescent="0.2">
      <c r="A1476" s="167" t="s">
        <v>1196</v>
      </c>
      <c r="B1476" s="166">
        <v>0</v>
      </c>
      <c r="C1476" s="166">
        <v>0</v>
      </c>
      <c r="D1476" s="166">
        <v>0</v>
      </c>
      <c r="E1476" s="166">
        <v>0</v>
      </c>
      <c r="F1476" s="166">
        <v>0</v>
      </c>
      <c r="G1476" s="166">
        <v>0</v>
      </c>
      <c r="H1476" s="166">
        <v>0</v>
      </c>
      <c r="I1476" s="166">
        <v>0</v>
      </c>
      <c r="J1476" s="166">
        <v>0</v>
      </c>
      <c r="K1476" s="166">
        <v>0</v>
      </c>
      <c r="L1476" s="166">
        <v>0</v>
      </c>
      <c r="M1476" s="166">
        <v>0</v>
      </c>
      <c r="N1476" s="166">
        <v>0</v>
      </c>
      <c r="O1476" s="166">
        <v>0</v>
      </c>
      <c r="P1476" s="166">
        <v>0</v>
      </c>
      <c r="Q1476" s="166">
        <v>0</v>
      </c>
      <c r="R1476" s="166">
        <v>0</v>
      </c>
      <c r="S1476" s="166">
        <v>0</v>
      </c>
      <c r="T1476" s="166">
        <v>0</v>
      </c>
      <c r="U1476" s="166">
        <v>0</v>
      </c>
      <c r="V1476" s="166">
        <v>0</v>
      </c>
      <c r="W1476" s="166">
        <v>0</v>
      </c>
      <c r="X1476" s="166">
        <v>0</v>
      </c>
      <c r="Y1476" s="166">
        <v>0</v>
      </c>
      <c r="Z1476" s="166">
        <v>0</v>
      </c>
      <c r="AA1476" s="166">
        <v>0</v>
      </c>
      <c r="AB1476" s="166">
        <v>0</v>
      </c>
      <c r="AC1476" s="166">
        <v>0</v>
      </c>
      <c r="AD1476" s="166">
        <v>0</v>
      </c>
      <c r="AE1476" s="166">
        <v>0</v>
      </c>
      <c r="AF1476" s="166">
        <v>0</v>
      </c>
      <c r="AG1476" s="166">
        <v>0</v>
      </c>
      <c r="AH1476" s="166">
        <v>0</v>
      </c>
      <c r="AI1476" s="166">
        <v>0</v>
      </c>
      <c r="AJ1476" s="166">
        <v>0</v>
      </c>
      <c r="AK1476" s="166">
        <v>0</v>
      </c>
      <c r="AL1476" s="166">
        <v>0</v>
      </c>
      <c r="AM1476" s="166">
        <v>0</v>
      </c>
      <c r="AN1476" s="166">
        <v>0</v>
      </c>
      <c r="AO1476" s="166">
        <v>0</v>
      </c>
      <c r="AP1476" s="166">
        <v>0</v>
      </c>
      <c r="AQ1476" s="166">
        <v>0</v>
      </c>
      <c r="AR1476" s="166">
        <v>0</v>
      </c>
      <c r="AS1476" s="166">
        <v>0</v>
      </c>
      <c r="AT1476" s="166">
        <v>0</v>
      </c>
      <c r="AU1476" s="166">
        <v>0</v>
      </c>
      <c r="AV1476" s="166">
        <v>0</v>
      </c>
      <c r="AW1476" s="166">
        <v>0</v>
      </c>
      <c r="AX1476" s="166">
        <v>0</v>
      </c>
      <c r="AY1476" s="166">
        <v>0</v>
      </c>
      <c r="AZ1476" s="166">
        <v>0</v>
      </c>
      <c r="BA1476" s="166">
        <v>0</v>
      </c>
      <c r="BB1476" s="166">
        <v>0</v>
      </c>
      <c r="BC1476" s="166">
        <v>0</v>
      </c>
      <c r="BD1476" s="166">
        <v>0</v>
      </c>
      <c r="BE1476" s="166">
        <v>0</v>
      </c>
      <c r="BF1476" s="166">
        <v>0</v>
      </c>
      <c r="BG1476" s="166">
        <v>0</v>
      </c>
      <c r="BH1476" s="166">
        <v>0</v>
      </c>
      <c r="BI1476" s="166">
        <v>0</v>
      </c>
      <c r="BJ1476" s="166">
        <v>0</v>
      </c>
      <c r="BK1476" s="166">
        <v>0</v>
      </c>
      <c r="BL1476" s="166">
        <v>0</v>
      </c>
      <c r="BM1476" s="166">
        <v>0</v>
      </c>
      <c r="BN1476" s="166">
        <v>0</v>
      </c>
      <c r="BO1476" s="166">
        <v>0</v>
      </c>
      <c r="BP1476" s="166">
        <v>0</v>
      </c>
      <c r="BQ1476" s="166">
        <v>0</v>
      </c>
      <c r="BR1476" s="166">
        <v>0</v>
      </c>
      <c r="BS1476" s="166">
        <v>0</v>
      </c>
      <c r="BT1476" s="168">
        <v>0</v>
      </c>
      <c r="BU1476" s="166">
        <v>0</v>
      </c>
      <c r="BV1476" s="166">
        <v>0</v>
      </c>
      <c r="BW1476" s="166">
        <v>0</v>
      </c>
      <c r="BX1476" s="166">
        <v>0</v>
      </c>
      <c r="BY1476" s="166">
        <v>0</v>
      </c>
      <c r="BZ1476" s="166">
        <v>0</v>
      </c>
      <c r="CA1476" s="166">
        <v>0</v>
      </c>
      <c r="CB1476" s="166">
        <v>0</v>
      </c>
      <c r="CC1476" s="166">
        <v>0</v>
      </c>
      <c r="CD1476" s="166">
        <v>0</v>
      </c>
      <c r="CE1476" s="166">
        <v>0</v>
      </c>
      <c r="CF1476" s="166">
        <v>0</v>
      </c>
      <c r="CG1476" s="166">
        <v>0</v>
      </c>
      <c r="CH1476" s="166">
        <v>0</v>
      </c>
      <c r="CI1476" s="166">
        <v>0</v>
      </c>
      <c r="CJ1476" s="166">
        <v>0</v>
      </c>
      <c r="CK1476" s="166">
        <v>0</v>
      </c>
      <c r="CL1476" s="166">
        <v>0</v>
      </c>
      <c r="CM1476" s="166">
        <v>0</v>
      </c>
      <c r="CN1476" s="166">
        <v>0</v>
      </c>
      <c r="CO1476" s="166">
        <v>0</v>
      </c>
      <c r="CP1476" s="166">
        <v>0</v>
      </c>
      <c r="CQ1476" s="166">
        <v>0</v>
      </c>
      <c r="CR1476" s="166">
        <v>0</v>
      </c>
      <c r="CS1476" s="166">
        <v>0</v>
      </c>
      <c r="CT1476" s="166">
        <v>0</v>
      </c>
      <c r="CU1476" s="166">
        <v>0</v>
      </c>
      <c r="CV1476" s="166">
        <v>0</v>
      </c>
      <c r="CW1476" s="166">
        <v>0</v>
      </c>
      <c r="CX1476" s="166">
        <v>0</v>
      </c>
      <c r="CY1476" s="166">
        <v>0</v>
      </c>
      <c r="CZ1476" s="166">
        <v>0</v>
      </c>
    </row>
    <row r="1477" spans="1:104" x14ac:dyDescent="0.2">
      <c r="A1477" s="167" t="s">
        <v>445</v>
      </c>
      <c r="B1477" s="166">
        <v>0</v>
      </c>
      <c r="C1477" s="166">
        <v>0</v>
      </c>
      <c r="D1477" s="166">
        <v>0</v>
      </c>
      <c r="E1477" s="166">
        <v>0</v>
      </c>
      <c r="F1477" s="166">
        <v>0</v>
      </c>
      <c r="G1477" s="166">
        <v>0</v>
      </c>
      <c r="H1477" s="166">
        <v>0</v>
      </c>
      <c r="I1477" s="166">
        <v>0</v>
      </c>
      <c r="J1477" s="166">
        <v>0</v>
      </c>
      <c r="K1477" s="166">
        <v>0</v>
      </c>
      <c r="L1477" s="166">
        <v>0</v>
      </c>
      <c r="M1477" s="166">
        <v>0</v>
      </c>
      <c r="N1477" s="166">
        <v>0</v>
      </c>
      <c r="O1477" s="166">
        <v>0</v>
      </c>
      <c r="P1477" s="166">
        <v>0</v>
      </c>
      <c r="Q1477" s="166">
        <v>0</v>
      </c>
      <c r="R1477" s="166">
        <v>0</v>
      </c>
      <c r="S1477" s="166">
        <v>0</v>
      </c>
      <c r="T1477" s="166">
        <v>0</v>
      </c>
      <c r="U1477" s="166">
        <v>0</v>
      </c>
      <c r="V1477" s="166">
        <v>0</v>
      </c>
      <c r="W1477" s="166">
        <v>0</v>
      </c>
      <c r="X1477" s="166">
        <v>0</v>
      </c>
      <c r="Y1477" s="166">
        <v>0</v>
      </c>
      <c r="Z1477" s="166">
        <v>0</v>
      </c>
      <c r="AA1477" s="166">
        <v>0</v>
      </c>
      <c r="AB1477" s="166">
        <v>0</v>
      </c>
      <c r="AC1477" s="166">
        <v>0</v>
      </c>
      <c r="AD1477" s="166">
        <v>0</v>
      </c>
      <c r="AE1477" s="166">
        <v>0</v>
      </c>
      <c r="AF1477" s="166">
        <v>0</v>
      </c>
      <c r="AG1477" s="166">
        <v>0</v>
      </c>
      <c r="AH1477" s="166">
        <v>0</v>
      </c>
      <c r="AI1477" s="166">
        <v>0</v>
      </c>
      <c r="AJ1477" s="166">
        <v>0</v>
      </c>
      <c r="AK1477" s="166">
        <v>0</v>
      </c>
      <c r="AL1477" s="166">
        <v>0</v>
      </c>
      <c r="AM1477" s="166">
        <v>0</v>
      </c>
      <c r="AN1477" s="166">
        <v>0</v>
      </c>
      <c r="AO1477" s="166">
        <v>0</v>
      </c>
      <c r="AP1477" s="166">
        <v>0</v>
      </c>
      <c r="AQ1477" s="166">
        <v>0</v>
      </c>
      <c r="AR1477" s="166">
        <v>0</v>
      </c>
      <c r="AS1477" s="166">
        <v>0</v>
      </c>
      <c r="AT1477" s="166">
        <v>0</v>
      </c>
      <c r="AU1477" s="166">
        <v>0</v>
      </c>
      <c r="AV1477" s="166">
        <v>0</v>
      </c>
      <c r="AW1477" s="166">
        <v>0</v>
      </c>
      <c r="AX1477" s="166">
        <v>-3964398.2872829898</v>
      </c>
      <c r="AY1477" s="166">
        <v>0</v>
      </c>
      <c r="AZ1477" s="166">
        <v>0</v>
      </c>
      <c r="BA1477" s="166">
        <v>0</v>
      </c>
      <c r="BB1477" s="166">
        <v>0</v>
      </c>
      <c r="BC1477" s="166">
        <v>0</v>
      </c>
      <c r="BD1477" s="166">
        <v>0</v>
      </c>
      <c r="BE1477" s="166">
        <v>0</v>
      </c>
      <c r="BF1477" s="166">
        <v>0</v>
      </c>
      <c r="BG1477" s="166">
        <v>0</v>
      </c>
      <c r="BH1477" s="166">
        <v>0</v>
      </c>
      <c r="BI1477" s="166">
        <v>0</v>
      </c>
      <c r="BJ1477" s="166">
        <v>0</v>
      </c>
      <c r="BK1477" s="166">
        <v>0</v>
      </c>
      <c r="BL1477" s="166">
        <v>0</v>
      </c>
      <c r="BM1477" s="166">
        <v>0</v>
      </c>
      <c r="BN1477" s="166">
        <v>0</v>
      </c>
      <c r="BO1477" s="166">
        <v>-3964398.2872829898</v>
      </c>
      <c r="BP1477" s="166">
        <v>0</v>
      </c>
      <c r="BQ1477" s="166">
        <v>0</v>
      </c>
      <c r="BR1477" s="166">
        <v>0</v>
      </c>
      <c r="BS1477" s="166">
        <v>-3964398.2872829898</v>
      </c>
      <c r="BT1477" s="168">
        <v>1</v>
      </c>
      <c r="BU1477" s="166">
        <v>0</v>
      </c>
      <c r="BV1477" s="166">
        <v>0</v>
      </c>
      <c r="BW1477" s="166">
        <v>0</v>
      </c>
      <c r="BX1477" s="166">
        <v>0</v>
      </c>
      <c r="BY1477" s="166">
        <v>0</v>
      </c>
      <c r="BZ1477" s="166">
        <v>0</v>
      </c>
      <c r="CA1477" s="166">
        <v>0</v>
      </c>
      <c r="CB1477" s="166">
        <v>0</v>
      </c>
      <c r="CC1477" s="166">
        <v>0</v>
      </c>
      <c r="CD1477" s="166">
        <v>0</v>
      </c>
      <c r="CE1477" s="166">
        <v>0</v>
      </c>
      <c r="CF1477" s="166">
        <v>0</v>
      </c>
      <c r="CG1477" s="166">
        <v>0</v>
      </c>
      <c r="CH1477" s="166">
        <v>-3964398.2872829898</v>
      </c>
      <c r="CI1477" s="166">
        <v>0</v>
      </c>
      <c r="CJ1477" s="166">
        <v>0</v>
      </c>
      <c r="CK1477" s="166">
        <v>0</v>
      </c>
      <c r="CL1477" s="166">
        <v>0</v>
      </c>
      <c r="CM1477" s="166">
        <v>0</v>
      </c>
      <c r="CN1477" s="166">
        <v>0</v>
      </c>
      <c r="CO1477" s="166">
        <v>0</v>
      </c>
      <c r="CP1477" s="166">
        <v>0</v>
      </c>
      <c r="CQ1477" s="166">
        <v>0</v>
      </c>
      <c r="CR1477" s="166">
        <v>0</v>
      </c>
      <c r="CS1477" s="166">
        <v>0</v>
      </c>
      <c r="CT1477" s="166">
        <v>0</v>
      </c>
      <c r="CU1477" s="166">
        <v>0</v>
      </c>
      <c r="CV1477" s="166">
        <v>-3964398.2872829898</v>
      </c>
      <c r="CW1477" s="166">
        <v>0</v>
      </c>
      <c r="CX1477" s="166">
        <v>0</v>
      </c>
      <c r="CY1477" s="166">
        <v>-3964398.2872829898</v>
      </c>
      <c r="CZ1477" s="166">
        <v>-3964398.2872829898</v>
      </c>
    </row>
    <row r="1478" spans="1:104" x14ac:dyDescent="0.2">
      <c r="A1478" s="167" t="s">
        <v>1197</v>
      </c>
      <c r="B1478" s="166">
        <v>-2178898.84</v>
      </c>
      <c r="C1478" s="166">
        <v>-2178898.84</v>
      </c>
      <c r="D1478" s="166">
        <v>0</v>
      </c>
      <c r="E1478" s="166">
        <v>0</v>
      </c>
      <c r="F1478" s="166">
        <v>0</v>
      </c>
      <c r="G1478" s="166">
        <v>0</v>
      </c>
      <c r="H1478" s="166">
        <v>0</v>
      </c>
      <c r="I1478" s="166">
        <v>0</v>
      </c>
      <c r="J1478" s="166">
        <v>0</v>
      </c>
      <c r="K1478" s="166">
        <v>0</v>
      </c>
      <c r="L1478" s="166">
        <v>0</v>
      </c>
      <c r="M1478" s="166">
        <v>0</v>
      </c>
      <c r="N1478" s="166">
        <v>0</v>
      </c>
      <c r="O1478" s="166">
        <v>0</v>
      </c>
      <c r="P1478" s="166">
        <v>0</v>
      </c>
      <c r="Q1478" s="166">
        <v>0</v>
      </c>
      <c r="R1478" s="166">
        <v>0</v>
      </c>
      <c r="S1478" s="166">
        <v>0</v>
      </c>
      <c r="T1478" s="166">
        <v>0</v>
      </c>
      <c r="U1478" s="166">
        <v>0</v>
      </c>
      <c r="V1478" s="166">
        <v>0</v>
      </c>
      <c r="W1478" s="166">
        <v>0</v>
      </c>
      <c r="X1478" s="166">
        <v>0</v>
      </c>
      <c r="Y1478" s="166">
        <v>0</v>
      </c>
      <c r="Z1478" s="166">
        <v>0</v>
      </c>
      <c r="AA1478" s="166">
        <v>0</v>
      </c>
      <c r="AB1478" s="166">
        <v>0</v>
      </c>
      <c r="AC1478" s="166">
        <v>0</v>
      </c>
      <c r="AD1478" s="166">
        <v>0</v>
      </c>
      <c r="AE1478" s="166">
        <v>0</v>
      </c>
      <c r="AF1478" s="166">
        <v>0</v>
      </c>
      <c r="AG1478" s="166">
        <v>0</v>
      </c>
      <c r="AH1478" s="166">
        <v>0</v>
      </c>
      <c r="AI1478" s="166">
        <v>0</v>
      </c>
      <c r="AJ1478" s="166">
        <v>0</v>
      </c>
      <c r="AK1478" s="166">
        <v>0</v>
      </c>
      <c r="AL1478" s="166">
        <v>0</v>
      </c>
      <c r="AM1478" s="166">
        <v>0</v>
      </c>
      <c r="AN1478" s="166">
        <v>0</v>
      </c>
      <c r="AO1478" s="166">
        <v>0</v>
      </c>
      <c r="AP1478" s="166">
        <v>0</v>
      </c>
      <c r="AQ1478" s="166">
        <v>0</v>
      </c>
      <c r="AR1478" s="166">
        <v>0</v>
      </c>
      <c r="AS1478" s="166">
        <v>0</v>
      </c>
      <c r="AT1478" s="166">
        <v>0</v>
      </c>
      <c r="AU1478" s="166">
        <v>0</v>
      </c>
      <c r="AV1478" s="166">
        <v>0</v>
      </c>
      <c r="AW1478" s="166">
        <v>0</v>
      </c>
      <c r="AX1478" s="166">
        <v>-3964398.2872829898</v>
      </c>
      <c r="AY1478" s="166">
        <v>0</v>
      </c>
      <c r="AZ1478" s="166">
        <v>0</v>
      </c>
      <c r="BA1478" s="166">
        <v>0</v>
      </c>
      <c r="BB1478" s="166">
        <v>0</v>
      </c>
      <c r="BC1478" s="166">
        <v>0</v>
      </c>
      <c r="BD1478" s="166">
        <v>0</v>
      </c>
      <c r="BE1478" s="166">
        <v>0</v>
      </c>
      <c r="BF1478" s="166">
        <v>0</v>
      </c>
      <c r="BG1478" s="166">
        <v>0</v>
      </c>
      <c r="BH1478" s="166">
        <v>0</v>
      </c>
      <c r="BI1478" s="166">
        <v>0</v>
      </c>
      <c r="BJ1478" s="166">
        <v>0</v>
      </c>
      <c r="BK1478" s="166">
        <v>0</v>
      </c>
      <c r="BL1478" s="166">
        <v>0</v>
      </c>
      <c r="BM1478" s="166">
        <v>0</v>
      </c>
      <c r="BN1478" s="166">
        <v>0</v>
      </c>
      <c r="BO1478" s="166">
        <v>-3964398.2872829898</v>
      </c>
      <c r="BP1478" s="166">
        <v>0</v>
      </c>
      <c r="BQ1478" s="166">
        <v>0</v>
      </c>
      <c r="BR1478" s="166">
        <v>-2178898.84</v>
      </c>
      <c r="BS1478" s="166">
        <v>-6143297.1272829901</v>
      </c>
      <c r="BT1478" s="168">
        <v>0</v>
      </c>
      <c r="BU1478" s="166">
        <v>100718.429999999</v>
      </c>
      <c r="BV1478" s="166">
        <v>-2178898.84</v>
      </c>
      <c r="BW1478" s="166">
        <v>0</v>
      </c>
      <c r="BX1478" s="166">
        <v>0</v>
      </c>
      <c r="BY1478" s="166">
        <v>0</v>
      </c>
      <c r="BZ1478" s="166">
        <v>0</v>
      </c>
      <c r="CA1478" s="166">
        <v>0</v>
      </c>
      <c r="CB1478" s="166">
        <v>0</v>
      </c>
      <c r="CC1478" s="166">
        <v>0</v>
      </c>
      <c r="CD1478" s="166">
        <v>0</v>
      </c>
      <c r="CE1478" s="166">
        <v>0</v>
      </c>
      <c r="CF1478" s="166">
        <v>0</v>
      </c>
      <c r="CG1478" s="166">
        <v>0</v>
      </c>
      <c r="CH1478" s="166">
        <v>-3964398.2872829898</v>
      </c>
      <c r="CI1478" s="166">
        <v>0</v>
      </c>
      <c r="CJ1478" s="166">
        <v>0</v>
      </c>
      <c r="CK1478" s="166">
        <v>0</v>
      </c>
      <c r="CL1478" s="166">
        <v>0</v>
      </c>
      <c r="CM1478" s="166">
        <v>0</v>
      </c>
      <c r="CN1478" s="166">
        <v>0</v>
      </c>
      <c r="CO1478" s="166">
        <v>0</v>
      </c>
      <c r="CP1478" s="166">
        <v>0</v>
      </c>
      <c r="CQ1478" s="166">
        <v>0</v>
      </c>
      <c r="CR1478" s="166">
        <v>0</v>
      </c>
      <c r="CS1478" s="166">
        <v>0</v>
      </c>
      <c r="CT1478" s="166">
        <v>0</v>
      </c>
      <c r="CU1478" s="166">
        <v>0</v>
      </c>
      <c r="CV1478" s="166">
        <v>-3964398.2872829898</v>
      </c>
      <c r="CW1478" s="166">
        <v>0</v>
      </c>
      <c r="CX1478" s="166">
        <v>0</v>
      </c>
      <c r="CY1478" s="166">
        <v>-6143297.1272829901</v>
      </c>
      <c r="CZ1478" s="166">
        <v>-6143297.1272829901</v>
      </c>
    </row>
    <row r="1479" spans="1:104" x14ac:dyDescent="0.2">
      <c r="A1479" s="167" t="s">
        <v>447</v>
      </c>
    </row>
    <row r="1480" spans="1:104" x14ac:dyDescent="0.2">
      <c r="A1480" s="167" t="s">
        <v>1198</v>
      </c>
      <c r="B1480" s="166">
        <v>-2238653.0299999998</v>
      </c>
      <c r="C1480" s="166">
        <v>-2238653.0299999998</v>
      </c>
      <c r="D1480" s="166">
        <v>0</v>
      </c>
      <c r="E1480" s="166">
        <v>0</v>
      </c>
      <c r="F1480" s="166">
        <v>0</v>
      </c>
      <c r="G1480" s="166">
        <v>0</v>
      </c>
      <c r="H1480" s="166">
        <v>0</v>
      </c>
      <c r="I1480" s="166">
        <v>0</v>
      </c>
      <c r="J1480" s="166">
        <v>0</v>
      </c>
      <c r="K1480" s="166">
        <v>0</v>
      </c>
      <c r="L1480" s="166">
        <v>0</v>
      </c>
      <c r="M1480" s="166">
        <v>0</v>
      </c>
      <c r="N1480" s="166">
        <v>0</v>
      </c>
      <c r="O1480" s="166">
        <v>0</v>
      </c>
      <c r="P1480" s="166">
        <v>0</v>
      </c>
      <c r="Q1480" s="166">
        <v>0</v>
      </c>
      <c r="R1480" s="166">
        <v>0</v>
      </c>
      <c r="S1480" s="166">
        <v>0</v>
      </c>
      <c r="T1480" s="166">
        <v>0</v>
      </c>
      <c r="U1480" s="166">
        <v>0</v>
      </c>
      <c r="V1480" s="166">
        <v>0</v>
      </c>
      <c r="W1480" s="166">
        <v>0</v>
      </c>
      <c r="X1480" s="166">
        <v>0</v>
      </c>
      <c r="Y1480" s="166">
        <v>0</v>
      </c>
      <c r="Z1480" s="166">
        <v>0</v>
      </c>
      <c r="AA1480" s="166">
        <v>0</v>
      </c>
      <c r="AB1480" s="166">
        <v>0</v>
      </c>
      <c r="AC1480" s="166">
        <v>0</v>
      </c>
      <c r="AD1480" s="166">
        <v>0</v>
      </c>
      <c r="AE1480" s="166">
        <v>0</v>
      </c>
      <c r="AF1480" s="166">
        <v>0</v>
      </c>
      <c r="AG1480" s="166">
        <v>0</v>
      </c>
      <c r="AH1480" s="166">
        <v>0</v>
      </c>
      <c r="AI1480" s="166">
        <v>0</v>
      </c>
      <c r="AJ1480" s="166">
        <v>0</v>
      </c>
      <c r="AK1480" s="166">
        <v>0</v>
      </c>
      <c r="AL1480" s="166">
        <v>0</v>
      </c>
      <c r="AM1480" s="166">
        <v>0</v>
      </c>
      <c r="AN1480" s="166">
        <v>0</v>
      </c>
      <c r="AO1480" s="166">
        <v>0</v>
      </c>
      <c r="AP1480" s="166">
        <v>0</v>
      </c>
      <c r="AQ1480" s="166">
        <v>0</v>
      </c>
      <c r="AR1480" s="166">
        <v>0</v>
      </c>
      <c r="AS1480" s="166">
        <v>0</v>
      </c>
      <c r="AT1480" s="166">
        <v>0</v>
      </c>
      <c r="AU1480" s="166">
        <v>0</v>
      </c>
      <c r="AV1480" s="166">
        <v>0</v>
      </c>
      <c r="AW1480" s="166">
        <v>0</v>
      </c>
      <c r="AX1480" s="166">
        <v>0</v>
      </c>
      <c r="AY1480" s="166">
        <v>0</v>
      </c>
      <c r="AZ1480" s="166">
        <v>0</v>
      </c>
      <c r="BA1480" s="166">
        <v>0</v>
      </c>
      <c r="BB1480" s="166">
        <v>0</v>
      </c>
      <c r="BC1480" s="166">
        <v>0</v>
      </c>
      <c r="BD1480" s="166">
        <v>0</v>
      </c>
      <c r="BE1480" s="166">
        <v>0</v>
      </c>
      <c r="BF1480" s="166">
        <v>0</v>
      </c>
      <c r="BG1480" s="166">
        <v>0</v>
      </c>
      <c r="BH1480" s="166">
        <v>0</v>
      </c>
      <c r="BI1480" s="166">
        <v>0</v>
      </c>
      <c r="BJ1480" s="166">
        <v>0</v>
      </c>
      <c r="BK1480" s="166">
        <v>0</v>
      </c>
      <c r="BL1480" s="166">
        <v>0</v>
      </c>
      <c r="BM1480" s="166">
        <v>0</v>
      </c>
      <c r="BN1480" s="166">
        <v>0</v>
      </c>
      <c r="BO1480" s="166">
        <v>0</v>
      </c>
      <c r="BP1480" s="166">
        <v>0</v>
      </c>
      <c r="BQ1480" s="166">
        <v>0</v>
      </c>
      <c r="BR1480" s="166">
        <v>-2238653.0299999998</v>
      </c>
      <c r="BS1480" s="166">
        <v>-2238653.0299999998</v>
      </c>
      <c r="BT1480" s="168">
        <v>0.96779000000000004</v>
      </c>
      <c r="BU1480" s="166">
        <v>-175482.54745839999</v>
      </c>
      <c r="BV1480" s="166">
        <v>-2166546.0159037001</v>
      </c>
      <c r="BW1480" s="166">
        <v>0</v>
      </c>
      <c r="BX1480" s="166">
        <v>0</v>
      </c>
      <c r="BY1480" s="166">
        <v>0</v>
      </c>
      <c r="BZ1480" s="166">
        <v>0</v>
      </c>
      <c r="CA1480" s="166">
        <v>0</v>
      </c>
      <c r="CB1480" s="166">
        <v>0</v>
      </c>
      <c r="CC1480" s="166">
        <v>0</v>
      </c>
      <c r="CD1480" s="166">
        <v>0</v>
      </c>
      <c r="CE1480" s="166">
        <v>0</v>
      </c>
      <c r="CF1480" s="166">
        <v>0</v>
      </c>
      <c r="CG1480" s="166">
        <v>0</v>
      </c>
      <c r="CH1480" s="166">
        <v>0</v>
      </c>
      <c r="CI1480" s="166">
        <v>0</v>
      </c>
      <c r="CJ1480" s="166">
        <v>0</v>
      </c>
      <c r="CK1480" s="166">
        <v>0</v>
      </c>
      <c r="CL1480" s="166">
        <v>0</v>
      </c>
      <c r="CM1480" s="166">
        <v>0</v>
      </c>
      <c r="CN1480" s="166">
        <v>0</v>
      </c>
      <c r="CO1480" s="166">
        <v>0</v>
      </c>
      <c r="CP1480" s="166">
        <v>0</v>
      </c>
      <c r="CQ1480" s="166">
        <v>0</v>
      </c>
      <c r="CR1480" s="166">
        <v>0</v>
      </c>
      <c r="CS1480" s="166">
        <v>0</v>
      </c>
      <c r="CT1480" s="166">
        <v>0</v>
      </c>
      <c r="CU1480" s="166">
        <v>0</v>
      </c>
      <c r="CV1480" s="166">
        <v>0</v>
      </c>
      <c r="CW1480" s="166">
        <v>0</v>
      </c>
      <c r="CX1480" s="166">
        <v>0</v>
      </c>
      <c r="CY1480" s="166">
        <v>-2166546.0159037001</v>
      </c>
      <c r="CZ1480" s="166">
        <v>-2166546.0159037001</v>
      </c>
    </row>
    <row r="1481" spans="1:104" x14ac:dyDescent="0.2">
      <c r="A1481" s="167" t="s">
        <v>449</v>
      </c>
    </row>
    <row r="1482" spans="1:104" x14ac:dyDescent="0.2">
      <c r="A1482" s="167" t="s">
        <v>1199</v>
      </c>
      <c r="B1482" s="166">
        <v>-17633403.179999899</v>
      </c>
      <c r="C1482" s="166">
        <v>-17633403.179999899</v>
      </c>
      <c r="D1482" s="166">
        <v>0</v>
      </c>
      <c r="E1482" s="166">
        <v>0</v>
      </c>
      <c r="F1482" s="166">
        <v>0</v>
      </c>
      <c r="G1482" s="166">
        <v>0</v>
      </c>
      <c r="H1482" s="166">
        <v>0</v>
      </c>
      <c r="I1482" s="166">
        <v>0</v>
      </c>
      <c r="J1482" s="166">
        <v>0</v>
      </c>
      <c r="K1482" s="166">
        <v>0</v>
      </c>
      <c r="L1482" s="166">
        <v>0</v>
      </c>
      <c r="M1482" s="166">
        <v>0</v>
      </c>
      <c r="N1482" s="166">
        <v>0</v>
      </c>
      <c r="O1482" s="166">
        <v>0</v>
      </c>
      <c r="P1482" s="166">
        <v>0</v>
      </c>
      <c r="Q1482" s="166">
        <v>0</v>
      </c>
      <c r="R1482" s="166">
        <v>0</v>
      </c>
      <c r="S1482" s="166">
        <v>0</v>
      </c>
      <c r="T1482" s="166">
        <v>0</v>
      </c>
      <c r="U1482" s="166">
        <v>0</v>
      </c>
      <c r="V1482" s="166">
        <v>0</v>
      </c>
      <c r="W1482" s="166">
        <v>0</v>
      </c>
      <c r="X1482" s="166">
        <v>0</v>
      </c>
      <c r="Y1482" s="166">
        <v>0</v>
      </c>
      <c r="Z1482" s="166">
        <v>0</v>
      </c>
      <c r="AA1482" s="166">
        <v>0</v>
      </c>
      <c r="AB1482" s="166">
        <v>0</v>
      </c>
      <c r="AC1482" s="166">
        <v>0</v>
      </c>
      <c r="AD1482" s="166">
        <v>0</v>
      </c>
      <c r="AE1482" s="166">
        <v>0</v>
      </c>
      <c r="AF1482" s="166">
        <v>0</v>
      </c>
      <c r="AG1482" s="166">
        <v>0</v>
      </c>
      <c r="AH1482" s="166">
        <v>0</v>
      </c>
      <c r="AI1482" s="166">
        <v>0</v>
      </c>
      <c r="AJ1482" s="166">
        <v>0</v>
      </c>
      <c r="AK1482" s="166">
        <v>0</v>
      </c>
      <c r="AL1482" s="166">
        <v>0</v>
      </c>
      <c r="AM1482" s="166">
        <v>0</v>
      </c>
      <c r="AN1482" s="166">
        <v>0</v>
      </c>
      <c r="AO1482" s="166">
        <v>0</v>
      </c>
      <c r="AP1482" s="166">
        <v>0</v>
      </c>
      <c r="AQ1482" s="166">
        <v>0</v>
      </c>
      <c r="AR1482" s="166">
        <v>0</v>
      </c>
      <c r="AS1482" s="166">
        <v>0</v>
      </c>
      <c r="AT1482" s="166">
        <v>0</v>
      </c>
      <c r="AU1482" s="166">
        <v>0</v>
      </c>
      <c r="AV1482" s="166">
        <v>0</v>
      </c>
      <c r="AW1482" s="166">
        <v>0</v>
      </c>
      <c r="AX1482" s="166">
        <v>0</v>
      </c>
      <c r="AY1482" s="166">
        <v>0</v>
      </c>
      <c r="AZ1482" s="166">
        <v>0</v>
      </c>
      <c r="BA1482" s="166">
        <v>0</v>
      </c>
      <c r="BB1482" s="166">
        <v>0</v>
      </c>
      <c r="BC1482" s="166">
        <v>0</v>
      </c>
      <c r="BD1482" s="166">
        <v>0</v>
      </c>
      <c r="BE1482" s="166">
        <v>0</v>
      </c>
      <c r="BF1482" s="166">
        <v>0</v>
      </c>
      <c r="BG1482" s="166">
        <v>0</v>
      </c>
      <c r="BH1482" s="166">
        <v>0</v>
      </c>
      <c r="BI1482" s="166">
        <v>0</v>
      </c>
      <c r="BJ1482" s="166">
        <v>0</v>
      </c>
      <c r="BK1482" s="166">
        <v>0</v>
      </c>
      <c r="BL1482" s="166">
        <v>0</v>
      </c>
      <c r="BM1482" s="166">
        <v>0</v>
      </c>
      <c r="BN1482" s="166">
        <v>0</v>
      </c>
      <c r="BO1482" s="166">
        <v>0</v>
      </c>
      <c r="BP1482" s="166">
        <v>0</v>
      </c>
      <c r="BQ1482" s="166">
        <v>0</v>
      </c>
      <c r="BR1482" s="166">
        <v>-17633403.179999899</v>
      </c>
      <c r="BS1482" s="166">
        <v>-17633403.179999899</v>
      </c>
      <c r="BT1482" s="168">
        <v>0.96779000000000004</v>
      </c>
      <c r="BU1482" s="166">
        <v>-1394474.6167565901</v>
      </c>
      <c r="BV1482" s="166">
        <v>-17065431.263572101</v>
      </c>
      <c r="BW1482" s="166">
        <v>0</v>
      </c>
      <c r="BX1482" s="166">
        <v>0</v>
      </c>
      <c r="BY1482" s="166">
        <v>0</v>
      </c>
      <c r="BZ1482" s="166">
        <v>0</v>
      </c>
      <c r="CA1482" s="166">
        <v>0</v>
      </c>
      <c r="CB1482" s="166">
        <v>0</v>
      </c>
      <c r="CC1482" s="166">
        <v>0</v>
      </c>
      <c r="CD1482" s="166">
        <v>0</v>
      </c>
      <c r="CE1482" s="166">
        <v>0</v>
      </c>
      <c r="CF1482" s="166">
        <v>0</v>
      </c>
      <c r="CG1482" s="166">
        <v>0</v>
      </c>
      <c r="CH1482" s="166">
        <v>0</v>
      </c>
      <c r="CI1482" s="166">
        <v>0</v>
      </c>
      <c r="CJ1482" s="166">
        <v>0</v>
      </c>
      <c r="CK1482" s="166">
        <v>0</v>
      </c>
      <c r="CL1482" s="166">
        <v>0</v>
      </c>
      <c r="CM1482" s="166">
        <v>0</v>
      </c>
      <c r="CN1482" s="166">
        <v>0</v>
      </c>
      <c r="CO1482" s="166">
        <v>0</v>
      </c>
      <c r="CP1482" s="166">
        <v>0</v>
      </c>
      <c r="CQ1482" s="166">
        <v>0</v>
      </c>
      <c r="CR1482" s="166">
        <v>0</v>
      </c>
      <c r="CS1482" s="166">
        <v>0</v>
      </c>
      <c r="CT1482" s="166">
        <v>0</v>
      </c>
      <c r="CU1482" s="166">
        <v>0</v>
      </c>
      <c r="CV1482" s="166">
        <v>0</v>
      </c>
      <c r="CW1482" s="166">
        <v>0</v>
      </c>
      <c r="CX1482" s="166">
        <v>0</v>
      </c>
      <c r="CY1482" s="166">
        <v>-17065431.263572101</v>
      </c>
      <c r="CZ1482" s="166">
        <v>-17065431.263572101</v>
      </c>
    </row>
    <row r="1483" spans="1:104" x14ac:dyDescent="0.2">
      <c r="A1483" s="167" t="s">
        <v>451</v>
      </c>
    </row>
    <row r="1484" spans="1:104" x14ac:dyDescent="0.2">
      <c r="A1484" s="167" t="s">
        <v>1200</v>
      </c>
      <c r="B1484" s="166">
        <v>24790644.890000001</v>
      </c>
      <c r="C1484" s="166">
        <v>24790644.890000001</v>
      </c>
      <c r="D1484" s="166">
        <v>0</v>
      </c>
      <c r="E1484" s="166">
        <v>0</v>
      </c>
      <c r="F1484" s="166">
        <v>0</v>
      </c>
      <c r="G1484" s="166">
        <v>0</v>
      </c>
      <c r="H1484" s="166">
        <v>0</v>
      </c>
      <c r="I1484" s="166">
        <v>0</v>
      </c>
      <c r="J1484" s="166">
        <v>0</v>
      </c>
      <c r="K1484" s="166">
        <v>0</v>
      </c>
      <c r="L1484" s="166">
        <v>0</v>
      </c>
      <c r="M1484" s="166">
        <v>0</v>
      </c>
      <c r="N1484" s="166">
        <v>0</v>
      </c>
      <c r="O1484" s="166">
        <v>0</v>
      </c>
      <c r="P1484" s="166">
        <v>0</v>
      </c>
      <c r="Q1484" s="166">
        <v>0</v>
      </c>
      <c r="R1484" s="166">
        <v>0</v>
      </c>
      <c r="S1484" s="166">
        <v>0</v>
      </c>
      <c r="T1484" s="166">
        <v>0</v>
      </c>
      <c r="U1484" s="166">
        <v>0</v>
      </c>
      <c r="V1484" s="166">
        <v>0</v>
      </c>
      <c r="W1484" s="166">
        <v>0</v>
      </c>
      <c r="X1484" s="166">
        <v>0</v>
      </c>
      <c r="Y1484" s="166">
        <v>0</v>
      </c>
      <c r="Z1484" s="166">
        <v>0</v>
      </c>
      <c r="AA1484" s="166">
        <v>0</v>
      </c>
      <c r="AB1484" s="166">
        <v>0</v>
      </c>
      <c r="AC1484" s="166">
        <v>0</v>
      </c>
      <c r="AD1484" s="166">
        <v>0</v>
      </c>
      <c r="AE1484" s="166">
        <v>0</v>
      </c>
      <c r="AF1484" s="166">
        <v>0</v>
      </c>
      <c r="AG1484" s="166">
        <v>0</v>
      </c>
      <c r="AH1484" s="166">
        <v>0</v>
      </c>
      <c r="AI1484" s="166">
        <v>0</v>
      </c>
      <c r="AJ1484" s="166">
        <v>0</v>
      </c>
      <c r="AK1484" s="166">
        <v>0</v>
      </c>
      <c r="AL1484" s="166">
        <v>0</v>
      </c>
      <c r="AM1484" s="166">
        <v>0</v>
      </c>
      <c r="AN1484" s="166">
        <v>0</v>
      </c>
      <c r="AO1484" s="166">
        <v>0</v>
      </c>
      <c r="AP1484" s="166">
        <v>0</v>
      </c>
      <c r="AQ1484" s="166">
        <v>0</v>
      </c>
      <c r="AR1484" s="166">
        <v>0</v>
      </c>
      <c r="AS1484" s="166">
        <v>0</v>
      </c>
      <c r="AT1484" s="166">
        <v>0</v>
      </c>
      <c r="AU1484" s="166">
        <v>0</v>
      </c>
      <c r="AV1484" s="166">
        <v>0</v>
      </c>
      <c r="AW1484" s="166">
        <v>0</v>
      </c>
      <c r="AX1484" s="166">
        <v>0</v>
      </c>
      <c r="AY1484" s="166">
        <v>0</v>
      </c>
      <c r="AZ1484" s="166">
        <v>0</v>
      </c>
      <c r="BA1484" s="166">
        <v>0</v>
      </c>
      <c r="BB1484" s="166">
        <v>0</v>
      </c>
      <c r="BC1484" s="166">
        <v>0</v>
      </c>
      <c r="BD1484" s="166">
        <v>0</v>
      </c>
      <c r="BE1484" s="166">
        <v>0</v>
      </c>
      <c r="BF1484" s="166">
        <v>0</v>
      </c>
      <c r="BG1484" s="166">
        <v>0</v>
      </c>
      <c r="BH1484" s="166">
        <v>0</v>
      </c>
      <c r="BI1484" s="166">
        <v>0</v>
      </c>
      <c r="BJ1484" s="166">
        <v>0</v>
      </c>
      <c r="BK1484" s="166">
        <v>0</v>
      </c>
      <c r="BL1484" s="166">
        <v>0</v>
      </c>
      <c r="BM1484" s="166">
        <v>0</v>
      </c>
      <c r="BN1484" s="166">
        <v>0</v>
      </c>
      <c r="BO1484" s="166">
        <v>0</v>
      </c>
      <c r="BP1484" s="166">
        <v>0</v>
      </c>
      <c r="BQ1484" s="166">
        <v>0</v>
      </c>
      <c r="BR1484" s="166">
        <v>24790644.890000001</v>
      </c>
      <c r="BS1484" s="166">
        <v>24790644.890000001</v>
      </c>
      <c r="BT1484" s="168">
        <v>0.96779000000000004</v>
      </c>
      <c r="BU1484" s="166">
        <v>2033161.29791</v>
      </c>
      <c r="BV1484" s="166">
        <v>23992138.218093101</v>
      </c>
      <c r="BW1484" s="166">
        <v>0</v>
      </c>
      <c r="BX1484" s="166">
        <v>0</v>
      </c>
      <c r="BY1484" s="166">
        <v>0</v>
      </c>
      <c r="BZ1484" s="166">
        <v>0</v>
      </c>
      <c r="CA1484" s="166">
        <v>0</v>
      </c>
      <c r="CB1484" s="166">
        <v>0</v>
      </c>
      <c r="CC1484" s="166">
        <v>0</v>
      </c>
      <c r="CD1484" s="166">
        <v>0</v>
      </c>
      <c r="CE1484" s="166">
        <v>0</v>
      </c>
      <c r="CF1484" s="166">
        <v>0</v>
      </c>
      <c r="CG1484" s="166">
        <v>0</v>
      </c>
      <c r="CH1484" s="166">
        <v>0</v>
      </c>
      <c r="CI1484" s="166">
        <v>0</v>
      </c>
      <c r="CJ1484" s="166">
        <v>0</v>
      </c>
      <c r="CK1484" s="166">
        <v>0</v>
      </c>
      <c r="CL1484" s="166">
        <v>0</v>
      </c>
      <c r="CM1484" s="166">
        <v>0</v>
      </c>
      <c r="CN1484" s="166">
        <v>0</v>
      </c>
      <c r="CO1484" s="166">
        <v>0</v>
      </c>
      <c r="CP1484" s="166">
        <v>0</v>
      </c>
      <c r="CQ1484" s="166">
        <v>0</v>
      </c>
      <c r="CR1484" s="166">
        <v>0</v>
      </c>
      <c r="CS1484" s="166">
        <v>0</v>
      </c>
      <c r="CT1484" s="166">
        <v>0</v>
      </c>
      <c r="CU1484" s="166">
        <v>0</v>
      </c>
      <c r="CV1484" s="166">
        <v>0</v>
      </c>
      <c r="CW1484" s="166">
        <v>0</v>
      </c>
      <c r="CX1484" s="166">
        <v>0</v>
      </c>
      <c r="CY1484" s="166">
        <v>23992138.218093101</v>
      </c>
      <c r="CZ1484" s="166">
        <v>23992138.218093101</v>
      </c>
    </row>
    <row r="1485" spans="1:104" x14ac:dyDescent="0.2">
      <c r="A1485" s="167" t="s">
        <v>453</v>
      </c>
    </row>
    <row r="1486" spans="1:104" x14ac:dyDescent="0.2">
      <c r="A1486" s="167" t="s">
        <v>1201</v>
      </c>
      <c r="B1486" s="166">
        <v>13385.219999999899</v>
      </c>
      <c r="C1486" s="166">
        <v>13385.219999999899</v>
      </c>
      <c r="D1486" s="166">
        <v>0</v>
      </c>
      <c r="E1486" s="166">
        <v>0</v>
      </c>
      <c r="F1486" s="166">
        <v>0</v>
      </c>
      <c r="G1486" s="166">
        <v>0</v>
      </c>
      <c r="H1486" s="166">
        <v>0</v>
      </c>
      <c r="I1486" s="166">
        <v>0</v>
      </c>
      <c r="J1486" s="166">
        <v>0</v>
      </c>
      <c r="K1486" s="166">
        <v>0</v>
      </c>
      <c r="L1486" s="166">
        <v>0</v>
      </c>
      <c r="M1486" s="166">
        <v>0</v>
      </c>
      <c r="N1486" s="166">
        <v>0</v>
      </c>
      <c r="O1486" s="166">
        <v>0</v>
      </c>
      <c r="P1486" s="166">
        <v>0</v>
      </c>
      <c r="Q1486" s="166">
        <v>0</v>
      </c>
      <c r="R1486" s="166">
        <v>0</v>
      </c>
      <c r="S1486" s="166">
        <v>0</v>
      </c>
      <c r="T1486" s="166">
        <v>0</v>
      </c>
      <c r="U1486" s="166">
        <v>0</v>
      </c>
      <c r="V1486" s="166">
        <v>0</v>
      </c>
      <c r="W1486" s="166">
        <v>0</v>
      </c>
      <c r="X1486" s="166">
        <v>0</v>
      </c>
      <c r="Y1486" s="166">
        <v>0</v>
      </c>
      <c r="Z1486" s="166">
        <v>0</v>
      </c>
      <c r="AA1486" s="166">
        <v>0</v>
      </c>
      <c r="AB1486" s="166">
        <v>0</v>
      </c>
      <c r="AC1486" s="166">
        <v>0</v>
      </c>
      <c r="AD1486" s="166">
        <v>0</v>
      </c>
      <c r="AE1486" s="166">
        <v>0</v>
      </c>
      <c r="AF1486" s="166">
        <v>0</v>
      </c>
      <c r="AG1486" s="166">
        <v>0</v>
      </c>
      <c r="AH1486" s="166">
        <v>0</v>
      </c>
      <c r="AI1486" s="166">
        <v>0</v>
      </c>
      <c r="AJ1486" s="166">
        <v>0</v>
      </c>
      <c r="AK1486" s="166">
        <v>0</v>
      </c>
      <c r="AL1486" s="166">
        <v>0</v>
      </c>
      <c r="AM1486" s="166">
        <v>0</v>
      </c>
      <c r="AN1486" s="166">
        <v>0</v>
      </c>
      <c r="AO1486" s="166">
        <v>0</v>
      </c>
      <c r="AP1486" s="166">
        <v>0</v>
      </c>
      <c r="AQ1486" s="166">
        <v>0</v>
      </c>
      <c r="AR1486" s="166">
        <v>0</v>
      </c>
      <c r="AS1486" s="166">
        <v>0</v>
      </c>
      <c r="AT1486" s="166">
        <v>0</v>
      </c>
      <c r="AU1486" s="166">
        <v>0</v>
      </c>
      <c r="AV1486" s="166">
        <v>0</v>
      </c>
      <c r="AW1486" s="166">
        <v>0</v>
      </c>
      <c r="AX1486" s="166">
        <v>0</v>
      </c>
      <c r="AY1486" s="166">
        <v>0</v>
      </c>
      <c r="AZ1486" s="166">
        <v>0</v>
      </c>
      <c r="BA1486" s="166">
        <v>0</v>
      </c>
      <c r="BB1486" s="166">
        <v>0</v>
      </c>
      <c r="BC1486" s="166">
        <v>0</v>
      </c>
      <c r="BD1486" s="166">
        <v>0</v>
      </c>
      <c r="BE1486" s="166">
        <v>0</v>
      </c>
      <c r="BF1486" s="166">
        <v>0</v>
      </c>
      <c r="BG1486" s="166">
        <v>0</v>
      </c>
      <c r="BH1486" s="166">
        <v>0</v>
      </c>
      <c r="BI1486" s="166">
        <v>0</v>
      </c>
      <c r="BJ1486" s="166">
        <v>0</v>
      </c>
      <c r="BK1486" s="166">
        <v>0</v>
      </c>
      <c r="BL1486" s="166">
        <v>0</v>
      </c>
      <c r="BM1486" s="166">
        <v>0</v>
      </c>
      <c r="BN1486" s="166">
        <v>0</v>
      </c>
      <c r="BO1486" s="166">
        <v>0</v>
      </c>
      <c r="BP1486" s="166">
        <v>0</v>
      </c>
      <c r="BQ1486" s="166">
        <v>0</v>
      </c>
      <c r="BR1486" s="166">
        <v>13385.219999999899</v>
      </c>
      <c r="BS1486" s="166">
        <v>13385.219999999899</v>
      </c>
      <c r="BT1486" s="168">
        <v>0.96779000000000004</v>
      </c>
      <c r="BU1486" s="166">
        <v>1253.8977577000001</v>
      </c>
      <c r="BV1486" s="166">
        <v>12954.0820637999</v>
      </c>
      <c r="BW1486" s="166">
        <v>0</v>
      </c>
      <c r="BX1486" s="166">
        <v>0</v>
      </c>
      <c r="BY1486" s="166">
        <v>0</v>
      </c>
      <c r="BZ1486" s="166">
        <v>0</v>
      </c>
      <c r="CA1486" s="166">
        <v>0</v>
      </c>
      <c r="CB1486" s="166">
        <v>0</v>
      </c>
      <c r="CC1486" s="166">
        <v>0</v>
      </c>
      <c r="CD1486" s="166">
        <v>0</v>
      </c>
      <c r="CE1486" s="166">
        <v>0</v>
      </c>
      <c r="CF1486" s="166">
        <v>0</v>
      </c>
      <c r="CG1486" s="166">
        <v>0</v>
      </c>
      <c r="CH1486" s="166">
        <v>0</v>
      </c>
      <c r="CI1486" s="166">
        <v>0</v>
      </c>
      <c r="CJ1486" s="166">
        <v>0</v>
      </c>
      <c r="CK1486" s="166">
        <v>0</v>
      </c>
      <c r="CL1486" s="166">
        <v>0</v>
      </c>
      <c r="CM1486" s="166">
        <v>0</v>
      </c>
      <c r="CN1486" s="166">
        <v>0</v>
      </c>
      <c r="CO1486" s="166">
        <v>0</v>
      </c>
      <c r="CP1486" s="166">
        <v>0</v>
      </c>
      <c r="CQ1486" s="166">
        <v>0</v>
      </c>
      <c r="CR1486" s="166">
        <v>0</v>
      </c>
      <c r="CS1486" s="166">
        <v>0</v>
      </c>
      <c r="CT1486" s="166">
        <v>0</v>
      </c>
      <c r="CU1486" s="166">
        <v>0</v>
      </c>
      <c r="CV1486" s="166">
        <v>0</v>
      </c>
      <c r="CW1486" s="166">
        <v>0</v>
      </c>
      <c r="CX1486" s="166">
        <v>0</v>
      </c>
      <c r="CY1486" s="166">
        <v>12954.0820637999</v>
      </c>
      <c r="CZ1486" s="166">
        <v>12954.0820637999</v>
      </c>
    </row>
    <row r="1487" spans="1:104" x14ac:dyDescent="0.2">
      <c r="A1487" s="167" t="s">
        <v>1202</v>
      </c>
      <c r="B1487" s="166">
        <v>185073352.27285701</v>
      </c>
      <c r="C1487" s="166">
        <v>185073352.27285701</v>
      </c>
      <c r="D1487" s="166">
        <v>0</v>
      </c>
      <c r="E1487" s="166">
        <v>0</v>
      </c>
      <c r="F1487" s="166">
        <v>0</v>
      </c>
      <c r="G1487" s="166">
        <v>0</v>
      </c>
      <c r="H1487" s="166">
        <v>0</v>
      </c>
      <c r="I1487" s="166">
        <v>0</v>
      </c>
      <c r="J1487" s="166">
        <v>0</v>
      </c>
      <c r="K1487" s="166">
        <v>0</v>
      </c>
      <c r="L1487" s="166">
        <v>0</v>
      </c>
      <c r="M1487" s="166">
        <v>0</v>
      </c>
      <c r="N1487" s="166">
        <v>0</v>
      </c>
      <c r="O1487" s="166">
        <v>0</v>
      </c>
      <c r="P1487" s="166">
        <v>0</v>
      </c>
      <c r="Q1487" s="166">
        <v>0</v>
      </c>
      <c r="R1487" s="166">
        <v>0</v>
      </c>
      <c r="S1487" s="166">
        <v>0</v>
      </c>
      <c r="T1487" s="166">
        <v>0</v>
      </c>
      <c r="U1487" s="166">
        <v>0</v>
      </c>
      <c r="V1487" s="166">
        <v>0</v>
      </c>
      <c r="W1487" s="166">
        <v>0</v>
      </c>
      <c r="X1487" s="166">
        <v>0</v>
      </c>
      <c r="Y1487" s="166">
        <v>0</v>
      </c>
      <c r="Z1487" s="166">
        <v>0</v>
      </c>
      <c r="AA1487" s="166">
        <v>0</v>
      </c>
      <c r="AB1487" s="166">
        <v>0</v>
      </c>
      <c r="AC1487" s="166">
        <v>0</v>
      </c>
      <c r="AD1487" s="166">
        <v>0</v>
      </c>
      <c r="AE1487" s="166">
        <v>0</v>
      </c>
      <c r="AF1487" s="166">
        <v>0</v>
      </c>
      <c r="AG1487" s="166">
        <v>0</v>
      </c>
      <c r="AH1487" s="166">
        <v>0</v>
      </c>
      <c r="AI1487" s="166">
        <v>0</v>
      </c>
      <c r="AJ1487" s="166">
        <v>0</v>
      </c>
      <c r="AK1487" s="166">
        <v>0</v>
      </c>
      <c r="AL1487" s="166">
        <v>0</v>
      </c>
      <c r="AM1487" s="166">
        <v>0</v>
      </c>
      <c r="AN1487" s="166">
        <v>0</v>
      </c>
      <c r="AO1487" s="166">
        <v>0</v>
      </c>
      <c r="AP1487" s="166">
        <v>0</v>
      </c>
      <c r="AQ1487" s="166">
        <v>0</v>
      </c>
      <c r="AR1487" s="166">
        <v>0</v>
      </c>
      <c r="AS1487" s="166">
        <v>0</v>
      </c>
      <c r="AT1487" s="166">
        <v>0</v>
      </c>
      <c r="AU1487" s="166">
        <v>0</v>
      </c>
      <c r="AV1487" s="166">
        <v>0</v>
      </c>
      <c r="AW1487" s="166">
        <v>0</v>
      </c>
      <c r="AX1487" s="166">
        <v>-3964398.2872829898</v>
      </c>
      <c r="AY1487" s="166">
        <v>0</v>
      </c>
      <c r="AZ1487" s="166">
        <v>0</v>
      </c>
      <c r="BA1487" s="166">
        <v>0</v>
      </c>
      <c r="BB1487" s="166">
        <v>0</v>
      </c>
      <c r="BC1487" s="166">
        <v>0</v>
      </c>
      <c r="BD1487" s="166">
        <v>0</v>
      </c>
      <c r="BE1487" s="166">
        <v>0</v>
      </c>
      <c r="BF1487" s="166">
        <v>0</v>
      </c>
      <c r="BG1487" s="166">
        <v>0</v>
      </c>
      <c r="BH1487" s="166">
        <v>0</v>
      </c>
      <c r="BI1487" s="166">
        <v>0</v>
      </c>
      <c r="BJ1487" s="166">
        <v>0</v>
      </c>
      <c r="BK1487" s="166">
        <v>0</v>
      </c>
      <c r="BL1487" s="166">
        <v>0</v>
      </c>
      <c r="BM1487" s="166">
        <v>0</v>
      </c>
      <c r="BN1487" s="166">
        <v>0</v>
      </c>
      <c r="BO1487" s="166">
        <v>-3964398.2872829898</v>
      </c>
      <c r="BP1487" s="166">
        <v>0</v>
      </c>
      <c r="BQ1487" s="166">
        <v>0</v>
      </c>
      <c r="BR1487" s="166">
        <v>185073352.27285701</v>
      </c>
      <c r="BS1487" s="166">
        <v>181108953.98557401</v>
      </c>
      <c r="BT1487" s="168">
        <v>0</v>
      </c>
      <c r="BU1487" s="166">
        <v>11951240.081658199</v>
      </c>
      <c r="BV1487" s="166">
        <v>178025596.343593</v>
      </c>
      <c r="BW1487" s="166">
        <v>0</v>
      </c>
      <c r="BX1487" s="166">
        <v>0</v>
      </c>
      <c r="BY1487" s="166">
        <v>0</v>
      </c>
      <c r="BZ1487" s="166">
        <v>0</v>
      </c>
      <c r="CA1487" s="166">
        <v>0</v>
      </c>
      <c r="CB1487" s="166">
        <v>0</v>
      </c>
      <c r="CC1487" s="166">
        <v>0</v>
      </c>
      <c r="CD1487" s="166">
        <v>0</v>
      </c>
      <c r="CE1487" s="166">
        <v>0</v>
      </c>
      <c r="CF1487" s="166">
        <v>0</v>
      </c>
      <c r="CG1487" s="166">
        <v>0</v>
      </c>
      <c r="CH1487" s="166">
        <v>-3964398.2872829898</v>
      </c>
      <c r="CI1487" s="166">
        <v>0</v>
      </c>
      <c r="CJ1487" s="166">
        <v>0</v>
      </c>
      <c r="CK1487" s="166">
        <v>0</v>
      </c>
      <c r="CL1487" s="166">
        <v>0</v>
      </c>
      <c r="CM1487" s="166">
        <v>0</v>
      </c>
      <c r="CN1487" s="166">
        <v>0</v>
      </c>
      <c r="CO1487" s="166">
        <v>0</v>
      </c>
      <c r="CP1487" s="166">
        <v>0</v>
      </c>
      <c r="CQ1487" s="166">
        <v>0</v>
      </c>
      <c r="CR1487" s="166">
        <v>0</v>
      </c>
      <c r="CS1487" s="166">
        <v>0</v>
      </c>
      <c r="CT1487" s="166">
        <v>0</v>
      </c>
      <c r="CU1487" s="166">
        <v>0</v>
      </c>
      <c r="CV1487" s="166">
        <v>-3964398.2872829898</v>
      </c>
      <c r="CW1487" s="166">
        <v>0</v>
      </c>
      <c r="CX1487" s="166">
        <v>0</v>
      </c>
      <c r="CY1487" s="166">
        <v>174061198.05631</v>
      </c>
      <c r="CZ1487" s="166">
        <v>174061198.05631</v>
      </c>
    </row>
    <row r="1488" spans="1:104" x14ac:dyDescent="0.2">
      <c r="A1488" s="167" t="s">
        <v>455</v>
      </c>
    </row>
    <row r="1489" spans="1:104" x14ac:dyDescent="0.2">
      <c r="A1489" s="167" t="s">
        <v>1204</v>
      </c>
      <c r="B1489" s="166">
        <v>0</v>
      </c>
      <c r="C1489" s="166">
        <v>0</v>
      </c>
      <c r="D1489" s="166">
        <v>0</v>
      </c>
      <c r="E1489" s="166">
        <v>0</v>
      </c>
      <c r="F1489" s="166">
        <v>0</v>
      </c>
      <c r="G1489" s="166">
        <v>0</v>
      </c>
      <c r="H1489" s="166">
        <v>0</v>
      </c>
      <c r="I1489" s="166">
        <v>0</v>
      </c>
      <c r="J1489" s="166">
        <v>0</v>
      </c>
      <c r="K1489" s="166">
        <v>0</v>
      </c>
      <c r="L1489" s="166">
        <v>0</v>
      </c>
      <c r="M1489" s="166">
        <v>0</v>
      </c>
      <c r="N1489" s="166">
        <v>0</v>
      </c>
      <c r="O1489" s="166">
        <v>0</v>
      </c>
      <c r="P1489" s="166">
        <v>0</v>
      </c>
      <c r="Q1489" s="166">
        <v>0</v>
      </c>
      <c r="R1489" s="166">
        <v>0</v>
      </c>
      <c r="S1489" s="166">
        <v>0</v>
      </c>
      <c r="T1489" s="166">
        <v>0</v>
      </c>
      <c r="U1489" s="166">
        <v>0</v>
      </c>
      <c r="V1489" s="166">
        <v>0</v>
      </c>
      <c r="W1489" s="166">
        <v>0</v>
      </c>
      <c r="X1489" s="166">
        <v>0</v>
      </c>
      <c r="Y1489" s="166">
        <v>0</v>
      </c>
      <c r="Z1489" s="166">
        <v>0</v>
      </c>
      <c r="AA1489" s="166">
        <v>0</v>
      </c>
      <c r="AB1489" s="166">
        <v>0</v>
      </c>
      <c r="AC1489" s="166">
        <v>0</v>
      </c>
      <c r="AD1489" s="166">
        <v>0</v>
      </c>
      <c r="AE1489" s="166">
        <v>0</v>
      </c>
      <c r="AF1489" s="166">
        <v>0</v>
      </c>
      <c r="AG1489" s="166">
        <v>0</v>
      </c>
      <c r="AH1489" s="166">
        <v>0</v>
      </c>
      <c r="AI1489" s="166">
        <v>0</v>
      </c>
      <c r="AJ1489" s="166">
        <v>0</v>
      </c>
      <c r="AK1489" s="166">
        <v>0</v>
      </c>
      <c r="AL1489" s="166">
        <v>0</v>
      </c>
      <c r="AM1489" s="166">
        <v>0</v>
      </c>
      <c r="AN1489" s="166">
        <v>0</v>
      </c>
      <c r="AO1489" s="166">
        <v>0</v>
      </c>
      <c r="AP1489" s="166">
        <v>0</v>
      </c>
      <c r="AQ1489" s="166">
        <v>0</v>
      </c>
      <c r="AR1489" s="166">
        <v>0</v>
      </c>
      <c r="AS1489" s="166">
        <v>0</v>
      </c>
      <c r="AT1489" s="166">
        <v>0</v>
      </c>
      <c r="AU1489" s="166">
        <v>0</v>
      </c>
      <c r="AV1489" s="166">
        <v>0</v>
      </c>
      <c r="AW1489" s="166">
        <v>0</v>
      </c>
      <c r="AX1489" s="166">
        <v>0</v>
      </c>
      <c r="AY1489" s="166">
        <v>0</v>
      </c>
      <c r="AZ1489" s="166">
        <v>0</v>
      </c>
      <c r="BA1489" s="166">
        <v>0</v>
      </c>
      <c r="BB1489" s="166">
        <v>0</v>
      </c>
      <c r="BC1489" s="166">
        <v>0</v>
      </c>
      <c r="BD1489" s="166">
        <v>0</v>
      </c>
      <c r="BE1489" s="166">
        <v>0</v>
      </c>
      <c r="BF1489" s="166">
        <v>0</v>
      </c>
      <c r="BG1489" s="166">
        <v>0</v>
      </c>
      <c r="BH1489" s="166">
        <v>0</v>
      </c>
      <c r="BI1489" s="166">
        <v>0</v>
      </c>
      <c r="BJ1489" s="166">
        <v>0</v>
      </c>
      <c r="BK1489" s="166">
        <v>0</v>
      </c>
      <c r="BL1489" s="166">
        <v>0</v>
      </c>
      <c r="BM1489" s="166">
        <v>0</v>
      </c>
      <c r="BN1489" s="166">
        <v>0</v>
      </c>
      <c r="BO1489" s="166">
        <v>0</v>
      </c>
      <c r="BP1489" s="166">
        <v>0</v>
      </c>
      <c r="BQ1489" s="166">
        <v>0</v>
      </c>
      <c r="BR1489" s="166">
        <v>0</v>
      </c>
      <c r="BS1489" s="166">
        <v>0</v>
      </c>
      <c r="BT1489" s="168">
        <v>0.96779000000000004</v>
      </c>
      <c r="BU1489" s="166">
        <v>0</v>
      </c>
      <c r="BV1489" s="166">
        <v>0</v>
      </c>
      <c r="BW1489" s="166">
        <v>0</v>
      </c>
      <c r="BX1489" s="166">
        <v>0</v>
      </c>
      <c r="BY1489" s="166">
        <v>0</v>
      </c>
      <c r="BZ1489" s="166">
        <v>0</v>
      </c>
      <c r="CA1489" s="166">
        <v>0</v>
      </c>
      <c r="CB1489" s="166">
        <v>0</v>
      </c>
      <c r="CC1489" s="166">
        <v>0</v>
      </c>
      <c r="CD1489" s="166">
        <v>0</v>
      </c>
      <c r="CE1489" s="166">
        <v>0</v>
      </c>
      <c r="CF1489" s="166">
        <v>0</v>
      </c>
      <c r="CG1489" s="166">
        <v>0</v>
      </c>
      <c r="CH1489" s="166">
        <v>0</v>
      </c>
      <c r="CI1489" s="166">
        <v>0</v>
      </c>
      <c r="CJ1489" s="166">
        <v>0</v>
      </c>
      <c r="CK1489" s="166">
        <v>0</v>
      </c>
      <c r="CL1489" s="166">
        <v>0</v>
      </c>
      <c r="CM1489" s="166">
        <v>0</v>
      </c>
      <c r="CN1489" s="166">
        <v>0</v>
      </c>
      <c r="CO1489" s="166">
        <v>0</v>
      </c>
      <c r="CP1489" s="166">
        <v>0</v>
      </c>
      <c r="CQ1489" s="166">
        <v>0</v>
      </c>
      <c r="CR1489" s="166">
        <v>0</v>
      </c>
      <c r="CS1489" s="166">
        <v>0</v>
      </c>
      <c r="CT1489" s="166">
        <v>0</v>
      </c>
      <c r="CU1489" s="166">
        <v>0</v>
      </c>
      <c r="CV1489" s="166">
        <v>0</v>
      </c>
      <c r="CW1489" s="166">
        <v>0</v>
      </c>
      <c r="CX1489" s="166">
        <v>0</v>
      </c>
      <c r="CY1489" s="166">
        <v>0</v>
      </c>
      <c r="CZ1489" s="166">
        <v>0</v>
      </c>
    </row>
    <row r="1490" spans="1:104" x14ac:dyDescent="0.2">
      <c r="A1490" s="167" t="s">
        <v>457</v>
      </c>
    </row>
    <row r="1491" spans="1:104" x14ac:dyDescent="0.2">
      <c r="A1491" s="170" t="s">
        <v>458</v>
      </c>
      <c r="B1491" s="166">
        <v>616079722.28991604</v>
      </c>
      <c r="C1491" s="166">
        <v>616079722.28991604</v>
      </c>
      <c r="D1491" s="166">
        <v>0</v>
      </c>
      <c r="E1491" s="166">
        <v>0</v>
      </c>
      <c r="F1491" s="166">
        <v>0</v>
      </c>
      <c r="G1491" s="166">
        <v>0</v>
      </c>
      <c r="H1491" s="166">
        <v>0</v>
      </c>
      <c r="I1491" s="166">
        <v>0</v>
      </c>
      <c r="J1491" s="166">
        <v>0</v>
      </c>
      <c r="K1491" s="166">
        <v>0</v>
      </c>
      <c r="L1491" s="166">
        <v>0</v>
      </c>
      <c r="M1491" s="166">
        <v>0</v>
      </c>
      <c r="N1491" s="166">
        <v>0</v>
      </c>
      <c r="O1491" s="166">
        <v>0</v>
      </c>
      <c r="P1491" s="166">
        <v>0</v>
      </c>
      <c r="Q1491" s="166">
        <v>0</v>
      </c>
      <c r="R1491" s="166">
        <v>0</v>
      </c>
      <c r="S1491" s="166">
        <v>0</v>
      </c>
      <c r="T1491" s="166">
        <v>0</v>
      </c>
      <c r="U1491" s="166">
        <v>0</v>
      </c>
      <c r="V1491" s="166">
        <v>0</v>
      </c>
      <c r="W1491" s="166">
        <v>0</v>
      </c>
      <c r="X1491" s="166">
        <v>0</v>
      </c>
      <c r="Y1491" s="166">
        <v>0</v>
      </c>
      <c r="Z1491" s="166">
        <v>0</v>
      </c>
      <c r="AA1491" s="166">
        <v>0</v>
      </c>
      <c r="AB1491" s="166">
        <v>0</v>
      </c>
      <c r="AC1491" s="166">
        <v>0</v>
      </c>
      <c r="AD1491" s="166">
        <v>0</v>
      </c>
      <c r="AE1491" s="166">
        <v>0</v>
      </c>
      <c r="AF1491" s="166">
        <v>0</v>
      </c>
      <c r="AG1491" s="166">
        <v>0</v>
      </c>
      <c r="AH1491" s="166">
        <v>0</v>
      </c>
      <c r="AI1491" s="166">
        <v>0</v>
      </c>
      <c r="AJ1491" s="166">
        <v>0</v>
      </c>
      <c r="AK1491" s="166">
        <v>0</v>
      </c>
      <c r="AL1491" s="166">
        <v>0</v>
      </c>
      <c r="AM1491" s="166">
        <v>0</v>
      </c>
      <c r="AN1491" s="166">
        <v>0</v>
      </c>
      <c r="AO1491" s="166">
        <v>0</v>
      </c>
      <c r="AP1491" s="166">
        <v>0</v>
      </c>
      <c r="AQ1491" s="166">
        <v>0</v>
      </c>
      <c r="AR1491" s="166">
        <v>0</v>
      </c>
      <c r="AS1491" s="166">
        <v>0</v>
      </c>
      <c r="AT1491" s="166">
        <v>0</v>
      </c>
      <c r="AU1491" s="166">
        <v>0</v>
      </c>
      <c r="AV1491" s="166">
        <v>0</v>
      </c>
      <c r="AW1491" s="166">
        <v>0</v>
      </c>
      <c r="AX1491" s="166">
        <v>-3964398.2872829898</v>
      </c>
      <c r="AY1491" s="166">
        <v>0</v>
      </c>
      <c r="AZ1491" s="166">
        <v>0</v>
      </c>
      <c r="BA1491" s="166">
        <v>0</v>
      </c>
      <c r="BB1491" s="166">
        <v>0</v>
      </c>
      <c r="BC1491" s="166">
        <v>0</v>
      </c>
      <c r="BD1491" s="166">
        <v>0</v>
      </c>
      <c r="BE1491" s="166">
        <v>0</v>
      </c>
      <c r="BF1491" s="166">
        <v>0</v>
      </c>
      <c r="BG1491" s="166">
        <v>0</v>
      </c>
      <c r="BH1491" s="166">
        <v>0</v>
      </c>
      <c r="BI1491" s="166">
        <v>0</v>
      </c>
      <c r="BJ1491" s="166">
        <v>0</v>
      </c>
      <c r="BK1491" s="166">
        <v>0</v>
      </c>
      <c r="BL1491" s="166">
        <v>0</v>
      </c>
      <c r="BM1491" s="166">
        <v>0</v>
      </c>
      <c r="BN1491" s="166">
        <v>0</v>
      </c>
      <c r="BO1491" s="166">
        <v>-3964398.2872829898</v>
      </c>
      <c r="BP1491" s="166">
        <v>0</v>
      </c>
      <c r="BQ1491" s="166">
        <v>0</v>
      </c>
      <c r="BR1491" s="166">
        <v>616079722.28991604</v>
      </c>
      <c r="BS1491" s="166">
        <v>612115324.00263298</v>
      </c>
      <c r="BT1491" s="168">
        <v>0</v>
      </c>
      <c r="BU1491" s="166">
        <v>44213843.341596402</v>
      </c>
      <c r="BV1491" s="166">
        <v>598781695.06034303</v>
      </c>
      <c r="BW1491" s="166">
        <v>0</v>
      </c>
      <c r="BX1491" s="166">
        <v>0</v>
      </c>
      <c r="BY1491" s="166">
        <v>0</v>
      </c>
      <c r="BZ1491" s="166">
        <v>0</v>
      </c>
      <c r="CA1491" s="166">
        <v>0</v>
      </c>
      <c r="CB1491" s="166">
        <v>0</v>
      </c>
      <c r="CC1491" s="166">
        <v>0</v>
      </c>
      <c r="CD1491" s="166">
        <v>0</v>
      </c>
      <c r="CE1491" s="166">
        <v>0</v>
      </c>
      <c r="CF1491" s="166">
        <v>0</v>
      </c>
      <c r="CG1491" s="166">
        <v>0</v>
      </c>
      <c r="CH1491" s="166">
        <v>-3964398.2872829898</v>
      </c>
      <c r="CI1491" s="166">
        <v>0</v>
      </c>
      <c r="CJ1491" s="166">
        <v>0</v>
      </c>
      <c r="CK1491" s="166">
        <v>0</v>
      </c>
      <c r="CL1491" s="166">
        <v>0</v>
      </c>
      <c r="CM1491" s="166">
        <v>0</v>
      </c>
      <c r="CN1491" s="166">
        <v>0</v>
      </c>
      <c r="CO1491" s="166">
        <v>0</v>
      </c>
      <c r="CP1491" s="166">
        <v>0</v>
      </c>
      <c r="CQ1491" s="166">
        <v>0</v>
      </c>
      <c r="CR1491" s="166">
        <v>0</v>
      </c>
      <c r="CS1491" s="166">
        <v>0</v>
      </c>
      <c r="CT1491" s="166">
        <v>0</v>
      </c>
      <c r="CU1491" s="166">
        <v>0</v>
      </c>
      <c r="CV1491" s="166">
        <v>-3964398.2872829898</v>
      </c>
      <c r="CW1491" s="166">
        <v>0</v>
      </c>
      <c r="CX1491" s="166">
        <v>0</v>
      </c>
      <c r="CY1491" s="166">
        <v>594817296.77305996</v>
      </c>
      <c r="CZ1491" s="166">
        <v>594817296.77305996</v>
      </c>
    </row>
    <row r="1492" spans="1:104" x14ac:dyDescent="0.2">
      <c r="A1492" s="167" t="s">
        <v>459</v>
      </c>
    </row>
    <row r="1493" spans="1:104" x14ac:dyDescent="0.2">
      <c r="A1493" s="170" t="s">
        <v>460</v>
      </c>
    </row>
    <row r="1494" spans="1:104" x14ac:dyDescent="0.2">
      <c r="A1494" s="167" t="s">
        <v>461</v>
      </c>
      <c r="B1494" s="166">
        <v>114962556.974999</v>
      </c>
      <c r="C1494" s="166">
        <v>114962556.974999</v>
      </c>
      <c r="D1494" s="166">
        <v>0</v>
      </c>
      <c r="E1494" s="166">
        <v>0</v>
      </c>
      <c r="F1494" s="166">
        <v>0</v>
      </c>
      <c r="G1494" s="166">
        <v>0</v>
      </c>
      <c r="H1494" s="166">
        <v>0</v>
      </c>
      <c r="I1494" s="166">
        <v>0</v>
      </c>
      <c r="J1494" s="166">
        <v>0</v>
      </c>
      <c r="K1494" s="166">
        <v>0</v>
      </c>
      <c r="L1494" s="166">
        <v>0</v>
      </c>
      <c r="M1494" s="166">
        <v>0</v>
      </c>
      <c r="N1494" s="166">
        <v>0</v>
      </c>
      <c r="O1494" s="166">
        <v>0</v>
      </c>
      <c r="P1494" s="166">
        <v>0</v>
      </c>
      <c r="Q1494" s="166">
        <v>0</v>
      </c>
      <c r="R1494" s="166">
        <v>-114962556.974999</v>
      </c>
      <c r="S1494" s="166">
        <v>0</v>
      </c>
      <c r="T1494" s="166">
        <v>0</v>
      </c>
      <c r="U1494" s="166">
        <v>0</v>
      </c>
      <c r="V1494" s="166">
        <v>0</v>
      </c>
      <c r="W1494" s="166">
        <v>0</v>
      </c>
      <c r="X1494" s="166">
        <v>0</v>
      </c>
      <c r="Y1494" s="166">
        <v>0</v>
      </c>
      <c r="Z1494" s="166">
        <v>0</v>
      </c>
      <c r="AA1494" s="166">
        <v>0</v>
      </c>
      <c r="AB1494" s="166">
        <v>0</v>
      </c>
      <c r="AC1494" s="166">
        <v>0</v>
      </c>
      <c r="AD1494" s="166">
        <v>0</v>
      </c>
      <c r="AE1494" s="166">
        <v>0</v>
      </c>
      <c r="AF1494" s="166">
        <v>0</v>
      </c>
      <c r="AG1494" s="166">
        <v>0</v>
      </c>
      <c r="AH1494" s="166">
        <v>0</v>
      </c>
      <c r="AI1494" s="166">
        <v>0</v>
      </c>
      <c r="AJ1494" s="166">
        <v>0</v>
      </c>
      <c r="AK1494" s="166">
        <v>0</v>
      </c>
      <c r="AL1494" s="166">
        <v>0</v>
      </c>
      <c r="AM1494" s="166">
        <v>0</v>
      </c>
      <c r="AN1494" s="166">
        <v>0</v>
      </c>
      <c r="AO1494" s="166">
        <v>0</v>
      </c>
      <c r="AP1494" s="166">
        <v>0</v>
      </c>
      <c r="AQ1494" s="166">
        <v>0</v>
      </c>
      <c r="AR1494" s="166">
        <v>0</v>
      </c>
      <c r="AS1494" s="166">
        <v>0</v>
      </c>
      <c r="AT1494" s="166">
        <v>0</v>
      </c>
      <c r="AU1494" s="166">
        <v>0</v>
      </c>
      <c r="AV1494" s="166">
        <v>0</v>
      </c>
      <c r="AW1494" s="166">
        <v>0</v>
      </c>
      <c r="AX1494" s="166">
        <v>0</v>
      </c>
      <c r="AY1494" s="166">
        <v>0</v>
      </c>
      <c r="AZ1494" s="166">
        <v>0</v>
      </c>
      <c r="BA1494" s="166">
        <v>0</v>
      </c>
      <c r="BB1494" s="166">
        <v>0</v>
      </c>
      <c r="BC1494" s="166">
        <v>0</v>
      </c>
      <c r="BD1494" s="166">
        <v>0</v>
      </c>
      <c r="BE1494" s="166">
        <v>0</v>
      </c>
      <c r="BF1494" s="166">
        <v>0</v>
      </c>
      <c r="BG1494" s="166">
        <v>-114962556.974999</v>
      </c>
      <c r="BH1494" s="166">
        <v>0</v>
      </c>
      <c r="BI1494" s="166">
        <v>0</v>
      </c>
      <c r="BJ1494" s="166">
        <v>0</v>
      </c>
      <c r="BK1494" s="166">
        <v>0</v>
      </c>
      <c r="BL1494" s="166">
        <v>0</v>
      </c>
      <c r="BM1494" s="166">
        <v>0</v>
      </c>
      <c r="BN1494" s="166">
        <v>0</v>
      </c>
      <c r="BO1494" s="166">
        <v>0</v>
      </c>
      <c r="BP1494" s="166">
        <v>0</v>
      </c>
      <c r="BQ1494" s="166">
        <v>0</v>
      </c>
      <c r="BR1494" s="166">
        <v>114962556.974999</v>
      </c>
      <c r="BS1494" s="166">
        <v>0</v>
      </c>
      <c r="BT1494" s="168">
        <v>1</v>
      </c>
      <c r="BU1494" s="166">
        <v>25676926.6120832</v>
      </c>
      <c r="BV1494" s="166">
        <v>114962556.974999</v>
      </c>
      <c r="BW1494" s="166">
        <v>0</v>
      </c>
      <c r="BX1494" s="166">
        <v>0</v>
      </c>
      <c r="BY1494" s="166">
        <v>0</v>
      </c>
      <c r="BZ1494" s="166">
        <v>-114962556.974999</v>
      </c>
      <c r="CA1494" s="166">
        <v>0</v>
      </c>
      <c r="CB1494" s="166">
        <v>0</v>
      </c>
      <c r="CC1494" s="166">
        <v>0</v>
      </c>
      <c r="CD1494" s="166">
        <v>0</v>
      </c>
      <c r="CE1494" s="166">
        <v>0</v>
      </c>
      <c r="CF1494" s="166">
        <v>0</v>
      </c>
      <c r="CG1494" s="166">
        <v>0</v>
      </c>
      <c r="CH1494" s="166">
        <v>0</v>
      </c>
      <c r="CI1494" s="166">
        <v>0</v>
      </c>
      <c r="CJ1494" s="166">
        <v>0</v>
      </c>
      <c r="CK1494" s="166">
        <v>0</v>
      </c>
      <c r="CL1494" s="166">
        <v>0</v>
      </c>
      <c r="CM1494" s="166">
        <v>0</v>
      </c>
      <c r="CN1494" s="166">
        <v>-114962556.974999</v>
      </c>
      <c r="CO1494" s="166">
        <v>0</v>
      </c>
      <c r="CP1494" s="166">
        <v>0</v>
      </c>
      <c r="CQ1494" s="166">
        <v>0</v>
      </c>
      <c r="CR1494" s="166">
        <v>0</v>
      </c>
      <c r="CS1494" s="166">
        <v>0</v>
      </c>
      <c r="CT1494" s="166">
        <v>0</v>
      </c>
      <c r="CU1494" s="166">
        <v>0</v>
      </c>
      <c r="CV1494" s="166">
        <v>0</v>
      </c>
      <c r="CW1494" s="166">
        <v>0</v>
      </c>
      <c r="CX1494" s="166">
        <v>0</v>
      </c>
      <c r="CY1494" s="166">
        <v>0</v>
      </c>
      <c r="CZ1494" s="166">
        <v>0</v>
      </c>
    </row>
    <row r="1495" spans="1:104" x14ac:dyDescent="0.2">
      <c r="A1495" s="167" t="s">
        <v>462</v>
      </c>
    </row>
    <row r="1496" spans="1:104" x14ac:dyDescent="0.2">
      <c r="A1496" s="167" t="s">
        <v>463</v>
      </c>
      <c r="B1496" s="166">
        <v>4452337.5279413201</v>
      </c>
      <c r="C1496" s="166">
        <v>4452337.5279413201</v>
      </c>
      <c r="D1496" s="166">
        <v>0</v>
      </c>
      <c r="E1496" s="166">
        <v>0</v>
      </c>
      <c r="F1496" s="166">
        <v>0</v>
      </c>
      <c r="G1496" s="166">
        <v>0</v>
      </c>
      <c r="H1496" s="166">
        <v>0</v>
      </c>
      <c r="I1496" s="166">
        <v>0</v>
      </c>
      <c r="J1496" s="166">
        <v>0</v>
      </c>
      <c r="K1496" s="166">
        <v>0</v>
      </c>
      <c r="L1496" s="166">
        <v>0</v>
      </c>
      <c r="M1496" s="166">
        <v>0</v>
      </c>
      <c r="N1496" s="166">
        <v>0</v>
      </c>
      <c r="O1496" s="166">
        <v>0</v>
      </c>
      <c r="P1496" s="166">
        <v>0</v>
      </c>
      <c r="Q1496" s="166">
        <v>0</v>
      </c>
      <c r="R1496" s="166">
        <v>0</v>
      </c>
      <c r="S1496" s="166">
        <v>0</v>
      </c>
      <c r="T1496" s="166">
        <v>0</v>
      </c>
      <c r="U1496" s="166">
        <v>-4452337.5279413201</v>
      </c>
      <c r="V1496" s="166">
        <v>0</v>
      </c>
      <c r="W1496" s="166">
        <v>0</v>
      </c>
      <c r="X1496" s="166">
        <v>0</v>
      </c>
      <c r="Y1496" s="166">
        <v>0</v>
      </c>
      <c r="Z1496" s="166">
        <v>0</v>
      </c>
      <c r="AA1496" s="166">
        <v>0</v>
      </c>
      <c r="AB1496" s="166">
        <v>0</v>
      </c>
      <c r="AC1496" s="166">
        <v>0</v>
      </c>
      <c r="AD1496" s="166">
        <v>0</v>
      </c>
      <c r="AE1496" s="166">
        <v>0</v>
      </c>
      <c r="AF1496" s="166">
        <v>0</v>
      </c>
      <c r="AG1496" s="166">
        <v>0</v>
      </c>
      <c r="AH1496" s="166">
        <v>0</v>
      </c>
      <c r="AI1496" s="166">
        <v>0</v>
      </c>
      <c r="AJ1496" s="166">
        <v>0</v>
      </c>
      <c r="AK1496" s="166">
        <v>0</v>
      </c>
      <c r="AL1496" s="166">
        <v>0</v>
      </c>
      <c r="AM1496" s="166">
        <v>0</v>
      </c>
      <c r="AN1496" s="166">
        <v>0</v>
      </c>
      <c r="AO1496" s="166">
        <v>0</v>
      </c>
      <c r="AP1496" s="166">
        <v>0</v>
      </c>
      <c r="AQ1496" s="166">
        <v>0</v>
      </c>
      <c r="AR1496" s="166">
        <v>0</v>
      </c>
      <c r="AS1496" s="166">
        <v>0</v>
      </c>
      <c r="AT1496" s="166">
        <v>0</v>
      </c>
      <c r="AU1496" s="166">
        <v>0</v>
      </c>
      <c r="AV1496" s="166">
        <v>0</v>
      </c>
      <c r="AW1496" s="166">
        <v>0</v>
      </c>
      <c r="AX1496" s="166">
        <v>0</v>
      </c>
      <c r="AY1496" s="166">
        <v>0</v>
      </c>
      <c r="AZ1496" s="166">
        <v>0</v>
      </c>
      <c r="BA1496" s="166">
        <v>0</v>
      </c>
      <c r="BB1496" s="166">
        <v>0</v>
      </c>
      <c r="BC1496" s="166">
        <v>0</v>
      </c>
      <c r="BD1496" s="166">
        <v>0</v>
      </c>
      <c r="BE1496" s="166">
        <v>0</v>
      </c>
      <c r="BF1496" s="166">
        <v>0</v>
      </c>
      <c r="BG1496" s="166">
        <v>0</v>
      </c>
      <c r="BH1496" s="166">
        <v>0</v>
      </c>
      <c r="BI1496" s="166">
        <v>-4452337.5279413201</v>
      </c>
      <c r="BJ1496" s="166">
        <v>0</v>
      </c>
      <c r="BK1496" s="166">
        <v>0</v>
      </c>
      <c r="BL1496" s="166">
        <v>0</v>
      </c>
      <c r="BM1496" s="166">
        <v>0</v>
      </c>
      <c r="BN1496" s="166">
        <v>0</v>
      </c>
      <c r="BO1496" s="166">
        <v>0</v>
      </c>
      <c r="BP1496" s="166">
        <v>0</v>
      </c>
      <c r="BQ1496" s="166">
        <v>0</v>
      </c>
      <c r="BR1496" s="166">
        <v>4452337.5279413201</v>
      </c>
      <c r="BS1496" s="166">
        <v>0</v>
      </c>
      <c r="BT1496" s="168">
        <v>0.999998128641303</v>
      </c>
      <c r="BU1496" s="166">
        <v>249930.76461745799</v>
      </c>
      <c r="BV1496" s="166">
        <v>4452329.1960207699</v>
      </c>
      <c r="BW1496" s="166">
        <v>0</v>
      </c>
      <c r="BX1496" s="166">
        <v>0</v>
      </c>
      <c r="BY1496" s="166">
        <v>0</v>
      </c>
      <c r="BZ1496" s="166">
        <v>0</v>
      </c>
      <c r="CA1496" s="166">
        <v>0</v>
      </c>
      <c r="CB1496" s="166">
        <v>-4452329.1960207699</v>
      </c>
      <c r="CC1496" s="166">
        <v>0</v>
      </c>
      <c r="CD1496" s="166">
        <v>0</v>
      </c>
      <c r="CE1496" s="166">
        <v>0</v>
      </c>
      <c r="CF1496" s="166">
        <v>0</v>
      </c>
      <c r="CG1496" s="166">
        <v>0</v>
      </c>
      <c r="CH1496" s="166">
        <v>0</v>
      </c>
      <c r="CI1496" s="166">
        <v>0</v>
      </c>
      <c r="CJ1496" s="166">
        <v>0</v>
      </c>
      <c r="CK1496" s="166">
        <v>0</v>
      </c>
      <c r="CL1496" s="166">
        <v>0</v>
      </c>
      <c r="CM1496" s="166">
        <v>0</v>
      </c>
      <c r="CN1496" s="166">
        <v>0</v>
      </c>
      <c r="CO1496" s="166">
        <v>0</v>
      </c>
      <c r="CP1496" s="166">
        <v>-4452329.1960207699</v>
      </c>
      <c r="CQ1496" s="166">
        <v>0</v>
      </c>
      <c r="CR1496" s="166">
        <v>0</v>
      </c>
      <c r="CS1496" s="166">
        <v>0</v>
      </c>
      <c r="CT1496" s="166">
        <v>0</v>
      </c>
      <c r="CU1496" s="166">
        <v>0</v>
      </c>
      <c r="CV1496" s="166">
        <v>0</v>
      </c>
      <c r="CW1496" s="166">
        <v>0</v>
      </c>
      <c r="CX1496" s="166">
        <v>0</v>
      </c>
      <c r="CY1496" s="166">
        <v>0</v>
      </c>
      <c r="CZ1496" s="166">
        <v>0</v>
      </c>
    </row>
    <row r="1497" spans="1:104" x14ac:dyDescent="0.2">
      <c r="A1497" s="167" t="s">
        <v>464</v>
      </c>
      <c r="B1497" s="166">
        <v>7178483.7599999998</v>
      </c>
      <c r="C1497" s="166">
        <v>7178483.7599999998</v>
      </c>
      <c r="D1497" s="166">
        <v>0</v>
      </c>
      <c r="E1497" s="166">
        <v>0</v>
      </c>
      <c r="F1497" s="166">
        <v>0</v>
      </c>
      <c r="G1497" s="166">
        <v>0</v>
      </c>
      <c r="H1497" s="166">
        <v>0</v>
      </c>
      <c r="I1497" s="166">
        <v>0</v>
      </c>
      <c r="J1497" s="166">
        <v>0</v>
      </c>
      <c r="K1497" s="166">
        <v>0</v>
      </c>
      <c r="L1497" s="166">
        <v>0</v>
      </c>
      <c r="M1497" s="166">
        <v>0</v>
      </c>
      <c r="N1497" s="166">
        <v>0</v>
      </c>
      <c r="O1497" s="166">
        <v>0</v>
      </c>
      <c r="P1497" s="166">
        <v>0</v>
      </c>
      <c r="Q1497" s="166">
        <v>0</v>
      </c>
      <c r="R1497" s="166">
        <v>0</v>
      </c>
      <c r="S1497" s="166">
        <v>0</v>
      </c>
      <c r="T1497" s="166">
        <v>0</v>
      </c>
      <c r="U1497" s="166">
        <v>-7178483.7599999998</v>
      </c>
      <c r="V1497" s="166">
        <v>0</v>
      </c>
      <c r="W1497" s="166">
        <v>0</v>
      </c>
      <c r="X1497" s="166">
        <v>0</v>
      </c>
      <c r="Y1497" s="166">
        <v>0</v>
      </c>
      <c r="Z1497" s="166">
        <v>0</v>
      </c>
      <c r="AA1497" s="166">
        <v>0</v>
      </c>
      <c r="AB1497" s="166">
        <v>0</v>
      </c>
      <c r="AC1497" s="166">
        <v>0</v>
      </c>
      <c r="AD1497" s="166">
        <v>0</v>
      </c>
      <c r="AE1497" s="166">
        <v>0</v>
      </c>
      <c r="AF1497" s="166">
        <v>0</v>
      </c>
      <c r="AG1497" s="166">
        <v>0</v>
      </c>
      <c r="AH1497" s="166">
        <v>0</v>
      </c>
      <c r="AI1497" s="166">
        <v>0</v>
      </c>
      <c r="AJ1497" s="166">
        <v>0</v>
      </c>
      <c r="AK1497" s="166">
        <v>0</v>
      </c>
      <c r="AL1497" s="166">
        <v>0</v>
      </c>
      <c r="AM1497" s="166">
        <v>0</v>
      </c>
      <c r="AN1497" s="166">
        <v>0</v>
      </c>
      <c r="AO1497" s="166">
        <v>0</v>
      </c>
      <c r="AP1497" s="166">
        <v>0</v>
      </c>
      <c r="AQ1497" s="166">
        <v>0</v>
      </c>
      <c r="AR1497" s="166">
        <v>0</v>
      </c>
      <c r="AS1497" s="166">
        <v>0</v>
      </c>
      <c r="AT1497" s="166">
        <v>0</v>
      </c>
      <c r="AU1497" s="166">
        <v>0</v>
      </c>
      <c r="AV1497" s="166">
        <v>0</v>
      </c>
      <c r="AW1497" s="166">
        <v>0</v>
      </c>
      <c r="AX1497" s="166">
        <v>0</v>
      </c>
      <c r="AY1497" s="166">
        <v>0</v>
      </c>
      <c r="AZ1497" s="166">
        <v>0</v>
      </c>
      <c r="BA1497" s="166">
        <v>0</v>
      </c>
      <c r="BB1497" s="166">
        <v>0</v>
      </c>
      <c r="BC1497" s="166">
        <v>0</v>
      </c>
      <c r="BD1497" s="166">
        <v>0</v>
      </c>
      <c r="BE1497" s="166">
        <v>0</v>
      </c>
      <c r="BF1497" s="166">
        <v>0</v>
      </c>
      <c r="BG1497" s="166">
        <v>0</v>
      </c>
      <c r="BH1497" s="166">
        <v>0</v>
      </c>
      <c r="BI1497" s="166">
        <v>-7178483.7599999998</v>
      </c>
      <c r="BJ1497" s="166">
        <v>0</v>
      </c>
      <c r="BK1497" s="166">
        <v>0</v>
      </c>
      <c r="BL1497" s="166">
        <v>0</v>
      </c>
      <c r="BM1497" s="166">
        <v>0</v>
      </c>
      <c r="BN1497" s="166">
        <v>0</v>
      </c>
      <c r="BO1497" s="166">
        <v>0</v>
      </c>
      <c r="BP1497" s="166">
        <v>0</v>
      </c>
      <c r="BQ1497" s="166">
        <v>0</v>
      </c>
      <c r="BR1497" s="166">
        <v>7178483.7599999998</v>
      </c>
      <c r="BS1497" s="166">
        <v>0</v>
      </c>
      <c r="BT1497" s="168">
        <v>0.99999526481343304</v>
      </c>
      <c r="BU1497" s="166">
        <v>647756.81273611705</v>
      </c>
      <c r="BV1497" s="166">
        <v>7178449.7685401198</v>
      </c>
      <c r="BW1497" s="166">
        <v>0</v>
      </c>
      <c r="BX1497" s="166">
        <v>0</v>
      </c>
      <c r="BY1497" s="166">
        <v>0</v>
      </c>
      <c r="BZ1497" s="166">
        <v>0</v>
      </c>
      <c r="CA1497" s="166">
        <v>0</v>
      </c>
      <c r="CB1497" s="166">
        <v>-7178449.7685401198</v>
      </c>
      <c r="CC1497" s="166">
        <v>0</v>
      </c>
      <c r="CD1497" s="166">
        <v>0</v>
      </c>
      <c r="CE1497" s="166">
        <v>0</v>
      </c>
      <c r="CF1497" s="166">
        <v>0</v>
      </c>
      <c r="CG1497" s="166">
        <v>0</v>
      </c>
      <c r="CH1497" s="166">
        <v>0</v>
      </c>
      <c r="CI1497" s="166">
        <v>0</v>
      </c>
      <c r="CJ1497" s="166">
        <v>0</v>
      </c>
      <c r="CK1497" s="166">
        <v>0</v>
      </c>
      <c r="CL1497" s="166">
        <v>0</v>
      </c>
      <c r="CM1497" s="166">
        <v>0</v>
      </c>
      <c r="CN1497" s="166">
        <v>0</v>
      </c>
      <c r="CO1497" s="166">
        <v>0</v>
      </c>
      <c r="CP1497" s="166">
        <v>-7178449.7685401198</v>
      </c>
      <c r="CQ1497" s="166">
        <v>0</v>
      </c>
      <c r="CR1497" s="166">
        <v>0</v>
      </c>
      <c r="CS1497" s="166">
        <v>0</v>
      </c>
      <c r="CT1497" s="166">
        <v>0</v>
      </c>
      <c r="CU1497" s="166">
        <v>0</v>
      </c>
      <c r="CV1497" s="166">
        <v>0</v>
      </c>
      <c r="CW1497" s="166">
        <v>0</v>
      </c>
      <c r="CX1497" s="166">
        <v>0</v>
      </c>
      <c r="CY1497" s="166">
        <v>0</v>
      </c>
      <c r="CZ1497" s="166">
        <v>0</v>
      </c>
    </row>
    <row r="1498" spans="1:104" x14ac:dyDescent="0.2">
      <c r="A1498" s="167" t="s">
        <v>465</v>
      </c>
      <c r="B1498" s="166">
        <v>0</v>
      </c>
      <c r="C1498" s="166">
        <v>0</v>
      </c>
      <c r="D1498" s="166">
        <v>0</v>
      </c>
      <c r="E1498" s="166">
        <v>0</v>
      </c>
      <c r="F1498" s="166">
        <v>0</v>
      </c>
      <c r="G1498" s="166">
        <v>0</v>
      </c>
      <c r="H1498" s="166">
        <v>0</v>
      </c>
      <c r="I1498" s="166">
        <v>0</v>
      </c>
      <c r="J1498" s="166">
        <v>0</v>
      </c>
      <c r="K1498" s="166">
        <v>0</v>
      </c>
      <c r="L1498" s="166">
        <v>0</v>
      </c>
      <c r="M1498" s="166">
        <v>0</v>
      </c>
      <c r="N1498" s="166">
        <v>0</v>
      </c>
      <c r="O1498" s="166">
        <v>0</v>
      </c>
      <c r="P1498" s="166">
        <v>0</v>
      </c>
      <c r="Q1498" s="166">
        <v>0</v>
      </c>
      <c r="R1498" s="166">
        <v>0</v>
      </c>
      <c r="S1498" s="166">
        <v>0</v>
      </c>
      <c r="T1498" s="166">
        <v>0</v>
      </c>
      <c r="U1498" s="166">
        <v>0</v>
      </c>
      <c r="V1498" s="166">
        <v>0</v>
      </c>
      <c r="W1498" s="166">
        <v>0</v>
      </c>
      <c r="X1498" s="166">
        <v>0</v>
      </c>
      <c r="Y1498" s="166">
        <v>0</v>
      </c>
      <c r="Z1498" s="166">
        <v>0</v>
      </c>
      <c r="AA1498" s="166">
        <v>0</v>
      </c>
      <c r="AB1498" s="166">
        <v>0</v>
      </c>
      <c r="AC1498" s="166">
        <v>0</v>
      </c>
      <c r="AD1498" s="166">
        <v>0</v>
      </c>
      <c r="AE1498" s="166">
        <v>0</v>
      </c>
      <c r="AF1498" s="166">
        <v>0</v>
      </c>
      <c r="AG1498" s="166">
        <v>0</v>
      </c>
      <c r="AH1498" s="166">
        <v>0</v>
      </c>
      <c r="AI1498" s="166">
        <v>0</v>
      </c>
      <c r="AJ1498" s="166">
        <v>0</v>
      </c>
      <c r="AK1498" s="166">
        <v>0</v>
      </c>
      <c r="AL1498" s="166">
        <v>0</v>
      </c>
      <c r="AM1498" s="166">
        <v>0</v>
      </c>
      <c r="AN1498" s="166">
        <v>0</v>
      </c>
      <c r="AO1498" s="166">
        <v>0</v>
      </c>
      <c r="AP1498" s="166">
        <v>0</v>
      </c>
      <c r="AQ1498" s="166">
        <v>0</v>
      </c>
      <c r="AR1498" s="166">
        <v>0</v>
      </c>
      <c r="AS1498" s="166">
        <v>0</v>
      </c>
      <c r="AT1498" s="166">
        <v>0</v>
      </c>
      <c r="AU1498" s="166">
        <v>0</v>
      </c>
      <c r="AV1498" s="166">
        <v>0</v>
      </c>
      <c r="AW1498" s="166">
        <v>0</v>
      </c>
      <c r="AX1498" s="166">
        <v>0</v>
      </c>
      <c r="AY1498" s="166">
        <v>0</v>
      </c>
      <c r="AZ1498" s="166">
        <v>0</v>
      </c>
      <c r="BA1498" s="166">
        <v>0</v>
      </c>
      <c r="BB1498" s="166">
        <v>0</v>
      </c>
      <c r="BC1498" s="166">
        <v>0</v>
      </c>
      <c r="BD1498" s="166">
        <v>0</v>
      </c>
      <c r="BE1498" s="166">
        <v>0</v>
      </c>
      <c r="BF1498" s="166">
        <v>0</v>
      </c>
      <c r="BG1498" s="166">
        <v>0</v>
      </c>
      <c r="BH1498" s="166">
        <v>0</v>
      </c>
      <c r="BI1498" s="166">
        <v>0</v>
      </c>
      <c r="BJ1498" s="166">
        <v>0</v>
      </c>
      <c r="BK1498" s="166">
        <v>0</v>
      </c>
      <c r="BL1498" s="166">
        <v>0</v>
      </c>
      <c r="BM1498" s="166">
        <v>0</v>
      </c>
      <c r="BN1498" s="166">
        <v>0</v>
      </c>
      <c r="BO1498" s="166">
        <v>0</v>
      </c>
      <c r="BP1498" s="166">
        <v>0</v>
      </c>
      <c r="BQ1498" s="166">
        <v>0</v>
      </c>
      <c r="BR1498" s="166">
        <v>0</v>
      </c>
      <c r="BS1498" s="166">
        <v>0</v>
      </c>
      <c r="BT1498" s="168">
        <v>1</v>
      </c>
      <c r="BU1498" s="166">
        <v>0</v>
      </c>
      <c r="BV1498" s="166">
        <v>0</v>
      </c>
      <c r="BW1498" s="166">
        <v>0</v>
      </c>
      <c r="BX1498" s="166">
        <v>0</v>
      </c>
      <c r="BY1498" s="166">
        <v>0</v>
      </c>
      <c r="BZ1498" s="166">
        <v>0</v>
      </c>
      <c r="CA1498" s="166">
        <v>0</v>
      </c>
      <c r="CB1498" s="166">
        <v>0</v>
      </c>
      <c r="CC1498" s="166">
        <v>0</v>
      </c>
      <c r="CD1498" s="166">
        <v>0</v>
      </c>
      <c r="CE1498" s="166">
        <v>0</v>
      </c>
      <c r="CF1498" s="166">
        <v>0</v>
      </c>
      <c r="CG1498" s="166">
        <v>0</v>
      </c>
      <c r="CH1498" s="166">
        <v>0</v>
      </c>
      <c r="CI1498" s="166">
        <v>0</v>
      </c>
      <c r="CJ1498" s="166">
        <v>0</v>
      </c>
      <c r="CK1498" s="166">
        <v>0</v>
      </c>
      <c r="CL1498" s="166">
        <v>0</v>
      </c>
      <c r="CM1498" s="166">
        <v>0</v>
      </c>
      <c r="CN1498" s="166">
        <v>0</v>
      </c>
      <c r="CO1498" s="166">
        <v>0</v>
      </c>
      <c r="CP1498" s="166">
        <v>0</v>
      </c>
      <c r="CQ1498" s="166">
        <v>0</v>
      </c>
      <c r="CR1498" s="166">
        <v>0</v>
      </c>
      <c r="CS1498" s="166">
        <v>0</v>
      </c>
      <c r="CT1498" s="166">
        <v>0</v>
      </c>
      <c r="CU1498" s="166">
        <v>0</v>
      </c>
      <c r="CV1498" s="166">
        <v>0</v>
      </c>
      <c r="CW1498" s="166">
        <v>0</v>
      </c>
      <c r="CX1498" s="166">
        <v>0</v>
      </c>
      <c r="CY1498" s="166">
        <v>0</v>
      </c>
      <c r="CZ1498" s="166">
        <v>0</v>
      </c>
    </row>
    <row r="1499" spans="1:104" x14ac:dyDescent="0.2">
      <c r="A1499" s="167" t="s">
        <v>466</v>
      </c>
      <c r="B1499" s="166">
        <v>0</v>
      </c>
      <c r="C1499" s="166">
        <v>0</v>
      </c>
      <c r="D1499" s="166">
        <v>0</v>
      </c>
      <c r="E1499" s="166">
        <v>0</v>
      </c>
      <c r="F1499" s="166">
        <v>0</v>
      </c>
      <c r="G1499" s="166">
        <v>0</v>
      </c>
      <c r="H1499" s="166">
        <v>0</v>
      </c>
      <c r="I1499" s="166">
        <v>0</v>
      </c>
      <c r="J1499" s="166">
        <v>0</v>
      </c>
      <c r="K1499" s="166">
        <v>0</v>
      </c>
      <c r="L1499" s="166">
        <v>0</v>
      </c>
      <c r="M1499" s="166">
        <v>0</v>
      </c>
      <c r="N1499" s="166">
        <v>0</v>
      </c>
      <c r="O1499" s="166">
        <v>0</v>
      </c>
      <c r="P1499" s="166">
        <v>0</v>
      </c>
      <c r="Q1499" s="166">
        <v>0</v>
      </c>
      <c r="R1499" s="166">
        <v>0</v>
      </c>
      <c r="S1499" s="166">
        <v>0</v>
      </c>
      <c r="T1499" s="166">
        <v>0</v>
      </c>
      <c r="U1499" s="166">
        <v>0</v>
      </c>
      <c r="V1499" s="166">
        <v>0</v>
      </c>
      <c r="W1499" s="166">
        <v>0</v>
      </c>
      <c r="X1499" s="166">
        <v>0</v>
      </c>
      <c r="Y1499" s="166">
        <v>0</v>
      </c>
      <c r="Z1499" s="166">
        <v>0</v>
      </c>
      <c r="AA1499" s="166">
        <v>0</v>
      </c>
      <c r="AB1499" s="166">
        <v>0</v>
      </c>
      <c r="AC1499" s="166">
        <v>0</v>
      </c>
      <c r="AD1499" s="166">
        <v>0</v>
      </c>
      <c r="AE1499" s="166">
        <v>0</v>
      </c>
      <c r="AF1499" s="166">
        <v>0</v>
      </c>
      <c r="AG1499" s="166">
        <v>0</v>
      </c>
      <c r="AH1499" s="166">
        <v>0</v>
      </c>
      <c r="AI1499" s="166">
        <v>0</v>
      </c>
      <c r="AJ1499" s="166">
        <v>0</v>
      </c>
      <c r="AK1499" s="166">
        <v>0</v>
      </c>
      <c r="AL1499" s="166">
        <v>0</v>
      </c>
      <c r="AM1499" s="166">
        <v>0</v>
      </c>
      <c r="AN1499" s="166">
        <v>0</v>
      </c>
      <c r="AO1499" s="166">
        <v>0</v>
      </c>
      <c r="AP1499" s="166">
        <v>0</v>
      </c>
      <c r="AQ1499" s="166">
        <v>0</v>
      </c>
      <c r="AR1499" s="166">
        <v>0</v>
      </c>
      <c r="AS1499" s="166">
        <v>0</v>
      </c>
      <c r="AT1499" s="166">
        <v>0</v>
      </c>
      <c r="AU1499" s="166">
        <v>0</v>
      </c>
      <c r="AV1499" s="166">
        <v>0</v>
      </c>
      <c r="AW1499" s="166">
        <v>0</v>
      </c>
      <c r="AX1499" s="166">
        <v>0</v>
      </c>
      <c r="AY1499" s="166">
        <v>0</v>
      </c>
      <c r="AZ1499" s="166">
        <v>0</v>
      </c>
      <c r="BA1499" s="166">
        <v>0</v>
      </c>
      <c r="BB1499" s="166">
        <v>0</v>
      </c>
      <c r="BC1499" s="166">
        <v>0</v>
      </c>
      <c r="BD1499" s="166">
        <v>0</v>
      </c>
      <c r="BE1499" s="166">
        <v>0</v>
      </c>
      <c r="BF1499" s="166">
        <v>0</v>
      </c>
      <c r="BG1499" s="166">
        <v>0</v>
      </c>
      <c r="BH1499" s="166">
        <v>0</v>
      </c>
      <c r="BI1499" s="166">
        <v>0</v>
      </c>
      <c r="BJ1499" s="166">
        <v>0</v>
      </c>
      <c r="BK1499" s="166">
        <v>0</v>
      </c>
      <c r="BL1499" s="166">
        <v>0</v>
      </c>
      <c r="BM1499" s="166">
        <v>0</v>
      </c>
      <c r="BN1499" s="166">
        <v>0</v>
      </c>
      <c r="BO1499" s="166">
        <v>0</v>
      </c>
      <c r="BP1499" s="166">
        <v>0</v>
      </c>
      <c r="BQ1499" s="166">
        <v>0</v>
      </c>
      <c r="BR1499" s="166">
        <v>0</v>
      </c>
      <c r="BS1499" s="166">
        <v>0</v>
      </c>
      <c r="BT1499" s="168">
        <v>1</v>
      </c>
      <c r="BU1499" s="166">
        <v>0</v>
      </c>
      <c r="BV1499" s="166">
        <v>0</v>
      </c>
      <c r="BW1499" s="166">
        <v>0</v>
      </c>
      <c r="BX1499" s="166">
        <v>0</v>
      </c>
      <c r="BY1499" s="166">
        <v>0</v>
      </c>
      <c r="BZ1499" s="166">
        <v>0</v>
      </c>
      <c r="CA1499" s="166">
        <v>0</v>
      </c>
      <c r="CB1499" s="166">
        <v>0</v>
      </c>
      <c r="CC1499" s="166">
        <v>0</v>
      </c>
      <c r="CD1499" s="166">
        <v>0</v>
      </c>
      <c r="CE1499" s="166">
        <v>0</v>
      </c>
      <c r="CF1499" s="166">
        <v>0</v>
      </c>
      <c r="CG1499" s="166">
        <v>0</v>
      </c>
      <c r="CH1499" s="166">
        <v>0</v>
      </c>
      <c r="CI1499" s="166">
        <v>0</v>
      </c>
      <c r="CJ1499" s="166">
        <v>0</v>
      </c>
      <c r="CK1499" s="166">
        <v>0</v>
      </c>
      <c r="CL1499" s="166">
        <v>0</v>
      </c>
      <c r="CM1499" s="166">
        <v>0</v>
      </c>
      <c r="CN1499" s="166">
        <v>0</v>
      </c>
      <c r="CO1499" s="166">
        <v>0</v>
      </c>
      <c r="CP1499" s="166">
        <v>0</v>
      </c>
      <c r="CQ1499" s="166">
        <v>0</v>
      </c>
      <c r="CR1499" s="166">
        <v>0</v>
      </c>
      <c r="CS1499" s="166">
        <v>0</v>
      </c>
      <c r="CT1499" s="166">
        <v>0</v>
      </c>
      <c r="CU1499" s="166">
        <v>0</v>
      </c>
      <c r="CV1499" s="166">
        <v>0</v>
      </c>
      <c r="CW1499" s="166">
        <v>0</v>
      </c>
      <c r="CX1499" s="166">
        <v>0</v>
      </c>
      <c r="CY1499" s="166">
        <v>0</v>
      </c>
      <c r="CZ1499" s="166">
        <v>0</v>
      </c>
    </row>
    <row r="1500" spans="1:104" x14ac:dyDescent="0.2">
      <c r="A1500" s="170" t="s">
        <v>467</v>
      </c>
      <c r="B1500" s="166">
        <v>11630821.287941299</v>
      </c>
      <c r="C1500" s="166">
        <v>11630821.287941299</v>
      </c>
      <c r="D1500" s="166">
        <v>0</v>
      </c>
      <c r="E1500" s="166">
        <v>0</v>
      </c>
      <c r="F1500" s="166">
        <v>0</v>
      </c>
      <c r="G1500" s="166">
        <v>0</v>
      </c>
      <c r="H1500" s="166">
        <v>0</v>
      </c>
      <c r="I1500" s="166">
        <v>0</v>
      </c>
      <c r="J1500" s="166">
        <v>0</v>
      </c>
      <c r="K1500" s="166">
        <v>0</v>
      </c>
      <c r="L1500" s="166">
        <v>0</v>
      </c>
      <c r="M1500" s="166">
        <v>0</v>
      </c>
      <c r="N1500" s="166">
        <v>0</v>
      </c>
      <c r="O1500" s="166">
        <v>0</v>
      </c>
      <c r="P1500" s="166">
        <v>0</v>
      </c>
      <c r="Q1500" s="166">
        <v>0</v>
      </c>
      <c r="R1500" s="166">
        <v>0</v>
      </c>
      <c r="S1500" s="166">
        <v>0</v>
      </c>
      <c r="T1500" s="166">
        <v>0</v>
      </c>
      <c r="U1500" s="166">
        <v>-11630821.287941299</v>
      </c>
      <c r="V1500" s="166">
        <v>0</v>
      </c>
      <c r="W1500" s="166">
        <v>0</v>
      </c>
      <c r="X1500" s="166">
        <v>0</v>
      </c>
      <c r="Y1500" s="166">
        <v>0</v>
      </c>
      <c r="Z1500" s="166">
        <v>0</v>
      </c>
      <c r="AA1500" s="166">
        <v>0</v>
      </c>
      <c r="AB1500" s="166">
        <v>0</v>
      </c>
      <c r="AC1500" s="166">
        <v>0</v>
      </c>
      <c r="AD1500" s="166">
        <v>0</v>
      </c>
      <c r="AE1500" s="166">
        <v>0</v>
      </c>
      <c r="AF1500" s="166">
        <v>0</v>
      </c>
      <c r="AG1500" s="166">
        <v>0</v>
      </c>
      <c r="AH1500" s="166">
        <v>0</v>
      </c>
      <c r="AI1500" s="166">
        <v>0</v>
      </c>
      <c r="AJ1500" s="166">
        <v>0</v>
      </c>
      <c r="AK1500" s="166">
        <v>0</v>
      </c>
      <c r="AL1500" s="166">
        <v>0</v>
      </c>
      <c r="AM1500" s="166">
        <v>0</v>
      </c>
      <c r="AN1500" s="166">
        <v>0</v>
      </c>
      <c r="AO1500" s="166">
        <v>0</v>
      </c>
      <c r="AP1500" s="166">
        <v>0</v>
      </c>
      <c r="AQ1500" s="166">
        <v>0</v>
      </c>
      <c r="AR1500" s="166">
        <v>0</v>
      </c>
      <c r="AS1500" s="166">
        <v>0</v>
      </c>
      <c r="AT1500" s="166">
        <v>0</v>
      </c>
      <c r="AU1500" s="166">
        <v>0</v>
      </c>
      <c r="AV1500" s="166">
        <v>0</v>
      </c>
      <c r="AW1500" s="166">
        <v>0</v>
      </c>
      <c r="AX1500" s="166">
        <v>0</v>
      </c>
      <c r="AY1500" s="166">
        <v>0</v>
      </c>
      <c r="AZ1500" s="166">
        <v>0</v>
      </c>
      <c r="BA1500" s="166">
        <v>0</v>
      </c>
      <c r="BB1500" s="166">
        <v>0</v>
      </c>
      <c r="BC1500" s="166">
        <v>0</v>
      </c>
      <c r="BD1500" s="166">
        <v>0</v>
      </c>
      <c r="BE1500" s="166">
        <v>0</v>
      </c>
      <c r="BF1500" s="166">
        <v>0</v>
      </c>
      <c r="BG1500" s="166">
        <v>0</v>
      </c>
      <c r="BH1500" s="166">
        <v>0</v>
      </c>
      <c r="BI1500" s="166">
        <v>-11630821.287941299</v>
      </c>
      <c r="BJ1500" s="166">
        <v>0</v>
      </c>
      <c r="BK1500" s="166">
        <v>0</v>
      </c>
      <c r="BL1500" s="166">
        <v>0</v>
      </c>
      <c r="BM1500" s="166">
        <v>0</v>
      </c>
      <c r="BN1500" s="166">
        <v>0</v>
      </c>
      <c r="BO1500" s="166">
        <v>0</v>
      </c>
      <c r="BP1500" s="166">
        <v>0</v>
      </c>
      <c r="BQ1500" s="166">
        <v>0</v>
      </c>
      <c r="BR1500" s="166">
        <v>927746452.82571399</v>
      </c>
      <c r="BS1500" s="166">
        <v>0</v>
      </c>
      <c r="BT1500" s="168">
        <v>0</v>
      </c>
      <c r="BU1500" s="166">
        <v>897687.57735357597</v>
      </c>
      <c r="BV1500" s="166">
        <v>11630778.9645609</v>
      </c>
      <c r="BW1500" s="166">
        <v>0</v>
      </c>
      <c r="BX1500" s="166">
        <v>0</v>
      </c>
      <c r="BY1500" s="166">
        <v>0</v>
      </c>
      <c r="BZ1500" s="166">
        <v>0</v>
      </c>
      <c r="CA1500" s="166">
        <v>0</v>
      </c>
      <c r="CB1500" s="166">
        <v>-11630778.9645609</v>
      </c>
      <c r="CC1500" s="166">
        <v>0</v>
      </c>
      <c r="CD1500" s="166">
        <v>0</v>
      </c>
      <c r="CE1500" s="166">
        <v>0</v>
      </c>
      <c r="CF1500" s="166">
        <v>0</v>
      </c>
      <c r="CG1500" s="166">
        <v>0</v>
      </c>
      <c r="CH1500" s="166">
        <v>0</v>
      </c>
      <c r="CI1500" s="166">
        <v>0</v>
      </c>
      <c r="CJ1500" s="166">
        <v>0</v>
      </c>
      <c r="CK1500" s="166">
        <v>0</v>
      </c>
      <c r="CL1500" s="166">
        <v>0</v>
      </c>
      <c r="CM1500" s="166">
        <v>0</v>
      </c>
      <c r="CN1500" s="166">
        <v>0</v>
      </c>
      <c r="CO1500" s="166">
        <v>0</v>
      </c>
      <c r="CP1500" s="166">
        <v>-11630778.9645609</v>
      </c>
      <c r="CQ1500" s="166">
        <v>0</v>
      </c>
      <c r="CR1500" s="166">
        <v>0</v>
      </c>
      <c r="CS1500" s="166">
        <v>0</v>
      </c>
      <c r="CT1500" s="166">
        <v>0</v>
      </c>
      <c r="CU1500" s="166">
        <v>0</v>
      </c>
      <c r="CV1500" s="166">
        <v>0</v>
      </c>
      <c r="CW1500" s="166">
        <v>0</v>
      </c>
      <c r="CX1500" s="166">
        <v>0</v>
      </c>
      <c r="CY1500" s="166">
        <v>0</v>
      </c>
      <c r="CZ1500" s="166">
        <v>0</v>
      </c>
    </row>
    <row r="1501" spans="1:104" x14ac:dyDescent="0.2">
      <c r="A1501" s="167" t="s">
        <v>468</v>
      </c>
    </row>
    <row r="1502" spans="1:104" x14ac:dyDescent="0.2">
      <c r="A1502" s="167" t="s">
        <v>469</v>
      </c>
      <c r="B1502" s="166">
        <v>8836452.8399999999</v>
      </c>
      <c r="C1502" s="166">
        <v>8836452.8399999999</v>
      </c>
      <c r="D1502" s="166">
        <v>0</v>
      </c>
      <c r="E1502" s="166">
        <v>0</v>
      </c>
      <c r="F1502" s="166">
        <v>0</v>
      </c>
      <c r="G1502" s="166">
        <v>0</v>
      </c>
      <c r="H1502" s="166">
        <v>0</v>
      </c>
      <c r="I1502" s="166">
        <v>0</v>
      </c>
      <c r="J1502" s="166">
        <v>0</v>
      </c>
      <c r="K1502" s="166">
        <v>0</v>
      </c>
      <c r="L1502" s="166">
        <v>0</v>
      </c>
      <c r="M1502" s="166">
        <v>0</v>
      </c>
      <c r="N1502" s="166">
        <v>0</v>
      </c>
      <c r="O1502" s="166">
        <v>0</v>
      </c>
      <c r="P1502" s="166">
        <v>0</v>
      </c>
      <c r="Q1502" s="166">
        <v>0</v>
      </c>
      <c r="R1502" s="166">
        <v>0</v>
      </c>
      <c r="S1502" s="166">
        <v>0</v>
      </c>
      <c r="T1502" s="166">
        <v>0</v>
      </c>
      <c r="U1502" s="166">
        <v>0</v>
      </c>
      <c r="V1502" s="166">
        <v>0</v>
      </c>
      <c r="W1502" s="166">
        <v>0</v>
      </c>
      <c r="X1502" s="166">
        <v>0</v>
      </c>
      <c r="Y1502" s="166">
        <v>0</v>
      </c>
      <c r="Z1502" s="166">
        <v>0</v>
      </c>
      <c r="AA1502" s="166">
        <v>0</v>
      </c>
      <c r="AB1502" s="166">
        <v>0</v>
      </c>
      <c r="AC1502" s="166">
        <v>0</v>
      </c>
      <c r="AD1502" s="166">
        <v>0</v>
      </c>
      <c r="AE1502" s="166">
        <v>0</v>
      </c>
      <c r="AF1502" s="166">
        <v>0</v>
      </c>
      <c r="AG1502" s="166">
        <v>0</v>
      </c>
      <c r="AH1502" s="166">
        <v>0</v>
      </c>
      <c r="AI1502" s="166">
        <v>0</v>
      </c>
      <c r="AJ1502" s="166">
        <v>0</v>
      </c>
      <c r="AK1502" s="166">
        <v>0</v>
      </c>
      <c r="AL1502" s="166">
        <v>0</v>
      </c>
      <c r="AM1502" s="166">
        <v>0</v>
      </c>
      <c r="AN1502" s="166">
        <v>0</v>
      </c>
      <c r="AO1502" s="166">
        <v>0</v>
      </c>
      <c r="AP1502" s="166">
        <v>0</v>
      </c>
      <c r="AQ1502" s="166">
        <v>0</v>
      </c>
      <c r="AR1502" s="166">
        <v>0</v>
      </c>
      <c r="AS1502" s="166">
        <v>0</v>
      </c>
      <c r="AT1502" s="166">
        <v>0</v>
      </c>
      <c r="AU1502" s="166">
        <v>0</v>
      </c>
      <c r="AV1502" s="166">
        <v>0</v>
      </c>
      <c r="AW1502" s="166">
        <v>0</v>
      </c>
      <c r="AX1502" s="166">
        <v>0</v>
      </c>
      <c r="AY1502" s="166">
        <v>-8836452.8399999999</v>
      </c>
      <c r="AZ1502" s="166">
        <v>0</v>
      </c>
      <c r="BA1502" s="166">
        <v>0</v>
      </c>
      <c r="BB1502" s="166">
        <v>0</v>
      </c>
      <c r="BC1502" s="166">
        <v>0</v>
      </c>
      <c r="BD1502" s="166">
        <v>0</v>
      </c>
      <c r="BE1502" s="166">
        <v>0</v>
      </c>
      <c r="BF1502" s="166">
        <v>0</v>
      </c>
      <c r="BG1502" s="166">
        <v>0</v>
      </c>
      <c r="BH1502" s="166">
        <v>0</v>
      </c>
      <c r="BI1502" s="166">
        <v>0</v>
      </c>
      <c r="BJ1502" s="166">
        <v>0</v>
      </c>
      <c r="BK1502" s="166">
        <v>0</v>
      </c>
      <c r="BL1502" s="166">
        <v>0</v>
      </c>
      <c r="BM1502" s="166">
        <v>0</v>
      </c>
      <c r="BN1502" s="166">
        <v>0</v>
      </c>
      <c r="BO1502" s="166">
        <v>0</v>
      </c>
      <c r="BP1502" s="166">
        <v>-8836452.8399999999</v>
      </c>
      <c r="BQ1502" s="166">
        <v>0</v>
      </c>
      <c r="BR1502" s="166">
        <v>8836452.8399999999</v>
      </c>
      <c r="BS1502" s="166">
        <v>0</v>
      </c>
      <c r="BT1502" s="168">
        <v>0.70897047844185501</v>
      </c>
      <c r="BU1502" s="166">
        <v>522065.34980864101</v>
      </c>
      <c r="BV1502" s="166">
        <v>6264784.1977036903</v>
      </c>
      <c r="BW1502" s="166">
        <v>0</v>
      </c>
      <c r="BX1502" s="166">
        <v>0</v>
      </c>
      <c r="BY1502" s="166">
        <v>0</v>
      </c>
      <c r="BZ1502" s="166">
        <v>0</v>
      </c>
      <c r="CA1502" s="166">
        <v>0</v>
      </c>
      <c r="CB1502" s="166">
        <v>0</v>
      </c>
      <c r="CC1502" s="166">
        <v>0</v>
      </c>
      <c r="CD1502" s="166">
        <v>0</v>
      </c>
      <c r="CE1502" s="166">
        <v>0</v>
      </c>
      <c r="CF1502" s="166">
        <v>0</v>
      </c>
      <c r="CG1502" s="166">
        <v>0</v>
      </c>
      <c r="CH1502" s="166">
        <v>0</v>
      </c>
      <c r="CI1502" s="166">
        <v>-6264784.1977036903</v>
      </c>
      <c r="CJ1502" s="166">
        <v>0</v>
      </c>
      <c r="CK1502" s="166">
        <v>0</v>
      </c>
      <c r="CL1502" s="166">
        <v>0</v>
      </c>
      <c r="CM1502" s="166">
        <v>0</v>
      </c>
      <c r="CN1502" s="166">
        <v>0</v>
      </c>
      <c r="CO1502" s="166">
        <v>0</v>
      </c>
      <c r="CP1502" s="166">
        <v>0</v>
      </c>
      <c r="CQ1502" s="166">
        <v>0</v>
      </c>
      <c r="CR1502" s="166">
        <v>0</v>
      </c>
      <c r="CS1502" s="166">
        <v>0</v>
      </c>
      <c r="CT1502" s="166">
        <v>0</v>
      </c>
      <c r="CU1502" s="166">
        <v>0</v>
      </c>
      <c r="CV1502" s="166">
        <v>0</v>
      </c>
      <c r="CW1502" s="166">
        <v>-6264784.1977036903</v>
      </c>
      <c r="CX1502" s="166">
        <v>0</v>
      </c>
      <c r="CY1502" s="166">
        <v>0</v>
      </c>
      <c r="CZ1502" s="166">
        <v>0</v>
      </c>
    </row>
    <row r="1503" spans="1:104" x14ac:dyDescent="0.2">
      <c r="A1503" s="167" t="s">
        <v>470</v>
      </c>
      <c r="B1503" s="166">
        <v>50648786.280000001</v>
      </c>
      <c r="C1503" s="166">
        <v>50648786.280000001</v>
      </c>
      <c r="D1503" s="166">
        <v>0</v>
      </c>
      <c r="E1503" s="166">
        <v>0</v>
      </c>
      <c r="F1503" s="166">
        <v>0</v>
      </c>
      <c r="G1503" s="166">
        <v>0</v>
      </c>
      <c r="H1503" s="166">
        <v>0</v>
      </c>
      <c r="I1503" s="166">
        <v>0</v>
      </c>
      <c r="J1503" s="166">
        <v>0</v>
      </c>
      <c r="K1503" s="166">
        <v>0</v>
      </c>
      <c r="L1503" s="166">
        <v>0</v>
      </c>
      <c r="M1503" s="166">
        <v>0</v>
      </c>
      <c r="N1503" s="166">
        <v>0</v>
      </c>
      <c r="O1503" s="166">
        <v>0</v>
      </c>
      <c r="P1503" s="166">
        <v>0</v>
      </c>
      <c r="Q1503" s="166">
        <v>0</v>
      </c>
      <c r="R1503" s="166">
        <v>0</v>
      </c>
      <c r="S1503" s="166">
        <v>0</v>
      </c>
      <c r="T1503" s="166">
        <v>0</v>
      </c>
      <c r="U1503" s="166">
        <v>0</v>
      </c>
      <c r="V1503" s="166">
        <v>0</v>
      </c>
      <c r="W1503" s="166">
        <v>0</v>
      </c>
      <c r="X1503" s="166">
        <v>0</v>
      </c>
      <c r="Y1503" s="166">
        <v>0</v>
      </c>
      <c r="Z1503" s="166">
        <v>0</v>
      </c>
      <c r="AA1503" s="166">
        <v>0</v>
      </c>
      <c r="AB1503" s="166">
        <v>0</v>
      </c>
      <c r="AC1503" s="166">
        <v>0</v>
      </c>
      <c r="AD1503" s="166">
        <v>0</v>
      </c>
      <c r="AE1503" s="166">
        <v>0</v>
      </c>
      <c r="AF1503" s="166">
        <v>0</v>
      </c>
      <c r="AG1503" s="166">
        <v>0</v>
      </c>
      <c r="AH1503" s="166">
        <v>0</v>
      </c>
      <c r="AI1503" s="166">
        <v>0</v>
      </c>
      <c r="AJ1503" s="166">
        <v>0</v>
      </c>
      <c r="AK1503" s="166">
        <v>0</v>
      </c>
      <c r="AL1503" s="166">
        <v>0</v>
      </c>
      <c r="AM1503" s="166">
        <v>0</v>
      </c>
      <c r="AN1503" s="166">
        <v>0</v>
      </c>
      <c r="AO1503" s="166">
        <v>0</v>
      </c>
      <c r="AP1503" s="166">
        <v>0</v>
      </c>
      <c r="AQ1503" s="166">
        <v>0</v>
      </c>
      <c r="AR1503" s="166">
        <v>0</v>
      </c>
      <c r="AS1503" s="166">
        <v>0</v>
      </c>
      <c r="AT1503" s="166">
        <v>0</v>
      </c>
      <c r="AU1503" s="166">
        <v>0</v>
      </c>
      <c r="AV1503" s="166">
        <v>0</v>
      </c>
      <c r="AW1503" s="166">
        <v>0</v>
      </c>
      <c r="AX1503" s="166">
        <v>0</v>
      </c>
      <c r="AY1503" s="166">
        <v>-50648786.280000001</v>
      </c>
      <c r="AZ1503" s="166">
        <v>0</v>
      </c>
      <c r="BA1503" s="166">
        <v>0</v>
      </c>
      <c r="BB1503" s="166">
        <v>0</v>
      </c>
      <c r="BC1503" s="166">
        <v>0</v>
      </c>
      <c r="BD1503" s="166">
        <v>0</v>
      </c>
      <c r="BE1503" s="166">
        <v>0</v>
      </c>
      <c r="BF1503" s="166">
        <v>0</v>
      </c>
      <c r="BG1503" s="166">
        <v>0</v>
      </c>
      <c r="BH1503" s="166">
        <v>0</v>
      </c>
      <c r="BI1503" s="166">
        <v>0</v>
      </c>
      <c r="BJ1503" s="166">
        <v>0</v>
      </c>
      <c r="BK1503" s="166">
        <v>0</v>
      </c>
      <c r="BL1503" s="166">
        <v>0</v>
      </c>
      <c r="BM1503" s="166">
        <v>0</v>
      </c>
      <c r="BN1503" s="166">
        <v>0</v>
      </c>
      <c r="BO1503" s="166">
        <v>0</v>
      </c>
      <c r="BP1503" s="166">
        <v>-50648786.280000001</v>
      </c>
      <c r="BQ1503" s="166">
        <v>0</v>
      </c>
      <c r="BR1503" s="166">
        <v>50648786.280000001</v>
      </c>
      <c r="BS1503" s="166">
        <v>0</v>
      </c>
      <c r="BT1503" s="168">
        <v>1</v>
      </c>
      <c r="BU1503" s="166">
        <v>4220732.1900000004</v>
      </c>
      <c r="BV1503" s="166">
        <v>50648786.280000001</v>
      </c>
      <c r="BW1503" s="166">
        <v>0</v>
      </c>
      <c r="BX1503" s="166">
        <v>0</v>
      </c>
      <c r="BY1503" s="166">
        <v>0</v>
      </c>
      <c r="BZ1503" s="166">
        <v>0</v>
      </c>
      <c r="CA1503" s="166">
        <v>0</v>
      </c>
      <c r="CB1503" s="166">
        <v>0</v>
      </c>
      <c r="CC1503" s="166">
        <v>0</v>
      </c>
      <c r="CD1503" s="166">
        <v>0</v>
      </c>
      <c r="CE1503" s="166">
        <v>0</v>
      </c>
      <c r="CF1503" s="166">
        <v>0</v>
      </c>
      <c r="CG1503" s="166">
        <v>0</v>
      </c>
      <c r="CH1503" s="166">
        <v>0</v>
      </c>
      <c r="CI1503" s="166">
        <v>-50648786.280000001</v>
      </c>
      <c r="CJ1503" s="166">
        <v>0</v>
      </c>
      <c r="CK1503" s="166">
        <v>0</v>
      </c>
      <c r="CL1503" s="166">
        <v>0</v>
      </c>
      <c r="CM1503" s="166">
        <v>0</v>
      </c>
      <c r="CN1503" s="166">
        <v>0</v>
      </c>
      <c r="CO1503" s="166">
        <v>0</v>
      </c>
      <c r="CP1503" s="166">
        <v>0</v>
      </c>
      <c r="CQ1503" s="166">
        <v>0</v>
      </c>
      <c r="CR1503" s="166">
        <v>0</v>
      </c>
      <c r="CS1503" s="166">
        <v>0</v>
      </c>
      <c r="CT1503" s="166">
        <v>0</v>
      </c>
      <c r="CU1503" s="166">
        <v>0</v>
      </c>
      <c r="CV1503" s="166">
        <v>0</v>
      </c>
      <c r="CW1503" s="166">
        <v>-50648786.280000001</v>
      </c>
      <c r="CX1503" s="166">
        <v>0</v>
      </c>
      <c r="CY1503" s="166">
        <v>0</v>
      </c>
      <c r="CZ1503" s="166">
        <v>0</v>
      </c>
    </row>
    <row r="1504" spans="1:104" x14ac:dyDescent="0.2">
      <c r="A1504" s="170" t="s">
        <v>471</v>
      </c>
      <c r="B1504" s="166">
        <v>59485239.119999997</v>
      </c>
      <c r="C1504" s="166">
        <v>59485239.119999997</v>
      </c>
      <c r="D1504" s="166">
        <v>0</v>
      </c>
      <c r="E1504" s="166">
        <v>0</v>
      </c>
      <c r="F1504" s="166">
        <v>0</v>
      </c>
      <c r="G1504" s="166">
        <v>0</v>
      </c>
      <c r="H1504" s="166">
        <v>0</v>
      </c>
      <c r="I1504" s="166">
        <v>0</v>
      </c>
      <c r="J1504" s="166">
        <v>0</v>
      </c>
      <c r="K1504" s="166">
        <v>0</v>
      </c>
      <c r="L1504" s="166">
        <v>0</v>
      </c>
      <c r="M1504" s="166">
        <v>0</v>
      </c>
      <c r="N1504" s="166">
        <v>0</v>
      </c>
      <c r="O1504" s="166">
        <v>0</v>
      </c>
      <c r="P1504" s="166">
        <v>0</v>
      </c>
      <c r="Q1504" s="166">
        <v>0</v>
      </c>
      <c r="R1504" s="166">
        <v>0</v>
      </c>
      <c r="S1504" s="166">
        <v>0</v>
      </c>
      <c r="T1504" s="166">
        <v>0</v>
      </c>
      <c r="U1504" s="166">
        <v>0</v>
      </c>
      <c r="V1504" s="166">
        <v>0</v>
      </c>
      <c r="W1504" s="166">
        <v>0</v>
      </c>
      <c r="X1504" s="166">
        <v>0</v>
      </c>
      <c r="Y1504" s="166">
        <v>0</v>
      </c>
      <c r="Z1504" s="166">
        <v>0</v>
      </c>
      <c r="AA1504" s="166">
        <v>0</v>
      </c>
      <c r="AB1504" s="166">
        <v>0</v>
      </c>
      <c r="AC1504" s="166">
        <v>0</v>
      </c>
      <c r="AD1504" s="166">
        <v>0</v>
      </c>
      <c r="AE1504" s="166">
        <v>0</v>
      </c>
      <c r="AF1504" s="166">
        <v>0</v>
      </c>
      <c r="AG1504" s="166">
        <v>0</v>
      </c>
      <c r="AH1504" s="166">
        <v>0</v>
      </c>
      <c r="AI1504" s="166">
        <v>0</v>
      </c>
      <c r="AJ1504" s="166">
        <v>0</v>
      </c>
      <c r="AK1504" s="166">
        <v>0</v>
      </c>
      <c r="AL1504" s="166">
        <v>0</v>
      </c>
      <c r="AM1504" s="166">
        <v>0</v>
      </c>
      <c r="AN1504" s="166">
        <v>0</v>
      </c>
      <c r="AO1504" s="166">
        <v>0</v>
      </c>
      <c r="AP1504" s="166">
        <v>0</v>
      </c>
      <c r="AQ1504" s="166">
        <v>0</v>
      </c>
      <c r="AR1504" s="166">
        <v>0</v>
      </c>
      <c r="AS1504" s="166">
        <v>0</v>
      </c>
      <c r="AT1504" s="166">
        <v>0</v>
      </c>
      <c r="AU1504" s="166">
        <v>0</v>
      </c>
      <c r="AV1504" s="166">
        <v>0</v>
      </c>
      <c r="AW1504" s="166">
        <v>0</v>
      </c>
      <c r="AX1504" s="166">
        <v>0</v>
      </c>
      <c r="AY1504" s="166">
        <v>-59485239.119999997</v>
      </c>
      <c r="AZ1504" s="166">
        <v>0</v>
      </c>
      <c r="BA1504" s="166">
        <v>0</v>
      </c>
      <c r="BB1504" s="166">
        <v>0</v>
      </c>
      <c r="BC1504" s="166">
        <v>0</v>
      </c>
      <c r="BD1504" s="166">
        <v>0</v>
      </c>
      <c r="BE1504" s="166">
        <v>0</v>
      </c>
      <c r="BF1504" s="166">
        <v>0</v>
      </c>
      <c r="BG1504" s="166">
        <v>0</v>
      </c>
      <c r="BH1504" s="166">
        <v>0</v>
      </c>
      <c r="BI1504" s="166">
        <v>0</v>
      </c>
      <c r="BJ1504" s="166">
        <v>0</v>
      </c>
      <c r="BK1504" s="166">
        <v>0</v>
      </c>
      <c r="BL1504" s="166">
        <v>0</v>
      </c>
      <c r="BM1504" s="166">
        <v>0</v>
      </c>
      <c r="BN1504" s="166">
        <v>0</v>
      </c>
      <c r="BO1504" s="166">
        <v>0</v>
      </c>
      <c r="BP1504" s="166">
        <v>-59485239.119999997</v>
      </c>
      <c r="BQ1504" s="166">
        <v>0</v>
      </c>
      <c r="BR1504" s="166">
        <v>59485239.119999997</v>
      </c>
      <c r="BS1504" s="166">
        <v>0</v>
      </c>
      <c r="BT1504" s="168">
        <v>0</v>
      </c>
      <c r="BU1504" s="166">
        <v>4742797.5398086403</v>
      </c>
      <c r="BV1504" s="166">
        <v>56913570.477703698</v>
      </c>
      <c r="BW1504" s="166">
        <v>0</v>
      </c>
      <c r="BX1504" s="166">
        <v>0</v>
      </c>
      <c r="BY1504" s="166">
        <v>0</v>
      </c>
      <c r="BZ1504" s="166">
        <v>0</v>
      </c>
      <c r="CA1504" s="166">
        <v>0</v>
      </c>
      <c r="CB1504" s="166">
        <v>0</v>
      </c>
      <c r="CC1504" s="166">
        <v>0</v>
      </c>
      <c r="CD1504" s="166">
        <v>0</v>
      </c>
      <c r="CE1504" s="166">
        <v>0</v>
      </c>
      <c r="CF1504" s="166">
        <v>0</v>
      </c>
      <c r="CG1504" s="166">
        <v>0</v>
      </c>
      <c r="CH1504" s="166">
        <v>0</v>
      </c>
      <c r="CI1504" s="166">
        <v>-56913570.477703698</v>
      </c>
      <c r="CJ1504" s="166">
        <v>0</v>
      </c>
      <c r="CK1504" s="166">
        <v>0</v>
      </c>
      <c r="CL1504" s="166">
        <v>0</v>
      </c>
      <c r="CM1504" s="166">
        <v>0</v>
      </c>
      <c r="CN1504" s="166">
        <v>0</v>
      </c>
      <c r="CO1504" s="166">
        <v>0</v>
      </c>
      <c r="CP1504" s="166">
        <v>0</v>
      </c>
      <c r="CQ1504" s="166">
        <v>0</v>
      </c>
      <c r="CR1504" s="166">
        <v>0</v>
      </c>
      <c r="CS1504" s="166">
        <v>0</v>
      </c>
      <c r="CT1504" s="166">
        <v>0</v>
      </c>
      <c r="CU1504" s="166">
        <v>0</v>
      </c>
      <c r="CV1504" s="166">
        <v>0</v>
      </c>
      <c r="CW1504" s="166">
        <v>-56913570.477703698</v>
      </c>
      <c r="CX1504" s="166">
        <v>0</v>
      </c>
      <c r="CY1504" s="166">
        <v>0</v>
      </c>
      <c r="CZ1504" s="166">
        <v>0</v>
      </c>
    </row>
    <row r="1505" spans="1:104" x14ac:dyDescent="0.2">
      <c r="A1505" s="167" t="s">
        <v>472</v>
      </c>
    </row>
    <row r="1506" spans="1:104" x14ac:dyDescent="0.2">
      <c r="A1506" s="170" t="s">
        <v>473</v>
      </c>
      <c r="B1506" s="166">
        <v>802158339.67285705</v>
      </c>
      <c r="C1506" s="166">
        <v>802158339.67285705</v>
      </c>
      <c r="D1506" s="166">
        <v>0</v>
      </c>
      <c r="E1506" s="166">
        <v>0</v>
      </c>
      <c r="F1506" s="166">
        <v>0</v>
      </c>
      <c r="G1506" s="166">
        <v>0</v>
      </c>
      <c r="H1506" s="166">
        <v>0</v>
      </c>
      <c r="I1506" s="166">
        <v>0</v>
      </c>
      <c r="J1506" s="166">
        <v>0</v>
      </c>
      <c r="K1506" s="166">
        <v>0</v>
      </c>
      <c r="L1506" s="166">
        <v>0</v>
      </c>
      <c r="M1506" s="166">
        <v>0</v>
      </c>
      <c r="N1506" s="166">
        <v>0</v>
      </c>
      <c r="O1506" s="166">
        <v>0</v>
      </c>
      <c r="P1506" s="166">
        <v>0</v>
      </c>
      <c r="Q1506" s="166">
        <v>0</v>
      </c>
      <c r="R1506" s="166">
        <v>-114962556.974999</v>
      </c>
      <c r="S1506" s="166">
        <v>0</v>
      </c>
      <c r="T1506" s="166">
        <v>0</v>
      </c>
      <c r="U1506" s="166">
        <v>-11630821.287941299</v>
      </c>
      <c r="V1506" s="166">
        <v>0</v>
      </c>
      <c r="W1506" s="166">
        <v>0</v>
      </c>
      <c r="X1506" s="166">
        <v>0</v>
      </c>
      <c r="Y1506" s="166">
        <v>0</v>
      </c>
      <c r="Z1506" s="166">
        <v>0</v>
      </c>
      <c r="AA1506" s="166">
        <v>0</v>
      </c>
      <c r="AB1506" s="166">
        <v>0</v>
      </c>
      <c r="AC1506" s="166">
        <v>0</v>
      </c>
      <c r="AD1506" s="166">
        <v>0</v>
      </c>
      <c r="AE1506" s="166">
        <v>0</v>
      </c>
      <c r="AF1506" s="166">
        <v>0</v>
      </c>
      <c r="AG1506" s="166">
        <v>0</v>
      </c>
      <c r="AH1506" s="166">
        <v>0</v>
      </c>
      <c r="AI1506" s="166">
        <v>0</v>
      </c>
      <c r="AJ1506" s="166">
        <v>0</v>
      </c>
      <c r="AK1506" s="166">
        <v>0</v>
      </c>
      <c r="AL1506" s="166">
        <v>0</v>
      </c>
      <c r="AM1506" s="166">
        <v>0</v>
      </c>
      <c r="AN1506" s="166">
        <v>0</v>
      </c>
      <c r="AO1506" s="166">
        <v>0</v>
      </c>
      <c r="AP1506" s="166">
        <v>0</v>
      </c>
      <c r="AQ1506" s="166">
        <v>0</v>
      </c>
      <c r="AR1506" s="166">
        <v>0</v>
      </c>
      <c r="AS1506" s="166">
        <v>0</v>
      </c>
      <c r="AT1506" s="166">
        <v>0</v>
      </c>
      <c r="AU1506" s="166">
        <v>0</v>
      </c>
      <c r="AV1506" s="166">
        <v>0</v>
      </c>
      <c r="AW1506" s="166">
        <v>0</v>
      </c>
      <c r="AX1506" s="166">
        <v>-3964398.2872829898</v>
      </c>
      <c r="AY1506" s="166">
        <v>-59485239.119999997</v>
      </c>
      <c r="AZ1506" s="166">
        <v>0</v>
      </c>
      <c r="BA1506" s="166">
        <v>0</v>
      </c>
      <c r="BB1506" s="166">
        <v>0</v>
      </c>
      <c r="BC1506" s="166">
        <v>0</v>
      </c>
      <c r="BD1506" s="166">
        <v>0</v>
      </c>
      <c r="BE1506" s="166">
        <v>0</v>
      </c>
      <c r="BF1506" s="166">
        <v>0</v>
      </c>
      <c r="BG1506" s="166">
        <v>-114962556.974999</v>
      </c>
      <c r="BH1506" s="166">
        <v>0</v>
      </c>
      <c r="BI1506" s="166">
        <v>-11630821.287941299</v>
      </c>
      <c r="BJ1506" s="166">
        <v>0</v>
      </c>
      <c r="BK1506" s="166">
        <v>0</v>
      </c>
      <c r="BL1506" s="166">
        <v>0</v>
      </c>
      <c r="BM1506" s="166">
        <v>0</v>
      </c>
      <c r="BN1506" s="166">
        <v>0</v>
      </c>
      <c r="BO1506" s="166">
        <v>-3964398.2872829898</v>
      </c>
      <c r="BP1506" s="166">
        <v>-59485239.119999997</v>
      </c>
      <c r="BQ1506" s="166">
        <v>0</v>
      </c>
      <c r="BR1506" s="166">
        <v>802158339.67285705</v>
      </c>
      <c r="BS1506" s="166">
        <v>612115324.00263298</v>
      </c>
      <c r="BT1506" s="168">
        <v>0</v>
      </c>
      <c r="BU1506" s="166">
        <v>75531255.070841894</v>
      </c>
      <c r="BV1506" s="166">
        <v>782288601.47760606</v>
      </c>
      <c r="BW1506" s="166">
        <v>0</v>
      </c>
      <c r="BX1506" s="166">
        <v>0</v>
      </c>
      <c r="BY1506" s="166">
        <v>0</v>
      </c>
      <c r="BZ1506" s="166">
        <v>-114962556.974999</v>
      </c>
      <c r="CA1506" s="166">
        <v>0</v>
      </c>
      <c r="CB1506" s="166">
        <v>-11630778.9645609</v>
      </c>
      <c r="CC1506" s="166">
        <v>0</v>
      </c>
      <c r="CD1506" s="166">
        <v>0</v>
      </c>
      <c r="CE1506" s="166">
        <v>0</v>
      </c>
      <c r="CF1506" s="166">
        <v>0</v>
      </c>
      <c r="CG1506" s="166">
        <v>0</v>
      </c>
      <c r="CH1506" s="166">
        <v>-3964398.2872829898</v>
      </c>
      <c r="CI1506" s="166">
        <v>-56913570.477703698</v>
      </c>
      <c r="CJ1506" s="166">
        <v>0</v>
      </c>
      <c r="CK1506" s="166">
        <v>0</v>
      </c>
      <c r="CL1506" s="166">
        <v>0</v>
      </c>
      <c r="CM1506" s="166">
        <v>0</v>
      </c>
      <c r="CN1506" s="166">
        <v>-114962556.974999</v>
      </c>
      <c r="CO1506" s="166">
        <v>0</v>
      </c>
      <c r="CP1506" s="166">
        <v>-11630778.9645609</v>
      </c>
      <c r="CQ1506" s="166">
        <v>0</v>
      </c>
      <c r="CR1506" s="166">
        <v>0</v>
      </c>
      <c r="CS1506" s="166">
        <v>0</v>
      </c>
      <c r="CT1506" s="166">
        <v>0</v>
      </c>
      <c r="CU1506" s="166">
        <v>0</v>
      </c>
      <c r="CV1506" s="166">
        <v>-3964398.2872829898</v>
      </c>
      <c r="CW1506" s="166">
        <v>-56913570.477703698</v>
      </c>
      <c r="CX1506" s="166">
        <v>0</v>
      </c>
      <c r="CY1506" s="166">
        <v>594817296.77305996</v>
      </c>
      <c r="CZ1506" s="166">
        <v>594817296.77305996</v>
      </c>
    </row>
    <row r="1507" spans="1:104" x14ac:dyDescent="0.2">
      <c r="A1507" s="167" t="s">
        <v>474</v>
      </c>
    </row>
    <row r="1508" spans="1:104" x14ac:dyDescent="0.2">
      <c r="A1508" s="170" t="s">
        <v>475</v>
      </c>
    </row>
    <row r="1509" spans="1:104" x14ac:dyDescent="0.2">
      <c r="A1509" s="167" t="s">
        <v>476</v>
      </c>
      <c r="B1509" s="166">
        <v>0</v>
      </c>
      <c r="C1509" s="166">
        <v>0</v>
      </c>
      <c r="D1509" s="166">
        <v>0</v>
      </c>
      <c r="E1509" s="166">
        <v>0</v>
      </c>
      <c r="F1509" s="166">
        <v>0</v>
      </c>
      <c r="G1509" s="166">
        <v>0</v>
      </c>
      <c r="H1509" s="166">
        <v>0</v>
      </c>
      <c r="I1509" s="166">
        <v>0</v>
      </c>
      <c r="J1509" s="166">
        <v>-3213843.0847327998</v>
      </c>
      <c r="K1509" s="166">
        <v>0</v>
      </c>
      <c r="L1509" s="166">
        <v>0</v>
      </c>
      <c r="M1509" s="166">
        <v>0</v>
      </c>
      <c r="N1509" s="166">
        <v>0</v>
      </c>
      <c r="O1509" s="166">
        <v>0</v>
      </c>
      <c r="P1509" s="166">
        <v>0</v>
      </c>
      <c r="Q1509" s="166">
        <v>0</v>
      </c>
      <c r="R1509" s="166">
        <v>0</v>
      </c>
      <c r="S1509" s="166">
        <v>0</v>
      </c>
      <c r="T1509" s="166">
        <v>0</v>
      </c>
      <c r="U1509" s="166">
        <v>0</v>
      </c>
      <c r="V1509" s="166">
        <v>0</v>
      </c>
      <c r="W1509" s="166">
        <v>0</v>
      </c>
      <c r="X1509" s="166">
        <v>0</v>
      </c>
      <c r="Y1509" s="166">
        <v>0</v>
      </c>
      <c r="Z1509" s="166">
        <v>0</v>
      </c>
      <c r="AA1509" s="166">
        <v>0</v>
      </c>
      <c r="AB1509" s="166">
        <v>0</v>
      </c>
      <c r="AC1509" s="166">
        <v>0</v>
      </c>
      <c r="AD1509" s="166">
        <v>0</v>
      </c>
      <c r="AE1509" s="166">
        <v>0</v>
      </c>
      <c r="AF1509" s="166">
        <v>0</v>
      </c>
      <c r="AG1509" s="166">
        <v>0</v>
      </c>
      <c r="AH1509" s="166">
        <v>0</v>
      </c>
      <c r="AI1509" s="166">
        <v>0</v>
      </c>
      <c r="AJ1509" s="166">
        <v>0</v>
      </c>
      <c r="AK1509" s="166">
        <v>0</v>
      </c>
      <c r="AL1509" s="166">
        <v>0</v>
      </c>
      <c r="AM1509" s="166">
        <v>0</v>
      </c>
      <c r="AN1509" s="166">
        <v>0</v>
      </c>
      <c r="AO1509" s="166">
        <v>0</v>
      </c>
      <c r="AP1509" s="166">
        <v>0</v>
      </c>
      <c r="AQ1509" s="166">
        <v>0</v>
      </c>
      <c r="AR1509" s="166">
        <v>0</v>
      </c>
      <c r="AS1509" s="166">
        <v>0</v>
      </c>
      <c r="AT1509" s="166">
        <v>0</v>
      </c>
      <c r="AU1509" s="166">
        <v>0</v>
      </c>
      <c r="AV1509" s="166">
        <v>0</v>
      </c>
      <c r="AW1509" s="166">
        <v>0</v>
      </c>
      <c r="AX1509" s="166">
        <v>0</v>
      </c>
      <c r="AY1509" s="166">
        <v>0</v>
      </c>
      <c r="AZ1509" s="166">
        <v>0</v>
      </c>
      <c r="BA1509" s="166">
        <v>0</v>
      </c>
      <c r="BB1509" s="166">
        <v>0</v>
      </c>
      <c r="BC1509" s="166">
        <v>0</v>
      </c>
      <c r="BD1509" s="166">
        <v>0</v>
      </c>
      <c r="BE1509" s="166">
        <v>-3213843.0847327998</v>
      </c>
      <c r="BF1509" s="166">
        <v>0</v>
      </c>
      <c r="BG1509" s="166">
        <v>0</v>
      </c>
      <c r="BH1509" s="166">
        <v>0</v>
      </c>
      <c r="BI1509" s="166">
        <v>0</v>
      </c>
      <c r="BJ1509" s="166">
        <v>0</v>
      </c>
      <c r="BK1509" s="166">
        <v>0</v>
      </c>
      <c r="BL1509" s="166">
        <v>0</v>
      </c>
      <c r="BM1509" s="166">
        <v>0</v>
      </c>
      <c r="BN1509" s="166">
        <v>0</v>
      </c>
      <c r="BO1509" s="166">
        <v>0</v>
      </c>
      <c r="BP1509" s="166">
        <v>0</v>
      </c>
      <c r="BQ1509" s="166">
        <v>0</v>
      </c>
      <c r="BR1509" s="166">
        <v>0</v>
      </c>
      <c r="BS1509" s="166">
        <v>-3213843.0847327998</v>
      </c>
      <c r="BT1509" s="168">
        <v>0.96779000000000004</v>
      </c>
      <c r="BU1509" s="166">
        <v>0</v>
      </c>
      <c r="BV1509" s="166">
        <v>0</v>
      </c>
      <c r="BW1509" s="166">
        <v>0</v>
      </c>
      <c r="BX1509" s="166">
        <v>-3110325.1989735598</v>
      </c>
      <c r="BY1509" s="166">
        <v>0</v>
      </c>
      <c r="BZ1509" s="166">
        <v>0</v>
      </c>
      <c r="CA1509" s="166">
        <v>0</v>
      </c>
      <c r="CB1509" s="166">
        <v>0</v>
      </c>
      <c r="CC1509" s="166">
        <v>0</v>
      </c>
      <c r="CD1509" s="166">
        <v>0</v>
      </c>
      <c r="CE1509" s="166">
        <v>0</v>
      </c>
      <c r="CF1509" s="166">
        <v>0</v>
      </c>
      <c r="CG1509" s="166">
        <v>0</v>
      </c>
      <c r="CH1509" s="166">
        <v>0</v>
      </c>
      <c r="CI1509" s="166">
        <v>0</v>
      </c>
      <c r="CJ1509" s="166">
        <v>0</v>
      </c>
      <c r="CK1509" s="166">
        <v>0</v>
      </c>
      <c r="CL1509" s="166">
        <v>-3110325.1989735598</v>
      </c>
      <c r="CM1509" s="166">
        <v>0</v>
      </c>
      <c r="CN1509" s="166">
        <v>0</v>
      </c>
      <c r="CO1509" s="166">
        <v>0</v>
      </c>
      <c r="CP1509" s="166">
        <v>0</v>
      </c>
      <c r="CQ1509" s="166">
        <v>0</v>
      </c>
      <c r="CR1509" s="166">
        <v>0</v>
      </c>
      <c r="CS1509" s="166">
        <v>0</v>
      </c>
      <c r="CT1509" s="166">
        <v>0</v>
      </c>
      <c r="CU1509" s="166">
        <v>0</v>
      </c>
      <c r="CV1509" s="166">
        <v>0</v>
      </c>
      <c r="CW1509" s="166">
        <v>0</v>
      </c>
      <c r="CX1509" s="166">
        <v>0</v>
      </c>
      <c r="CY1509" s="166">
        <v>-3110325.1989735598</v>
      </c>
      <c r="CZ1509" s="166">
        <v>-3110325.1989735598</v>
      </c>
    </row>
    <row r="1510" spans="1:104" x14ac:dyDescent="0.2">
      <c r="A1510" s="167" t="s">
        <v>477</v>
      </c>
      <c r="B1510" s="166">
        <v>0</v>
      </c>
      <c r="C1510" s="166">
        <v>0</v>
      </c>
      <c r="D1510" s="166">
        <v>0</v>
      </c>
      <c r="E1510" s="166">
        <v>0</v>
      </c>
      <c r="F1510" s="166">
        <v>0</v>
      </c>
      <c r="G1510" s="166">
        <v>0</v>
      </c>
      <c r="H1510" s="166">
        <v>0</v>
      </c>
      <c r="I1510" s="166">
        <v>0</v>
      </c>
      <c r="J1510" s="166">
        <v>0</v>
      </c>
      <c r="K1510" s="166">
        <v>0</v>
      </c>
      <c r="L1510" s="166">
        <v>0</v>
      </c>
      <c r="M1510" s="166">
        <v>0</v>
      </c>
      <c r="N1510" s="166">
        <v>0</v>
      </c>
      <c r="O1510" s="166">
        <v>0</v>
      </c>
      <c r="P1510" s="166">
        <v>0</v>
      </c>
      <c r="Q1510" s="166">
        <v>0</v>
      </c>
      <c r="R1510" s="166">
        <v>0</v>
      </c>
      <c r="S1510" s="166">
        <v>0</v>
      </c>
      <c r="T1510" s="166">
        <v>0</v>
      </c>
      <c r="U1510" s="166">
        <v>0</v>
      </c>
      <c r="V1510" s="166">
        <v>0</v>
      </c>
      <c r="W1510" s="166">
        <v>0</v>
      </c>
      <c r="X1510" s="166">
        <v>0</v>
      </c>
      <c r="Y1510" s="166">
        <v>0</v>
      </c>
      <c r="Z1510" s="166">
        <v>0</v>
      </c>
      <c r="AA1510" s="166">
        <v>0</v>
      </c>
      <c r="AB1510" s="166">
        <v>0</v>
      </c>
      <c r="AC1510" s="166">
        <v>0</v>
      </c>
      <c r="AD1510" s="166">
        <v>0</v>
      </c>
      <c r="AE1510" s="166">
        <v>0</v>
      </c>
      <c r="AF1510" s="166">
        <v>0</v>
      </c>
      <c r="AG1510" s="166">
        <v>0</v>
      </c>
      <c r="AH1510" s="166">
        <v>0</v>
      </c>
      <c r="AI1510" s="166">
        <v>0</v>
      </c>
      <c r="AJ1510" s="166">
        <v>0</v>
      </c>
      <c r="AK1510" s="166">
        <v>0</v>
      </c>
      <c r="AL1510" s="166">
        <v>0</v>
      </c>
      <c r="AM1510" s="166">
        <v>0</v>
      </c>
      <c r="AN1510" s="166">
        <v>0</v>
      </c>
      <c r="AO1510" s="166">
        <v>0</v>
      </c>
      <c r="AP1510" s="166">
        <v>0</v>
      </c>
      <c r="AQ1510" s="166">
        <v>0</v>
      </c>
      <c r="AR1510" s="166">
        <v>-3269290.32</v>
      </c>
      <c r="AS1510" s="166">
        <v>0</v>
      </c>
      <c r="AT1510" s="166">
        <v>0</v>
      </c>
      <c r="AU1510" s="166">
        <v>0</v>
      </c>
      <c r="AV1510" s="166">
        <v>0</v>
      </c>
      <c r="AW1510" s="166">
        <v>0</v>
      </c>
      <c r="AX1510" s="166">
        <v>0</v>
      </c>
      <c r="AY1510" s="166">
        <v>0</v>
      </c>
      <c r="AZ1510" s="166">
        <v>0</v>
      </c>
      <c r="BA1510" s="166">
        <v>0</v>
      </c>
      <c r="BB1510" s="166">
        <v>0</v>
      </c>
      <c r="BC1510" s="166">
        <v>0</v>
      </c>
      <c r="BD1510" s="166">
        <v>0</v>
      </c>
      <c r="BE1510" s="166">
        <v>0</v>
      </c>
      <c r="BF1510" s="166">
        <v>0</v>
      </c>
      <c r="BG1510" s="166">
        <v>0</v>
      </c>
      <c r="BH1510" s="166">
        <v>0</v>
      </c>
      <c r="BI1510" s="166">
        <v>0</v>
      </c>
      <c r="BJ1510" s="166">
        <v>0</v>
      </c>
      <c r="BK1510" s="166">
        <v>0</v>
      </c>
      <c r="BL1510" s="166">
        <v>0</v>
      </c>
      <c r="BM1510" s="166">
        <v>0</v>
      </c>
      <c r="BN1510" s="166">
        <v>-3269290.32</v>
      </c>
      <c r="BO1510" s="166">
        <v>0</v>
      </c>
      <c r="BP1510" s="166">
        <v>0</v>
      </c>
      <c r="BQ1510" s="166">
        <v>0</v>
      </c>
      <c r="BR1510" s="166">
        <v>0</v>
      </c>
      <c r="BS1510" s="166">
        <v>-3269290.32</v>
      </c>
      <c r="BT1510" s="168">
        <v>0.96779000000000004</v>
      </c>
      <c r="BU1510" s="166">
        <v>0</v>
      </c>
      <c r="BV1510" s="166">
        <v>0</v>
      </c>
      <c r="BW1510" s="166">
        <v>0</v>
      </c>
      <c r="BX1510" s="166">
        <v>0</v>
      </c>
      <c r="BY1510" s="166">
        <v>0</v>
      </c>
      <c r="BZ1510" s="166">
        <v>0</v>
      </c>
      <c r="CA1510" s="166">
        <v>0</v>
      </c>
      <c r="CB1510" s="166">
        <v>0</v>
      </c>
      <c r="CC1510" s="166">
        <v>0</v>
      </c>
      <c r="CD1510" s="166">
        <v>0</v>
      </c>
      <c r="CE1510" s="166">
        <v>0</v>
      </c>
      <c r="CF1510" s="166">
        <v>0</v>
      </c>
      <c r="CG1510" s="166">
        <v>-3163986.4787928001</v>
      </c>
      <c r="CH1510" s="166">
        <v>0</v>
      </c>
      <c r="CI1510" s="166">
        <v>0</v>
      </c>
      <c r="CJ1510" s="166">
        <v>0</v>
      </c>
      <c r="CK1510" s="166">
        <v>0</v>
      </c>
      <c r="CL1510" s="166">
        <v>0</v>
      </c>
      <c r="CM1510" s="166">
        <v>0</v>
      </c>
      <c r="CN1510" s="166">
        <v>0</v>
      </c>
      <c r="CO1510" s="166">
        <v>0</v>
      </c>
      <c r="CP1510" s="166">
        <v>0</v>
      </c>
      <c r="CQ1510" s="166">
        <v>0</v>
      </c>
      <c r="CR1510" s="166">
        <v>0</v>
      </c>
      <c r="CS1510" s="166">
        <v>0</v>
      </c>
      <c r="CT1510" s="166">
        <v>0</v>
      </c>
      <c r="CU1510" s="166">
        <v>-3163986.4787928001</v>
      </c>
      <c r="CV1510" s="166">
        <v>0</v>
      </c>
      <c r="CW1510" s="166">
        <v>0</v>
      </c>
      <c r="CX1510" s="166">
        <v>0</v>
      </c>
      <c r="CY1510" s="166">
        <v>-3163986.4787928001</v>
      </c>
      <c r="CZ1510" s="166">
        <v>-3163986.4787928001</v>
      </c>
    </row>
    <row r="1511" spans="1:104" x14ac:dyDescent="0.2">
      <c r="A1511" s="167" t="s">
        <v>478</v>
      </c>
      <c r="B1511" s="166">
        <v>0</v>
      </c>
      <c r="C1511" s="166">
        <v>0</v>
      </c>
      <c r="D1511" s="166">
        <v>0</v>
      </c>
      <c r="E1511" s="166">
        <v>0</v>
      </c>
      <c r="F1511" s="166">
        <v>0</v>
      </c>
      <c r="G1511" s="166">
        <v>0</v>
      </c>
      <c r="H1511" s="166">
        <v>0</v>
      </c>
      <c r="I1511" s="166">
        <v>0</v>
      </c>
      <c r="J1511" s="166">
        <v>0</v>
      </c>
      <c r="K1511" s="166">
        <v>0</v>
      </c>
      <c r="L1511" s="166">
        <v>0</v>
      </c>
      <c r="M1511" s="166">
        <v>0</v>
      </c>
      <c r="N1511" s="166">
        <v>0</v>
      </c>
      <c r="O1511" s="166">
        <v>0</v>
      </c>
      <c r="P1511" s="166">
        <v>0</v>
      </c>
      <c r="Q1511" s="166">
        <v>0</v>
      </c>
      <c r="R1511" s="166">
        <v>0</v>
      </c>
      <c r="S1511" s="166">
        <v>0</v>
      </c>
      <c r="T1511" s="166">
        <v>0</v>
      </c>
      <c r="U1511" s="166">
        <v>0</v>
      </c>
      <c r="V1511" s="166">
        <v>0</v>
      </c>
      <c r="W1511" s="166">
        <v>0</v>
      </c>
      <c r="X1511" s="166">
        <v>0</v>
      </c>
      <c r="Y1511" s="166">
        <v>0</v>
      </c>
      <c r="Z1511" s="166">
        <v>0</v>
      </c>
      <c r="AA1511" s="166">
        <v>0</v>
      </c>
      <c r="AB1511" s="166">
        <v>0</v>
      </c>
      <c r="AC1511" s="166">
        <v>0</v>
      </c>
      <c r="AD1511" s="166">
        <v>0</v>
      </c>
      <c r="AE1511" s="166">
        <v>0</v>
      </c>
      <c r="AF1511" s="166">
        <v>0</v>
      </c>
      <c r="AG1511" s="166">
        <v>0</v>
      </c>
      <c r="AH1511" s="166">
        <v>0</v>
      </c>
      <c r="AI1511" s="166">
        <v>0</v>
      </c>
      <c r="AJ1511" s="166">
        <v>0</v>
      </c>
      <c r="AK1511" s="166">
        <v>0</v>
      </c>
      <c r="AL1511" s="166">
        <v>0</v>
      </c>
      <c r="AM1511" s="166">
        <v>0</v>
      </c>
      <c r="AN1511" s="166">
        <v>0</v>
      </c>
      <c r="AO1511" s="166">
        <v>0</v>
      </c>
      <c r="AP1511" s="166">
        <v>-109418.4</v>
      </c>
      <c r="AQ1511" s="166">
        <v>0</v>
      </c>
      <c r="AR1511" s="166">
        <v>0</v>
      </c>
      <c r="AS1511" s="166">
        <v>0</v>
      </c>
      <c r="AT1511" s="166">
        <v>0</v>
      </c>
      <c r="AU1511" s="166">
        <v>0</v>
      </c>
      <c r="AV1511" s="166">
        <v>0</v>
      </c>
      <c r="AW1511" s="166">
        <v>0</v>
      </c>
      <c r="AX1511" s="166">
        <v>0</v>
      </c>
      <c r="AY1511" s="166">
        <v>0</v>
      </c>
      <c r="AZ1511" s="166">
        <v>0</v>
      </c>
      <c r="BA1511" s="166">
        <v>0</v>
      </c>
      <c r="BB1511" s="166">
        <v>0</v>
      </c>
      <c r="BC1511" s="166">
        <v>0</v>
      </c>
      <c r="BD1511" s="166">
        <v>0</v>
      </c>
      <c r="BE1511" s="166">
        <v>0</v>
      </c>
      <c r="BF1511" s="166">
        <v>0</v>
      </c>
      <c r="BG1511" s="166">
        <v>0</v>
      </c>
      <c r="BH1511" s="166">
        <v>0</v>
      </c>
      <c r="BI1511" s="166">
        <v>0</v>
      </c>
      <c r="BJ1511" s="166">
        <v>0</v>
      </c>
      <c r="BK1511" s="166">
        <v>0</v>
      </c>
      <c r="BL1511" s="166">
        <v>0</v>
      </c>
      <c r="BM1511" s="166">
        <v>-109418.4</v>
      </c>
      <c r="BN1511" s="166">
        <v>0</v>
      </c>
      <c r="BO1511" s="166">
        <v>0</v>
      </c>
      <c r="BP1511" s="166">
        <v>0</v>
      </c>
      <c r="BQ1511" s="166">
        <v>0</v>
      </c>
      <c r="BR1511" s="166">
        <v>0</v>
      </c>
      <c r="BS1511" s="166">
        <v>-109418.4</v>
      </c>
      <c r="BT1511" s="168">
        <v>0.96779000000000004</v>
      </c>
      <c r="BU1511" s="166">
        <v>0</v>
      </c>
      <c r="BV1511" s="166">
        <v>0</v>
      </c>
      <c r="BW1511" s="166">
        <v>0</v>
      </c>
      <c r="BX1511" s="166">
        <v>0</v>
      </c>
      <c r="BY1511" s="166">
        <v>0</v>
      </c>
      <c r="BZ1511" s="166">
        <v>0</v>
      </c>
      <c r="CA1511" s="166">
        <v>0</v>
      </c>
      <c r="CB1511" s="166">
        <v>0</v>
      </c>
      <c r="CC1511" s="166">
        <v>0</v>
      </c>
      <c r="CD1511" s="166">
        <v>0</v>
      </c>
      <c r="CE1511" s="166">
        <v>0</v>
      </c>
      <c r="CF1511" s="166">
        <v>-105894.033335999</v>
      </c>
      <c r="CG1511" s="166">
        <v>0</v>
      </c>
      <c r="CH1511" s="166">
        <v>0</v>
      </c>
      <c r="CI1511" s="166">
        <v>0</v>
      </c>
      <c r="CJ1511" s="166">
        <v>0</v>
      </c>
      <c r="CK1511" s="166">
        <v>0</v>
      </c>
      <c r="CL1511" s="166">
        <v>0</v>
      </c>
      <c r="CM1511" s="166">
        <v>0</v>
      </c>
      <c r="CN1511" s="166">
        <v>0</v>
      </c>
      <c r="CO1511" s="166">
        <v>0</v>
      </c>
      <c r="CP1511" s="166">
        <v>0</v>
      </c>
      <c r="CQ1511" s="166">
        <v>0</v>
      </c>
      <c r="CR1511" s="166">
        <v>0</v>
      </c>
      <c r="CS1511" s="166">
        <v>0</v>
      </c>
      <c r="CT1511" s="166">
        <v>-105894.033335999</v>
      </c>
      <c r="CU1511" s="166">
        <v>0</v>
      </c>
      <c r="CV1511" s="166">
        <v>0</v>
      </c>
      <c r="CW1511" s="166">
        <v>0</v>
      </c>
      <c r="CX1511" s="166">
        <v>0</v>
      </c>
      <c r="CY1511" s="166">
        <v>-105894.033335999</v>
      </c>
      <c r="CZ1511" s="166">
        <v>-105894.033335999</v>
      </c>
    </row>
    <row r="1512" spans="1:104" x14ac:dyDescent="0.2">
      <c r="A1512" s="167" t="s">
        <v>479</v>
      </c>
      <c r="B1512" s="166">
        <v>0</v>
      </c>
      <c r="C1512" s="166">
        <v>0</v>
      </c>
      <c r="D1512" s="166">
        <v>0</v>
      </c>
      <c r="E1512" s="166">
        <v>0</v>
      </c>
      <c r="F1512" s="166">
        <v>0</v>
      </c>
      <c r="G1512" s="166">
        <v>0</v>
      </c>
      <c r="H1512" s="166">
        <v>0</v>
      </c>
      <c r="I1512" s="166">
        <v>0</v>
      </c>
      <c r="J1512" s="166">
        <v>0</v>
      </c>
      <c r="K1512" s="166">
        <v>0</v>
      </c>
      <c r="L1512" s="166">
        <v>0</v>
      </c>
      <c r="M1512" s="166">
        <v>0</v>
      </c>
      <c r="N1512" s="166">
        <v>0</v>
      </c>
      <c r="O1512" s="166">
        <v>0</v>
      </c>
      <c r="P1512" s="166">
        <v>-1314609.3712499901</v>
      </c>
      <c r="Q1512" s="166">
        <v>0</v>
      </c>
      <c r="R1512" s="166">
        <v>0</v>
      </c>
      <c r="S1512" s="166">
        <v>0</v>
      </c>
      <c r="T1512" s="166">
        <v>0</v>
      </c>
      <c r="U1512" s="166">
        <v>0</v>
      </c>
      <c r="V1512" s="166">
        <v>0</v>
      </c>
      <c r="W1512" s="166">
        <v>0</v>
      </c>
      <c r="X1512" s="166">
        <v>0</v>
      </c>
      <c r="Y1512" s="166">
        <v>0</v>
      </c>
      <c r="Z1512" s="166">
        <v>0</v>
      </c>
      <c r="AA1512" s="166">
        <v>0</v>
      </c>
      <c r="AB1512" s="166">
        <v>0</v>
      </c>
      <c r="AC1512" s="166">
        <v>0</v>
      </c>
      <c r="AD1512" s="166">
        <v>0</v>
      </c>
      <c r="AE1512" s="166">
        <v>0</v>
      </c>
      <c r="AF1512" s="166">
        <v>0</v>
      </c>
      <c r="AG1512" s="166">
        <v>0</v>
      </c>
      <c r="AH1512" s="166">
        <v>0</v>
      </c>
      <c r="AI1512" s="166">
        <v>0</v>
      </c>
      <c r="AJ1512" s="166">
        <v>0</v>
      </c>
      <c r="AK1512" s="166">
        <v>0</v>
      </c>
      <c r="AL1512" s="166">
        <v>0</v>
      </c>
      <c r="AM1512" s="166">
        <v>0</v>
      </c>
      <c r="AN1512" s="166">
        <v>0</v>
      </c>
      <c r="AO1512" s="166">
        <v>0</v>
      </c>
      <c r="AP1512" s="166">
        <v>0</v>
      </c>
      <c r="AQ1512" s="166">
        <v>0</v>
      </c>
      <c r="AR1512" s="166">
        <v>0</v>
      </c>
      <c r="AS1512" s="166">
        <v>0</v>
      </c>
      <c r="AT1512" s="166">
        <v>0</v>
      </c>
      <c r="AU1512" s="166">
        <v>0</v>
      </c>
      <c r="AV1512" s="166">
        <v>0</v>
      </c>
      <c r="AW1512" s="166">
        <v>0</v>
      </c>
      <c r="AX1512" s="166">
        <v>0</v>
      </c>
      <c r="AY1512" s="166">
        <v>0</v>
      </c>
      <c r="AZ1512" s="166">
        <v>0</v>
      </c>
      <c r="BA1512" s="166">
        <v>0</v>
      </c>
      <c r="BB1512" s="166">
        <v>0</v>
      </c>
      <c r="BC1512" s="166">
        <v>0</v>
      </c>
      <c r="BD1512" s="166">
        <v>0</v>
      </c>
      <c r="BE1512" s="166">
        <v>0</v>
      </c>
      <c r="BF1512" s="166">
        <v>-1314609.3712499901</v>
      </c>
      <c r="BG1512" s="166">
        <v>0</v>
      </c>
      <c r="BH1512" s="166">
        <v>0</v>
      </c>
      <c r="BI1512" s="166">
        <v>0</v>
      </c>
      <c r="BJ1512" s="166">
        <v>0</v>
      </c>
      <c r="BK1512" s="166">
        <v>0</v>
      </c>
      <c r="BL1512" s="166">
        <v>0</v>
      </c>
      <c r="BM1512" s="166">
        <v>0</v>
      </c>
      <c r="BN1512" s="166">
        <v>0</v>
      </c>
      <c r="BO1512" s="166">
        <v>0</v>
      </c>
      <c r="BP1512" s="166">
        <v>0</v>
      </c>
      <c r="BQ1512" s="166">
        <v>0</v>
      </c>
      <c r="BR1512" s="166">
        <v>0</v>
      </c>
      <c r="BS1512" s="166">
        <v>-1314609.3712499901</v>
      </c>
      <c r="BT1512" s="168">
        <v>0.96779000000000004</v>
      </c>
      <c r="BU1512" s="166">
        <v>0</v>
      </c>
      <c r="BV1512" s="166">
        <v>0</v>
      </c>
      <c r="BW1512" s="166">
        <v>0</v>
      </c>
      <c r="BX1512" s="166">
        <v>0</v>
      </c>
      <c r="BY1512" s="166">
        <v>-1272265.8034020299</v>
      </c>
      <c r="BZ1512" s="166">
        <v>0</v>
      </c>
      <c r="CA1512" s="166">
        <v>0</v>
      </c>
      <c r="CB1512" s="166">
        <v>0</v>
      </c>
      <c r="CC1512" s="166">
        <v>0</v>
      </c>
      <c r="CD1512" s="166">
        <v>0</v>
      </c>
      <c r="CE1512" s="166">
        <v>0</v>
      </c>
      <c r="CF1512" s="166">
        <v>0</v>
      </c>
      <c r="CG1512" s="166">
        <v>0</v>
      </c>
      <c r="CH1512" s="166">
        <v>0</v>
      </c>
      <c r="CI1512" s="166">
        <v>0</v>
      </c>
      <c r="CJ1512" s="166">
        <v>0</v>
      </c>
      <c r="CK1512" s="166">
        <v>0</v>
      </c>
      <c r="CL1512" s="166">
        <v>0</v>
      </c>
      <c r="CM1512" s="166">
        <v>-1272265.8034020299</v>
      </c>
      <c r="CN1512" s="166">
        <v>0</v>
      </c>
      <c r="CO1512" s="166">
        <v>0</v>
      </c>
      <c r="CP1512" s="166">
        <v>0</v>
      </c>
      <c r="CQ1512" s="166">
        <v>0</v>
      </c>
      <c r="CR1512" s="166">
        <v>0</v>
      </c>
      <c r="CS1512" s="166">
        <v>0</v>
      </c>
      <c r="CT1512" s="166">
        <v>0</v>
      </c>
      <c r="CU1512" s="166">
        <v>0</v>
      </c>
      <c r="CV1512" s="166">
        <v>0</v>
      </c>
      <c r="CW1512" s="166">
        <v>0</v>
      </c>
      <c r="CX1512" s="166">
        <v>0</v>
      </c>
      <c r="CY1512" s="166">
        <v>-1272265.8034020299</v>
      </c>
      <c r="CZ1512" s="166">
        <v>-1272265.8034020299</v>
      </c>
    </row>
    <row r="1513" spans="1:104" x14ac:dyDescent="0.2">
      <c r="A1513" s="167" t="s">
        <v>480</v>
      </c>
      <c r="B1513" s="166">
        <v>0</v>
      </c>
      <c r="C1513" s="166">
        <v>0</v>
      </c>
      <c r="D1513" s="166">
        <v>0</v>
      </c>
      <c r="E1513" s="166">
        <v>0</v>
      </c>
      <c r="F1513" s="166">
        <v>0</v>
      </c>
      <c r="G1513" s="166">
        <v>0</v>
      </c>
      <c r="H1513" s="166">
        <v>0</v>
      </c>
      <c r="I1513" s="166">
        <v>0</v>
      </c>
      <c r="J1513" s="166">
        <v>0</v>
      </c>
      <c r="K1513" s="166">
        <v>0</v>
      </c>
      <c r="L1513" s="166">
        <v>0</v>
      </c>
      <c r="M1513" s="166">
        <v>0</v>
      </c>
      <c r="N1513" s="166">
        <v>0</v>
      </c>
      <c r="O1513" s="166">
        <v>0</v>
      </c>
      <c r="P1513" s="166">
        <v>0</v>
      </c>
      <c r="Q1513" s="166">
        <v>0</v>
      </c>
      <c r="R1513" s="166">
        <v>0</v>
      </c>
      <c r="S1513" s="166">
        <v>0</v>
      </c>
      <c r="T1513" s="166">
        <v>0</v>
      </c>
      <c r="U1513" s="166">
        <v>0</v>
      </c>
      <c r="V1513" s="166">
        <v>0</v>
      </c>
      <c r="W1513" s="166">
        <v>0</v>
      </c>
      <c r="X1513" s="166">
        <v>0</v>
      </c>
      <c r="Y1513" s="166">
        <v>0</v>
      </c>
      <c r="Z1513" s="166">
        <v>0</v>
      </c>
      <c r="AA1513" s="166">
        <v>0</v>
      </c>
      <c r="AB1513" s="166">
        <v>0</v>
      </c>
      <c r="AC1513" s="166">
        <v>0</v>
      </c>
      <c r="AD1513" s="166">
        <v>0</v>
      </c>
      <c r="AE1513" s="166">
        <v>0</v>
      </c>
      <c r="AF1513" s="166">
        <v>0</v>
      </c>
      <c r="AG1513" s="166">
        <v>0</v>
      </c>
      <c r="AH1513" s="166">
        <v>0</v>
      </c>
      <c r="AI1513" s="166">
        <v>0</v>
      </c>
      <c r="AJ1513" s="166">
        <v>0</v>
      </c>
      <c r="AK1513" s="166">
        <v>1129668</v>
      </c>
      <c r="AL1513" s="166">
        <v>0</v>
      </c>
      <c r="AM1513" s="166">
        <v>0</v>
      </c>
      <c r="AN1513" s="166">
        <v>0</v>
      </c>
      <c r="AO1513" s="166">
        <v>0</v>
      </c>
      <c r="AP1513" s="166">
        <v>0</v>
      </c>
      <c r="AQ1513" s="166">
        <v>0</v>
      </c>
      <c r="AR1513" s="166">
        <v>0</v>
      </c>
      <c r="AS1513" s="166">
        <v>0</v>
      </c>
      <c r="AT1513" s="166">
        <v>0</v>
      </c>
      <c r="AU1513" s="166">
        <v>0</v>
      </c>
      <c r="AV1513" s="166">
        <v>0</v>
      </c>
      <c r="AW1513" s="166">
        <v>0</v>
      </c>
      <c r="AX1513" s="166">
        <v>0</v>
      </c>
      <c r="AY1513" s="166">
        <v>0</v>
      </c>
      <c r="AZ1513" s="166">
        <v>0</v>
      </c>
      <c r="BA1513" s="166">
        <v>0</v>
      </c>
      <c r="BB1513" s="166">
        <v>0</v>
      </c>
      <c r="BC1513" s="166">
        <v>0</v>
      </c>
      <c r="BD1513" s="166">
        <v>0</v>
      </c>
      <c r="BE1513" s="166">
        <v>0</v>
      </c>
      <c r="BF1513" s="166">
        <v>0</v>
      </c>
      <c r="BG1513" s="166">
        <v>0</v>
      </c>
      <c r="BH1513" s="166">
        <v>0</v>
      </c>
      <c r="BI1513" s="166">
        <v>0</v>
      </c>
      <c r="BJ1513" s="166">
        <v>0</v>
      </c>
      <c r="BK1513" s="166">
        <v>0</v>
      </c>
      <c r="BL1513" s="166">
        <v>1129668</v>
      </c>
      <c r="BM1513" s="166">
        <v>0</v>
      </c>
      <c r="BN1513" s="166">
        <v>0</v>
      </c>
      <c r="BO1513" s="166">
        <v>0</v>
      </c>
      <c r="BP1513" s="166">
        <v>0</v>
      </c>
      <c r="BQ1513" s="166">
        <v>0</v>
      </c>
      <c r="BR1513" s="166">
        <v>0</v>
      </c>
      <c r="BS1513" s="166">
        <v>1129668</v>
      </c>
      <c r="BT1513" s="168">
        <v>0.96779000000000004</v>
      </c>
      <c r="BU1513" s="166">
        <v>0</v>
      </c>
      <c r="BV1513" s="166">
        <v>0</v>
      </c>
      <c r="BW1513" s="166">
        <v>0</v>
      </c>
      <c r="BX1513" s="166">
        <v>0</v>
      </c>
      <c r="BY1513" s="166">
        <v>0</v>
      </c>
      <c r="BZ1513" s="166">
        <v>0</v>
      </c>
      <c r="CA1513" s="166">
        <v>0</v>
      </c>
      <c r="CB1513" s="166">
        <v>0</v>
      </c>
      <c r="CC1513" s="166">
        <v>0</v>
      </c>
      <c r="CD1513" s="166">
        <v>0</v>
      </c>
      <c r="CE1513" s="166">
        <v>1093281.3937200001</v>
      </c>
      <c r="CF1513" s="166">
        <v>0</v>
      </c>
      <c r="CG1513" s="166">
        <v>0</v>
      </c>
      <c r="CH1513" s="166">
        <v>0</v>
      </c>
      <c r="CI1513" s="166">
        <v>0</v>
      </c>
      <c r="CJ1513" s="166">
        <v>0</v>
      </c>
      <c r="CK1513" s="166">
        <v>0</v>
      </c>
      <c r="CL1513" s="166">
        <v>0</v>
      </c>
      <c r="CM1513" s="166">
        <v>0</v>
      </c>
      <c r="CN1513" s="166">
        <v>0</v>
      </c>
      <c r="CO1513" s="166">
        <v>0</v>
      </c>
      <c r="CP1513" s="166">
        <v>0</v>
      </c>
      <c r="CQ1513" s="166">
        <v>0</v>
      </c>
      <c r="CR1513" s="166">
        <v>0</v>
      </c>
      <c r="CS1513" s="166">
        <v>1093281.3937200001</v>
      </c>
      <c r="CT1513" s="166">
        <v>0</v>
      </c>
      <c r="CU1513" s="166">
        <v>0</v>
      </c>
      <c r="CV1513" s="166">
        <v>0</v>
      </c>
      <c r="CW1513" s="166">
        <v>0</v>
      </c>
      <c r="CX1513" s="166">
        <v>0</v>
      </c>
      <c r="CY1513" s="166">
        <v>1093281.3937200001</v>
      </c>
      <c r="CZ1513" s="166">
        <v>1093281.3937200001</v>
      </c>
    </row>
    <row r="1514" spans="1:104" x14ac:dyDescent="0.2">
      <c r="A1514" s="167" t="s">
        <v>481</v>
      </c>
      <c r="B1514" s="166">
        <v>0</v>
      </c>
      <c r="C1514" s="166">
        <v>0</v>
      </c>
      <c r="D1514" s="166">
        <v>0</v>
      </c>
      <c r="E1514" s="166">
        <v>0</v>
      </c>
      <c r="F1514" s="166">
        <v>0</v>
      </c>
      <c r="G1514" s="166">
        <v>0</v>
      </c>
      <c r="H1514" s="166">
        <v>0</v>
      </c>
      <c r="I1514" s="166">
        <v>0</v>
      </c>
      <c r="J1514" s="166">
        <v>0</v>
      </c>
      <c r="K1514" s="166">
        <v>0</v>
      </c>
      <c r="L1514" s="166">
        <v>0</v>
      </c>
      <c r="M1514" s="166">
        <v>0</v>
      </c>
      <c r="N1514" s="166">
        <v>0</v>
      </c>
      <c r="O1514" s="166">
        <v>0</v>
      </c>
      <c r="P1514" s="166">
        <v>0</v>
      </c>
      <c r="Q1514" s="166">
        <v>0</v>
      </c>
      <c r="R1514" s="166">
        <v>0</v>
      </c>
      <c r="S1514" s="166">
        <v>-493699.8</v>
      </c>
      <c r="T1514" s="166">
        <v>0</v>
      </c>
      <c r="U1514" s="166">
        <v>0</v>
      </c>
      <c r="V1514" s="166">
        <v>0</v>
      </c>
      <c r="W1514" s="166">
        <v>0</v>
      </c>
      <c r="X1514" s="166">
        <v>0</v>
      </c>
      <c r="Y1514" s="166">
        <v>0</v>
      </c>
      <c r="Z1514" s="166">
        <v>0</v>
      </c>
      <c r="AA1514" s="166">
        <v>0</v>
      </c>
      <c r="AB1514" s="166">
        <v>0</v>
      </c>
      <c r="AC1514" s="166">
        <v>0</v>
      </c>
      <c r="AD1514" s="166">
        <v>0</v>
      </c>
      <c r="AE1514" s="166">
        <v>0</v>
      </c>
      <c r="AF1514" s="166">
        <v>0</v>
      </c>
      <c r="AG1514" s="166">
        <v>0</v>
      </c>
      <c r="AH1514" s="166">
        <v>0</v>
      </c>
      <c r="AI1514" s="166">
        <v>0</v>
      </c>
      <c r="AJ1514" s="166">
        <v>0</v>
      </c>
      <c r="AK1514" s="166">
        <v>0</v>
      </c>
      <c r="AL1514" s="166">
        <v>0</v>
      </c>
      <c r="AM1514" s="166">
        <v>0</v>
      </c>
      <c r="AN1514" s="166">
        <v>0</v>
      </c>
      <c r="AO1514" s="166">
        <v>0</v>
      </c>
      <c r="AP1514" s="166">
        <v>0</v>
      </c>
      <c r="AQ1514" s="166">
        <v>0</v>
      </c>
      <c r="AR1514" s="166">
        <v>0</v>
      </c>
      <c r="AS1514" s="166">
        <v>0</v>
      </c>
      <c r="AT1514" s="166">
        <v>0</v>
      </c>
      <c r="AU1514" s="166">
        <v>0</v>
      </c>
      <c r="AV1514" s="166">
        <v>0</v>
      </c>
      <c r="AW1514" s="166">
        <v>0</v>
      </c>
      <c r="AX1514" s="166">
        <v>0</v>
      </c>
      <c r="AY1514" s="166">
        <v>0</v>
      </c>
      <c r="AZ1514" s="166">
        <v>0</v>
      </c>
      <c r="BA1514" s="166">
        <v>0</v>
      </c>
      <c r="BB1514" s="166">
        <v>0</v>
      </c>
      <c r="BC1514" s="166">
        <v>0</v>
      </c>
      <c r="BD1514" s="166">
        <v>0</v>
      </c>
      <c r="BE1514" s="166">
        <v>0</v>
      </c>
      <c r="BF1514" s="166">
        <v>0</v>
      </c>
      <c r="BG1514" s="166">
        <v>0</v>
      </c>
      <c r="BH1514" s="166">
        <v>-493699.8</v>
      </c>
      <c r="BI1514" s="166">
        <v>0</v>
      </c>
      <c r="BJ1514" s="166">
        <v>0</v>
      </c>
      <c r="BK1514" s="166">
        <v>0</v>
      </c>
      <c r="BL1514" s="166">
        <v>0</v>
      </c>
      <c r="BM1514" s="166">
        <v>0</v>
      </c>
      <c r="BN1514" s="166">
        <v>0</v>
      </c>
      <c r="BO1514" s="166">
        <v>0</v>
      </c>
      <c r="BP1514" s="166">
        <v>0</v>
      </c>
      <c r="BQ1514" s="166">
        <v>0</v>
      </c>
      <c r="BR1514" s="166">
        <v>0</v>
      </c>
      <c r="BS1514" s="166">
        <v>-493699.8</v>
      </c>
      <c r="BT1514" s="168">
        <v>0.96779000000000004</v>
      </c>
      <c r="BU1514" s="166">
        <v>0</v>
      </c>
      <c r="BV1514" s="166">
        <v>0</v>
      </c>
      <c r="BW1514" s="166">
        <v>0</v>
      </c>
      <c r="BX1514" s="166">
        <v>0</v>
      </c>
      <c r="BY1514" s="166">
        <v>0</v>
      </c>
      <c r="BZ1514" s="166">
        <v>0</v>
      </c>
      <c r="CA1514" s="166">
        <v>-477797.72944199998</v>
      </c>
      <c r="CB1514" s="166">
        <v>0</v>
      </c>
      <c r="CC1514" s="166">
        <v>0</v>
      </c>
      <c r="CD1514" s="166">
        <v>0</v>
      </c>
      <c r="CE1514" s="166">
        <v>0</v>
      </c>
      <c r="CF1514" s="166">
        <v>0</v>
      </c>
      <c r="CG1514" s="166">
        <v>0</v>
      </c>
      <c r="CH1514" s="166">
        <v>0</v>
      </c>
      <c r="CI1514" s="166">
        <v>0</v>
      </c>
      <c r="CJ1514" s="166">
        <v>0</v>
      </c>
      <c r="CK1514" s="166">
        <v>0</v>
      </c>
      <c r="CL1514" s="166">
        <v>0</v>
      </c>
      <c r="CM1514" s="166">
        <v>0</v>
      </c>
      <c r="CN1514" s="166">
        <v>0</v>
      </c>
      <c r="CO1514" s="166">
        <v>-477797.72944199998</v>
      </c>
      <c r="CP1514" s="166">
        <v>0</v>
      </c>
      <c r="CQ1514" s="166">
        <v>0</v>
      </c>
      <c r="CR1514" s="166">
        <v>0</v>
      </c>
      <c r="CS1514" s="166">
        <v>0</v>
      </c>
      <c r="CT1514" s="166">
        <v>0</v>
      </c>
      <c r="CU1514" s="166">
        <v>0</v>
      </c>
      <c r="CV1514" s="166">
        <v>0</v>
      </c>
      <c r="CW1514" s="166">
        <v>0</v>
      </c>
      <c r="CX1514" s="166">
        <v>0</v>
      </c>
      <c r="CY1514" s="166">
        <v>-477797.72944199998</v>
      </c>
      <c r="CZ1514" s="166">
        <v>-477797.72944199998</v>
      </c>
    </row>
    <row r="1515" spans="1:104" x14ac:dyDescent="0.2">
      <c r="A1515" s="167" t="s">
        <v>482</v>
      </c>
      <c r="B1515" s="166">
        <v>0</v>
      </c>
      <c r="C1515" s="166">
        <v>0</v>
      </c>
      <c r="D1515" s="166">
        <v>0</v>
      </c>
      <c r="E1515" s="166">
        <v>0</v>
      </c>
      <c r="F1515" s="166">
        <v>0</v>
      </c>
      <c r="G1515" s="166">
        <v>0</v>
      </c>
      <c r="H1515" s="166">
        <v>0</v>
      </c>
      <c r="I1515" s="166">
        <v>0</v>
      </c>
      <c r="J1515" s="166">
        <v>0</v>
      </c>
      <c r="K1515" s="166">
        <v>0</v>
      </c>
      <c r="L1515" s="166">
        <v>0</v>
      </c>
      <c r="M1515" s="166">
        <v>0</v>
      </c>
      <c r="N1515" s="166">
        <v>0</v>
      </c>
      <c r="O1515" s="166">
        <v>0</v>
      </c>
      <c r="P1515" s="166">
        <v>0</v>
      </c>
      <c r="Q1515" s="166">
        <v>0</v>
      </c>
      <c r="R1515" s="166">
        <v>0</v>
      </c>
      <c r="S1515" s="166">
        <v>0</v>
      </c>
      <c r="T1515" s="166">
        <v>0</v>
      </c>
      <c r="U1515" s="166">
        <v>0</v>
      </c>
      <c r="V1515" s="166">
        <v>0</v>
      </c>
      <c r="W1515" s="166">
        <v>0</v>
      </c>
      <c r="X1515" s="166">
        <v>0</v>
      </c>
      <c r="Y1515" s="166">
        <v>0</v>
      </c>
      <c r="Z1515" s="166">
        <v>0</v>
      </c>
      <c r="AA1515" s="166">
        <v>0</v>
      </c>
      <c r="AB1515" s="166">
        <v>0</v>
      </c>
      <c r="AC1515" s="166">
        <v>0</v>
      </c>
      <c r="AD1515" s="166">
        <v>0</v>
      </c>
      <c r="AE1515" s="166">
        <v>0</v>
      </c>
      <c r="AF1515" s="166">
        <v>0</v>
      </c>
      <c r="AG1515" s="166">
        <v>0</v>
      </c>
      <c r="AH1515" s="166">
        <v>0</v>
      </c>
      <c r="AI1515" s="166">
        <v>0</v>
      </c>
      <c r="AJ1515" s="166">
        <v>-11163999.999999899</v>
      </c>
      <c r="AK1515" s="166">
        <v>0</v>
      </c>
      <c r="AL1515" s="166">
        <v>0</v>
      </c>
      <c r="AM1515" s="166">
        <v>0</v>
      </c>
      <c r="AN1515" s="166">
        <v>0</v>
      </c>
      <c r="AO1515" s="166">
        <v>0</v>
      </c>
      <c r="AP1515" s="166">
        <v>0</v>
      </c>
      <c r="AQ1515" s="166">
        <v>0</v>
      </c>
      <c r="AR1515" s="166">
        <v>0</v>
      </c>
      <c r="AS1515" s="166">
        <v>0</v>
      </c>
      <c r="AT1515" s="166">
        <v>0</v>
      </c>
      <c r="AU1515" s="166">
        <v>0</v>
      </c>
      <c r="AV1515" s="166">
        <v>0</v>
      </c>
      <c r="AW1515" s="166">
        <v>0</v>
      </c>
      <c r="AX1515" s="166">
        <v>0</v>
      </c>
      <c r="AY1515" s="166">
        <v>0</v>
      </c>
      <c r="AZ1515" s="166">
        <v>0</v>
      </c>
      <c r="BA1515" s="166">
        <v>0</v>
      </c>
      <c r="BB1515" s="166">
        <v>0</v>
      </c>
      <c r="BC1515" s="166">
        <v>0</v>
      </c>
      <c r="BD1515" s="166">
        <v>0</v>
      </c>
      <c r="BE1515" s="166">
        <v>0</v>
      </c>
      <c r="BF1515" s="166">
        <v>0</v>
      </c>
      <c r="BG1515" s="166">
        <v>0</v>
      </c>
      <c r="BH1515" s="166">
        <v>0</v>
      </c>
      <c r="BI1515" s="166">
        <v>0</v>
      </c>
      <c r="BJ1515" s="166">
        <v>0</v>
      </c>
      <c r="BK1515" s="166">
        <v>-11163999.999999899</v>
      </c>
      <c r="BL1515" s="166">
        <v>0</v>
      </c>
      <c r="BM1515" s="166">
        <v>0</v>
      </c>
      <c r="BN1515" s="166">
        <v>0</v>
      </c>
      <c r="BO1515" s="166">
        <v>0</v>
      </c>
      <c r="BP1515" s="166">
        <v>0</v>
      </c>
      <c r="BQ1515" s="166">
        <v>0</v>
      </c>
      <c r="BR1515" s="166">
        <v>0</v>
      </c>
      <c r="BS1515" s="166">
        <v>-11163999.999999899</v>
      </c>
      <c r="BT1515" s="168">
        <v>0.96779000000000004</v>
      </c>
      <c r="BU1515" s="166">
        <v>0</v>
      </c>
      <c r="BV1515" s="166">
        <v>0</v>
      </c>
      <c r="BW1515" s="166">
        <v>0</v>
      </c>
      <c r="BX1515" s="166">
        <v>0</v>
      </c>
      <c r="BY1515" s="166">
        <v>0</v>
      </c>
      <c r="BZ1515" s="166">
        <v>0</v>
      </c>
      <c r="CA1515" s="166">
        <v>0</v>
      </c>
      <c r="CB1515" s="166">
        <v>0</v>
      </c>
      <c r="CC1515" s="166">
        <v>0</v>
      </c>
      <c r="CD1515" s="166">
        <v>-10804407.560000001</v>
      </c>
      <c r="CE1515" s="166">
        <v>0</v>
      </c>
      <c r="CF1515" s="166">
        <v>0</v>
      </c>
      <c r="CG1515" s="166">
        <v>0</v>
      </c>
      <c r="CH1515" s="166">
        <v>0</v>
      </c>
      <c r="CI1515" s="166">
        <v>0</v>
      </c>
      <c r="CJ1515" s="166">
        <v>0</v>
      </c>
      <c r="CK1515" s="166">
        <v>0</v>
      </c>
      <c r="CL1515" s="166">
        <v>0</v>
      </c>
      <c r="CM1515" s="166">
        <v>0</v>
      </c>
      <c r="CN1515" s="166">
        <v>0</v>
      </c>
      <c r="CO1515" s="166">
        <v>0</v>
      </c>
      <c r="CP1515" s="166">
        <v>0</v>
      </c>
      <c r="CQ1515" s="166">
        <v>0</v>
      </c>
      <c r="CR1515" s="166">
        <v>-10804407.560000001</v>
      </c>
      <c r="CS1515" s="166">
        <v>0</v>
      </c>
      <c r="CT1515" s="166">
        <v>0</v>
      </c>
      <c r="CU1515" s="166">
        <v>0</v>
      </c>
      <c r="CV1515" s="166">
        <v>0</v>
      </c>
      <c r="CW1515" s="166">
        <v>0</v>
      </c>
      <c r="CX1515" s="166">
        <v>0</v>
      </c>
      <c r="CY1515" s="166">
        <v>-10804407.560000001</v>
      </c>
      <c r="CZ1515" s="166">
        <v>-10804407.560000001</v>
      </c>
    </row>
    <row r="1516" spans="1:104" x14ac:dyDescent="0.2">
      <c r="A1516" s="170" t="s">
        <v>483</v>
      </c>
      <c r="B1516" s="166">
        <v>0</v>
      </c>
      <c r="C1516" s="166">
        <v>0</v>
      </c>
      <c r="D1516" s="166">
        <v>0</v>
      </c>
      <c r="E1516" s="166">
        <v>0</v>
      </c>
      <c r="F1516" s="166">
        <v>0</v>
      </c>
      <c r="G1516" s="166">
        <v>0</v>
      </c>
      <c r="H1516" s="166">
        <v>0</v>
      </c>
      <c r="I1516" s="166">
        <v>0</v>
      </c>
      <c r="J1516" s="166">
        <v>-3213843.0847327998</v>
      </c>
      <c r="K1516" s="166">
        <v>0</v>
      </c>
      <c r="L1516" s="166">
        <v>0</v>
      </c>
      <c r="M1516" s="166">
        <v>0</v>
      </c>
      <c r="N1516" s="166">
        <v>0</v>
      </c>
      <c r="O1516" s="166">
        <v>0</v>
      </c>
      <c r="P1516" s="166">
        <v>-1314609.3712499901</v>
      </c>
      <c r="Q1516" s="166">
        <v>0</v>
      </c>
      <c r="R1516" s="166">
        <v>0</v>
      </c>
      <c r="S1516" s="166">
        <v>-493699.8</v>
      </c>
      <c r="T1516" s="166">
        <v>0</v>
      </c>
      <c r="U1516" s="166">
        <v>0</v>
      </c>
      <c r="V1516" s="166">
        <v>0</v>
      </c>
      <c r="W1516" s="166">
        <v>0</v>
      </c>
      <c r="X1516" s="166">
        <v>0</v>
      </c>
      <c r="Y1516" s="166">
        <v>0</v>
      </c>
      <c r="Z1516" s="166">
        <v>0</v>
      </c>
      <c r="AA1516" s="166">
        <v>0</v>
      </c>
      <c r="AB1516" s="166">
        <v>0</v>
      </c>
      <c r="AC1516" s="166">
        <v>0</v>
      </c>
      <c r="AD1516" s="166">
        <v>0</v>
      </c>
      <c r="AE1516" s="166">
        <v>0</v>
      </c>
      <c r="AF1516" s="166">
        <v>0</v>
      </c>
      <c r="AG1516" s="166">
        <v>0</v>
      </c>
      <c r="AH1516" s="166">
        <v>0</v>
      </c>
      <c r="AI1516" s="166">
        <v>0</v>
      </c>
      <c r="AJ1516" s="166">
        <v>-11163999.999999899</v>
      </c>
      <c r="AK1516" s="166">
        <v>1129668</v>
      </c>
      <c r="AL1516" s="166">
        <v>0</v>
      </c>
      <c r="AM1516" s="166">
        <v>0</v>
      </c>
      <c r="AN1516" s="166">
        <v>0</v>
      </c>
      <c r="AO1516" s="166">
        <v>0</v>
      </c>
      <c r="AP1516" s="166">
        <v>-109418.4</v>
      </c>
      <c r="AQ1516" s="166">
        <v>0</v>
      </c>
      <c r="AR1516" s="166">
        <v>-3269290.32</v>
      </c>
      <c r="AS1516" s="166">
        <v>0</v>
      </c>
      <c r="AT1516" s="166">
        <v>0</v>
      </c>
      <c r="AU1516" s="166">
        <v>0</v>
      </c>
      <c r="AV1516" s="166">
        <v>0</v>
      </c>
      <c r="AW1516" s="166">
        <v>0</v>
      </c>
      <c r="AX1516" s="166">
        <v>0</v>
      </c>
      <c r="AY1516" s="166">
        <v>0</v>
      </c>
      <c r="AZ1516" s="166">
        <v>0</v>
      </c>
      <c r="BA1516" s="166">
        <v>0</v>
      </c>
      <c r="BB1516" s="166">
        <v>0</v>
      </c>
      <c r="BC1516" s="166">
        <v>0</v>
      </c>
      <c r="BD1516" s="166">
        <v>0</v>
      </c>
      <c r="BE1516" s="166">
        <v>-3213843.0847327998</v>
      </c>
      <c r="BF1516" s="166">
        <v>-1314609.3712499901</v>
      </c>
      <c r="BG1516" s="166">
        <v>0</v>
      </c>
      <c r="BH1516" s="166">
        <v>-493699.8</v>
      </c>
      <c r="BI1516" s="166">
        <v>0</v>
      </c>
      <c r="BJ1516" s="166">
        <v>0</v>
      </c>
      <c r="BK1516" s="166">
        <v>-11163999.999999899</v>
      </c>
      <c r="BL1516" s="166">
        <v>1129668</v>
      </c>
      <c r="BM1516" s="166">
        <v>-109418.4</v>
      </c>
      <c r="BN1516" s="166">
        <v>-3269290.32</v>
      </c>
      <c r="BO1516" s="166">
        <v>0</v>
      </c>
      <c r="BP1516" s="166">
        <v>0</v>
      </c>
      <c r="BQ1516" s="166">
        <v>0</v>
      </c>
      <c r="BR1516" s="166">
        <v>0</v>
      </c>
      <c r="BS1516" s="166">
        <v>-18435192.9759827</v>
      </c>
      <c r="BT1516" s="168">
        <v>0</v>
      </c>
      <c r="BU1516" s="166">
        <v>0</v>
      </c>
      <c r="BV1516" s="166">
        <v>0</v>
      </c>
      <c r="BW1516" s="166">
        <v>0</v>
      </c>
      <c r="BX1516" s="166">
        <v>-3110325.1989735598</v>
      </c>
      <c r="BY1516" s="166">
        <v>-1272265.8034020299</v>
      </c>
      <c r="BZ1516" s="166">
        <v>0</v>
      </c>
      <c r="CA1516" s="166">
        <v>-477797.72944199998</v>
      </c>
      <c r="CB1516" s="166">
        <v>0</v>
      </c>
      <c r="CC1516" s="166">
        <v>0</v>
      </c>
      <c r="CD1516" s="166">
        <v>-10804407.560000001</v>
      </c>
      <c r="CE1516" s="166">
        <v>1093281.3937200001</v>
      </c>
      <c r="CF1516" s="166">
        <v>-105894.033335999</v>
      </c>
      <c r="CG1516" s="166">
        <v>-3163986.4787928001</v>
      </c>
      <c r="CH1516" s="166">
        <v>0</v>
      </c>
      <c r="CI1516" s="166">
        <v>0</v>
      </c>
      <c r="CJ1516" s="166">
        <v>0</v>
      </c>
      <c r="CK1516" s="166">
        <v>0</v>
      </c>
      <c r="CL1516" s="166">
        <v>-3110325.1989735598</v>
      </c>
      <c r="CM1516" s="166">
        <v>-1272265.8034020299</v>
      </c>
      <c r="CN1516" s="166">
        <v>0</v>
      </c>
      <c r="CO1516" s="166">
        <v>-477797.72944199998</v>
      </c>
      <c r="CP1516" s="166">
        <v>0</v>
      </c>
      <c r="CQ1516" s="166">
        <v>0</v>
      </c>
      <c r="CR1516" s="166">
        <v>-10804407.560000001</v>
      </c>
      <c r="CS1516" s="166">
        <v>1093281.3937200001</v>
      </c>
      <c r="CT1516" s="166">
        <v>-105894.033335999</v>
      </c>
      <c r="CU1516" s="166">
        <v>-3163986.4787928001</v>
      </c>
      <c r="CV1516" s="166">
        <v>0</v>
      </c>
      <c r="CW1516" s="166">
        <v>0</v>
      </c>
      <c r="CX1516" s="166">
        <v>0</v>
      </c>
      <c r="CY1516" s="166">
        <v>-17841395.410226401</v>
      </c>
      <c r="CZ1516" s="166">
        <v>-17841395.410226401</v>
      </c>
    </row>
    <row r="1517" spans="1:104" x14ac:dyDescent="0.2">
      <c r="A1517" s="167" t="s">
        <v>484</v>
      </c>
    </row>
    <row r="1518" spans="1:104" x14ac:dyDescent="0.2">
      <c r="A1518" s="170" t="s">
        <v>485</v>
      </c>
      <c r="B1518" s="166">
        <v>802158339.67285705</v>
      </c>
      <c r="C1518" s="166">
        <v>802158339.67285705</v>
      </c>
      <c r="D1518" s="166">
        <v>0</v>
      </c>
      <c r="E1518" s="166">
        <v>0</v>
      </c>
      <c r="F1518" s="166">
        <v>0</v>
      </c>
      <c r="G1518" s="166">
        <v>0</v>
      </c>
      <c r="H1518" s="166">
        <v>0</v>
      </c>
      <c r="I1518" s="166">
        <v>0</v>
      </c>
      <c r="J1518" s="166">
        <v>-3213843.0847327998</v>
      </c>
      <c r="K1518" s="166">
        <v>0</v>
      </c>
      <c r="L1518" s="166">
        <v>0</v>
      </c>
      <c r="M1518" s="166">
        <v>0</v>
      </c>
      <c r="N1518" s="166">
        <v>0</v>
      </c>
      <c r="O1518" s="166">
        <v>0</v>
      </c>
      <c r="P1518" s="166">
        <v>-1314609.3712499901</v>
      </c>
      <c r="Q1518" s="166">
        <v>0</v>
      </c>
      <c r="R1518" s="166">
        <v>-114962556.974999</v>
      </c>
      <c r="S1518" s="166">
        <v>-493699.8</v>
      </c>
      <c r="T1518" s="166">
        <v>0</v>
      </c>
      <c r="U1518" s="166">
        <v>-11630821.287941299</v>
      </c>
      <c r="V1518" s="166">
        <v>0</v>
      </c>
      <c r="W1518" s="166">
        <v>0</v>
      </c>
      <c r="X1518" s="166">
        <v>0</v>
      </c>
      <c r="Y1518" s="166">
        <v>0</v>
      </c>
      <c r="Z1518" s="166">
        <v>0</v>
      </c>
      <c r="AA1518" s="166">
        <v>0</v>
      </c>
      <c r="AB1518" s="166">
        <v>0</v>
      </c>
      <c r="AC1518" s="166">
        <v>0</v>
      </c>
      <c r="AD1518" s="166">
        <v>0</v>
      </c>
      <c r="AE1518" s="166">
        <v>0</v>
      </c>
      <c r="AF1518" s="166">
        <v>0</v>
      </c>
      <c r="AG1518" s="166">
        <v>0</v>
      </c>
      <c r="AH1518" s="166">
        <v>0</v>
      </c>
      <c r="AI1518" s="166">
        <v>0</v>
      </c>
      <c r="AJ1518" s="166">
        <v>-11163999.999999899</v>
      </c>
      <c r="AK1518" s="166">
        <v>1129668</v>
      </c>
      <c r="AL1518" s="166">
        <v>0</v>
      </c>
      <c r="AM1518" s="166">
        <v>0</v>
      </c>
      <c r="AN1518" s="166">
        <v>0</v>
      </c>
      <c r="AO1518" s="166">
        <v>0</v>
      </c>
      <c r="AP1518" s="166">
        <v>-109418.4</v>
      </c>
      <c r="AQ1518" s="166">
        <v>0</v>
      </c>
      <c r="AR1518" s="166">
        <v>-3269290.32</v>
      </c>
      <c r="AS1518" s="166">
        <v>0</v>
      </c>
      <c r="AT1518" s="166">
        <v>0</v>
      </c>
      <c r="AU1518" s="166">
        <v>0</v>
      </c>
      <c r="AV1518" s="166">
        <v>0</v>
      </c>
      <c r="AW1518" s="166">
        <v>0</v>
      </c>
      <c r="AX1518" s="166">
        <v>-3964398.2872829898</v>
      </c>
      <c r="AY1518" s="166">
        <v>-59485239.119999997</v>
      </c>
      <c r="AZ1518" s="166">
        <v>0</v>
      </c>
      <c r="BA1518" s="166">
        <v>0</v>
      </c>
      <c r="BB1518" s="166">
        <v>0</v>
      </c>
      <c r="BC1518" s="166">
        <v>0</v>
      </c>
      <c r="BD1518" s="166">
        <v>0</v>
      </c>
      <c r="BE1518" s="166">
        <v>-3213843.0847327998</v>
      </c>
      <c r="BF1518" s="166">
        <v>-1314609.3712499901</v>
      </c>
      <c r="BG1518" s="166">
        <v>-114962556.974999</v>
      </c>
      <c r="BH1518" s="166">
        <v>-493699.8</v>
      </c>
      <c r="BI1518" s="166">
        <v>-11630821.287941299</v>
      </c>
      <c r="BJ1518" s="166">
        <v>0</v>
      </c>
      <c r="BK1518" s="166">
        <v>-11163999.999999899</v>
      </c>
      <c r="BL1518" s="166">
        <v>1129668</v>
      </c>
      <c r="BM1518" s="166">
        <v>-109418.4</v>
      </c>
      <c r="BN1518" s="166">
        <v>-3269290.32</v>
      </c>
      <c r="BO1518" s="166">
        <v>-3964398.2872829898</v>
      </c>
      <c r="BP1518" s="166">
        <v>-59485239.119999997</v>
      </c>
      <c r="BQ1518" s="166">
        <v>0</v>
      </c>
      <c r="BR1518" s="166">
        <v>802158339.67285705</v>
      </c>
      <c r="BS1518" s="166">
        <v>593680131.02665102</v>
      </c>
      <c r="BT1518" s="168">
        <v>0</v>
      </c>
      <c r="BU1518" s="166">
        <v>75531255.070841894</v>
      </c>
      <c r="BV1518" s="166">
        <v>782288601.47760606</v>
      </c>
      <c r="BW1518" s="166">
        <v>0</v>
      </c>
      <c r="BX1518" s="166">
        <v>-3110325.1989735598</v>
      </c>
      <c r="BY1518" s="166">
        <v>-1272265.8034020299</v>
      </c>
      <c r="BZ1518" s="166">
        <v>-114962556.974999</v>
      </c>
      <c r="CA1518" s="166">
        <v>-477797.72944199998</v>
      </c>
      <c r="CB1518" s="166">
        <v>-11630778.9645609</v>
      </c>
      <c r="CC1518" s="166">
        <v>0</v>
      </c>
      <c r="CD1518" s="166">
        <v>-10804407.560000001</v>
      </c>
      <c r="CE1518" s="166">
        <v>1093281.3937200001</v>
      </c>
      <c r="CF1518" s="166">
        <v>-105894.033335999</v>
      </c>
      <c r="CG1518" s="166">
        <v>-3163986.4787928001</v>
      </c>
      <c r="CH1518" s="166">
        <v>-3964398.2872829898</v>
      </c>
      <c r="CI1518" s="166">
        <v>-56913570.477703698</v>
      </c>
      <c r="CJ1518" s="166">
        <v>0</v>
      </c>
      <c r="CK1518" s="166">
        <v>0</v>
      </c>
      <c r="CL1518" s="166">
        <v>-3110325.1989735598</v>
      </c>
      <c r="CM1518" s="166">
        <v>-1272265.8034020299</v>
      </c>
      <c r="CN1518" s="166">
        <v>-114962556.974999</v>
      </c>
      <c r="CO1518" s="166">
        <v>-477797.72944199998</v>
      </c>
      <c r="CP1518" s="166">
        <v>-11630778.9645609</v>
      </c>
      <c r="CQ1518" s="166">
        <v>0</v>
      </c>
      <c r="CR1518" s="166">
        <v>-10804407.560000001</v>
      </c>
      <c r="CS1518" s="166">
        <v>1093281.3937200001</v>
      </c>
      <c r="CT1518" s="166">
        <v>-105894.033335999</v>
      </c>
      <c r="CU1518" s="166">
        <v>-3163986.4787928001</v>
      </c>
      <c r="CV1518" s="166">
        <v>-3964398.2872829898</v>
      </c>
      <c r="CW1518" s="166">
        <v>-56913570.477703698</v>
      </c>
      <c r="CX1518" s="166">
        <v>0</v>
      </c>
      <c r="CY1518" s="166">
        <v>576975901.36283398</v>
      </c>
      <c r="CZ1518" s="166">
        <v>576975901.36283302</v>
      </c>
    </row>
    <row r="1519" spans="1:104" x14ac:dyDescent="0.2">
      <c r="A1519" s="167" t="s">
        <v>486</v>
      </c>
    </row>
    <row r="1520" spans="1:104" x14ac:dyDescent="0.2">
      <c r="A1520" s="170" t="s">
        <v>487</v>
      </c>
    </row>
    <row r="1521" spans="1:104" x14ac:dyDescent="0.2">
      <c r="A1521" s="170" t="s">
        <v>488</v>
      </c>
    </row>
    <row r="1522" spans="1:104" x14ac:dyDescent="0.2">
      <c r="A1522" s="167" t="s">
        <v>489</v>
      </c>
      <c r="B1522" s="166">
        <v>-1.09935172076802E-7</v>
      </c>
      <c r="C1522" s="166">
        <v>-1.09935172076802E-7</v>
      </c>
      <c r="D1522" s="166">
        <v>0</v>
      </c>
      <c r="E1522" s="166">
        <v>0</v>
      </c>
      <c r="F1522" s="166">
        <v>0</v>
      </c>
      <c r="G1522" s="166">
        <v>1.09935172076802E-7</v>
      </c>
      <c r="H1522" s="166">
        <v>0</v>
      </c>
      <c r="I1522" s="166">
        <v>0</v>
      </c>
      <c r="J1522" s="166">
        <v>0</v>
      </c>
      <c r="K1522" s="166">
        <v>0</v>
      </c>
      <c r="L1522" s="166">
        <v>0</v>
      </c>
      <c r="M1522" s="166">
        <v>0</v>
      </c>
      <c r="N1522" s="166">
        <v>0</v>
      </c>
      <c r="O1522" s="166">
        <v>0</v>
      </c>
      <c r="P1522" s="166">
        <v>0</v>
      </c>
      <c r="Q1522" s="166">
        <v>0</v>
      </c>
      <c r="R1522" s="166">
        <v>0</v>
      </c>
      <c r="S1522" s="166">
        <v>0</v>
      </c>
      <c r="T1522" s="166">
        <v>0</v>
      </c>
      <c r="U1522" s="166">
        <v>0</v>
      </c>
      <c r="V1522" s="166">
        <v>0</v>
      </c>
      <c r="W1522" s="166">
        <v>0</v>
      </c>
      <c r="X1522" s="166">
        <v>0</v>
      </c>
      <c r="Y1522" s="166">
        <v>0</v>
      </c>
      <c r="Z1522" s="166">
        <v>0</v>
      </c>
      <c r="AA1522" s="166">
        <v>0</v>
      </c>
      <c r="AB1522" s="166">
        <v>0</v>
      </c>
      <c r="AC1522" s="166">
        <v>0</v>
      </c>
      <c r="AD1522" s="166">
        <v>0</v>
      </c>
      <c r="AE1522" s="166">
        <v>0</v>
      </c>
      <c r="AF1522" s="166">
        <v>0</v>
      </c>
      <c r="AG1522" s="166">
        <v>0</v>
      </c>
      <c r="AH1522" s="166">
        <v>0</v>
      </c>
      <c r="AI1522" s="166">
        <v>0</v>
      </c>
      <c r="AJ1522" s="166">
        <v>0</v>
      </c>
      <c r="AK1522" s="166">
        <v>0</v>
      </c>
      <c r="AL1522" s="166">
        <v>0</v>
      </c>
      <c r="AM1522" s="166">
        <v>0</v>
      </c>
      <c r="AN1522" s="166">
        <v>0</v>
      </c>
      <c r="AO1522" s="166">
        <v>0</v>
      </c>
      <c r="AP1522" s="166">
        <v>0</v>
      </c>
      <c r="AQ1522" s="166">
        <v>0</v>
      </c>
      <c r="AR1522" s="166">
        <v>0</v>
      </c>
      <c r="AS1522" s="166">
        <v>0</v>
      </c>
      <c r="AT1522" s="166">
        <v>0</v>
      </c>
      <c r="AU1522" s="166">
        <v>0</v>
      </c>
      <c r="AV1522" s="166">
        <v>0</v>
      </c>
      <c r="AW1522" s="166">
        <v>0</v>
      </c>
      <c r="AX1522" s="166">
        <v>0</v>
      </c>
      <c r="AY1522" s="166">
        <v>0</v>
      </c>
      <c r="AZ1522" s="166">
        <v>0</v>
      </c>
      <c r="BA1522" s="166">
        <v>0</v>
      </c>
      <c r="BB1522" s="166">
        <v>0</v>
      </c>
      <c r="BC1522" s="166">
        <v>0</v>
      </c>
      <c r="BD1522" s="166">
        <v>1.09935172076802E-7</v>
      </c>
      <c r="BE1522" s="166">
        <v>0</v>
      </c>
      <c r="BF1522" s="166">
        <v>0</v>
      </c>
      <c r="BG1522" s="166">
        <v>0</v>
      </c>
      <c r="BH1522" s="166">
        <v>0</v>
      </c>
      <c r="BI1522" s="166">
        <v>0</v>
      </c>
      <c r="BJ1522" s="166">
        <v>0</v>
      </c>
      <c r="BK1522" s="166">
        <v>0</v>
      </c>
      <c r="BL1522" s="166">
        <v>0</v>
      </c>
      <c r="BM1522" s="166">
        <v>0</v>
      </c>
      <c r="BN1522" s="166">
        <v>0</v>
      </c>
      <c r="BO1522" s="166">
        <v>0</v>
      </c>
      <c r="BP1522" s="166">
        <v>0</v>
      </c>
      <c r="BQ1522" s="166">
        <v>0</v>
      </c>
      <c r="BR1522" s="166">
        <v>-1.09935172076802E-7</v>
      </c>
      <c r="BS1522" s="166">
        <v>0</v>
      </c>
      <c r="BT1522" s="168">
        <v>1</v>
      </c>
      <c r="BU1522" s="166">
        <v>-628085.50274674804</v>
      </c>
      <c r="BV1522" s="166">
        <v>-1.09935172076802E-7</v>
      </c>
      <c r="BW1522" s="166">
        <v>1.09935172076802E-7</v>
      </c>
      <c r="BX1522" s="166">
        <v>0</v>
      </c>
      <c r="BY1522" s="166">
        <v>0</v>
      </c>
      <c r="BZ1522" s="166">
        <v>0</v>
      </c>
      <c r="CA1522" s="166">
        <v>0</v>
      </c>
      <c r="CB1522" s="166">
        <v>0</v>
      </c>
      <c r="CC1522" s="166">
        <v>0</v>
      </c>
      <c r="CD1522" s="166">
        <v>0</v>
      </c>
      <c r="CE1522" s="166">
        <v>0</v>
      </c>
      <c r="CF1522" s="166">
        <v>0</v>
      </c>
      <c r="CG1522" s="166">
        <v>0</v>
      </c>
      <c r="CH1522" s="166">
        <v>0</v>
      </c>
      <c r="CI1522" s="166">
        <v>0</v>
      </c>
      <c r="CJ1522" s="166">
        <v>0</v>
      </c>
      <c r="CK1522" s="166">
        <v>1.09935172076802E-7</v>
      </c>
      <c r="CL1522" s="166">
        <v>0</v>
      </c>
      <c r="CM1522" s="166">
        <v>0</v>
      </c>
      <c r="CN1522" s="166">
        <v>0</v>
      </c>
      <c r="CO1522" s="166">
        <v>0</v>
      </c>
      <c r="CP1522" s="166">
        <v>0</v>
      </c>
      <c r="CQ1522" s="166">
        <v>0</v>
      </c>
      <c r="CR1522" s="166">
        <v>0</v>
      </c>
      <c r="CS1522" s="166">
        <v>0</v>
      </c>
      <c r="CT1522" s="166">
        <v>0</v>
      </c>
      <c r="CU1522" s="166">
        <v>0</v>
      </c>
      <c r="CV1522" s="166">
        <v>0</v>
      </c>
      <c r="CW1522" s="166">
        <v>0</v>
      </c>
      <c r="CX1522" s="166">
        <v>0</v>
      </c>
      <c r="CY1522" s="166">
        <v>0</v>
      </c>
      <c r="CZ1522" s="166">
        <v>0</v>
      </c>
    </row>
    <row r="1523" spans="1:104" x14ac:dyDescent="0.2">
      <c r="A1523" s="167" t="s">
        <v>1205</v>
      </c>
      <c r="B1523" s="166">
        <v>130031305.12</v>
      </c>
      <c r="C1523" s="166">
        <v>130031305.12</v>
      </c>
      <c r="D1523" s="166">
        <v>0</v>
      </c>
      <c r="E1523" s="166">
        <v>0</v>
      </c>
      <c r="F1523" s="166">
        <v>0</v>
      </c>
      <c r="G1523" s="166">
        <v>-130031305.12</v>
      </c>
      <c r="H1523" s="166">
        <v>0</v>
      </c>
      <c r="I1523" s="166">
        <v>0</v>
      </c>
      <c r="J1523" s="166">
        <v>0</v>
      </c>
      <c r="K1523" s="166">
        <v>0</v>
      </c>
      <c r="L1523" s="166">
        <v>0</v>
      </c>
      <c r="M1523" s="166">
        <v>0</v>
      </c>
      <c r="N1523" s="166">
        <v>0</v>
      </c>
      <c r="O1523" s="166">
        <v>0</v>
      </c>
      <c r="P1523" s="166">
        <v>0</v>
      </c>
      <c r="Q1523" s="166">
        <v>0</v>
      </c>
      <c r="R1523" s="166">
        <v>0</v>
      </c>
      <c r="S1523" s="166">
        <v>0</v>
      </c>
      <c r="T1523" s="166">
        <v>0</v>
      </c>
      <c r="U1523" s="166">
        <v>0</v>
      </c>
      <c r="V1523" s="166">
        <v>0</v>
      </c>
      <c r="W1523" s="166">
        <v>0</v>
      </c>
      <c r="X1523" s="166">
        <v>0</v>
      </c>
      <c r="Y1523" s="166">
        <v>0</v>
      </c>
      <c r="Z1523" s="166">
        <v>0</v>
      </c>
      <c r="AA1523" s="166">
        <v>0</v>
      </c>
      <c r="AB1523" s="166">
        <v>0</v>
      </c>
      <c r="AC1523" s="166">
        <v>0</v>
      </c>
      <c r="AD1523" s="166">
        <v>0</v>
      </c>
      <c r="AE1523" s="166">
        <v>0</v>
      </c>
      <c r="AF1523" s="166">
        <v>0</v>
      </c>
      <c r="AG1523" s="166">
        <v>0</v>
      </c>
      <c r="AH1523" s="166">
        <v>0</v>
      </c>
      <c r="AI1523" s="166">
        <v>0</v>
      </c>
      <c r="AJ1523" s="166">
        <v>0</v>
      </c>
      <c r="AK1523" s="166">
        <v>0</v>
      </c>
      <c r="AL1523" s="166">
        <v>0</v>
      </c>
      <c r="AM1523" s="166">
        <v>0</v>
      </c>
      <c r="AN1523" s="166">
        <v>0</v>
      </c>
      <c r="AO1523" s="166">
        <v>0</v>
      </c>
      <c r="AP1523" s="166">
        <v>0</v>
      </c>
      <c r="AQ1523" s="166">
        <v>0</v>
      </c>
      <c r="AR1523" s="166">
        <v>0</v>
      </c>
      <c r="AS1523" s="166">
        <v>0</v>
      </c>
      <c r="AT1523" s="166">
        <v>0</v>
      </c>
      <c r="AU1523" s="166">
        <v>0</v>
      </c>
      <c r="AV1523" s="166">
        <v>0</v>
      </c>
      <c r="AW1523" s="166">
        <v>0</v>
      </c>
      <c r="AX1523" s="166">
        <v>0</v>
      </c>
      <c r="AY1523" s="166">
        <v>0</v>
      </c>
      <c r="AZ1523" s="166">
        <v>0</v>
      </c>
      <c r="BA1523" s="166">
        <v>0</v>
      </c>
      <c r="BB1523" s="166">
        <v>0</v>
      </c>
      <c r="BC1523" s="166">
        <v>0</v>
      </c>
      <c r="BD1523" s="166">
        <v>-130031305.12</v>
      </c>
      <c r="BE1523" s="166">
        <v>0</v>
      </c>
      <c r="BF1523" s="166">
        <v>0</v>
      </c>
      <c r="BG1523" s="166">
        <v>0</v>
      </c>
      <c r="BH1523" s="166">
        <v>0</v>
      </c>
      <c r="BI1523" s="166">
        <v>0</v>
      </c>
      <c r="BJ1523" s="166">
        <v>0</v>
      </c>
      <c r="BK1523" s="166">
        <v>0</v>
      </c>
      <c r="BL1523" s="166">
        <v>0</v>
      </c>
      <c r="BM1523" s="166">
        <v>0</v>
      </c>
      <c r="BN1523" s="166">
        <v>0</v>
      </c>
      <c r="BO1523" s="166">
        <v>0</v>
      </c>
      <c r="BP1523" s="166">
        <v>0</v>
      </c>
      <c r="BQ1523" s="166">
        <v>0</v>
      </c>
      <c r="BR1523" s="166">
        <v>130031305.12</v>
      </c>
      <c r="BS1523" s="166">
        <v>0</v>
      </c>
      <c r="BT1523" s="168">
        <v>0.96281220000000001</v>
      </c>
      <c r="BU1523" s="166">
        <v>10042664.9713149</v>
      </c>
      <c r="BV1523" s="166">
        <v>125195726.95145801</v>
      </c>
      <c r="BW1523" s="166">
        <v>-125195726.95145801</v>
      </c>
      <c r="BX1523" s="166">
        <v>0</v>
      </c>
      <c r="BY1523" s="166">
        <v>0</v>
      </c>
      <c r="BZ1523" s="166">
        <v>0</v>
      </c>
      <c r="CA1523" s="166">
        <v>0</v>
      </c>
      <c r="CB1523" s="166">
        <v>0</v>
      </c>
      <c r="CC1523" s="166">
        <v>0</v>
      </c>
      <c r="CD1523" s="166">
        <v>0</v>
      </c>
      <c r="CE1523" s="166">
        <v>0</v>
      </c>
      <c r="CF1523" s="166">
        <v>0</v>
      </c>
      <c r="CG1523" s="166">
        <v>0</v>
      </c>
      <c r="CH1523" s="166">
        <v>0</v>
      </c>
      <c r="CI1523" s="166">
        <v>0</v>
      </c>
      <c r="CJ1523" s="166">
        <v>0</v>
      </c>
      <c r="CK1523" s="166">
        <v>-125195726.95145801</v>
      </c>
      <c r="CL1523" s="166">
        <v>0</v>
      </c>
      <c r="CM1523" s="166">
        <v>0</v>
      </c>
      <c r="CN1523" s="166">
        <v>0</v>
      </c>
      <c r="CO1523" s="166">
        <v>0</v>
      </c>
      <c r="CP1523" s="166">
        <v>0</v>
      </c>
      <c r="CQ1523" s="166">
        <v>0</v>
      </c>
      <c r="CR1523" s="166">
        <v>0</v>
      </c>
      <c r="CS1523" s="166">
        <v>0</v>
      </c>
      <c r="CT1523" s="166">
        <v>0</v>
      </c>
      <c r="CU1523" s="166">
        <v>0</v>
      </c>
      <c r="CV1523" s="166">
        <v>0</v>
      </c>
      <c r="CW1523" s="166">
        <v>0</v>
      </c>
      <c r="CX1523" s="166">
        <v>0</v>
      </c>
      <c r="CY1523" s="166">
        <v>0</v>
      </c>
      <c r="CZ1523" s="166">
        <v>0</v>
      </c>
    </row>
    <row r="1524" spans="1:104" x14ac:dyDescent="0.2">
      <c r="A1524" s="167" t="s">
        <v>491</v>
      </c>
      <c r="B1524" s="166">
        <v>130031305.11999901</v>
      </c>
      <c r="C1524" s="166">
        <v>130031305.11999901</v>
      </c>
      <c r="D1524" s="166">
        <v>0</v>
      </c>
      <c r="E1524" s="166">
        <v>0</v>
      </c>
      <c r="F1524" s="166">
        <v>0</v>
      </c>
      <c r="G1524" s="166">
        <v>-130031305.11999901</v>
      </c>
      <c r="H1524" s="166">
        <v>0</v>
      </c>
      <c r="I1524" s="166">
        <v>0</v>
      </c>
      <c r="J1524" s="166">
        <v>0</v>
      </c>
      <c r="K1524" s="166">
        <v>0</v>
      </c>
      <c r="L1524" s="166">
        <v>0</v>
      </c>
      <c r="M1524" s="166">
        <v>0</v>
      </c>
      <c r="N1524" s="166">
        <v>0</v>
      </c>
      <c r="O1524" s="166">
        <v>0</v>
      </c>
      <c r="P1524" s="166">
        <v>0</v>
      </c>
      <c r="Q1524" s="166">
        <v>0</v>
      </c>
      <c r="R1524" s="166">
        <v>0</v>
      </c>
      <c r="S1524" s="166">
        <v>0</v>
      </c>
      <c r="T1524" s="166">
        <v>0</v>
      </c>
      <c r="U1524" s="166">
        <v>0</v>
      </c>
      <c r="V1524" s="166">
        <v>0</v>
      </c>
      <c r="W1524" s="166">
        <v>0</v>
      </c>
      <c r="X1524" s="166">
        <v>0</v>
      </c>
      <c r="Y1524" s="166">
        <v>0</v>
      </c>
      <c r="Z1524" s="166">
        <v>0</v>
      </c>
      <c r="AA1524" s="166">
        <v>0</v>
      </c>
      <c r="AB1524" s="166">
        <v>0</v>
      </c>
      <c r="AC1524" s="166">
        <v>0</v>
      </c>
      <c r="AD1524" s="166">
        <v>0</v>
      </c>
      <c r="AE1524" s="166">
        <v>0</v>
      </c>
      <c r="AF1524" s="166">
        <v>0</v>
      </c>
      <c r="AG1524" s="166">
        <v>0</v>
      </c>
      <c r="AH1524" s="166">
        <v>0</v>
      </c>
      <c r="AI1524" s="166">
        <v>0</v>
      </c>
      <c r="AJ1524" s="166">
        <v>0</v>
      </c>
      <c r="AK1524" s="166">
        <v>0</v>
      </c>
      <c r="AL1524" s="166">
        <v>0</v>
      </c>
      <c r="AM1524" s="166">
        <v>0</v>
      </c>
      <c r="AN1524" s="166">
        <v>0</v>
      </c>
      <c r="AO1524" s="166">
        <v>0</v>
      </c>
      <c r="AP1524" s="166">
        <v>0</v>
      </c>
      <c r="AQ1524" s="166">
        <v>0</v>
      </c>
      <c r="AR1524" s="166">
        <v>0</v>
      </c>
      <c r="AS1524" s="166">
        <v>0</v>
      </c>
      <c r="AT1524" s="166">
        <v>0</v>
      </c>
      <c r="AU1524" s="166">
        <v>0</v>
      </c>
      <c r="AV1524" s="166">
        <v>0</v>
      </c>
      <c r="AW1524" s="166">
        <v>0</v>
      </c>
      <c r="AX1524" s="166">
        <v>0</v>
      </c>
      <c r="AY1524" s="166">
        <v>0</v>
      </c>
      <c r="AZ1524" s="166">
        <v>0</v>
      </c>
      <c r="BA1524" s="166">
        <v>0</v>
      </c>
      <c r="BB1524" s="166">
        <v>0</v>
      </c>
      <c r="BC1524" s="166">
        <v>0</v>
      </c>
      <c r="BD1524" s="166">
        <v>-130031305.11999901</v>
      </c>
      <c r="BE1524" s="166">
        <v>0</v>
      </c>
      <c r="BF1524" s="166">
        <v>0</v>
      </c>
      <c r="BG1524" s="166">
        <v>0</v>
      </c>
      <c r="BH1524" s="166">
        <v>0</v>
      </c>
      <c r="BI1524" s="166">
        <v>0</v>
      </c>
      <c r="BJ1524" s="166">
        <v>0</v>
      </c>
      <c r="BK1524" s="166">
        <v>0</v>
      </c>
      <c r="BL1524" s="166">
        <v>0</v>
      </c>
      <c r="BM1524" s="166">
        <v>0</v>
      </c>
      <c r="BN1524" s="166">
        <v>0</v>
      </c>
      <c r="BO1524" s="166">
        <v>0</v>
      </c>
      <c r="BP1524" s="166">
        <v>0</v>
      </c>
      <c r="BQ1524" s="166">
        <v>0</v>
      </c>
      <c r="BR1524" s="166">
        <v>130031305.11999901</v>
      </c>
      <c r="BS1524" s="166">
        <v>0</v>
      </c>
      <c r="BT1524" s="166">
        <v>0</v>
      </c>
      <c r="BU1524" s="166">
        <v>9414579.4685682002</v>
      </c>
      <c r="BV1524" s="166">
        <v>125195726.95145801</v>
      </c>
      <c r="BW1524" s="166">
        <v>-125195726.95145801</v>
      </c>
      <c r="BX1524" s="166">
        <v>0</v>
      </c>
      <c r="BY1524" s="166">
        <v>0</v>
      </c>
      <c r="BZ1524" s="166">
        <v>0</v>
      </c>
      <c r="CA1524" s="166">
        <v>0</v>
      </c>
      <c r="CB1524" s="166">
        <v>0</v>
      </c>
      <c r="CC1524" s="166">
        <v>0</v>
      </c>
      <c r="CD1524" s="166">
        <v>0</v>
      </c>
      <c r="CE1524" s="166">
        <v>0</v>
      </c>
      <c r="CF1524" s="166">
        <v>0</v>
      </c>
      <c r="CG1524" s="166">
        <v>0</v>
      </c>
      <c r="CH1524" s="166">
        <v>0</v>
      </c>
      <c r="CI1524" s="166">
        <v>0</v>
      </c>
      <c r="CJ1524" s="166">
        <v>0</v>
      </c>
      <c r="CK1524" s="166">
        <v>-125195726.95145801</v>
      </c>
      <c r="CL1524" s="166">
        <v>0</v>
      </c>
      <c r="CM1524" s="166">
        <v>0</v>
      </c>
      <c r="CN1524" s="166">
        <v>0</v>
      </c>
      <c r="CO1524" s="166">
        <v>0</v>
      </c>
      <c r="CP1524" s="166">
        <v>0</v>
      </c>
      <c r="CQ1524" s="166">
        <v>0</v>
      </c>
      <c r="CR1524" s="166">
        <v>0</v>
      </c>
      <c r="CS1524" s="166">
        <v>0</v>
      </c>
      <c r="CT1524" s="166">
        <v>0</v>
      </c>
      <c r="CU1524" s="166">
        <v>0</v>
      </c>
      <c r="CV1524" s="166">
        <v>0</v>
      </c>
      <c r="CW1524" s="166">
        <v>0</v>
      </c>
      <c r="CX1524" s="166">
        <v>0</v>
      </c>
      <c r="CY1524" s="166">
        <v>0</v>
      </c>
      <c r="CZ1524" s="166">
        <v>0</v>
      </c>
    </row>
    <row r="1525" spans="1:104" x14ac:dyDescent="0.2">
      <c r="A1525" s="167" t="s">
        <v>492</v>
      </c>
    </row>
    <row r="1526" spans="1:104" x14ac:dyDescent="0.2">
      <c r="A1526" s="170" t="s">
        <v>493</v>
      </c>
    </row>
    <row r="1527" spans="1:104" x14ac:dyDescent="0.2">
      <c r="A1527" s="167" t="s">
        <v>494</v>
      </c>
      <c r="B1527" s="166">
        <v>6200705.4857198</v>
      </c>
      <c r="C1527" s="166">
        <v>6200705.4857198</v>
      </c>
      <c r="D1527" s="166">
        <v>0</v>
      </c>
      <c r="E1527" s="166">
        <v>0</v>
      </c>
      <c r="F1527" s="166">
        <v>0</v>
      </c>
      <c r="G1527" s="166">
        <v>0</v>
      </c>
      <c r="H1527" s="166">
        <v>0</v>
      </c>
      <c r="I1527" s="166">
        <v>0</v>
      </c>
      <c r="J1527" s="166">
        <v>0</v>
      </c>
      <c r="K1527" s="166">
        <v>0</v>
      </c>
      <c r="L1527" s="166">
        <v>0</v>
      </c>
      <c r="M1527" s="166">
        <v>0</v>
      </c>
      <c r="N1527" s="166">
        <v>0</v>
      </c>
      <c r="O1527" s="166">
        <v>0</v>
      </c>
      <c r="P1527" s="166">
        <v>0</v>
      </c>
      <c r="Q1527" s="166">
        <v>0</v>
      </c>
      <c r="R1527" s="166">
        <v>0</v>
      </c>
      <c r="S1527" s="166">
        <v>0</v>
      </c>
      <c r="T1527" s="166">
        <v>0</v>
      </c>
      <c r="U1527" s="166">
        <v>0</v>
      </c>
      <c r="V1527" s="166">
        <v>0</v>
      </c>
      <c r="W1527" s="166">
        <v>0</v>
      </c>
      <c r="X1527" s="166">
        <v>0</v>
      </c>
      <c r="Y1527" s="166">
        <v>0</v>
      </c>
      <c r="Z1527" s="166">
        <v>0</v>
      </c>
      <c r="AA1527" s="166">
        <v>0</v>
      </c>
      <c r="AB1527" s="166">
        <v>-6200705.4857198</v>
      </c>
      <c r="AC1527" s="166">
        <v>0</v>
      </c>
      <c r="AD1527" s="166">
        <v>0</v>
      </c>
      <c r="AE1527" s="166">
        <v>0</v>
      </c>
      <c r="AF1527" s="166">
        <v>0</v>
      </c>
      <c r="AG1527" s="166">
        <v>0</v>
      </c>
      <c r="AH1527" s="166">
        <v>0</v>
      </c>
      <c r="AI1527" s="166">
        <v>0</v>
      </c>
      <c r="AJ1527" s="166">
        <v>0</v>
      </c>
      <c r="AK1527" s="166">
        <v>0</v>
      </c>
      <c r="AL1527" s="166">
        <v>0</v>
      </c>
      <c r="AM1527" s="166">
        <v>0</v>
      </c>
      <c r="AN1527" s="166">
        <v>0</v>
      </c>
      <c r="AO1527" s="166">
        <v>0</v>
      </c>
      <c r="AP1527" s="166">
        <v>0</v>
      </c>
      <c r="AQ1527" s="166">
        <v>0</v>
      </c>
      <c r="AR1527" s="166">
        <v>0</v>
      </c>
      <c r="AS1527" s="166">
        <v>0</v>
      </c>
      <c r="AT1527" s="166">
        <v>0</v>
      </c>
      <c r="AU1527" s="166">
        <v>0</v>
      </c>
      <c r="AV1527" s="166">
        <v>0</v>
      </c>
      <c r="AW1527" s="166">
        <v>0</v>
      </c>
      <c r="AX1527" s="166">
        <v>0</v>
      </c>
      <c r="AY1527" s="166">
        <v>0</v>
      </c>
      <c r="AZ1527" s="166">
        <v>0</v>
      </c>
      <c r="BA1527" s="166">
        <v>0</v>
      </c>
      <c r="BB1527" s="166">
        <v>0</v>
      </c>
      <c r="BC1527" s="166">
        <v>0</v>
      </c>
      <c r="BD1527" s="166">
        <v>0</v>
      </c>
      <c r="BE1527" s="166">
        <v>0</v>
      </c>
      <c r="BF1527" s="166">
        <v>0</v>
      </c>
      <c r="BG1527" s="166">
        <v>0</v>
      </c>
      <c r="BH1527" s="166">
        <v>0</v>
      </c>
      <c r="BI1527" s="166">
        <v>0</v>
      </c>
      <c r="BJ1527" s="166">
        <v>-6200705.4857198</v>
      </c>
      <c r="BK1527" s="166">
        <v>0</v>
      </c>
      <c r="BL1527" s="166">
        <v>0</v>
      </c>
      <c r="BM1527" s="166">
        <v>0</v>
      </c>
      <c r="BN1527" s="166">
        <v>0</v>
      </c>
      <c r="BO1527" s="166">
        <v>0</v>
      </c>
      <c r="BP1527" s="166">
        <v>0</v>
      </c>
      <c r="BQ1527" s="166">
        <v>0</v>
      </c>
      <c r="BR1527" s="166">
        <v>6200705.4857198</v>
      </c>
      <c r="BS1527" s="166">
        <v>0</v>
      </c>
      <c r="BT1527" s="168">
        <v>0</v>
      </c>
      <c r="BU1527" s="166">
        <v>0</v>
      </c>
      <c r="BV1527" s="166">
        <v>0</v>
      </c>
      <c r="BW1527" s="166">
        <v>0</v>
      </c>
      <c r="BX1527" s="166">
        <v>0</v>
      </c>
      <c r="BY1527" s="166">
        <v>0</v>
      </c>
      <c r="BZ1527" s="166">
        <v>0</v>
      </c>
      <c r="CA1527" s="166">
        <v>0</v>
      </c>
      <c r="CB1527" s="166">
        <v>0</v>
      </c>
      <c r="CC1527" s="166">
        <v>0</v>
      </c>
      <c r="CD1527" s="166">
        <v>0</v>
      </c>
      <c r="CE1527" s="166">
        <v>0</v>
      </c>
      <c r="CF1527" s="166">
        <v>0</v>
      </c>
      <c r="CG1527" s="166">
        <v>0</v>
      </c>
      <c r="CH1527" s="166">
        <v>0</v>
      </c>
      <c r="CI1527" s="166">
        <v>0</v>
      </c>
      <c r="CJ1527" s="166">
        <v>0</v>
      </c>
      <c r="CK1527" s="166">
        <v>0</v>
      </c>
      <c r="CL1527" s="166">
        <v>0</v>
      </c>
      <c r="CM1527" s="166">
        <v>0</v>
      </c>
      <c r="CN1527" s="166">
        <v>0</v>
      </c>
      <c r="CO1527" s="166">
        <v>0</v>
      </c>
      <c r="CP1527" s="166">
        <v>0</v>
      </c>
      <c r="CQ1527" s="166">
        <v>0</v>
      </c>
      <c r="CR1527" s="166">
        <v>0</v>
      </c>
      <c r="CS1527" s="166">
        <v>0</v>
      </c>
      <c r="CT1527" s="166">
        <v>0</v>
      </c>
      <c r="CU1527" s="166">
        <v>0</v>
      </c>
      <c r="CV1527" s="166">
        <v>0</v>
      </c>
      <c r="CW1527" s="166">
        <v>0</v>
      </c>
      <c r="CX1527" s="166">
        <v>0</v>
      </c>
      <c r="CY1527" s="166">
        <v>0</v>
      </c>
      <c r="CZ1527" s="166">
        <v>0</v>
      </c>
    </row>
    <row r="1528" spans="1:104" x14ac:dyDescent="0.2">
      <c r="A1528" s="167" t="s">
        <v>1206</v>
      </c>
      <c r="B1528" s="166">
        <v>1755751752.6116099</v>
      </c>
      <c r="C1528" s="166">
        <v>1755751752.6116099</v>
      </c>
      <c r="D1528" s="166">
        <v>0</v>
      </c>
      <c r="E1528" s="166">
        <v>0</v>
      </c>
      <c r="F1528" s="166">
        <v>0</v>
      </c>
      <c r="G1528" s="166">
        <v>0</v>
      </c>
      <c r="H1528" s="166">
        <v>0</v>
      </c>
      <c r="I1528" s="166">
        <v>0</v>
      </c>
      <c r="J1528" s="166">
        <v>0</v>
      </c>
      <c r="K1528" s="166">
        <v>0</v>
      </c>
      <c r="L1528" s="166">
        <v>0</v>
      </c>
      <c r="M1528" s="166">
        <v>0</v>
      </c>
      <c r="N1528" s="166">
        <v>0</v>
      </c>
      <c r="O1528" s="166">
        <v>0</v>
      </c>
      <c r="P1528" s="166">
        <v>0</v>
      </c>
      <c r="Q1528" s="166">
        <v>0</v>
      </c>
      <c r="R1528" s="166">
        <v>0</v>
      </c>
      <c r="S1528" s="166">
        <v>0</v>
      </c>
      <c r="T1528" s="166">
        <v>0</v>
      </c>
      <c r="U1528" s="166">
        <v>0</v>
      </c>
      <c r="V1528" s="166">
        <v>0</v>
      </c>
      <c r="W1528" s="166">
        <v>0</v>
      </c>
      <c r="X1528" s="166">
        <v>0</v>
      </c>
      <c r="Y1528" s="166">
        <v>0</v>
      </c>
      <c r="Z1528" s="166">
        <v>0</v>
      </c>
      <c r="AA1528" s="166">
        <v>0</v>
      </c>
      <c r="AB1528" s="166">
        <v>-1755751752.6116099</v>
      </c>
      <c r="AC1528" s="166">
        <v>0</v>
      </c>
      <c r="AD1528" s="166">
        <v>0</v>
      </c>
      <c r="AE1528" s="166">
        <v>0</v>
      </c>
      <c r="AF1528" s="166">
        <v>0</v>
      </c>
      <c r="AG1528" s="166">
        <v>0</v>
      </c>
      <c r="AH1528" s="166">
        <v>0</v>
      </c>
      <c r="AI1528" s="166">
        <v>0</v>
      </c>
      <c r="AJ1528" s="166">
        <v>0</v>
      </c>
      <c r="AK1528" s="166">
        <v>0</v>
      </c>
      <c r="AL1528" s="166">
        <v>0</v>
      </c>
      <c r="AM1528" s="166">
        <v>0</v>
      </c>
      <c r="AN1528" s="166">
        <v>0</v>
      </c>
      <c r="AO1528" s="166">
        <v>0</v>
      </c>
      <c r="AP1528" s="166">
        <v>0</v>
      </c>
      <c r="AQ1528" s="166">
        <v>0</v>
      </c>
      <c r="AR1528" s="166">
        <v>0</v>
      </c>
      <c r="AS1528" s="166">
        <v>0</v>
      </c>
      <c r="AT1528" s="166">
        <v>0</v>
      </c>
      <c r="AU1528" s="166">
        <v>0</v>
      </c>
      <c r="AV1528" s="166">
        <v>0</v>
      </c>
      <c r="AW1528" s="166">
        <v>0</v>
      </c>
      <c r="AX1528" s="166">
        <v>0</v>
      </c>
      <c r="AY1528" s="166">
        <v>0</v>
      </c>
      <c r="AZ1528" s="166">
        <v>0</v>
      </c>
      <c r="BA1528" s="166">
        <v>0</v>
      </c>
      <c r="BB1528" s="166">
        <v>0</v>
      </c>
      <c r="BC1528" s="166">
        <v>0</v>
      </c>
      <c r="BD1528" s="166">
        <v>0</v>
      </c>
      <c r="BE1528" s="166">
        <v>0</v>
      </c>
      <c r="BF1528" s="166">
        <v>0</v>
      </c>
      <c r="BG1528" s="166">
        <v>0</v>
      </c>
      <c r="BH1528" s="166">
        <v>0</v>
      </c>
      <c r="BI1528" s="166">
        <v>0</v>
      </c>
      <c r="BJ1528" s="166">
        <v>-1755751752.6116099</v>
      </c>
      <c r="BK1528" s="166">
        <v>0</v>
      </c>
      <c r="BL1528" s="166">
        <v>0</v>
      </c>
      <c r="BM1528" s="166">
        <v>0</v>
      </c>
      <c r="BN1528" s="166">
        <v>0</v>
      </c>
      <c r="BO1528" s="166">
        <v>0</v>
      </c>
      <c r="BP1528" s="166">
        <v>0</v>
      </c>
      <c r="BQ1528" s="166">
        <v>0</v>
      </c>
      <c r="BR1528" s="166">
        <v>1755751752.6116099</v>
      </c>
      <c r="BS1528" s="166">
        <v>0</v>
      </c>
      <c r="BT1528" s="168">
        <v>0.99957996999999899</v>
      </c>
      <c r="BU1528" s="166">
        <v>132872273.26740099</v>
      </c>
      <c r="BV1528" s="166">
        <v>1755014284.20296</v>
      </c>
      <c r="BW1528" s="166">
        <v>0</v>
      </c>
      <c r="BX1528" s="166">
        <v>0</v>
      </c>
      <c r="BY1528" s="166">
        <v>0</v>
      </c>
      <c r="BZ1528" s="166">
        <v>0</v>
      </c>
      <c r="CA1528" s="166">
        <v>0</v>
      </c>
      <c r="CB1528" s="166">
        <v>0</v>
      </c>
      <c r="CC1528" s="166">
        <v>-1755014284.20296</v>
      </c>
      <c r="CD1528" s="166">
        <v>0</v>
      </c>
      <c r="CE1528" s="166">
        <v>0</v>
      </c>
      <c r="CF1528" s="166">
        <v>0</v>
      </c>
      <c r="CG1528" s="166">
        <v>0</v>
      </c>
      <c r="CH1528" s="166">
        <v>0</v>
      </c>
      <c r="CI1528" s="166">
        <v>0</v>
      </c>
      <c r="CJ1528" s="166">
        <v>0</v>
      </c>
      <c r="CK1528" s="166">
        <v>0</v>
      </c>
      <c r="CL1528" s="166">
        <v>0</v>
      </c>
      <c r="CM1528" s="166">
        <v>0</v>
      </c>
      <c r="CN1528" s="166">
        <v>0</v>
      </c>
      <c r="CO1528" s="166">
        <v>0</v>
      </c>
      <c r="CP1528" s="166">
        <v>0</v>
      </c>
      <c r="CQ1528" s="166">
        <v>-1755014284.20296</v>
      </c>
      <c r="CR1528" s="166">
        <v>0</v>
      </c>
      <c r="CS1528" s="166">
        <v>0</v>
      </c>
      <c r="CT1528" s="166">
        <v>0</v>
      </c>
      <c r="CU1528" s="166">
        <v>0</v>
      </c>
      <c r="CV1528" s="166">
        <v>0</v>
      </c>
      <c r="CW1528" s="166">
        <v>0</v>
      </c>
      <c r="CX1528" s="166">
        <v>0</v>
      </c>
      <c r="CY1528" s="166">
        <v>0</v>
      </c>
      <c r="CZ1528" s="166">
        <v>0</v>
      </c>
    </row>
    <row r="1529" spans="1:104" x14ac:dyDescent="0.2">
      <c r="A1529" s="167" t="s">
        <v>496</v>
      </c>
      <c r="B1529" s="166">
        <v>0</v>
      </c>
      <c r="C1529" s="166">
        <v>0</v>
      </c>
      <c r="D1529" s="166">
        <v>0</v>
      </c>
      <c r="E1529" s="166">
        <v>0</v>
      </c>
      <c r="F1529" s="166">
        <v>0</v>
      </c>
      <c r="G1529" s="166">
        <v>0</v>
      </c>
      <c r="H1529" s="166">
        <v>0</v>
      </c>
      <c r="I1529" s="166">
        <v>0</v>
      </c>
      <c r="J1529" s="166">
        <v>0</v>
      </c>
      <c r="K1529" s="166">
        <v>0</v>
      </c>
      <c r="L1529" s="166">
        <v>0</v>
      </c>
      <c r="M1529" s="166">
        <v>0</v>
      </c>
      <c r="N1529" s="166">
        <v>0</v>
      </c>
      <c r="O1529" s="166">
        <v>0</v>
      </c>
      <c r="P1529" s="166">
        <v>0</v>
      </c>
      <c r="Q1529" s="166">
        <v>0</v>
      </c>
      <c r="R1529" s="166">
        <v>0</v>
      </c>
      <c r="S1529" s="166">
        <v>0</v>
      </c>
      <c r="T1529" s="166">
        <v>0</v>
      </c>
      <c r="U1529" s="166">
        <v>0</v>
      </c>
      <c r="V1529" s="166">
        <v>0</v>
      </c>
      <c r="W1529" s="166">
        <v>0</v>
      </c>
      <c r="X1529" s="166">
        <v>0</v>
      </c>
      <c r="Y1529" s="166">
        <v>0</v>
      </c>
      <c r="Z1529" s="166">
        <v>0</v>
      </c>
      <c r="AA1529" s="166">
        <v>0</v>
      </c>
      <c r="AB1529" s="166">
        <v>0</v>
      </c>
      <c r="AC1529" s="166">
        <v>0</v>
      </c>
      <c r="AD1529" s="166">
        <v>0</v>
      </c>
      <c r="AE1529" s="166">
        <v>0</v>
      </c>
      <c r="AF1529" s="166">
        <v>0</v>
      </c>
      <c r="AG1529" s="166">
        <v>0</v>
      </c>
      <c r="AH1529" s="166">
        <v>0</v>
      </c>
      <c r="AI1529" s="166">
        <v>0</v>
      </c>
      <c r="AJ1529" s="166">
        <v>0</v>
      </c>
      <c r="AK1529" s="166">
        <v>0</v>
      </c>
      <c r="AL1529" s="166">
        <v>0</v>
      </c>
      <c r="AM1529" s="166">
        <v>0</v>
      </c>
      <c r="AN1529" s="166">
        <v>0</v>
      </c>
      <c r="AO1529" s="166">
        <v>0</v>
      </c>
      <c r="AP1529" s="166">
        <v>0</v>
      </c>
      <c r="AQ1529" s="166">
        <v>0</v>
      </c>
      <c r="AR1529" s="166">
        <v>0</v>
      </c>
      <c r="AS1529" s="166">
        <v>0</v>
      </c>
      <c r="AT1529" s="166">
        <v>0</v>
      </c>
      <c r="AU1529" s="166">
        <v>0</v>
      </c>
      <c r="AV1529" s="166">
        <v>0</v>
      </c>
      <c r="AW1529" s="166">
        <v>0</v>
      </c>
      <c r="AX1529" s="166">
        <v>0</v>
      </c>
      <c r="AY1529" s="166">
        <v>0</v>
      </c>
      <c r="AZ1529" s="166">
        <v>0</v>
      </c>
      <c r="BA1529" s="166">
        <v>0</v>
      </c>
      <c r="BB1529" s="166">
        <v>0</v>
      </c>
      <c r="BC1529" s="166">
        <v>0</v>
      </c>
      <c r="BD1529" s="166">
        <v>0</v>
      </c>
      <c r="BE1529" s="166">
        <v>0</v>
      </c>
      <c r="BF1529" s="166">
        <v>0</v>
      </c>
      <c r="BG1529" s="166">
        <v>0</v>
      </c>
      <c r="BH1529" s="166">
        <v>0</v>
      </c>
      <c r="BI1529" s="166">
        <v>0</v>
      </c>
      <c r="BJ1529" s="166">
        <v>0</v>
      </c>
      <c r="BK1529" s="166">
        <v>0</v>
      </c>
      <c r="BL1529" s="166">
        <v>0</v>
      </c>
      <c r="BM1529" s="166">
        <v>0</v>
      </c>
      <c r="BN1529" s="166">
        <v>0</v>
      </c>
      <c r="BO1529" s="166">
        <v>0</v>
      </c>
      <c r="BP1529" s="166">
        <v>0</v>
      </c>
      <c r="BQ1529" s="166">
        <v>0</v>
      </c>
      <c r="BR1529" s="166">
        <v>0</v>
      </c>
      <c r="BS1529" s="166">
        <v>0</v>
      </c>
      <c r="BT1529" s="168">
        <v>0.99957996999999899</v>
      </c>
      <c r="BU1529" s="166">
        <v>0</v>
      </c>
      <c r="BV1529" s="166">
        <v>0</v>
      </c>
      <c r="BW1529" s="166">
        <v>0</v>
      </c>
      <c r="BX1529" s="166">
        <v>0</v>
      </c>
      <c r="BY1529" s="166">
        <v>0</v>
      </c>
      <c r="BZ1529" s="166">
        <v>0</v>
      </c>
      <c r="CA1529" s="166">
        <v>0</v>
      </c>
      <c r="CB1529" s="166">
        <v>0</v>
      </c>
      <c r="CC1529" s="166">
        <v>0</v>
      </c>
      <c r="CD1529" s="166">
        <v>0</v>
      </c>
      <c r="CE1529" s="166">
        <v>0</v>
      </c>
      <c r="CF1529" s="166">
        <v>0</v>
      </c>
      <c r="CG1529" s="166">
        <v>0</v>
      </c>
      <c r="CH1529" s="166">
        <v>0</v>
      </c>
      <c r="CI1529" s="166">
        <v>0</v>
      </c>
      <c r="CJ1529" s="166">
        <v>0</v>
      </c>
      <c r="CK1529" s="166">
        <v>0</v>
      </c>
      <c r="CL1529" s="166">
        <v>0</v>
      </c>
      <c r="CM1529" s="166">
        <v>0</v>
      </c>
      <c r="CN1529" s="166">
        <v>0</v>
      </c>
      <c r="CO1529" s="166">
        <v>0</v>
      </c>
      <c r="CP1529" s="166">
        <v>0</v>
      </c>
      <c r="CQ1529" s="166">
        <v>0</v>
      </c>
      <c r="CR1529" s="166">
        <v>0</v>
      </c>
      <c r="CS1529" s="166">
        <v>0</v>
      </c>
      <c r="CT1529" s="166">
        <v>0</v>
      </c>
      <c r="CU1529" s="166">
        <v>0</v>
      </c>
      <c r="CV1529" s="166">
        <v>0</v>
      </c>
      <c r="CW1529" s="166">
        <v>0</v>
      </c>
      <c r="CX1529" s="166">
        <v>0</v>
      </c>
      <c r="CY1529" s="166">
        <v>0</v>
      </c>
      <c r="CZ1529" s="166">
        <v>0</v>
      </c>
    </row>
    <row r="1530" spans="1:104" x14ac:dyDescent="0.2">
      <c r="A1530" s="170" t="s">
        <v>497</v>
      </c>
      <c r="B1530" s="166">
        <v>1891983763.21733</v>
      </c>
      <c r="C1530" s="166">
        <v>1891983763.21733</v>
      </c>
      <c r="D1530" s="166">
        <v>0</v>
      </c>
      <c r="E1530" s="166">
        <v>0</v>
      </c>
      <c r="F1530" s="166">
        <v>0</v>
      </c>
      <c r="G1530" s="166">
        <v>-130031305.11999901</v>
      </c>
      <c r="H1530" s="166">
        <v>0</v>
      </c>
      <c r="I1530" s="166">
        <v>0</v>
      </c>
      <c r="J1530" s="166">
        <v>0</v>
      </c>
      <c r="K1530" s="166">
        <v>0</v>
      </c>
      <c r="L1530" s="166">
        <v>0</v>
      </c>
      <c r="M1530" s="166">
        <v>0</v>
      </c>
      <c r="N1530" s="166">
        <v>0</v>
      </c>
      <c r="O1530" s="166">
        <v>0</v>
      </c>
      <c r="P1530" s="166">
        <v>0</v>
      </c>
      <c r="Q1530" s="166">
        <v>0</v>
      </c>
      <c r="R1530" s="166">
        <v>0</v>
      </c>
      <c r="S1530" s="166">
        <v>0</v>
      </c>
      <c r="T1530" s="166">
        <v>0</v>
      </c>
      <c r="U1530" s="166">
        <v>0</v>
      </c>
      <c r="V1530" s="166">
        <v>0</v>
      </c>
      <c r="W1530" s="166">
        <v>0</v>
      </c>
      <c r="X1530" s="166">
        <v>0</v>
      </c>
      <c r="Y1530" s="166">
        <v>0</v>
      </c>
      <c r="Z1530" s="166">
        <v>0</v>
      </c>
      <c r="AA1530" s="166">
        <v>0</v>
      </c>
      <c r="AB1530" s="166">
        <v>-1761952458.0973301</v>
      </c>
      <c r="AC1530" s="166">
        <v>0</v>
      </c>
      <c r="AD1530" s="166">
        <v>0</v>
      </c>
      <c r="AE1530" s="166">
        <v>0</v>
      </c>
      <c r="AF1530" s="166">
        <v>0</v>
      </c>
      <c r="AG1530" s="166">
        <v>0</v>
      </c>
      <c r="AH1530" s="166">
        <v>0</v>
      </c>
      <c r="AI1530" s="166">
        <v>0</v>
      </c>
      <c r="AJ1530" s="166">
        <v>0</v>
      </c>
      <c r="AK1530" s="166">
        <v>0</v>
      </c>
      <c r="AL1530" s="166">
        <v>0</v>
      </c>
      <c r="AM1530" s="166">
        <v>0</v>
      </c>
      <c r="AN1530" s="166">
        <v>0</v>
      </c>
      <c r="AO1530" s="166">
        <v>0</v>
      </c>
      <c r="AP1530" s="166">
        <v>0</v>
      </c>
      <c r="AQ1530" s="166">
        <v>0</v>
      </c>
      <c r="AR1530" s="166">
        <v>0</v>
      </c>
      <c r="AS1530" s="166">
        <v>0</v>
      </c>
      <c r="AT1530" s="166">
        <v>0</v>
      </c>
      <c r="AU1530" s="166">
        <v>0</v>
      </c>
      <c r="AV1530" s="166">
        <v>0</v>
      </c>
      <c r="AW1530" s="166">
        <v>0</v>
      </c>
      <c r="AX1530" s="166">
        <v>0</v>
      </c>
      <c r="AY1530" s="166">
        <v>0</v>
      </c>
      <c r="AZ1530" s="166">
        <v>0</v>
      </c>
      <c r="BA1530" s="166">
        <v>0</v>
      </c>
      <c r="BB1530" s="166">
        <v>0</v>
      </c>
      <c r="BC1530" s="166">
        <v>0</v>
      </c>
      <c r="BD1530" s="166">
        <v>-130031305.11999901</v>
      </c>
      <c r="BE1530" s="166">
        <v>0</v>
      </c>
      <c r="BF1530" s="166">
        <v>0</v>
      </c>
      <c r="BG1530" s="166">
        <v>0</v>
      </c>
      <c r="BH1530" s="166">
        <v>0</v>
      </c>
      <c r="BI1530" s="166">
        <v>0</v>
      </c>
      <c r="BJ1530" s="166">
        <v>-1761952458.0973301</v>
      </c>
      <c r="BK1530" s="166">
        <v>0</v>
      </c>
      <c r="BL1530" s="166">
        <v>0</v>
      </c>
      <c r="BM1530" s="166">
        <v>0</v>
      </c>
      <c r="BN1530" s="166">
        <v>0</v>
      </c>
      <c r="BO1530" s="166">
        <v>0</v>
      </c>
      <c r="BP1530" s="166">
        <v>0</v>
      </c>
      <c r="BQ1530" s="166">
        <v>0</v>
      </c>
      <c r="BR1530" s="166">
        <v>1891983763.21733</v>
      </c>
      <c r="BS1530" s="166">
        <v>0</v>
      </c>
      <c r="BT1530" s="168">
        <v>0</v>
      </c>
      <c r="BU1530" s="166">
        <v>142286852.73596901</v>
      </c>
      <c r="BV1530" s="166">
        <v>1880210011.1544199</v>
      </c>
      <c r="BW1530" s="166">
        <v>-125195726.95145801</v>
      </c>
      <c r="BX1530" s="166">
        <v>0</v>
      </c>
      <c r="BY1530" s="166">
        <v>0</v>
      </c>
      <c r="BZ1530" s="166">
        <v>0</v>
      </c>
      <c r="CA1530" s="166">
        <v>0</v>
      </c>
      <c r="CB1530" s="166">
        <v>0</v>
      </c>
      <c r="CC1530" s="166">
        <v>-1755014284.20296</v>
      </c>
      <c r="CD1530" s="166">
        <v>0</v>
      </c>
      <c r="CE1530" s="166">
        <v>0</v>
      </c>
      <c r="CF1530" s="166">
        <v>0</v>
      </c>
      <c r="CG1530" s="166">
        <v>0</v>
      </c>
      <c r="CH1530" s="166">
        <v>0</v>
      </c>
      <c r="CI1530" s="166">
        <v>0</v>
      </c>
      <c r="CJ1530" s="166">
        <v>0</v>
      </c>
      <c r="CK1530" s="166">
        <v>-125195726.95145801</v>
      </c>
      <c r="CL1530" s="166">
        <v>0</v>
      </c>
      <c r="CM1530" s="166">
        <v>0</v>
      </c>
      <c r="CN1530" s="166">
        <v>0</v>
      </c>
      <c r="CO1530" s="166">
        <v>0</v>
      </c>
      <c r="CP1530" s="166">
        <v>0</v>
      </c>
      <c r="CQ1530" s="166">
        <v>-1755014284.20296</v>
      </c>
      <c r="CR1530" s="166">
        <v>0</v>
      </c>
      <c r="CS1530" s="166">
        <v>0</v>
      </c>
      <c r="CT1530" s="166">
        <v>0</v>
      </c>
      <c r="CU1530" s="166">
        <v>0</v>
      </c>
      <c r="CV1530" s="166">
        <v>0</v>
      </c>
      <c r="CW1530" s="166">
        <v>0</v>
      </c>
      <c r="CX1530" s="166">
        <v>0</v>
      </c>
      <c r="CY1530" s="166">
        <v>0</v>
      </c>
      <c r="CZ1530" s="166">
        <v>0</v>
      </c>
    </row>
    <row r="1531" spans="1:104" x14ac:dyDescent="0.2">
      <c r="A1531" s="167" t="s">
        <v>498</v>
      </c>
    </row>
    <row r="1532" spans="1:104" x14ac:dyDescent="0.2">
      <c r="A1532" s="170" t="s">
        <v>499</v>
      </c>
      <c r="B1532" s="166">
        <v>2078062380.60027</v>
      </c>
      <c r="C1532" s="166">
        <v>2078062380.60027</v>
      </c>
      <c r="D1532" s="166">
        <v>0</v>
      </c>
      <c r="E1532" s="166">
        <v>0</v>
      </c>
      <c r="F1532" s="166">
        <v>0</v>
      </c>
      <c r="G1532" s="166">
        <v>-130031305.11999901</v>
      </c>
      <c r="H1532" s="166">
        <v>0</v>
      </c>
      <c r="I1532" s="166">
        <v>0</v>
      </c>
      <c r="J1532" s="166">
        <v>0</v>
      </c>
      <c r="K1532" s="166">
        <v>0</v>
      </c>
      <c r="L1532" s="166">
        <v>0</v>
      </c>
      <c r="M1532" s="166">
        <v>0</v>
      </c>
      <c r="N1532" s="166">
        <v>0</v>
      </c>
      <c r="O1532" s="166">
        <v>0</v>
      </c>
      <c r="P1532" s="166">
        <v>0</v>
      </c>
      <c r="Q1532" s="166">
        <v>0</v>
      </c>
      <c r="R1532" s="166">
        <v>-114962556.974999</v>
      </c>
      <c r="S1532" s="166">
        <v>0</v>
      </c>
      <c r="T1532" s="166">
        <v>0</v>
      </c>
      <c r="U1532" s="166">
        <v>-11630821.287941299</v>
      </c>
      <c r="V1532" s="166">
        <v>0</v>
      </c>
      <c r="W1532" s="166">
        <v>0</v>
      </c>
      <c r="X1532" s="166">
        <v>0</v>
      </c>
      <c r="Y1532" s="166">
        <v>0</v>
      </c>
      <c r="Z1532" s="166">
        <v>0</v>
      </c>
      <c r="AA1532" s="166">
        <v>0</v>
      </c>
      <c r="AB1532" s="166">
        <v>-1761952458.0973301</v>
      </c>
      <c r="AC1532" s="166">
        <v>0</v>
      </c>
      <c r="AD1532" s="166">
        <v>0</v>
      </c>
      <c r="AE1532" s="166">
        <v>0</v>
      </c>
      <c r="AF1532" s="166">
        <v>0</v>
      </c>
      <c r="AG1532" s="166">
        <v>0</v>
      </c>
      <c r="AH1532" s="166">
        <v>0</v>
      </c>
      <c r="AI1532" s="166">
        <v>0</v>
      </c>
      <c r="AJ1532" s="166">
        <v>0</v>
      </c>
      <c r="AK1532" s="166">
        <v>0</v>
      </c>
      <c r="AL1532" s="166">
        <v>0</v>
      </c>
      <c r="AM1532" s="166">
        <v>0</v>
      </c>
      <c r="AN1532" s="166">
        <v>0</v>
      </c>
      <c r="AO1532" s="166">
        <v>0</v>
      </c>
      <c r="AP1532" s="166">
        <v>0</v>
      </c>
      <c r="AQ1532" s="166">
        <v>0</v>
      </c>
      <c r="AR1532" s="166">
        <v>0</v>
      </c>
      <c r="AS1532" s="166">
        <v>0</v>
      </c>
      <c r="AT1532" s="166">
        <v>0</v>
      </c>
      <c r="AU1532" s="166">
        <v>0</v>
      </c>
      <c r="AV1532" s="166">
        <v>0</v>
      </c>
      <c r="AW1532" s="166">
        <v>0</v>
      </c>
      <c r="AX1532" s="166">
        <v>0</v>
      </c>
      <c r="AY1532" s="166">
        <v>-59485239.119999997</v>
      </c>
      <c r="AZ1532" s="166">
        <v>0</v>
      </c>
      <c r="BA1532" s="166">
        <v>0</v>
      </c>
      <c r="BB1532" s="166">
        <v>0</v>
      </c>
      <c r="BC1532" s="166">
        <v>0</v>
      </c>
      <c r="BD1532" s="166">
        <v>-130031305.11999901</v>
      </c>
      <c r="BE1532" s="166">
        <v>0</v>
      </c>
      <c r="BF1532" s="166">
        <v>0</v>
      </c>
      <c r="BG1532" s="166">
        <v>-114962556.974999</v>
      </c>
      <c r="BH1532" s="166">
        <v>0</v>
      </c>
      <c r="BI1532" s="166">
        <v>-11630821.287941299</v>
      </c>
      <c r="BJ1532" s="166">
        <v>-1761952458.0973301</v>
      </c>
      <c r="BK1532" s="166">
        <v>0</v>
      </c>
      <c r="BL1532" s="166">
        <v>0</v>
      </c>
      <c r="BM1532" s="166">
        <v>0</v>
      </c>
      <c r="BN1532" s="166">
        <v>0</v>
      </c>
      <c r="BO1532" s="166">
        <v>0</v>
      </c>
      <c r="BP1532" s="166">
        <v>-59485239.119999997</v>
      </c>
      <c r="BQ1532" s="166">
        <v>0</v>
      </c>
      <c r="BR1532" s="166">
        <v>2078062380.60027</v>
      </c>
      <c r="BS1532" s="166">
        <v>0</v>
      </c>
      <c r="BT1532" s="168">
        <v>0</v>
      </c>
      <c r="BU1532" s="166">
        <v>173604264.465215</v>
      </c>
      <c r="BV1532" s="166">
        <v>2063716917.5716801</v>
      </c>
      <c r="BW1532" s="166">
        <v>-125195726.95145801</v>
      </c>
      <c r="BX1532" s="166">
        <v>0</v>
      </c>
      <c r="BY1532" s="166">
        <v>0</v>
      </c>
      <c r="BZ1532" s="166">
        <v>-114962556.974999</v>
      </c>
      <c r="CA1532" s="166">
        <v>0</v>
      </c>
      <c r="CB1532" s="166">
        <v>-11630778.9645609</v>
      </c>
      <c r="CC1532" s="166">
        <v>-1755014284.20296</v>
      </c>
      <c r="CD1532" s="166">
        <v>0</v>
      </c>
      <c r="CE1532" s="166">
        <v>0</v>
      </c>
      <c r="CF1532" s="166">
        <v>0</v>
      </c>
      <c r="CG1532" s="166">
        <v>0</v>
      </c>
      <c r="CH1532" s="166">
        <v>0</v>
      </c>
      <c r="CI1532" s="166">
        <v>-56913570.477703698</v>
      </c>
      <c r="CJ1532" s="166">
        <v>0</v>
      </c>
      <c r="CK1532" s="166">
        <v>-125195726.95145801</v>
      </c>
      <c r="CL1532" s="166">
        <v>0</v>
      </c>
      <c r="CM1532" s="166">
        <v>0</v>
      </c>
      <c r="CN1532" s="166">
        <v>-114962556.974999</v>
      </c>
      <c r="CO1532" s="166">
        <v>0</v>
      </c>
      <c r="CP1532" s="166">
        <v>-11630778.9645609</v>
      </c>
      <c r="CQ1532" s="166">
        <v>-1755014284.20296</v>
      </c>
      <c r="CR1532" s="166">
        <v>0</v>
      </c>
      <c r="CS1532" s="166">
        <v>0</v>
      </c>
      <c r="CT1532" s="166">
        <v>0</v>
      </c>
      <c r="CU1532" s="166">
        <v>0</v>
      </c>
      <c r="CV1532" s="166">
        <v>0</v>
      </c>
      <c r="CW1532" s="166">
        <v>-56913570.477703698</v>
      </c>
      <c r="CX1532" s="166">
        <v>0</v>
      </c>
      <c r="CY1532" s="166">
        <v>0</v>
      </c>
      <c r="CZ1532" s="166">
        <v>0</v>
      </c>
    </row>
    <row r="1533" spans="1:104" x14ac:dyDescent="0.2">
      <c r="A1533" s="167" t="s">
        <v>500</v>
      </c>
    </row>
    <row r="1534" spans="1:104" x14ac:dyDescent="0.2">
      <c r="A1534" s="170" t="s">
        <v>501</v>
      </c>
    </row>
    <row r="1535" spans="1:104" x14ac:dyDescent="0.2">
      <c r="A1535" s="167" t="s">
        <v>502</v>
      </c>
      <c r="B1535" s="166">
        <v>176043369.90705901</v>
      </c>
      <c r="C1535" s="166">
        <v>176043369.90705901</v>
      </c>
      <c r="D1535" s="166">
        <v>0</v>
      </c>
      <c r="E1535" s="166">
        <v>0</v>
      </c>
      <c r="F1535" s="166">
        <v>0</v>
      </c>
      <c r="G1535" s="166">
        <v>0</v>
      </c>
      <c r="H1535" s="166">
        <v>0</v>
      </c>
      <c r="I1535" s="166">
        <v>0</v>
      </c>
      <c r="J1535" s="166">
        <v>0</v>
      </c>
      <c r="K1535" s="166">
        <v>0</v>
      </c>
      <c r="L1535" s="166">
        <v>0</v>
      </c>
      <c r="M1535" s="166">
        <v>0</v>
      </c>
      <c r="N1535" s="166">
        <v>0</v>
      </c>
      <c r="O1535" s="166">
        <v>0</v>
      </c>
      <c r="P1535" s="166">
        <v>0</v>
      </c>
      <c r="Q1535" s="166">
        <v>0</v>
      </c>
      <c r="R1535" s="166">
        <v>0</v>
      </c>
      <c r="S1535" s="166">
        <v>0</v>
      </c>
      <c r="T1535" s="166">
        <v>0</v>
      </c>
      <c r="U1535" s="166">
        <v>0</v>
      </c>
      <c r="V1535" s="166">
        <v>0</v>
      </c>
      <c r="W1535" s="166">
        <v>0</v>
      </c>
      <c r="X1535" s="166">
        <v>0</v>
      </c>
      <c r="Y1535" s="166">
        <v>0</v>
      </c>
      <c r="Z1535" s="166">
        <v>0</v>
      </c>
      <c r="AA1535" s="166">
        <v>0</v>
      </c>
      <c r="AB1535" s="166">
        <v>0</v>
      </c>
      <c r="AC1535" s="166">
        <v>0</v>
      </c>
      <c r="AD1535" s="166">
        <v>0</v>
      </c>
      <c r="AE1535" s="166">
        <v>0</v>
      </c>
      <c r="AF1535" s="166">
        <v>0</v>
      </c>
      <c r="AG1535" s="166">
        <v>0</v>
      </c>
      <c r="AH1535" s="166">
        <v>0</v>
      </c>
      <c r="AI1535" s="166">
        <v>0</v>
      </c>
      <c r="AJ1535" s="166">
        <v>0</v>
      </c>
      <c r="AK1535" s="166">
        <v>0</v>
      </c>
      <c r="AL1535" s="166">
        <v>0</v>
      </c>
      <c r="AM1535" s="166">
        <v>0</v>
      </c>
      <c r="AN1535" s="166">
        <v>0</v>
      </c>
      <c r="AO1535" s="166">
        <v>0</v>
      </c>
      <c r="AP1535" s="166">
        <v>0</v>
      </c>
      <c r="AQ1535" s="166">
        <v>0</v>
      </c>
      <c r="AR1535" s="166">
        <v>0</v>
      </c>
      <c r="AS1535" s="166">
        <v>0</v>
      </c>
      <c r="AT1535" s="166">
        <v>0</v>
      </c>
      <c r="AU1535" s="166">
        <v>0</v>
      </c>
      <c r="AV1535" s="166">
        <v>0</v>
      </c>
      <c r="AW1535" s="166">
        <v>0</v>
      </c>
      <c r="AX1535" s="166">
        <v>0</v>
      </c>
      <c r="AY1535" s="166">
        <v>0</v>
      </c>
      <c r="AZ1535" s="166">
        <v>0</v>
      </c>
      <c r="BA1535" s="166">
        <v>0</v>
      </c>
      <c r="BB1535" s="166">
        <v>0</v>
      </c>
      <c r="BC1535" s="166">
        <v>0</v>
      </c>
      <c r="BD1535" s="166">
        <v>0</v>
      </c>
      <c r="BE1535" s="166">
        <v>0</v>
      </c>
      <c r="BF1535" s="166">
        <v>0</v>
      </c>
      <c r="BG1535" s="166">
        <v>0</v>
      </c>
      <c r="BH1535" s="166">
        <v>0</v>
      </c>
      <c r="BI1535" s="166">
        <v>0</v>
      </c>
      <c r="BJ1535" s="166">
        <v>0</v>
      </c>
      <c r="BK1535" s="166">
        <v>0</v>
      </c>
      <c r="BL1535" s="166">
        <v>0</v>
      </c>
      <c r="BM1535" s="166">
        <v>0</v>
      </c>
      <c r="BN1535" s="166">
        <v>0</v>
      </c>
      <c r="BO1535" s="166">
        <v>0</v>
      </c>
      <c r="BP1535" s="166">
        <v>0</v>
      </c>
      <c r="BQ1535" s="166">
        <v>0</v>
      </c>
      <c r="BR1535" s="166">
        <v>176043369.90705901</v>
      </c>
      <c r="BS1535" s="166">
        <v>176043369.90705901</v>
      </c>
      <c r="BT1535" s="168">
        <v>0</v>
      </c>
      <c r="BU1535" s="166">
        <v>10653133.273418</v>
      </c>
      <c r="BV1535" s="166">
        <v>174993827.526921</v>
      </c>
      <c r="BW1535" s="166">
        <v>0</v>
      </c>
      <c r="BX1535" s="166">
        <v>0</v>
      </c>
      <c r="BY1535" s="166">
        <v>0</v>
      </c>
      <c r="BZ1535" s="166">
        <v>0</v>
      </c>
      <c r="CA1535" s="166">
        <v>0</v>
      </c>
      <c r="CB1535" s="166">
        <v>0</v>
      </c>
      <c r="CC1535" s="166">
        <v>0</v>
      </c>
      <c r="CD1535" s="166">
        <v>0</v>
      </c>
      <c r="CE1535" s="166">
        <v>0</v>
      </c>
      <c r="CF1535" s="166">
        <v>0</v>
      </c>
      <c r="CG1535" s="166">
        <v>0</v>
      </c>
      <c r="CH1535" s="166">
        <v>0</v>
      </c>
      <c r="CI1535" s="166">
        <v>0</v>
      </c>
      <c r="CJ1535" s="166">
        <v>0</v>
      </c>
      <c r="CK1535" s="166">
        <v>0</v>
      </c>
      <c r="CL1535" s="166">
        <v>0</v>
      </c>
      <c r="CM1535" s="166">
        <v>0</v>
      </c>
      <c r="CN1535" s="166">
        <v>0</v>
      </c>
      <c r="CO1535" s="166">
        <v>0</v>
      </c>
      <c r="CP1535" s="166">
        <v>0</v>
      </c>
      <c r="CQ1535" s="166">
        <v>0</v>
      </c>
      <c r="CR1535" s="166">
        <v>0</v>
      </c>
      <c r="CS1535" s="166">
        <v>0</v>
      </c>
      <c r="CT1535" s="166">
        <v>0</v>
      </c>
      <c r="CU1535" s="166">
        <v>0</v>
      </c>
      <c r="CV1535" s="166">
        <v>0</v>
      </c>
      <c r="CW1535" s="166">
        <v>0</v>
      </c>
      <c r="CX1535" s="166">
        <v>0</v>
      </c>
      <c r="CY1535" s="166">
        <v>174993827.526921</v>
      </c>
      <c r="CZ1535" s="166">
        <v>174993827.526921</v>
      </c>
    </row>
    <row r="1536" spans="1:104" x14ac:dyDescent="0.2">
      <c r="A1536" s="167" t="s">
        <v>503</v>
      </c>
      <c r="B1536" s="166">
        <v>31929233.589999899</v>
      </c>
      <c r="C1536" s="166">
        <v>31929233.589999899</v>
      </c>
      <c r="D1536" s="166">
        <v>0</v>
      </c>
      <c r="E1536" s="166">
        <v>0</v>
      </c>
      <c r="F1536" s="166">
        <v>0</v>
      </c>
      <c r="G1536" s="166">
        <v>0</v>
      </c>
      <c r="H1536" s="166">
        <v>0</v>
      </c>
      <c r="I1536" s="166">
        <v>0</v>
      </c>
      <c r="J1536" s="166">
        <v>0</v>
      </c>
      <c r="K1536" s="166">
        <v>0</v>
      </c>
      <c r="L1536" s="166">
        <v>0</v>
      </c>
      <c r="M1536" s="166">
        <v>0</v>
      </c>
      <c r="N1536" s="166">
        <v>0</v>
      </c>
      <c r="O1536" s="166">
        <v>0</v>
      </c>
      <c r="P1536" s="166">
        <v>0</v>
      </c>
      <c r="Q1536" s="166">
        <v>0</v>
      </c>
      <c r="R1536" s="166">
        <v>0</v>
      </c>
      <c r="S1536" s="166">
        <v>0</v>
      </c>
      <c r="T1536" s="166">
        <v>0</v>
      </c>
      <c r="U1536" s="166">
        <v>0</v>
      </c>
      <c r="V1536" s="166">
        <v>0</v>
      </c>
      <c r="W1536" s="166">
        <v>0</v>
      </c>
      <c r="X1536" s="166">
        <v>0</v>
      </c>
      <c r="Y1536" s="166">
        <v>0</v>
      </c>
      <c r="Z1536" s="166">
        <v>0</v>
      </c>
      <c r="AA1536" s="166">
        <v>0</v>
      </c>
      <c r="AB1536" s="166">
        <v>0</v>
      </c>
      <c r="AC1536" s="166">
        <v>0</v>
      </c>
      <c r="AD1536" s="166">
        <v>0</v>
      </c>
      <c r="AE1536" s="166">
        <v>0</v>
      </c>
      <c r="AF1536" s="166">
        <v>0</v>
      </c>
      <c r="AG1536" s="166">
        <v>0</v>
      </c>
      <c r="AH1536" s="166">
        <v>0</v>
      </c>
      <c r="AI1536" s="166">
        <v>0</v>
      </c>
      <c r="AJ1536" s="166">
        <v>0</v>
      </c>
      <c r="AK1536" s="166">
        <v>0</v>
      </c>
      <c r="AL1536" s="166">
        <v>0</v>
      </c>
      <c r="AM1536" s="166">
        <v>0</v>
      </c>
      <c r="AN1536" s="166">
        <v>0</v>
      </c>
      <c r="AO1536" s="166">
        <v>0</v>
      </c>
      <c r="AP1536" s="166">
        <v>0</v>
      </c>
      <c r="AQ1536" s="166">
        <v>0</v>
      </c>
      <c r="AR1536" s="166">
        <v>0</v>
      </c>
      <c r="AS1536" s="166">
        <v>0</v>
      </c>
      <c r="AT1536" s="166">
        <v>0</v>
      </c>
      <c r="AU1536" s="166">
        <v>0</v>
      </c>
      <c r="AV1536" s="166">
        <v>0</v>
      </c>
      <c r="AW1536" s="166">
        <v>0</v>
      </c>
      <c r="AX1536" s="166">
        <v>0</v>
      </c>
      <c r="AY1536" s="166">
        <v>0</v>
      </c>
      <c r="AZ1536" s="166">
        <v>0</v>
      </c>
      <c r="BA1536" s="166">
        <v>0</v>
      </c>
      <c r="BB1536" s="166">
        <v>0</v>
      </c>
      <c r="BC1536" s="166">
        <v>0</v>
      </c>
      <c r="BD1536" s="166">
        <v>0</v>
      </c>
      <c r="BE1536" s="166">
        <v>0</v>
      </c>
      <c r="BF1536" s="166">
        <v>0</v>
      </c>
      <c r="BG1536" s="166">
        <v>0</v>
      </c>
      <c r="BH1536" s="166">
        <v>0</v>
      </c>
      <c r="BI1536" s="166">
        <v>0</v>
      </c>
      <c r="BJ1536" s="166">
        <v>0</v>
      </c>
      <c r="BK1536" s="166">
        <v>0</v>
      </c>
      <c r="BL1536" s="166">
        <v>0</v>
      </c>
      <c r="BM1536" s="166">
        <v>0</v>
      </c>
      <c r="BN1536" s="166">
        <v>0</v>
      </c>
      <c r="BO1536" s="166">
        <v>0</v>
      </c>
      <c r="BP1536" s="166">
        <v>0</v>
      </c>
      <c r="BQ1536" s="166">
        <v>0</v>
      </c>
      <c r="BR1536" s="166">
        <v>31929233.589999899</v>
      </c>
      <c r="BS1536" s="166">
        <v>31929233.589999899</v>
      </c>
      <c r="BT1536" s="168">
        <v>0</v>
      </c>
      <c r="BU1536" s="166">
        <v>1875404.1616141901</v>
      </c>
      <c r="BV1536" s="166">
        <v>22810249.496037699</v>
      </c>
      <c r="BW1536" s="166">
        <v>0</v>
      </c>
      <c r="BX1536" s="166">
        <v>0</v>
      </c>
      <c r="BY1536" s="166">
        <v>0</v>
      </c>
      <c r="BZ1536" s="166">
        <v>0</v>
      </c>
      <c r="CA1536" s="166">
        <v>0</v>
      </c>
      <c r="CB1536" s="166">
        <v>0</v>
      </c>
      <c r="CC1536" s="166">
        <v>0</v>
      </c>
      <c r="CD1536" s="166">
        <v>0</v>
      </c>
      <c r="CE1536" s="166">
        <v>0</v>
      </c>
      <c r="CF1536" s="166">
        <v>0</v>
      </c>
      <c r="CG1536" s="166">
        <v>0</v>
      </c>
      <c r="CH1536" s="166">
        <v>0</v>
      </c>
      <c r="CI1536" s="166">
        <v>0</v>
      </c>
      <c r="CJ1536" s="166">
        <v>0</v>
      </c>
      <c r="CK1536" s="166">
        <v>0</v>
      </c>
      <c r="CL1536" s="166">
        <v>0</v>
      </c>
      <c r="CM1536" s="166">
        <v>0</v>
      </c>
      <c r="CN1536" s="166">
        <v>0</v>
      </c>
      <c r="CO1536" s="166">
        <v>0</v>
      </c>
      <c r="CP1536" s="166">
        <v>0</v>
      </c>
      <c r="CQ1536" s="166">
        <v>0</v>
      </c>
      <c r="CR1536" s="166">
        <v>0</v>
      </c>
      <c r="CS1536" s="166">
        <v>0</v>
      </c>
      <c r="CT1536" s="166">
        <v>0</v>
      </c>
      <c r="CU1536" s="166">
        <v>0</v>
      </c>
      <c r="CV1536" s="166">
        <v>0</v>
      </c>
      <c r="CW1536" s="166">
        <v>0</v>
      </c>
      <c r="CX1536" s="166">
        <v>0</v>
      </c>
      <c r="CY1536" s="166">
        <v>22810249.496037699</v>
      </c>
      <c r="CZ1536" s="166">
        <v>22810249.496037699</v>
      </c>
    </row>
    <row r="1537" spans="1:104" x14ac:dyDescent="0.2">
      <c r="A1537" s="167" t="s">
        <v>504</v>
      </c>
      <c r="B1537" s="166">
        <v>117228648.36999901</v>
      </c>
      <c r="C1537" s="166">
        <v>117228648.36999901</v>
      </c>
      <c r="D1537" s="166">
        <v>0</v>
      </c>
      <c r="E1537" s="166">
        <v>0</v>
      </c>
      <c r="F1537" s="166">
        <v>0</v>
      </c>
      <c r="G1537" s="166">
        <v>0</v>
      </c>
      <c r="H1537" s="166">
        <v>0</v>
      </c>
      <c r="I1537" s="166">
        <v>0</v>
      </c>
      <c r="J1537" s="166">
        <v>0</v>
      </c>
      <c r="K1537" s="166">
        <v>0</v>
      </c>
      <c r="L1537" s="166">
        <v>0</v>
      </c>
      <c r="M1537" s="166">
        <v>0</v>
      </c>
      <c r="N1537" s="166">
        <v>0</v>
      </c>
      <c r="O1537" s="166">
        <v>0</v>
      </c>
      <c r="P1537" s="166">
        <v>0</v>
      </c>
      <c r="Q1537" s="166">
        <v>0</v>
      </c>
      <c r="R1537" s="166">
        <v>0</v>
      </c>
      <c r="S1537" s="166">
        <v>0</v>
      </c>
      <c r="T1537" s="166">
        <v>0</v>
      </c>
      <c r="U1537" s="166">
        <v>0</v>
      </c>
      <c r="V1537" s="166">
        <v>0</v>
      </c>
      <c r="W1537" s="166">
        <v>0</v>
      </c>
      <c r="X1537" s="166">
        <v>0</v>
      </c>
      <c r="Y1537" s="166">
        <v>0</v>
      </c>
      <c r="Z1537" s="166">
        <v>0</v>
      </c>
      <c r="AA1537" s="166">
        <v>0</v>
      </c>
      <c r="AB1537" s="166">
        <v>0</v>
      </c>
      <c r="AC1537" s="166">
        <v>0</v>
      </c>
      <c r="AD1537" s="166">
        <v>0</v>
      </c>
      <c r="AE1537" s="166">
        <v>0</v>
      </c>
      <c r="AF1537" s="166">
        <v>0</v>
      </c>
      <c r="AG1537" s="166">
        <v>0</v>
      </c>
      <c r="AH1537" s="166">
        <v>0</v>
      </c>
      <c r="AI1537" s="166">
        <v>0</v>
      </c>
      <c r="AJ1537" s="166">
        <v>0</v>
      </c>
      <c r="AK1537" s="166">
        <v>0</v>
      </c>
      <c r="AL1537" s="166">
        <v>0</v>
      </c>
      <c r="AM1537" s="166">
        <v>0</v>
      </c>
      <c r="AN1537" s="166">
        <v>0</v>
      </c>
      <c r="AO1537" s="166">
        <v>0</v>
      </c>
      <c r="AP1537" s="166">
        <v>0</v>
      </c>
      <c r="AQ1537" s="166">
        <v>0</v>
      </c>
      <c r="AR1537" s="166">
        <v>0</v>
      </c>
      <c r="AS1537" s="166">
        <v>0</v>
      </c>
      <c r="AT1537" s="166">
        <v>0</v>
      </c>
      <c r="AU1537" s="166">
        <v>0</v>
      </c>
      <c r="AV1537" s="166">
        <v>0</v>
      </c>
      <c r="AW1537" s="166">
        <v>0</v>
      </c>
      <c r="AX1537" s="166">
        <v>0</v>
      </c>
      <c r="AY1537" s="166">
        <v>0</v>
      </c>
      <c r="AZ1537" s="166">
        <v>0</v>
      </c>
      <c r="BA1537" s="166">
        <v>0</v>
      </c>
      <c r="BB1537" s="166">
        <v>0</v>
      </c>
      <c r="BC1537" s="166">
        <v>0</v>
      </c>
      <c r="BD1537" s="166">
        <v>0</v>
      </c>
      <c r="BE1537" s="166">
        <v>0</v>
      </c>
      <c r="BF1537" s="166">
        <v>0</v>
      </c>
      <c r="BG1537" s="166">
        <v>0</v>
      </c>
      <c r="BH1537" s="166">
        <v>0</v>
      </c>
      <c r="BI1537" s="166">
        <v>0</v>
      </c>
      <c r="BJ1537" s="166">
        <v>0</v>
      </c>
      <c r="BK1537" s="166">
        <v>0</v>
      </c>
      <c r="BL1537" s="166">
        <v>0</v>
      </c>
      <c r="BM1537" s="166">
        <v>0</v>
      </c>
      <c r="BN1537" s="166">
        <v>0</v>
      </c>
      <c r="BO1537" s="166">
        <v>0</v>
      </c>
      <c r="BP1537" s="166">
        <v>0</v>
      </c>
      <c r="BQ1537" s="166">
        <v>0</v>
      </c>
      <c r="BR1537" s="166">
        <v>117228648.36999901</v>
      </c>
      <c r="BS1537" s="166">
        <v>117228648.36999901</v>
      </c>
      <c r="BT1537" s="168">
        <v>0</v>
      </c>
      <c r="BU1537" s="166">
        <v>11120887.851277299</v>
      </c>
      <c r="BV1537" s="166">
        <v>117157101.96571</v>
      </c>
      <c r="BW1537" s="166">
        <v>0</v>
      </c>
      <c r="BX1537" s="166">
        <v>0</v>
      </c>
      <c r="BY1537" s="166">
        <v>0</v>
      </c>
      <c r="BZ1537" s="166">
        <v>0</v>
      </c>
      <c r="CA1537" s="166">
        <v>0</v>
      </c>
      <c r="CB1537" s="166">
        <v>0</v>
      </c>
      <c r="CC1537" s="166">
        <v>0</v>
      </c>
      <c r="CD1537" s="166">
        <v>0</v>
      </c>
      <c r="CE1537" s="166">
        <v>0</v>
      </c>
      <c r="CF1537" s="166">
        <v>0</v>
      </c>
      <c r="CG1537" s="166">
        <v>0</v>
      </c>
      <c r="CH1537" s="166">
        <v>0</v>
      </c>
      <c r="CI1537" s="166">
        <v>0</v>
      </c>
      <c r="CJ1537" s="166">
        <v>0</v>
      </c>
      <c r="CK1537" s="166">
        <v>0</v>
      </c>
      <c r="CL1537" s="166">
        <v>0</v>
      </c>
      <c r="CM1537" s="166">
        <v>0</v>
      </c>
      <c r="CN1537" s="166">
        <v>0</v>
      </c>
      <c r="CO1537" s="166">
        <v>0</v>
      </c>
      <c r="CP1537" s="166">
        <v>0</v>
      </c>
      <c r="CQ1537" s="166">
        <v>0</v>
      </c>
      <c r="CR1537" s="166">
        <v>0</v>
      </c>
      <c r="CS1537" s="166">
        <v>0</v>
      </c>
      <c r="CT1537" s="166">
        <v>0</v>
      </c>
      <c r="CU1537" s="166">
        <v>0</v>
      </c>
      <c r="CV1537" s="166">
        <v>0</v>
      </c>
      <c r="CW1537" s="166">
        <v>0</v>
      </c>
      <c r="CX1537" s="166">
        <v>0</v>
      </c>
      <c r="CY1537" s="166">
        <v>117157101.96571</v>
      </c>
      <c r="CZ1537" s="166">
        <v>117157101.96571</v>
      </c>
    </row>
    <row r="1538" spans="1:104" x14ac:dyDescent="0.2">
      <c r="A1538" s="167" t="s">
        <v>505</v>
      </c>
      <c r="B1538" s="166">
        <v>87287943.469999999</v>
      </c>
      <c r="C1538" s="166">
        <v>87287943.469999999</v>
      </c>
      <c r="D1538" s="166">
        <v>0</v>
      </c>
      <c r="E1538" s="166">
        <v>0</v>
      </c>
      <c r="F1538" s="166">
        <v>0</v>
      </c>
      <c r="G1538" s="166">
        <v>0</v>
      </c>
      <c r="H1538" s="166">
        <v>0</v>
      </c>
      <c r="I1538" s="166">
        <v>0</v>
      </c>
      <c r="J1538" s="166">
        <v>0</v>
      </c>
      <c r="K1538" s="166">
        <v>0</v>
      </c>
      <c r="L1538" s="166">
        <v>0</v>
      </c>
      <c r="M1538" s="166">
        <v>0</v>
      </c>
      <c r="N1538" s="166">
        <v>0</v>
      </c>
      <c r="O1538" s="166">
        <v>0</v>
      </c>
      <c r="P1538" s="166">
        <v>0</v>
      </c>
      <c r="Q1538" s="166">
        <v>0</v>
      </c>
      <c r="R1538" s="166">
        <v>0</v>
      </c>
      <c r="S1538" s="166">
        <v>0</v>
      </c>
      <c r="T1538" s="166">
        <v>0</v>
      </c>
      <c r="U1538" s="166">
        <v>0</v>
      </c>
      <c r="V1538" s="166">
        <v>0</v>
      </c>
      <c r="W1538" s="166">
        <v>0</v>
      </c>
      <c r="X1538" s="166">
        <v>0</v>
      </c>
      <c r="Y1538" s="166">
        <v>0</v>
      </c>
      <c r="Z1538" s="166">
        <v>0</v>
      </c>
      <c r="AA1538" s="166">
        <v>0</v>
      </c>
      <c r="AB1538" s="166">
        <v>0</v>
      </c>
      <c r="AC1538" s="166">
        <v>0</v>
      </c>
      <c r="AD1538" s="166">
        <v>0</v>
      </c>
      <c r="AE1538" s="166">
        <v>0</v>
      </c>
      <c r="AF1538" s="166">
        <v>0</v>
      </c>
      <c r="AG1538" s="166">
        <v>0</v>
      </c>
      <c r="AH1538" s="166">
        <v>0</v>
      </c>
      <c r="AI1538" s="166">
        <v>0</v>
      </c>
      <c r="AJ1538" s="166">
        <v>0</v>
      </c>
      <c r="AK1538" s="166">
        <v>0</v>
      </c>
      <c r="AL1538" s="166">
        <v>0</v>
      </c>
      <c r="AM1538" s="166">
        <v>0</v>
      </c>
      <c r="AN1538" s="166">
        <v>0</v>
      </c>
      <c r="AO1538" s="166">
        <v>0</v>
      </c>
      <c r="AP1538" s="166">
        <v>0</v>
      </c>
      <c r="AQ1538" s="166">
        <v>0</v>
      </c>
      <c r="AR1538" s="166">
        <v>0</v>
      </c>
      <c r="AS1538" s="166">
        <v>0</v>
      </c>
      <c r="AT1538" s="166">
        <v>0</v>
      </c>
      <c r="AU1538" s="166">
        <v>0</v>
      </c>
      <c r="AV1538" s="166">
        <v>0</v>
      </c>
      <c r="AW1538" s="166">
        <v>0</v>
      </c>
      <c r="AX1538" s="166">
        <v>0</v>
      </c>
      <c r="AY1538" s="166">
        <v>0</v>
      </c>
      <c r="AZ1538" s="166">
        <v>0</v>
      </c>
      <c r="BA1538" s="166">
        <v>0</v>
      </c>
      <c r="BB1538" s="166">
        <v>0</v>
      </c>
      <c r="BC1538" s="166">
        <v>0</v>
      </c>
      <c r="BD1538" s="166">
        <v>0</v>
      </c>
      <c r="BE1538" s="166">
        <v>0</v>
      </c>
      <c r="BF1538" s="166">
        <v>0</v>
      </c>
      <c r="BG1538" s="166">
        <v>0</v>
      </c>
      <c r="BH1538" s="166">
        <v>0</v>
      </c>
      <c r="BI1538" s="166">
        <v>0</v>
      </c>
      <c r="BJ1538" s="166">
        <v>0</v>
      </c>
      <c r="BK1538" s="166">
        <v>0</v>
      </c>
      <c r="BL1538" s="166">
        <v>0</v>
      </c>
      <c r="BM1538" s="166">
        <v>0</v>
      </c>
      <c r="BN1538" s="166">
        <v>0</v>
      </c>
      <c r="BO1538" s="166">
        <v>0</v>
      </c>
      <c r="BP1538" s="166">
        <v>0</v>
      </c>
      <c r="BQ1538" s="166">
        <v>0</v>
      </c>
      <c r="BR1538" s="166">
        <v>87287943.469999999</v>
      </c>
      <c r="BS1538" s="166">
        <v>87287943.469999999</v>
      </c>
      <c r="BT1538" s="168">
        <v>0</v>
      </c>
      <c r="BU1538" s="166">
        <v>7351162.6736286404</v>
      </c>
      <c r="BV1538" s="166">
        <v>87277745.048080102</v>
      </c>
      <c r="BW1538" s="166">
        <v>0</v>
      </c>
      <c r="BX1538" s="166">
        <v>0</v>
      </c>
      <c r="BY1538" s="166">
        <v>0</v>
      </c>
      <c r="BZ1538" s="166">
        <v>0</v>
      </c>
      <c r="CA1538" s="166">
        <v>0</v>
      </c>
      <c r="CB1538" s="166">
        <v>0</v>
      </c>
      <c r="CC1538" s="166">
        <v>0</v>
      </c>
      <c r="CD1538" s="166">
        <v>0</v>
      </c>
      <c r="CE1538" s="166">
        <v>0</v>
      </c>
      <c r="CF1538" s="166">
        <v>0</v>
      </c>
      <c r="CG1538" s="166">
        <v>0</v>
      </c>
      <c r="CH1538" s="166">
        <v>0</v>
      </c>
      <c r="CI1538" s="166">
        <v>0</v>
      </c>
      <c r="CJ1538" s="166">
        <v>0</v>
      </c>
      <c r="CK1538" s="166">
        <v>0</v>
      </c>
      <c r="CL1538" s="166">
        <v>0</v>
      </c>
      <c r="CM1538" s="166">
        <v>0</v>
      </c>
      <c r="CN1538" s="166">
        <v>0</v>
      </c>
      <c r="CO1538" s="166">
        <v>0</v>
      </c>
      <c r="CP1538" s="166">
        <v>0</v>
      </c>
      <c r="CQ1538" s="166">
        <v>0</v>
      </c>
      <c r="CR1538" s="166">
        <v>0</v>
      </c>
      <c r="CS1538" s="166">
        <v>0</v>
      </c>
      <c r="CT1538" s="166">
        <v>0</v>
      </c>
      <c r="CU1538" s="166">
        <v>0</v>
      </c>
      <c r="CV1538" s="166">
        <v>0</v>
      </c>
      <c r="CW1538" s="166">
        <v>0</v>
      </c>
      <c r="CX1538" s="166">
        <v>0</v>
      </c>
      <c r="CY1538" s="166">
        <v>87277745.048080102</v>
      </c>
      <c r="CZ1538" s="166">
        <v>87277745.048080102</v>
      </c>
    </row>
    <row r="1539" spans="1:104" x14ac:dyDescent="0.2">
      <c r="A1539" s="167" t="s">
        <v>506</v>
      </c>
      <c r="B1539" s="166">
        <v>10493572.1299999</v>
      </c>
      <c r="C1539" s="166">
        <v>10493572.1299999</v>
      </c>
      <c r="D1539" s="166">
        <v>0</v>
      </c>
      <c r="E1539" s="166">
        <v>0</v>
      </c>
      <c r="F1539" s="166">
        <v>0</v>
      </c>
      <c r="G1539" s="166">
        <v>0</v>
      </c>
      <c r="H1539" s="166">
        <v>0</v>
      </c>
      <c r="I1539" s="166">
        <v>0</v>
      </c>
      <c r="J1539" s="166">
        <v>0</v>
      </c>
      <c r="K1539" s="166">
        <v>0</v>
      </c>
      <c r="L1539" s="166">
        <v>0</v>
      </c>
      <c r="M1539" s="166">
        <v>0</v>
      </c>
      <c r="N1539" s="166">
        <v>0</v>
      </c>
      <c r="O1539" s="166">
        <v>0</v>
      </c>
      <c r="P1539" s="166">
        <v>0</v>
      </c>
      <c r="Q1539" s="166">
        <v>0</v>
      </c>
      <c r="R1539" s="166">
        <v>0</v>
      </c>
      <c r="S1539" s="166">
        <v>0</v>
      </c>
      <c r="T1539" s="166">
        <v>0</v>
      </c>
      <c r="U1539" s="166">
        <v>0</v>
      </c>
      <c r="V1539" s="166">
        <v>0</v>
      </c>
      <c r="W1539" s="166">
        <v>0</v>
      </c>
      <c r="X1539" s="166">
        <v>0</v>
      </c>
      <c r="Y1539" s="166">
        <v>0</v>
      </c>
      <c r="Z1539" s="166">
        <v>0</v>
      </c>
      <c r="AA1539" s="166">
        <v>0</v>
      </c>
      <c r="AB1539" s="166">
        <v>0</v>
      </c>
      <c r="AC1539" s="166">
        <v>0</v>
      </c>
      <c r="AD1539" s="166">
        <v>0</v>
      </c>
      <c r="AE1539" s="166">
        <v>0</v>
      </c>
      <c r="AF1539" s="166">
        <v>0</v>
      </c>
      <c r="AG1539" s="166">
        <v>0</v>
      </c>
      <c r="AH1539" s="166">
        <v>0</v>
      </c>
      <c r="AI1539" s="166">
        <v>0</v>
      </c>
      <c r="AJ1539" s="166">
        <v>0</v>
      </c>
      <c r="AK1539" s="166">
        <v>0</v>
      </c>
      <c r="AL1539" s="166">
        <v>0</v>
      </c>
      <c r="AM1539" s="166">
        <v>0</v>
      </c>
      <c r="AN1539" s="166">
        <v>0</v>
      </c>
      <c r="AO1539" s="166">
        <v>0</v>
      </c>
      <c r="AP1539" s="166">
        <v>0</v>
      </c>
      <c r="AQ1539" s="166">
        <v>0</v>
      </c>
      <c r="AR1539" s="166">
        <v>0</v>
      </c>
      <c r="AS1539" s="166">
        <v>0</v>
      </c>
      <c r="AT1539" s="166">
        <v>0</v>
      </c>
      <c r="AU1539" s="166">
        <v>0</v>
      </c>
      <c r="AV1539" s="166">
        <v>0</v>
      </c>
      <c r="AW1539" s="166">
        <v>0</v>
      </c>
      <c r="AX1539" s="166">
        <v>0</v>
      </c>
      <c r="AY1539" s="166">
        <v>0</v>
      </c>
      <c r="AZ1539" s="166">
        <v>0</v>
      </c>
      <c r="BA1539" s="166">
        <v>0</v>
      </c>
      <c r="BB1539" s="166">
        <v>0</v>
      </c>
      <c r="BC1539" s="166">
        <v>0</v>
      </c>
      <c r="BD1539" s="166">
        <v>0</v>
      </c>
      <c r="BE1539" s="166">
        <v>0</v>
      </c>
      <c r="BF1539" s="166">
        <v>0</v>
      </c>
      <c r="BG1539" s="166">
        <v>0</v>
      </c>
      <c r="BH1539" s="166">
        <v>0</v>
      </c>
      <c r="BI1539" s="166">
        <v>0</v>
      </c>
      <c r="BJ1539" s="166">
        <v>0</v>
      </c>
      <c r="BK1539" s="166">
        <v>0</v>
      </c>
      <c r="BL1539" s="166">
        <v>0</v>
      </c>
      <c r="BM1539" s="166">
        <v>0</v>
      </c>
      <c r="BN1539" s="166">
        <v>0</v>
      </c>
      <c r="BO1539" s="166">
        <v>0</v>
      </c>
      <c r="BP1539" s="166">
        <v>0</v>
      </c>
      <c r="BQ1539" s="166">
        <v>0</v>
      </c>
      <c r="BR1539" s="166">
        <v>10493572.1299999</v>
      </c>
      <c r="BS1539" s="166">
        <v>10493572.1299999</v>
      </c>
      <c r="BT1539" s="168">
        <v>0</v>
      </c>
      <c r="BU1539" s="166">
        <v>787683.10999999905</v>
      </c>
      <c r="BV1539" s="166">
        <v>10493572.1299999</v>
      </c>
      <c r="BW1539" s="166">
        <v>0</v>
      </c>
      <c r="BX1539" s="166">
        <v>0</v>
      </c>
      <c r="BY1539" s="166">
        <v>0</v>
      </c>
      <c r="BZ1539" s="166">
        <v>0</v>
      </c>
      <c r="CA1539" s="166">
        <v>0</v>
      </c>
      <c r="CB1539" s="166">
        <v>0</v>
      </c>
      <c r="CC1539" s="166">
        <v>0</v>
      </c>
      <c r="CD1539" s="166">
        <v>0</v>
      </c>
      <c r="CE1539" s="166">
        <v>0</v>
      </c>
      <c r="CF1539" s="166">
        <v>0</v>
      </c>
      <c r="CG1539" s="166">
        <v>0</v>
      </c>
      <c r="CH1539" s="166">
        <v>0</v>
      </c>
      <c r="CI1539" s="166">
        <v>0</v>
      </c>
      <c r="CJ1539" s="166">
        <v>0</v>
      </c>
      <c r="CK1539" s="166">
        <v>0</v>
      </c>
      <c r="CL1539" s="166">
        <v>0</v>
      </c>
      <c r="CM1539" s="166">
        <v>0</v>
      </c>
      <c r="CN1539" s="166">
        <v>0</v>
      </c>
      <c r="CO1539" s="166">
        <v>0</v>
      </c>
      <c r="CP1539" s="166">
        <v>0</v>
      </c>
      <c r="CQ1539" s="166">
        <v>0</v>
      </c>
      <c r="CR1539" s="166">
        <v>0</v>
      </c>
      <c r="CS1539" s="166">
        <v>0</v>
      </c>
      <c r="CT1539" s="166">
        <v>0</v>
      </c>
      <c r="CU1539" s="166">
        <v>0</v>
      </c>
      <c r="CV1539" s="166">
        <v>0</v>
      </c>
      <c r="CW1539" s="166">
        <v>0</v>
      </c>
      <c r="CX1539" s="166">
        <v>0</v>
      </c>
      <c r="CY1539" s="166">
        <v>10493572.1299999</v>
      </c>
      <c r="CZ1539" s="166">
        <v>10493572.1299999</v>
      </c>
    </row>
    <row r="1540" spans="1:104" x14ac:dyDescent="0.2">
      <c r="A1540" s="167" t="s">
        <v>507</v>
      </c>
      <c r="B1540" s="166">
        <v>8023602.5499999998</v>
      </c>
      <c r="C1540" s="166">
        <v>8023602.5499999998</v>
      </c>
      <c r="D1540" s="166">
        <v>0</v>
      </c>
      <c r="E1540" s="166">
        <v>0</v>
      </c>
      <c r="F1540" s="166">
        <v>0</v>
      </c>
      <c r="G1540" s="166">
        <v>0</v>
      </c>
      <c r="H1540" s="166">
        <v>0</v>
      </c>
      <c r="I1540" s="166">
        <v>0</v>
      </c>
      <c r="J1540" s="166">
        <v>0</v>
      </c>
      <c r="K1540" s="166">
        <v>0</v>
      </c>
      <c r="L1540" s="166">
        <v>0</v>
      </c>
      <c r="M1540" s="166">
        <v>0</v>
      </c>
      <c r="N1540" s="166">
        <v>0</v>
      </c>
      <c r="O1540" s="166">
        <v>0</v>
      </c>
      <c r="P1540" s="166">
        <v>0</v>
      </c>
      <c r="Q1540" s="166">
        <v>0</v>
      </c>
      <c r="R1540" s="166">
        <v>0</v>
      </c>
      <c r="S1540" s="166">
        <v>0</v>
      </c>
      <c r="T1540" s="166">
        <v>0</v>
      </c>
      <c r="U1540" s="166">
        <v>0</v>
      </c>
      <c r="V1540" s="166">
        <v>0</v>
      </c>
      <c r="W1540" s="166">
        <v>0</v>
      </c>
      <c r="X1540" s="166">
        <v>0</v>
      </c>
      <c r="Y1540" s="166">
        <v>0</v>
      </c>
      <c r="Z1540" s="166">
        <v>0</v>
      </c>
      <c r="AA1540" s="166">
        <v>0</v>
      </c>
      <c r="AB1540" s="166">
        <v>0</v>
      </c>
      <c r="AC1540" s="166">
        <v>0</v>
      </c>
      <c r="AD1540" s="166">
        <v>0</v>
      </c>
      <c r="AE1540" s="166">
        <v>0</v>
      </c>
      <c r="AF1540" s="166">
        <v>0</v>
      </c>
      <c r="AG1540" s="166">
        <v>0</v>
      </c>
      <c r="AH1540" s="166">
        <v>0</v>
      </c>
      <c r="AI1540" s="166">
        <v>0</v>
      </c>
      <c r="AJ1540" s="166">
        <v>0</v>
      </c>
      <c r="AK1540" s="166">
        <v>0</v>
      </c>
      <c r="AL1540" s="166">
        <v>0</v>
      </c>
      <c r="AM1540" s="166">
        <v>0</v>
      </c>
      <c r="AN1540" s="166">
        <v>0</v>
      </c>
      <c r="AO1540" s="166">
        <v>0</v>
      </c>
      <c r="AP1540" s="166">
        <v>0</v>
      </c>
      <c r="AQ1540" s="166">
        <v>0</v>
      </c>
      <c r="AR1540" s="166">
        <v>0</v>
      </c>
      <c r="AS1540" s="166">
        <v>0</v>
      </c>
      <c r="AT1540" s="166">
        <v>0</v>
      </c>
      <c r="AU1540" s="166">
        <v>0</v>
      </c>
      <c r="AV1540" s="166">
        <v>0</v>
      </c>
      <c r="AW1540" s="166">
        <v>0</v>
      </c>
      <c r="AX1540" s="166">
        <v>0</v>
      </c>
      <c r="AY1540" s="166">
        <v>0</v>
      </c>
      <c r="AZ1540" s="166">
        <v>0</v>
      </c>
      <c r="BA1540" s="166">
        <v>0</v>
      </c>
      <c r="BB1540" s="166">
        <v>0</v>
      </c>
      <c r="BC1540" s="166">
        <v>0</v>
      </c>
      <c r="BD1540" s="166">
        <v>0</v>
      </c>
      <c r="BE1540" s="166">
        <v>0</v>
      </c>
      <c r="BF1540" s="166">
        <v>0</v>
      </c>
      <c r="BG1540" s="166">
        <v>0</v>
      </c>
      <c r="BH1540" s="166">
        <v>0</v>
      </c>
      <c r="BI1540" s="166">
        <v>0</v>
      </c>
      <c r="BJ1540" s="166">
        <v>0</v>
      </c>
      <c r="BK1540" s="166">
        <v>0</v>
      </c>
      <c r="BL1540" s="166">
        <v>0</v>
      </c>
      <c r="BM1540" s="166">
        <v>0</v>
      </c>
      <c r="BN1540" s="166">
        <v>0</v>
      </c>
      <c r="BO1540" s="166">
        <v>0</v>
      </c>
      <c r="BP1540" s="166">
        <v>0</v>
      </c>
      <c r="BQ1540" s="166">
        <v>0</v>
      </c>
      <c r="BR1540" s="166">
        <v>8023602.5499999998</v>
      </c>
      <c r="BS1540" s="166">
        <v>8023602.5499999998</v>
      </c>
      <c r="BT1540" s="168">
        <v>0</v>
      </c>
      <c r="BU1540" s="166">
        <v>474332.18999999901</v>
      </c>
      <c r="BV1540" s="166">
        <v>8023602.5499999998</v>
      </c>
      <c r="BW1540" s="166">
        <v>0</v>
      </c>
      <c r="BX1540" s="166">
        <v>0</v>
      </c>
      <c r="BY1540" s="166">
        <v>0</v>
      </c>
      <c r="BZ1540" s="166">
        <v>0</v>
      </c>
      <c r="CA1540" s="166">
        <v>0</v>
      </c>
      <c r="CB1540" s="166">
        <v>0</v>
      </c>
      <c r="CC1540" s="166">
        <v>0</v>
      </c>
      <c r="CD1540" s="166">
        <v>0</v>
      </c>
      <c r="CE1540" s="166">
        <v>0</v>
      </c>
      <c r="CF1540" s="166">
        <v>0</v>
      </c>
      <c r="CG1540" s="166">
        <v>0</v>
      </c>
      <c r="CH1540" s="166">
        <v>0</v>
      </c>
      <c r="CI1540" s="166">
        <v>0</v>
      </c>
      <c r="CJ1540" s="166">
        <v>0</v>
      </c>
      <c r="CK1540" s="166">
        <v>0</v>
      </c>
      <c r="CL1540" s="166">
        <v>0</v>
      </c>
      <c r="CM1540" s="166">
        <v>0</v>
      </c>
      <c r="CN1540" s="166">
        <v>0</v>
      </c>
      <c r="CO1540" s="166">
        <v>0</v>
      </c>
      <c r="CP1540" s="166">
        <v>0</v>
      </c>
      <c r="CQ1540" s="166">
        <v>0</v>
      </c>
      <c r="CR1540" s="166">
        <v>0</v>
      </c>
      <c r="CS1540" s="166">
        <v>0</v>
      </c>
      <c r="CT1540" s="166">
        <v>0</v>
      </c>
      <c r="CU1540" s="166">
        <v>0</v>
      </c>
      <c r="CV1540" s="166">
        <v>0</v>
      </c>
      <c r="CW1540" s="166">
        <v>0</v>
      </c>
      <c r="CX1540" s="166">
        <v>0</v>
      </c>
      <c r="CY1540" s="166">
        <v>8023602.5499999998</v>
      </c>
      <c r="CZ1540" s="166">
        <v>8023602.5499999998</v>
      </c>
    </row>
    <row r="1541" spans="1:104" x14ac:dyDescent="0.2">
      <c r="A1541" s="167" t="s">
        <v>1207</v>
      </c>
      <c r="B1541" s="166">
        <v>185073352.27285701</v>
      </c>
      <c r="C1541" s="166">
        <v>185073352.27285701</v>
      </c>
      <c r="D1541" s="166">
        <v>0</v>
      </c>
      <c r="E1541" s="166">
        <v>0</v>
      </c>
      <c r="F1541" s="166">
        <v>0</v>
      </c>
      <c r="G1541" s="166">
        <v>0</v>
      </c>
      <c r="H1541" s="166">
        <v>0</v>
      </c>
      <c r="I1541" s="166">
        <v>0</v>
      </c>
      <c r="J1541" s="166">
        <v>0</v>
      </c>
      <c r="K1541" s="166">
        <v>0</v>
      </c>
      <c r="L1541" s="166">
        <v>0</v>
      </c>
      <c r="M1541" s="166">
        <v>0</v>
      </c>
      <c r="N1541" s="166">
        <v>0</v>
      </c>
      <c r="O1541" s="166">
        <v>0</v>
      </c>
      <c r="P1541" s="166">
        <v>0</v>
      </c>
      <c r="Q1541" s="166">
        <v>0</v>
      </c>
      <c r="R1541" s="166">
        <v>0</v>
      </c>
      <c r="S1541" s="166">
        <v>0</v>
      </c>
      <c r="T1541" s="166">
        <v>0</v>
      </c>
      <c r="U1541" s="166">
        <v>0</v>
      </c>
      <c r="V1541" s="166">
        <v>0</v>
      </c>
      <c r="W1541" s="166">
        <v>0</v>
      </c>
      <c r="X1541" s="166">
        <v>0</v>
      </c>
      <c r="Y1541" s="166">
        <v>0</v>
      </c>
      <c r="Z1541" s="166">
        <v>0</v>
      </c>
      <c r="AA1541" s="166">
        <v>0</v>
      </c>
      <c r="AB1541" s="166">
        <v>0</v>
      </c>
      <c r="AC1541" s="166">
        <v>0</v>
      </c>
      <c r="AD1541" s="166">
        <v>0</v>
      </c>
      <c r="AE1541" s="166">
        <v>0</v>
      </c>
      <c r="AF1541" s="166">
        <v>0</v>
      </c>
      <c r="AG1541" s="166">
        <v>0</v>
      </c>
      <c r="AH1541" s="166">
        <v>0</v>
      </c>
      <c r="AI1541" s="166">
        <v>0</v>
      </c>
      <c r="AJ1541" s="166">
        <v>0</v>
      </c>
      <c r="AK1541" s="166">
        <v>0</v>
      </c>
      <c r="AL1541" s="166">
        <v>0</v>
      </c>
      <c r="AM1541" s="166">
        <v>0</v>
      </c>
      <c r="AN1541" s="166">
        <v>0</v>
      </c>
      <c r="AO1541" s="166">
        <v>0</v>
      </c>
      <c r="AP1541" s="166">
        <v>0</v>
      </c>
      <c r="AQ1541" s="166">
        <v>0</v>
      </c>
      <c r="AR1541" s="166">
        <v>0</v>
      </c>
      <c r="AS1541" s="166">
        <v>0</v>
      </c>
      <c r="AT1541" s="166">
        <v>0</v>
      </c>
      <c r="AU1541" s="166">
        <v>0</v>
      </c>
      <c r="AV1541" s="166">
        <v>0</v>
      </c>
      <c r="AW1541" s="166">
        <v>0</v>
      </c>
      <c r="AX1541" s="166">
        <v>-3964398.2872829898</v>
      </c>
      <c r="AY1541" s="166">
        <v>0</v>
      </c>
      <c r="AZ1541" s="166">
        <v>0</v>
      </c>
      <c r="BA1541" s="166">
        <v>0</v>
      </c>
      <c r="BB1541" s="166">
        <v>0</v>
      </c>
      <c r="BC1541" s="166">
        <v>0</v>
      </c>
      <c r="BD1541" s="166">
        <v>0</v>
      </c>
      <c r="BE1541" s="166">
        <v>0</v>
      </c>
      <c r="BF1541" s="166">
        <v>0</v>
      </c>
      <c r="BG1541" s="166">
        <v>0</v>
      </c>
      <c r="BH1541" s="166">
        <v>0</v>
      </c>
      <c r="BI1541" s="166">
        <v>0</v>
      </c>
      <c r="BJ1541" s="166">
        <v>0</v>
      </c>
      <c r="BK1541" s="166">
        <v>0</v>
      </c>
      <c r="BL1541" s="166">
        <v>0</v>
      </c>
      <c r="BM1541" s="166">
        <v>0</v>
      </c>
      <c r="BN1541" s="166">
        <v>0</v>
      </c>
      <c r="BO1541" s="166">
        <v>-3964398.2872829898</v>
      </c>
      <c r="BP1541" s="166">
        <v>0</v>
      </c>
      <c r="BQ1541" s="166">
        <v>0</v>
      </c>
      <c r="BR1541" s="166">
        <v>185073352.27285701</v>
      </c>
      <c r="BS1541" s="166">
        <v>181108953.98557401</v>
      </c>
      <c r="BT1541" s="168">
        <v>0</v>
      </c>
      <c r="BU1541" s="166">
        <v>11951240.081658199</v>
      </c>
      <c r="BV1541" s="166">
        <v>178025596.343593</v>
      </c>
      <c r="BW1541" s="166">
        <v>0</v>
      </c>
      <c r="BX1541" s="166">
        <v>0</v>
      </c>
      <c r="BY1541" s="166">
        <v>0</v>
      </c>
      <c r="BZ1541" s="166">
        <v>0</v>
      </c>
      <c r="CA1541" s="166">
        <v>0</v>
      </c>
      <c r="CB1541" s="166">
        <v>0</v>
      </c>
      <c r="CC1541" s="166">
        <v>0</v>
      </c>
      <c r="CD1541" s="166">
        <v>0</v>
      </c>
      <c r="CE1541" s="166">
        <v>0</v>
      </c>
      <c r="CF1541" s="166">
        <v>0</v>
      </c>
      <c r="CG1541" s="166">
        <v>0</v>
      </c>
      <c r="CH1541" s="166">
        <v>-3964398.2872829898</v>
      </c>
      <c r="CI1541" s="166">
        <v>0</v>
      </c>
      <c r="CJ1541" s="166">
        <v>0</v>
      </c>
      <c r="CK1541" s="166">
        <v>0</v>
      </c>
      <c r="CL1541" s="166">
        <v>0</v>
      </c>
      <c r="CM1541" s="166">
        <v>0</v>
      </c>
      <c r="CN1541" s="166">
        <v>0</v>
      </c>
      <c r="CO1541" s="166">
        <v>0</v>
      </c>
      <c r="CP1541" s="166">
        <v>0</v>
      </c>
      <c r="CQ1541" s="166">
        <v>0</v>
      </c>
      <c r="CR1541" s="166">
        <v>0</v>
      </c>
      <c r="CS1541" s="166">
        <v>0</v>
      </c>
      <c r="CT1541" s="166">
        <v>0</v>
      </c>
      <c r="CU1541" s="166">
        <v>0</v>
      </c>
      <c r="CV1541" s="166">
        <v>-3964398.2872829898</v>
      </c>
      <c r="CW1541" s="166">
        <v>0</v>
      </c>
      <c r="CX1541" s="166">
        <v>0</v>
      </c>
      <c r="CY1541" s="166">
        <v>174061198.05631</v>
      </c>
      <c r="CZ1541" s="166">
        <v>174061198.05631</v>
      </c>
    </row>
    <row r="1542" spans="1:104" x14ac:dyDescent="0.2">
      <c r="A1542" s="170" t="s">
        <v>509</v>
      </c>
      <c r="B1542" s="166">
        <v>616079722.28991604</v>
      </c>
      <c r="C1542" s="166">
        <v>616079722.28991604</v>
      </c>
      <c r="D1542" s="166">
        <v>0</v>
      </c>
      <c r="E1542" s="166">
        <v>0</v>
      </c>
      <c r="F1542" s="166">
        <v>0</v>
      </c>
      <c r="G1542" s="166">
        <v>0</v>
      </c>
      <c r="H1542" s="166">
        <v>0</v>
      </c>
      <c r="I1542" s="166">
        <v>0</v>
      </c>
      <c r="J1542" s="166">
        <v>0</v>
      </c>
      <c r="K1542" s="166">
        <v>0</v>
      </c>
      <c r="L1542" s="166">
        <v>0</v>
      </c>
      <c r="M1542" s="166">
        <v>0</v>
      </c>
      <c r="N1542" s="166">
        <v>0</v>
      </c>
      <c r="O1542" s="166">
        <v>0</v>
      </c>
      <c r="P1542" s="166">
        <v>0</v>
      </c>
      <c r="Q1542" s="166">
        <v>0</v>
      </c>
      <c r="R1542" s="166">
        <v>0</v>
      </c>
      <c r="S1542" s="166">
        <v>0</v>
      </c>
      <c r="T1542" s="166">
        <v>0</v>
      </c>
      <c r="U1542" s="166">
        <v>0</v>
      </c>
      <c r="V1542" s="166">
        <v>0</v>
      </c>
      <c r="W1542" s="166">
        <v>0</v>
      </c>
      <c r="X1542" s="166">
        <v>0</v>
      </c>
      <c r="Y1542" s="166">
        <v>0</v>
      </c>
      <c r="Z1542" s="166">
        <v>0</v>
      </c>
      <c r="AA1542" s="166">
        <v>0</v>
      </c>
      <c r="AB1542" s="166">
        <v>0</v>
      </c>
      <c r="AC1542" s="166">
        <v>0</v>
      </c>
      <c r="AD1542" s="166">
        <v>0</v>
      </c>
      <c r="AE1542" s="166">
        <v>0</v>
      </c>
      <c r="AF1542" s="166">
        <v>0</v>
      </c>
      <c r="AG1542" s="166">
        <v>0</v>
      </c>
      <c r="AH1542" s="166">
        <v>0</v>
      </c>
      <c r="AI1542" s="166">
        <v>0</v>
      </c>
      <c r="AJ1542" s="166">
        <v>0</v>
      </c>
      <c r="AK1542" s="166">
        <v>0</v>
      </c>
      <c r="AL1542" s="166">
        <v>0</v>
      </c>
      <c r="AM1542" s="166">
        <v>0</v>
      </c>
      <c r="AN1542" s="166">
        <v>0</v>
      </c>
      <c r="AO1542" s="166">
        <v>0</v>
      </c>
      <c r="AP1542" s="166">
        <v>0</v>
      </c>
      <c r="AQ1542" s="166">
        <v>0</v>
      </c>
      <c r="AR1542" s="166">
        <v>0</v>
      </c>
      <c r="AS1542" s="166">
        <v>0</v>
      </c>
      <c r="AT1542" s="166">
        <v>0</v>
      </c>
      <c r="AU1542" s="166">
        <v>0</v>
      </c>
      <c r="AV1542" s="166">
        <v>0</v>
      </c>
      <c r="AW1542" s="166">
        <v>0</v>
      </c>
      <c r="AX1542" s="166">
        <v>-3964398.2872829898</v>
      </c>
      <c r="AY1542" s="166">
        <v>0</v>
      </c>
      <c r="AZ1542" s="166">
        <v>0</v>
      </c>
      <c r="BA1542" s="166">
        <v>0</v>
      </c>
      <c r="BB1542" s="166">
        <v>0</v>
      </c>
      <c r="BC1542" s="166">
        <v>0</v>
      </c>
      <c r="BD1542" s="166">
        <v>0</v>
      </c>
      <c r="BE1542" s="166">
        <v>0</v>
      </c>
      <c r="BF1542" s="166">
        <v>0</v>
      </c>
      <c r="BG1542" s="166">
        <v>0</v>
      </c>
      <c r="BH1542" s="166">
        <v>0</v>
      </c>
      <c r="BI1542" s="166">
        <v>0</v>
      </c>
      <c r="BJ1542" s="166">
        <v>0</v>
      </c>
      <c r="BK1542" s="166">
        <v>0</v>
      </c>
      <c r="BL1542" s="166">
        <v>0</v>
      </c>
      <c r="BM1542" s="166">
        <v>0</v>
      </c>
      <c r="BN1542" s="166">
        <v>0</v>
      </c>
      <c r="BO1542" s="166">
        <v>-3964398.2872829898</v>
      </c>
      <c r="BP1542" s="166">
        <v>0</v>
      </c>
      <c r="BQ1542" s="166">
        <v>0</v>
      </c>
      <c r="BR1542" s="166">
        <v>616079722.28991604</v>
      </c>
      <c r="BS1542" s="166">
        <v>612115324.00263298</v>
      </c>
      <c r="BT1542" s="168">
        <v>0</v>
      </c>
      <c r="BU1542" s="166">
        <v>44213843.341596402</v>
      </c>
      <c r="BV1542" s="166">
        <v>598781695.06034303</v>
      </c>
      <c r="BW1542" s="166">
        <v>0</v>
      </c>
      <c r="BX1542" s="166">
        <v>0</v>
      </c>
      <c r="BY1542" s="166">
        <v>0</v>
      </c>
      <c r="BZ1542" s="166">
        <v>0</v>
      </c>
      <c r="CA1542" s="166">
        <v>0</v>
      </c>
      <c r="CB1542" s="166">
        <v>0</v>
      </c>
      <c r="CC1542" s="166">
        <v>0</v>
      </c>
      <c r="CD1542" s="166">
        <v>0</v>
      </c>
      <c r="CE1542" s="166">
        <v>0</v>
      </c>
      <c r="CF1542" s="166">
        <v>0</v>
      </c>
      <c r="CG1542" s="166">
        <v>0</v>
      </c>
      <c r="CH1542" s="166">
        <v>-3964398.2872829898</v>
      </c>
      <c r="CI1542" s="166">
        <v>0</v>
      </c>
      <c r="CJ1542" s="166">
        <v>0</v>
      </c>
      <c r="CK1542" s="166">
        <v>0</v>
      </c>
      <c r="CL1542" s="166">
        <v>0</v>
      </c>
      <c r="CM1542" s="166">
        <v>0</v>
      </c>
      <c r="CN1542" s="166">
        <v>0</v>
      </c>
      <c r="CO1542" s="166">
        <v>0</v>
      </c>
      <c r="CP1542" s="166">
        <v>0</v>
      </c>
      <c r="CQ1542" s="166">
        <v>0</v>
      </c>
      <c r="CR1542" s="166">
        <v>0</v>
      </c>
      <c r="CS1542" s="166">
        <v>0</v>
      </c>
      <c r="CT1542" s="166">
        <v>0</v>
      </c>
      <c r="CU1542" s="166">
        <v>0</v>
      </c>
      <c r="CV1542" s="166">
        <v>-3964398.2872829898</v>
      </c>
      <c r="CW1542" s="166">
        <v>0</v>
      </c>
      <c r="CX1542" s="166">
        <v>0</v>
      </c>
      <c r="CY1542" s="166">
        <v>594817296.77305996</v>
      </c>
      <c r="CZ1542" s="166">
        <v>594817296.77305996</v>
      </c>
    </row>
    <row r="1543" spans="1:104" x14ac:dyDescent="0.2">
      <c r="A1543" s="167" t="s">
        <v>510</v>
      </c>
      <c r="B1543" s="166">
        <v>2078062380.60027</v>
      </c>
      <c r="C1543" s="166">
        <v>2078062380.60027</v>
      </c>
      <c r="D1543" s="166">
        <v>0</v>
      </c>
      <c r="E1543" s="166">
        <v>0</v>
      </c>
      <c r="F1543" s="166">
        <v>0</v>
      </c>
      <c r="G1543" s="166">
        <v>-130031305.11999901</v>
      </c>
      <c r="H1543" s="166">
        <v>0</v>
      </c>
      <c r="I1543" s="166">
        <v>0</v>
      </c>
      <c r="J1543" s="166">
        <v>0</v>
      </c>
      <c r="K1543" s="166">
        <v>0</v>
      </c>
      <c r="L1543" s="166">
        <v>0</v>
      </c>
      <c r="M1543" s="166">
        <v>0</v>
      </c>
      <c r="N1543" s="166">
        <v>0</v>
      </c>
      <c r="O1543" s="166">
        <v>0</v>
      </c>
      <c r="P1543" s="166">
        <v>0</v>
      </c>
      <c r="Q1543" s="166">
        <v>0</v>
      </c>
      <c r="R1543" s="166">
        <v>-114962556.974999</v>
      </c>
      <c r="S1543" s="166">
        <v>0</v>
      </c>
      <c r="T1543" s="166">
        <v>0</v>
      </c>
      <c r="U1543" s="166">
        <v>-11630821.287941299</v>
      </c>
      <c r="V1543" s="166">
        <v>0</v>
      </c>
      <c r="W1543" s="166">
        <v>0</v>
      </c>
      <c r="X1543" s="166">
        <v>0</v>
      </c>
      <c r="Y1543" s="166">
        <v>0</v>
      </c>
      <c r="Z1543" s="166">
        <v>0</v>
      </c>
      <c r="AA1543" s="166">
        <v>0</v>
      </c>
      <c r="AB1543" s="166">
        <v>-1761952458.0973301</v>
      </c>
      <c r="AC1543" s="166">
        <v>0</v>
      </c>
      <c r="AD1543" s="166">
        <v>0</v>
      </c>
      <c r="AE1543" s="166">
        <v>0</v>
      </c>
      <c r="AF1543" s="166">
        <v>0</v>
      </c>
      <c r="AG1543" s="166">
        <v>0</v>
      </c>
      <c r="AH1543" s="166">
        <v>0</v>
      </c>
      <c r="AI1543" s="166">
        <v>0</v>
      </c>
      <c r="AJ1543" s="166">
        <v>0</v>
      </c>
      <c r="AK1543" s="166">
        <v>0</v>
      </c>
      <c r="AL1543" s="166">
        <v>0</v>
      </c>
      <c r="AM1543" s="166">
        <v>0</v>
      </c>
      <c r="AN1543" s="166">
        <v>0</v>
      </c>
      <c r="AO1543" s="166">
        <v>0</v>
      </c>
      <c r="AP1543" s="166">
        <v>0</v>
      </c>
      <c r="AQ1543" s="166">
        <v>0</v>
      </c>
      <c r="AR1543" s="166">
        <v>0</v>
      </c>
      <c r="AS1543" s="166">
        <v>0</v>
      </c>
      <c r="AT1543" s="166">
        <v>0</v>
      </c>
      <c r="AU1543" s="166">
        <v>0</v>
      </c>
      <c r="AV1543" s="166">
        <v>0</v>
      </c>
      <c r="AW1543" s="166">
        <v>0</v>
      </c>
      <c r="AX1543" s="166">
        <v>0</v>
      </c>
      <c r="AY1543" s="166">
        <v>-59485239.119999997</v>
      </c>
      <c r="AZ1543" s="166">
        <v>0</v>
      </c>
      <c r="BA1543" s="166">
        <v>0</v>
      </c>
      <c r="BB1543" s="166">
        <v>0</v>
      </c>
      <c r="BC1543" s="166">
        <v>0</v>
      </c>
      <c r="BD1543" s="166">
        <v>-130031305.11999901</v>
      </c>
      <c r="BE1543" s="166">
        <v>0</v>
      </c>
      <c r="BF1543" s="166">
        <v>0</v>
      </c>
      <c r="BG1543" s="166">
        <v>-114962556.974999</v>
      </c>
      <c r="BH1543" s="166">
        <v>0</v>
      </c>
      <c r="BI1543" s="166">
        <v>-11630821.287941299</v>
      </c>
      <c r="BJ1543" s="166">
        <v>-1761952458.0973301</v>
      </c>
      <c r="BK1543" s="166">
        <v>0</v>
      </c>
      <c r="BL1543" s="166">
        <v>0</v>
      </c>
      <c r="BM1543" s="166">
        <v>0</v>
      </c>
      <c r="BN1543" s="166">
        <v>0</v>
      </c>
      <c r="BO1543" s="166">
        <v>0</v>
      </c>
      <c r="BP1543" s="166">
        <v>-59485239.119999997</v>
      </c>
      <c r="BQ1543" s="166">
        <v>0</v>
      </c>
      <c r="BR1543" s="166">
        <v>2078062380.60027</v>
      </c>
      <c r="BS1543" s="166">
        <v>0</v>
      </c>
      <c r="BT1543" s="168">
        <v>0</v>
      </c>
      <c r="BU1543" s="166">
        <v>173604264.465215</v>
      </c>
      <c r="BV1543" s="166">
        <v>2063716917.5716801</v>
      </c>
      <c r="BW1543" s="166">
        <v>-125195726.95145801</v>
      </c>
      <c r="BX1543" s="166">
        <v>0</v>
      </c>
      <c r="BY1543" s="166">
        <v>0</v>
      </c>
      <c r="BZ1543" s="166">
        <v>-114962556.974999</v>
      </c>
      <c r="CA1543" s="166">
        <v>0</v>
      </c>
      <c r="CB1543" s="166">
        <v>-11630778.9645609</v>
      </c>
      <c r="CC1543" s="166">
        <v>-1755014284.20296</v>
      </c>
      <c r="CD1543" s="166">
        <v>0</v>
      </c>
      <c r="CE1543" s="166">
        <v>0</v>
      </c>
      <c r="CF1543" s="166">
        <v>0</v>
      </c>
      <c r="CG1543" s="166">
        <v>0</v>
      </c>
      <c r="CH1543" s="166">
        <v>0</v>
      </c>
      <c r="CI1543" s="166">
        <v>-56913570.477703698</v>
      </c>
      <c r="CJ1543" s="166">
        <v>0</v>
      </c>
      <c r="CK1543" s="166">
        <v>-125195726.95145801</v>
      </c>
      <c r="CL1543" s="166">
        <v>0</v>
      </c>
      <c r="CM1543" s="166">
        <v>0</v>
      </c>
      <c r="CN1543" s="166">
        <v>-114962556.974999</v>
      </c>
      <c r="CO1543" s="166">
        <v>0</v>
      </c>
      <c r="CP1543" s="166">
        <v>-11630778.9645609</v>
      </c>
      <c r="CQ1543" s="166">
        <v>-1755014284.20296</v>
      </c>
      <c r="CR1543" s="166">
        <v>0</v>
      </c>
      <c r="CS1543" s="166">
        <v>0</v>
      </c>
      <c r="CT1543" s="166">
        <v>0</v>
      </c>
      <c r="CU1543" s="166">
        <v>0</v>
      </c>
      <c r="CV1543" s="166">
        <v>0</v>
      </c>
      <c r="CW1543" s="166">
        <v>-56913570.477703698</v>
      </c>
      <c r="CX1543" s="166">
        <v>0</v>
      </c>
      <c r="CY1543" s="166">
        <v>0</v>
      </c>
      <c r="CZ1543" s="166">
        <v>0</v>
      </c>
    </row>
    <row r="1544" spans="1:104" x14ac:dyDescent="0.2">
      <c r="A1544" s="170" t="s">
        <v>511</v>
      </c>
      <c r="B1544" s="166">
        <v>2694142102.8901901</v>
      </c>
      <c r="C1544" s="166">
        <v>2694142102.8901901</v>
      </c>
      <c r="D1544" s="166">
        <v>0</v>
      </c>
      <c r="E1544" s="166">
        <v>0</v>
      </c>
      <c r="F1544" s="166">
        <v>0</v>
      </c>
      <c r="G1544" s="166">
        <v>-130031305.11999901</v>
      </c>
      <c r="H1544" s="166">
        <v>0</v>
      </c>
      <c r="I1544" s="166">
        <v>0</v>
      </c>
      <c r="J1544" s="166">
        <v>0</v>
      </c>
      <c r="K1544" s="166">
        <v>0</v>
      </c>
      <c r="L1544" s="166">
        <v>0</v>
      </c>
      <c r="M1544" s="166">
        <v>0</v>
      </c>
      <c r="N1544" s="166">
        <v>0</v>
      </c>
      <c r="O1544" s="166">
        <v>0</v>
      </c>
      <c r="P1544" s="166">
        <v>0</v>
      </c>
      <c r="Q1544" s="166">
        <v>0</v>
      </c>
      <c r="R1544" s="166">
        <v>-114962556.974999</v>
      </c>
      <c r="S1544" s="166">
        <v>0</v>
      </c>
      <c r="T1544" s="166">
        <v>0</v>
      </c>
      <c r="U1544" s="166">
        <v>-11630821.287941299</v>
      </c>
      <c r="V1544" s="166">
        <v>0</v>
      </c>
      <c r="W1544" s="166">
        <v>0</v>
      </c>
      <c r="X1544" s="166">
        <v>0</v>
      </c>
      <c r="Y1544" s="166">
        <v>0</v>
      </c>
      <c r="Z1544" s="166">
        <v>0</v>
      </c>
      <c r="AA1544" s="166">
        <v>0</v>
      </c>
      <c r="AB1544" s="166">
        <v>-1761952458.0973301</v>
      </c>
      <c r="AC1544" s="166">
        <v>0</v>
      </c>
      <c r="AD1544" s="166">
        <v>0</v>
      </c>
      <c r="AE1544" s="166">
        <v>0</v>
      </c>
      <c r="AF1544" s="166">
        <v>0</v>
      </c>
      <c r="AG1544" s="166">
        <v>0</v>
      </c>
      <c r="AH1544" s="166">
        <v>0</v>
      </c>
      <c r="AI1544" s="166">
        <v>0</v>
      </c>
      <c r="AJ1544" s="166">
        <v>0</v>
      </c>
      <c r="AK1544" s="166">
        <v>0</v>
      </c>
      <c r="AL1544" s="166">
        <v>0</v>
      </c>
      <c r="AM1544" s="166">
        <v>0</v>
      </c>
      <c r="AN1544" s="166">
        <v>0</v>
      </c>
      <c r="AO1544" s="166">
        <v>0</v>
      </c>
      <c r="AP1544" s="166">
        <v>0</v>
      </c>
      <c r="AQ1544" s="166">
        <v>0</v>
      </c>
      <c r="AR1544" s="166">
        <v>0</v>
      </c>
      <c r="AS1544" s="166">
        <v>0</v>
      </c>
      <c r="AT1544" s="166">
        <v>0</v>
      </c>
      <c r="AU1544" s="166">
        <v>0</v>
      </c>
      <c r="AV1544" s="166">
        <v>0</v>
      </c>
      <c r="AW1544" s="166">
        <v>0</v>
      </c>
      <c r="AX1544" s="166">
        <v>-3964398.2872829898</v>
      </c>
      <c r="AY1544" s="166">
        <v>-59485239.119999997</v>
      </c>
      <c r="AZ1544" s="166">
        <v>0</v>
      </c>
      <c r="BA1544" s="166">
        <v>0</v>
      </c>
      <c r="BB1544" s="166">
        <v>0</v>
      </c>
      <c r="BC1544" s="166">
        <v>0</v>
      </c>
      <c r="BD1544" s="166">
        <v>-130031305.11999901</v>
      </c>
      <c r="BE1544" s="166">
        <v>0</v>
      </c>
      <c r="BF1544" s="166">
        <v>0</v>
      </c>
      <c r="BG1544" s="166">
        <v>-114962556.974999</v>
      </c>
      <c r="BH1544" s="166">
        <v>0</v>
      </c>
      <c r="BI1544" s="166">
        <v>-11630821.287941299</v>
      </c>
      <c r="BJ1544" s="166">
        <v>-1761952458.0973301</v>
      </c>
      <c r="BK1544" s="166">
        <v>0</v>
      </c>
      <c r="BL1544" s="166">
        <v>0</v>
      </c>
      <c r="BM1544" s="166">
        <v>0</v>
      </c>
      <c r="BN1544" s="166">
        <v>0</v>
      </c>
      <c r="BO1544" s="166">
        <v>-3964398.2872829898</v>
      </c>
      <c r="BP1544" s="166">
        <v>-59485239.119999997</v>
      </c>
      <c r="BQ1544" s="166">
        <v>0</v>
      </c>
      <c r="BR1544" s="166">
        <v>2694142102.8901901</v>
      </c>
      <c r="BS1544" s="166">
        <v>612115324.00263298</v>
      </c>
      <c r="BT1544" s="168">
        <v>0</v>
      </c>
      <c r="BU1544" s="166">
        <v>217818107.806811</v>
      </c>
      <c r="BV1544" s="166">
        <v>2662498612.63202</v>
      </c>
      <c r="BW1544" s="166">
        <v>0</v>
      </c>
      <c r="BX1544" s="166">
        <v>0</v>
      </c>
      <c r="BY1544" s="166">
        <v>0</v>
      </c>
      <c r="BZ1544" s="166">
        <v>0</v>
      </c>
      <c r="CA1544" s="166">
        <v>0</v>
      </c>
      <c r="CB1544" s="166">
        <v>0</v>
      </c>
      <c r="CC1544" s="166">
        <v>0</v>
      </c>
      <c r="CD1544" s="166">
        <v>0</v>
      </c>
      <c r="CE1544" s="166">
        <v>0</v>
      </c>
      <c r="CF1544" s="166">
        <v>0</v>
      </c>
      <c r="CG1544" s="166">
        <v>0</v>
      </c>
      <c r="CH1544" s="166">
        <v>-3964398.2872829898</v>
      </c>
      <c r="CI1544" s="166">
        <v>0</v>
      </c>
      <c r="CJ1544" s="166">
        <v>0</v>
      </c>
      <c r="CK1544" s="166">
        <v>0</v>
      </c>
      <c r="CL1544" s="166">
        <v>0</v>
      </c>
      <c r="CM1544" s="166">
        <v>0</v>
      </c>
      <c r="CN1544" s="166">
        <v>0</v>
      </c>
      <c r="CO1544" s="166">
        <v>0</v>
      </c>
      <c r="CP1544" s="166">
        <v>0</v>
      </c>
      <c r="CQ1544" s="166">
        <v>0</v>
      </c>
      <c r="CR1544" s="166">
        <v>0</v>
      </c>
      <c r="CS1544" s="166">
        <v>0</v>
      </c>
      <c r="CT1544" s="166">
        <v>0</v>
      </c>
      <c r="CU1544" s="166">
        <v>0</v>
      </c>
      <c r="CV1544" s="166">
        <v>-3964398.2872829898</v>
      </c>
      <c r="CW1544" s="166">
        <v>0</v>
      </c>
      <c r="CX1544" s="166">
        <v>0</v>
      </c>
      <c r="CY1544" s="166">
        <v>594817296.77305996</v>
      </c>
      <c r="CZ1544" s="166">
        <v>594817296.77305996</v>
      </c>
    </row>
    <row r="1545" spans="1:104" x14ac:dyDescent="0.2">
      <c r="A1545" s="167" t="s">
        <v>512</v>
      </c>
    </row>
    <row r="1546" spans="1:104" x14ac:dyDescent="0.2">
      <c r="A1546" s="170" t="s">
        <v>513</v>
      </c>
    </row>
    <row r="1547" spans="1:104" x14ac:dyDescent="0.2">
      <c r="A1547" s="167" t="s">
        <v>514</v>
      </c>
      <c r="B1547" s="166">
        <v>2694142102.8901801</v>
      </c>
      <c r="C1547" s="166">
        <v>2694142102.8901801</v>
      </c>
      <c r="D1547" s="166">
        <v>0</v>
      </c>
      <c r="E1547" s="166">
        <v>0</v>
      </c>
      <c r="F1547" s="166">
        <v>0</v>
      </c>
      <c r="G1547" s="166">
        <v>0</v>
      </c>
      <c r="H1547" s="166">
        <v>0</v>
      </c>
      <c r="I1547" s="166">
        <v>0</v>
      </c>
      <c r="J1547" s="166">
        <v>0</v>
      </c>
      <c r="K1547" s="166">
        <v>0</v>
      </c>
      <c r="L1547" s="166">
        <v>0</v>
      </c>
      <c r="M1547" s="166">
        <v>0</v>
      </c>
      <c r="N1547" s="166">
        <v>0</v>
      </c>
      <c r="O1547" s="166">
        <v>0</v>
      </c>
      <c r="P1547" s="166">
        <v>0</v>
      </c>
      <c r="Q1547" s="166">
        <v>0</v>
      </c>
      <c r="R1547" s="166">
        <v>0</v>
      </c>
      <c r="S1547" s="166">
        <v>0</v>
      </c>
      <c r="T1547" s="166">
        <v>0</v>
      </c>
      <c r="U1547" s="166">
        <v>0</v>
      </c>
      <c r="V1547" s="166">
        <v>0</v>
      </c>
      <c r="W1547" s="166">
        <v>0</v>
      </c>
      <c r="X1547" s="166">
        <v>0</v>
      </c>
      <c r="Y1547" s="166">
        <v>0</v>
      </c>
      <c r="Z1547" s="166">
        <v>0</v>
      </c>
      <c r="AA1547" s="166">
        <v>0</v>
      </c>
      <c r="AB1547" s="166">
        <v>0</v>
      </c>
      <c r="AC1547" s="166">
        <v>0</v>
      </c>
      <c r="AD1547" s="166">
        <v>0</v>
      </c>
      <c r="AE1547" s="166">
        <v>0</v>
      </c>
      <c r="AF1547" s="166">
        <v>0</v>
      </c>
      <c r="AG1547" s="166">
        <v>0</v>
      </c>
      <c r="AH1547" s="166">
        <v>0</v>
      </c>
      <c r="AI1547" s="166">
        <v>0</v>
      </c>
      <c r="AJ1547" s="166">
        <v>0</v>
      </c>
      <c r="AK1547" s="166">
        <v>0</v>
      </c>
      <c r="AL1547" s="166">
        <v>0</v>
      </c>
      <c r="AM1547" s="166">
        <v>0</v>
      </c>
      <c r="AN1547" s="166">
        <v>0</v>
      </c>
      <c r="AO1547" s="166">
        <v>0</v>
      </c>
      <c r="AP1547" s="166">
        <v>0</v>
      </c>
      <c r="AQ1547" s="166">
        <v>0</v>
      </c>
      <c r="AR1547" s="166">
        <v>0</v>
      </c>
      <c r="AS1547" s="166">
        <v>0</v>
      </c>
      <c r="AT1547" s="166">
        <v>0</v>
      </c>
      <c r="AU1547" s="166">
        <v>0</v>
      </c>
      <c r="AV1547" s="166">
        <v>0</v>
      </c>
      <c r="AW1547" s="166">
        <v>0</v>
      </c>
      <c r="AX1547" s="166">
        <v>0</v>
      </c>
      <c r="AY1547" s="166">
        <v>0</v>
      </c>
      <c r="AZ1547" s="166">
        <v>0</v>
      </c>
      <c r="BA1547" s="166">
        <v>0</v>
      </c>
      <c r="BB1547" s="166">
        <v>0</v>
      </c>
      <c r="BC1547" s="166">
        <v>0</v>
      </c>
      <c r="BD1547" s="166">
        <v>0</v>
      </c>
      <c r="BE1547" s="166">
        <v>0</v>
      </c>
      <c r="BF1547" s="166">
        <v>0</v>
      </c>
      <c r="BG1547" s="166">
        <v>0</v>
      </c>
      <c r="BH1547" s="166">
        <v>0</v>
      </c>
      <c r="BI1547" s="166">
        <v>0</v>
      </c>
      <c r="BJ1547" s="166">
        <v>0</v>
      </c>
      <c r="BK1547" s="166">
        <v>0</v>
      </c>
      <c r="BL1547" s="166">
        <v>0</v>
      </c>
      <c r="BM1547" s="166">
        <v>0</v>
      </c>
      <c r="BN1547" s="166">
        <v>0</v>
      </c>
      <c r="BO1547" s="166">
        <v>0</v>
      </c>
      <c r="BP1547" s="166">
        <v>0</v>
      </c>
      <c r="BQ1547" s="166">
        <v>0</v>
      </c>
      <c r="BR1547" s="166">
        <v>2694142102.8901801</v>
      </c>
      <c r="BS1547" s="166">
        <v>2694142102.8901801</v>
      </c>
      <c r="BT1547" s="168">
        <v>0</v>
      </c>
      <c r="BU1547" s="166">
        <v>0</v>
      </c>
      <c r="BV1547" s="166">
        <v>0</v>
      </c>
      <c r="BW1547" s="166">
        <v>0</v>
      </c>
      <c r="BX1547" s="166">
        <v>0</v>
      </c>
      <c r="BY1547" s="166">
        <v>0</v>
      </c>
      <c r="BZ1547" s="166">
        <v>0</v>
      </c>
      <c r="CA1547" s="166">
        <v>0</v>
      </c>
      <c r="CB1547" s="166">
        <v>0</v>
      </c>
      <c r="CC1547" s="166">
        <v>0</v>
      </c>
      <c r="CD1547" s="166">
        <v>0</v>
      </c>
      <c r="CE1547" s="166">
        <v>0</v>
      </c>
      <c r="CF1547" s="166">
        <v>0</v>
      </c>
      <c r="CG1547" s="166">
        <v>0</v>
      </c>
      <c r="CH1547" s="166">
        <v>0</v>
      </c>
      <c r="CI1547" s="166">
        <v>0</v>
      </c>
      <c r="CJ1547" s="166">
        <v>0</v>
      </c>
      <c r="CK1547" s="166">
        <v>0</v>
      </c>
      <c r="CL1547" s="166">
        <v>0</v>
      </c>
      <c r="CM1547" s="166">
        <v>0</v>
      </c>
      <c r="CN1547" s="166">
        <v>0</v>
      </c>
      <c r="CO1547" s="166">
        <v>0</v>
      </c>
      <c r="CP1547" s="166">
        <v>0</v>
      </c>
      <c r="CQ1547" s="166">
        <v>0</v>
      </c>
      <c r="CR1547" s="166">
        <v>0</v>
      </c>
      <c r="CS1547" s="166">
        <v>0</v>
      </c>
      <c r="CT1547" s="166">
        <v>0</v>
      </c>
      <c r="CU1547" s="166">
        <v>0</v>
      </c>
      <c r="CV1547" s="166">
        <v>0</v>
      </c>
      <c r="CW1547" s="166">
        <v>0</v>
      </c>
      <c r="CX1547" s="166">
        <v>0</v>
      </c>
      <c r="CY1547" s="166">
        <v>0</v>
      </c>
      <c r="CZ1547" s="166">
        <v>0</v>
      </c>
    </row>
    <row r="1548" spans="1:104" x14ac:dyDescent="0.2">
      <c r="A1548" s="167" t="s">
        <v>515</v>
      </c>
      <c r="B1548" s="166">
        <v>1891983763.21733</v>
      </c>
      <c r="C1548" s="166">
        <v>1891983763.21733</v>
      </c>
      <c r="D1548" s="166">
        <v>0</v>
      </c>
      <c r="E1548" s="166">
        <v>0</v>
      </c>
      <c r="F1548" s="166">
        <v>0</v>
      </c>
      <c r="G1548" s="166">
        <v>0</v>
      </c>
      <c r="H1548" s="166">
        <v>0</v>
      </c>
      <c r="I1548" s="166">
        <v>0</v>
      </c>
      <c r="J1548" s="166">
        <v>0</v>
      </c>
      <c r="K1548" s="166">
        <v>0</v>
      </c>
      <c r="L1548" s="166">
        <v>0</v>
      </c>
      <c r="M1548" s="166">
        <v>0</v>
      </c>
      <c r="N1548" s="166">
        <v>0</v>
      </c>
      <c r="O1548" s="166">
        <v>0</v>
      </c>
      <c r="P1548" s="166">
        <v>0</v>
      </c>
      <c r="Q1548" s="166">
        <v>0</v>
      </c>
      <c r="R1548" s="166">
        <v>0</v>
      </c>
      <c r="S1548" s="166">
        <v>0</v>
      </c>
      <c r="T1548" s="166">
        <v>0</v>
      </c>
      <c r="U1548" s="166">
        <v>0</v>
      </c>
      <c r="V1548" s="166">
        <v>0</v>
      </c>
      <c r="W1548" s="166">
        <v>0</v>
      </c>
      <c r="X1548" s="166">
        <v>0</v>
      </c>
      <c r="Y1548" s="166">
        <v>0</v>
      </c>
      <c r="Z1548" s="166">
        <v>0</v>
      </c>
      <c r="AA1548" s="166">
        <v>0</v>
      </c>
      <c r="AB1548" s="166">
        <v>0</v>
      </c>
      <c r="AC1548" s="166">
        <v>0</v>
      </c>
      <c r="AD1548" s="166">
        <v>0</v>
      </c>
      <c r="AE1548" s="166">
        <v>0</v>
      </c>
      <c r="AF1548" s="166">
        <v>0</v>
      </c>
      <c r="AG1548" s="166">
        <v>0</v>
      </c>
      <c r="AH1548" s="166">
        <v>0</v>
      </c>
      <c r="AI1548" s="166">
        <v>0</v>
      </c>
      <c r="AJ1548" s="166">
        <v>0</v>
      </c>
      <c r="AK1548" s="166">
        <v>0</v>
      </c>
      <c r="AL1548" s="166">
        <v>0</v>
      </c>
      <c r="AM1548" s="166">
        <v>0</v>
      </c>
      <c r="AN1548" s="166">
        <v>0</v>
      </c>
      <c r="AO1548" s="166">
        <v>0</v>
      </c>
      <c r="AP1548" s="166">
        <v>0</v>
      </c>
      <c r="AQ1548" s="166">
        <v>0</v>
      </c>
      <c r="AR1548" s="166">
        <v>0</v>
      </c>
      <c r="AS1548" s="166">
        <v>0</v>
      </c>
      <c r="AT1548" s="166">
        <v>0</v>
      </c>
      <c r="AU1548" s="166">
        <v>0</v>
      </c>
      <c r="AV1548" s="166">
        <v>0</v>
      </c>
      <c r="AW1548" s="166">
        <v>0</v>
      </c>
      <c r="AX1548" s="166">
        <v>0</v>
      </c>
      <c r="AY1548" s="166">
        <v>0</v>
      </c>
      <c r="AZ1548" s="166">
        <v>0</v>
      </c>
      <c r="BA1548" s="166">
        <v>0</v>
      </c>
      <c r="BB1548" s="166">
        <v>0</v>
      </c>
      <c r="BC1548" s="166">
        <v>0</v>
      </c>
      <c r="BD1548" s="166">
        <v>0</v>
      </c>
      <c r="BE1548" s="166">
        <v>0</v>
      </c>
      <c r="BF1548" s="166">
        <v>0</v>
      </c>
      <c r="BG1548" s="166">
        <v>0</v>
      </c>
      <c r="BH1548" s="166">
        <v>0</v>
      </c>
      <c r="BI1548" s="166">
        <v>0</v>
      </c>
      <c r="BJ1548" s="166">
        <v>0</v>
      </c>
      <c r="BK1548" s="166">
        <v>0</v>
      </c>
      <c r="BL1548" s="166">
        <v>0</v>
      </c>
      <c r="BM1548" s="166">
        <v>0</v>
      </c>
      <c r="BN1548" s="166">
        <v>0</v>
      </c>
      <c r="BO1548" s="166">
        <v>0</v>
      </c>
      <c r="BP1548" s="166">
        <v>0</v>
      </c>
      <c r="BQ1548" s="166">
        <v>0</v>
      </c>
      <c r="BR1548" s="166">
        <v>1891983763.21733</v>
      </c>
      <c r="BS1548" s="166">
        <v>1891983763.21733</v>
      </c>
      <c r="BT1548" s="168">
        <v>0</v>
      </c>
      <c r="BU1548" s="166">
        <v>0</v>
      </c>
      <c r="BV1548" s="166">
        <v>0</v>
      </c>
      <c r="BW1548" s="166">
        <v>0</v>
      </c>
      <c r="BX1548" s="166">
        <v>0</v>
      </c>
      <c r="BY1548" s="166">
        <v>0</v>
      </c>
      <c r="BZ1548" s="166">
        <v>0</v>
      </c>
      <c r="CA1548" s="166">
        <v>0</v>
      </c>
      <c r="CB1548" s="166">
        <v>0</v>
      </c>
      <c r="CC1548" s="166">
        <v>0</v>
      </c>
      <c r="CD1548" s="166">
        <v>0</v>
      </c>
      <c r="CE1548" s="166">
        <v>0</v>
      </c>
      <c r="CF1548" s="166">
        <v>0</v>
      </c>
      <c r="CG1548" s="166">
        <v>0</v>
      </c>
      <c r="CH1548" s="166">
        <v>0</v>
      </c>
      <c r="CI1548" s="166">
        <v>0</v>
      </c>
      <c r="CJ1548" s="166">
        <v>0</v>
      </c>
      <c r="CK1548" s="166">
        <v>0</v>
      </c>
      <c r="CL1548" s="166">
        <v>0</v>
      </c>
      <c r="CM1548" s="166">
        <v>0</v>
      </c>
      <c r="CN1548" s="166">
        <v>0</v>
      </c>
      <c r="CO1548" s="166">
        <v>0</v>
      </c>
      <c r="CP1548" s="166">
        <v>0</v>
      </c>
      <c r="CQ1548" s="166">
        <v>0</v>
      </c>
      <c r="CR1548" s="166">
        <v>0</v>
      </c>
      <c r="CS1548" s="166">
        <v>0</v>
      </c>
      <c r="CT1548" s="166">
        <v>0</v>
      </c>
      <c r="CU1548" s="166">
        <v>0</v>
      </c>
      <c r="CV1548" s="166">
        <v>0</v>
      </c>
      <c r="CW1548" s="166">
        <v>0</v>
      </c>
      <c r="CX1548" s="166">
        <v>0</v>
      </c>
      <c r="CY1548" s="166">
        <v>0</v>
      </c>
      <c r="CZ1548" s="166">
        <v>0</v>
      </c>
    </row>
    <row r="1549" spans="1:104" x14ac:dyDescent="0.2">
      <c r="A1549" s="167" t="s">
        <v>516</v>
      </c>
      <c r="B1549" s="166">
        <v>802158339.67285597</v>
      </c>
      <c r="C1549" s="166">
        <v>802158339.67285597</v>
      </c>
      <c r="D1549" s="166">
        <v>0</v>
      </c>
      <c r="E1549" s="166">
        <v>0</v>
      </c>
      <c r="F1549" s="166">
        <v>0</v>
      </c>
      <c r="G1549" s="166">
        <v>0</v>
      </c>
      <c r="H1549" s="166">
        <v>0</v>
      </c>
      <c r="I1549" s="166">
        <v>0</v>
      </c>
      <c r="J1549" s="166">
        <v>0</v>
      </c>
      <c r="K1549" s="166">
        <v>0</v>
      </c>
      <c r="L1549" s="166">
        <v>0</v>
      </c>
      <c r="M1549" s="166">
        <v>0</v>
      </c>
      <c r="N1549" s="166">
        <v>0</v>
      </c>
      <c r="O1549" s="166">
        <v>0</v>
      </c>
      <c r="P1549" s="166">
        <v>0</v>
      </c>
      <c r="Q1549" s="166">
        <v>0</v>
      </c>
      <c r="R1549" s="166">
        <v>0</v>
      </c>
      <c r="S1549" s="166">
        <v>0</v>
      </c>
      <c r="T1549" s="166">
        <v>0</v>
      </c>
      <c r="U1549" s="166">
        <v>0</v>
      </c>
      <c r="V1549" s="166">
        <v>0</v>
      </c>
      <c r="W1549" s="166">
        <v>0</v>
      </c>
      <c r="X1549" s="166">
        <v>0</v>
      </c>
      <c r="Y1549" s="166">
        <v>0</v>
      </c>
      <c r="Z1549" s="166">
        <v>0</v>
      </c>
      <c r="AA1549" s="166">
        <v>0</v>
      </c>
      <c r="AB1549" s="166">
        <v>0</v>
      </c>
      <c r="AC1549" s="166">
        <v>0</v>
      </c>
      <c r="AD1549" s="166">
        <v>0</v>
      </c>
      <c r="AE1549" s="166">
        <v>0</v>
      </c>
      <c r="AF1549" s="166">
        <v>0</v>
      </c>
      <c r="AG1549" s="166">
        <v>0</v>
      </c>
      <c r="AH1549" s="166">
        <v>0</v>
      </c>
      <c r="AI1549" s="166">
        <v>0</v>
      </c>
      <c r="AJ1549" s="166">
        <v>0</v>
      </c>
      <c r="AK1549" s="166">
        <v>0</v>
      </c>
      <c r="AL1549" s="166">
        <v>0</v>
      </c>
      <c r="AM1549" s="166">
        <v>0</v>
      </c>
      <c r="AN1549" s="166">
        <v>0</v>
      </c>
      <c r="AO1549" s="166">
        <v>0</v>
      </c>
      <c r="AP1549" s="166">
        <v>0</v>
      </c>
      <c r="AQ1549" s="166">
        <v>0</v>
      </c>
      <c r="AR1549" s="166">
        <v>0</v>
      </c>
      <c r="AS1549" s="166">
        <v>0</v>
      </c>
      <c r="AT1549" s="166">
        <v>0</v>
      </c>
      <c r="AU1549" s="166">
        <v>0</v>
      </c>
      <c r="AV1549" s="166">
        <v>0</v>
      </c>
      <c r="AW1549" s="166">
        <v>0</v>
      </c>
      <c r="AX1549" s="166">
        <v>0</v>
      </c>
      <c r="AY1549" s="166">
        <v>0</v>
      </c>
      <c r="AZ1549" s="166">
        <v>0</v>
      </c>
      <c r="BA1549" s="166">
        <v>0</v>
      </c>
      <c r="BB1549" s="166">
        <v>0</v>
      </c>
      <c r="BC1549" s="166">
        <v>0</v>
      </c>
      <c r="BD1549" s="166">
        <v>0</v>
      </c>
      <c r="BE1549" s="166">
        <v>0</v>
      </c>
      <c r="BF1549" s="166">
        <v>0</v>
      </c>
      <c r="BG1549" s="166">
        <v>0</v>
      </c>
      <c r="BH1549" s="166">
        <v>0</v>
      </c>
      <c r="BI1549" s="166">
        <v>0</v>
      </c>
      <c r="BJ1549" s="166">
        <v>0</v>
      </c>
      <c r="BK1549" s="166">
        <v>0</v>
      </c>
      <c r="BL1549" s="166">
        <v>0</v>
      </c>
      <c r="BM1549" s="166">
        <v>0</v>
      </c>
      <c r="BN1549" s="166">
        <v>0</v>
      </c>
      <c r="BO1549" s="166">
        <v>0</v>
      </c>
      <c r="BP1549" s="166">
        <v>0</v>
      </c>
      <c r="BQ1549" s="166">
        <v>0</v>
      </c>
      <c r="BR1549" s="166">
        <v>802158339.67285597</v>
      </c>
      <c r="BS1549" s="166">
        <v>802158339.67285597</v>
      </c>
      <c r="BT1549" s="168">
        <v>0</v>
      </c>
      <c r="BU1549" s="166">
        <v>0</v>
      </c>
      <c r="BV1549" s="166">
        <v>0</v>
      </c>
      <c r="BW1549" s="166">
        <v>0</v>
      </c>
      <c r="BX1549" s="166">
        <v>0</v>
      </c>
      <c r="BY1549" s="166">
        <v>0</v>
      </c>
      <c r="BZ1549" s="166">
        <v>0</v>
      </c>
      <c r="CA1549" s="166">
        <v>0</v>
      </c>
      <c r="CB1549" s="166">
        <v>0</v>
      </c>
      <c r="CC1549" s="166">
        <v>0</v>
      </c>
      <c r="CD1549" s="166">
        <v>0</v>
      </c>
      <c r="CE1549" s="166">
        <v>0</v>
      </c>
      <c r="CF1549" s="166">
        <v>0</v>
      </c>
      <c r="CG1549" s="166">
        <v>0</v>
      </c>
      <c r="CH1549" s="166">
        <v>0</v>
      </c>
      <c r="CI1549" s="166">
        <v>0</v>
      </c>
      <c r="CJ1549" s="166">
        <v>0</v>
      </c>
      <c r="CK1549" s="166">
        <v>0</v>
      </c>
      <c r="CL1549" s="166">
        <v>0</v>
      </c>
      <c r="CM1549" s="166">
        <v>0</v>
      </c>
      <c r="CN1549" s="166">
        <v>0</v>
      </c>
      <c r="CO1549" s="166">
        <v>0</v>
      </c>
      <c r="CP1549" s="166">
        <v>0</v>
      </c>
      <c r="CQ1549" s="166">
        <v>0</v>
      </c>
      <c r="CR1549" s="166">
        <v>0</v>
      </c>
      <c r="CS1549" s="166">
        <v>0</v>
      </c>
      <c r="CT1549" s="166">
        <v>0</v>
      </c>
      <c r="CU1549" s="166">
        <v>0</v>
      </c>
      <c r="CV1549" s="166">
        <v>0</v>
      </c>
      <c r="CW1549" s="166">
        <v>0</v>
      </c>
      <c r="CX1549" s="166">
        <v>0</v>
      </c>
      <c r="CY1549" s="166">
        <v>0</v>
      </c>
      <c r="CZ1549" s="166">
        <v>0</v>
      </c>
    </row>
    <row r="1550" spans="1:104" x14ac:dyDescent="0.2">
      <c r="A1550" s="167" t="s">
        <v>517</v>
      </c>
      <c r="B1550" s="166">
        <v>0</v>
      </c>
      <c r="C1550" s="166">
        <v>0</v>
      </c>
      <c r="D1550" s="166">
        <v>0</v>
      </c>
      <c r="E1550" s="166">
        <v>0</v>
      </c>
      <c r="F1550" s="166">
        <v>0</v>
      </c>
      <c r="G1550" s="166">
        <v>0</v>
      </c>
      <c r="H1550" s="166">
        <v>0</v>
      </c>
      <c r="I1550" s="166">
        <v>0</v>
      </c>
      <c r="J1550" s="166">
        <v>0</v>
      </c>
      <c r="K1550" s="166">
        <v>0</v>
      </c>
      <c r="L1550" s="166">
        <v>0</v>
      </c>
      <c r="M1550" s="166">
        <v>0</v>
      </c>
      <c r="N1550" s="166">
        <v>0</v>
      </c>
      <c r="O1550" s="166">
        <v>0</v>
      </c>
      <c r="P1550" s="166">
        <v>0</v>
      </c>
      <c r="Q1550" s="166">
        <v>0</v>
      </c>
      <c r="R1550" s="166">
        <v>0</v>
      </c>
      <c r="S1550" s="166">
        <v>0</v>
      </c>
      <c r="T1550" s="166">
        <v>0</v>
      </c>
      <c r="U1550" s="166">
        <v>0</v>
      </c>
      <c r="V1550" s="166">
        <v>0</v>
      </c>
      <c r="W1550" s="166">
        <v>0</v>
      </c>
      <c r="X1550" s="166">
        <v>0</v>
      </c>
      <c r="Y1550" s="166">
        <v>0</v>
      </c>
      <c r="Z1550" s="166">
        <v>0</v>
      </c>
      <c r="AA1550" s="166">
        <v>0</v>
      </c>
      <c r="AB1550" s="166">
        <v>0</v>
      </c>
      <c r="AC1550" s="166">
        <v>0</v>
      </c>
      <c r="AD1550" s="166">
        <v>0</v>
      </c>
      <c r="AE1550" s="166">
        <v>0</v>
      </c>
      <c r="AF1550" s="166">
        <v>0</v>
      </c>
      <c r="AG1550" s="166">
        <v>0</v>
      </c>
      <c r="AH1550" s="166">
        <v>0</v>
      </c>
      <c r="AI1550" s="166">
        <v>0</v>
      </c>
      <c r="AJ1550" s="166">
        <v>0</v>
      </c>
      <c r="AK1550" s="166">
        <v>0</v>
      </c>
      <c r="AL1550" s="166">
        <v>0</v>
      </c>
      <c r="AM1550" s="166">
        <v>0</v>
      </c>
      <c r="AN1550" s="166">
        <v>0</v>
      </c>
      <c r="AO1550" s="166">
        <v>0</v>
      </c>
      <c r="AP1550" s="166">
        <v>0</v>
      </c>
      <c r="AQ1550" s="166">
        <v>0</v>
      </c>
      <c r="AR1550" s="166">
        <v>0</v>
      </c>
      <c r="AS1550" s="166">
        <v>0</v>
      </c>
      <c r="AT1550" s="166">
        <v>0</v>
      </c>
      <c r="AU1550" s="166">
        <v>0</v>
      </c>
      <c r="AV1550" s="166">
        <v>0</v>
      </c>
      <c r="AW1550" s="166">
        <v>0</v>
      </c>
      <c r="AX1550" s="166">
        <v>0</v>
      </c>
      <c r="AY1550" s="166">
        <v>0</v>
      </c>
      <c r="AZ1550" s="166">
        <v>0</v>
      </c>
      <c r="BA1550" s="166">
        <v>0</v>
      </c>
      <c r="BB1550" s="166">
        <v>0</v>
      </c>
      <c r="BC1550" s="166">
        <v>0</v>
      </c>
      <c r="BD1550" s="166">
        <v>0</v>
      </c>
      <c r="BE1550" s="166">
        <v>0</v>
      </c>
      <c r="BF1550" s="166">
        <v>0</v>
      </c>
      <c r="BG1550" s="166">
        <v>0</v>
      </c>
      <c r="BH1550" s="166">
        <v>0</v>
      </c>
      <c r="BI1550" s="166">
        <v>0</v>
      </c>
      <c r="BJ1550" s="166">
        <v>0</v>
      </c>
      <c r="BK1550" s="166">
        <v>0</v>
      </c>
      <c r="BL1550" s="166">
        <v>0</v>
      </c>
      <c r="BM1550" s="166">
        <v>0</v>
      </c>
      <c r="BN1550" s="166">
        <v>0</v>
      </c>
      <c r="BO1550" s="166">
        <v>0</v>
      </c>
      <c r="BP1550" s="166">
        <v>0</v>
      </c>
      <c r="BQ1550" s="166">
        <v>0</v>
      </c>
      <c r="BR1550" s="166">
        <v>0</v>
      </c>
      <c r="BS1550" s="166">
        <v>0</v>
      </c>
      <c r="BT1550" s="168">
        <v>0</v>
      </c>
      <c r="BU1550" s="166">
        <v>0</v>
      </c>
      <c r="BV1550" s="166">
        <v>0</v>
      </c>
      <c r="BW1550" s="166">
        <v>0</v>
      </c>
      <c r="BX1550" s="166">
        <v>0</v>
      </c>
      <c r="BY1550" s="166">
        <v>0</v>
      </c>
      <c r="BZ1550" s="166">
        <v>0</v>
      </c>
      <c r="CA1550" s="166">
        <v>0</v>
      </c>
      <c r="CB1550" s="166">
        <v>0</v>
      </c>
      <c r="CC1550" s="166">
        <v>0</v>
      </c>
      <c r="CD1550" s="166">
        <v>0</v>
      </c>
      <c r="CE1550" s="166">
        <v>0</v>
      </c>
      <c r="CF1550" s="166">
        <v>0</v>
      </c>
      <c r="CG1550" s="166">
        <v>0</v>
      </c>
      <c r="CH1550" s="166">
        <v>0</v>
      </c>
      <c r="CI1550" s="166">
        <v>0</v>
      </c>
      <c r="CJ1550" s="166">
        <v>0</v>
      </c>
      <c r="CK1550" s="166">
        <v>0</v>
      </c>
      <c r="CL1550" s="166">
        <v>0</v>
      </c>
      <c r="CM1550" s="166">
        <v>0</v>
      </c>
      <c r="CN1550" s="166">
        <v>0</v>
      </c>
      <c r="CO1550" s="166">
        <v>0</v>
      </c>
      <c r="CP1550" s="166">
        <v>0</v>
      </c>
      <c r="CQ1550" s="166">
        <v>0</v>
      </c>
      <c r="CR1550" s="166">
        <v>0</v>
      </c>
      <c r="CS1550" s="166">
        <v>0</v>
      </c>
      <c r="CT1550" s="166">
        <v>0</v>
      </c>
      <c r="CU1550" s="166">
        <v>0</v>
      </c>
      <c r="CV1550" s="166">
        <v>0</v>
      </c>
      <c r="CW1550" s="166">
        <v>0</v>
      </c>
      <c r="CX1550" s="166">
        <v>0</v>
      </c>
      <c r="CY1550" s="166">
        <v>0</v>
      </c>
      <c r="CZ1550" s="166">
        <v>0</v>
      </c>
    </row>
    <row r="1551" spans="1:104" x14ac:dyDescent="0.2">
      <c r="A1551" s="167" t="s">
        <v>518</v>
      </c>
      <c r="B1551" s="166">
        <v>0</v>
      </c>
      <c r="C1551" s="166">
        <v>0</v>
      </c>
      <c r="D1551" s="166">
        <v>0</v>
      </c>
      <c r="E1551" s="166">
        <v>0</v>
      </c>
      <c r="F1551" s="166">
        <v>0</v>
      </c>
      <c r="G1551" s="166">
        <v>0</v>
      </c>
      <c r="H1551" s="166">
        <v>0</v>
      </c>
      <c r="I1551" s="166">
        <v>0</v>
      </c>
      <c r="J1551" s="166">
        <v>0</v>
      </c>
      <c r="K1551" s="166">
        <v>0</v>
      </c>
      <c r="L1551" s="166">
        <v>0</v>
      </c>
      <c r="M1551" s="166">
        <v>0</v>
      </c>
      <c r="N1551" s="166">
        <v>0</v>
      </c>
      <c r="O1551" s="166">
        <v>0</v>
      </c>
      <c r="P1551" s="166">
        <v>0</v>
      </c>
      <c r="Q1551" s="166">
        <v>0</v>
      </c>
      <c r="R1551" s="166">
        <v>0</v>
      </c>
      <c r="S1551" s="166">
        <v>0</v>
      </c>
      <c r="T1551" s="166">
        <v>0</v>
      </c>
      <c r="U1551" s="166">
        <v>0</v>
      </c>
      <c r="V1551" s="166">
        <v>0</v>
      </c>
      <c r="W1551" s="166">
        <v>0</v>
      </c>
      <c r="X1551" s="166">
        <v>0</v>
      </c>
      <c r="Y1551" s="166">
        <v>0</v>
      </c>
      <c r="Z1551" s="166">
        <v>0</v>
      </c>
      <c r="AA1551" s="166">
        <v>0</v>
      </c>
      <c r="AB1551" s="166">
        <v>0</v>
      </c>
      <c r="AC1551" s="166">
        <v>0</v>
      </c>
      <c r="AD1551" s="166">
        <v>0</v>
      </c>
      <c r="AE1551" s="166">
        <v>0</v>
      </c>
      <c r="AF1551" s="166">
        <v>0</v>
      </c>
      <c r="AG1551" s="166">
        <v>0</v>
      </c>
      <c r="AH1551" s="166">
        <v>0</v>
      </c>
      <c r="AI1551" s="166">
        <v>0</v>
      </c>
      <c r="AJ1551" s="166">
        <v>0</v>
      </c>
      <c r="AK1551" s="166">
        <v>0</v>
      </c>
      <c r="AL1551" s="166">
        <v>0</v>
      </c>
      <c r="AM1551" s="166">
        <v>0</v>
      </c>
      <c r="AN1551" s="166">
        <v>0</v>
      </c>
      <c r="AO1551" s="166">
        <v>0</v>
      </c>
      <c r="AP1551" s="166">
        <v>0</v>
      </c>
      <c r="AQ1551" s="166">
        <v>0</v>
      </c>
      <c r="AR1551" s="166">
        <v>0</v>
      </c>
      <c r="AS1551" s="166">
        <v>0</v>
      </c>
      <c r="AT1551" s="166">
        <v>0</v>
      </c>
      <c r="AU1551" s="166">
        <v>0</v>
      </c>
      <c r="AV1551" s="166">
        <v>0</v>
      </c>
      <c r="AW1551" s="166">
        <v>0</v>
      </c>
      <c r="AX1551" s="166">
        <v>0</v>
      </c>
      <c r="AY1551" s="166">
        <v>0</v>
      </c>
      <c r="AZ1551" s="166">
        <v>0</v>
      </c>
      <c r="BA1551" s="166">
        <v>0</v>
      </c>
      <c r="BB1551" s="166">
        <v>0</v>
      </c>
      <c r="BC1551" s="166">
        <v>0</v>
      </c>
      <c r="BD1551" s="166">
        <v>0</v>
      </c>
      <c r="BE1551" s="166">
        <v>0</v>
      </c>
      <c r="BF1551" s="166">
        <v>0</v>
      </c>
      <c r="BG1551" s="166">
        <v>0</v>
      </c>
      <c r="BH1551" s="166">
        <v>0</v>
      </c>
      <c r="BI1551" s="166">
        <v>0</v>
      </c>
      <c r="BJ1551" s="166">
        <v>0</v>
      </c>
      <c r="BK1551" s="166">
        <v>0</v>
      </c>
      <c r="BL1551" s="166">
        <v>0</v>
      </c>
      <c r="BM1551" s="166">
        <v>0</v>
      </c>
      <c r="BN1551" s="166">
        <v>0</v>
      </c>
      <c r="BO1551" s="166">
        <v>0</v>
      </c>
      <c r="BP1551" s="166">
        <v>0</v>
      </c>
      <c r="BQ1551" s="166">
        <v>0</v>
      </c>
      <c r="BR1551" s="166">
        <v>0</v>
      </c>
      <c r="BS1551" s="166">
        <v>0</v>
      </c>
      <c r="BT1551" s="168">
        <v>0</v>
      </c>
      <c r="BU1551" s="166">
        <v>0</v>
      </c>
      <c r="BV1551" s="166">
        <v>0</v>
      </c>
      <c r="BW1551" s="166">
        <v>0</v>
      </c>
      <c r="BX1551" s="166">
        <v>0</v>
      </c>
      <c r="BY1551" s="166">
        <v>0</v>
      </c>
      <c r="BZ1551" s="166">
        <v>0</v>
      </c>
      <c r="CA1551" s="166">
        <v>0</v>
      </c>
      <c r="CB1551" s="166">
        <v>0</v>
      </c>
      <c r="CC1551" s="166">
        <v>0</v>
      </c>
      <c r="CD1551" s="166">
        <v>0</v>
      </c>
      <c r="CE1551" s="166">
        <v>0</v>
      </c>
      <c r="CF1551" s="166">
        <v>0</v>
      </c>
      <c r="CG1551" s="166">
        <v>0</v>
      </c>
      <c r="CH1551" s="166">
        <v>0</v>
      </c>
      <c r="CI1551" s="166">
        <v>0</v>
      </c>
      <c r="CJ1551" s="166">
        <v>0</v>
      </c>
      <c r="CK1551" s="166">
        <v>0</v>
      </c>
      <c r="CL1551" s="166">
        <v>0</v>
      </c>
      <c r="CM1551" s="166">
        <v>0</v>
      </c>
      <c r="CN1551" s="166">
        <v>0</v>
      </c>
      <c r="CO1551" s="166">
        <v>0</v>
      </c>
      <c r="CP1551" s="166">
        <v>0</v>
      </c>
      <c r="CQ1551" s="166">
        <v>0</v>
      </c>
      <c r="CR1551" s="166">
        <v>0</v>
      </c>
      <c r="CS1551" s="166">
        <v>0</v>
      </c>
      <c r="CT1551" s="166">
        <v>0</v>
      </c>
      <c r="CU1551" s="166">
        <v>0</v>
      </c>
      <c r="CV1551" s="166">
        <v>0</v>
      </c>
      <c r="CW1551" s="166">
        <v>0</v>
      </c>
      <c r="CX1551" s="166">
        <v>0</v>
      </c>
      <c r="CY1551" s="166">
        <v>0</v>
      </c>
      <c r="CZ1551" s="166">
        <v>0</v>
      </c>
    </row>
    <row r="1552" spans="1:104" x14ac:dyDescent="0.2">
      <c r="A1552" s="167" t="s">
        <v>519</v>
      </c>
      <c r="B1552" s="166">
        <v>802158339.67285705</v>
      </c>
      <c r="C1552" s="166">
        <v>802158339.67285705</v>
      </c>
      <c r="D1552" s="166">
        <v>0</v>
      </c>
      <c r="E1552" s="166">
        <v>0</v>
      </c>
      <c r="F1552" s="166">
        <v>0</v>
      </c>
      <c r="G1552" s="166">
        <v>0</v>
      </c>
      <c r="H1552" s="166">
        <v>0</v>
      </c>
      <c r="I1552" s="166">
        <v>0</v>
      </c>
      <c r="J1552" s="166">
        <v>0</v>
      </c>
      <c r="K1552" s="166">
        <v>0</v>
      </c>
      <c r="L1552" s="166">
        <v>0</v>
      </c>
      <c r="M1552" s="166">
        <v>0</v>
      </c>
      <c r="N1552" s="166">
        <v>0</v>
      </c>
      <c r="O1552" s="166">
        <v>0</v>
      </c>
      <c r="P1552" s="166">
        <v>0</v>
      </c>
      <c r="Q1552" s="166">
        <v>0</v>
      </c>
      <c r="R1552" s="166">
        <v>0</v>
      </c>
      <c r="S1552" s="166">
        <v>0</v>
      </c>
      <c r="T1552" s="166">
        <v>0</v>
      </c>
      <c r="U1552" s="166">
        <v>0</v>
      </c>
      <c r="V1552" s="166">
        <v>0</v>
      </c>
      <c r="W1552" s="166">
        <v>0</v>
      </c>
      <c r="X1552" s="166">
        <v>0</v>
      </c>
      <c r="Y1552" s="166">
        <v>0</v>
      </c>
      <c r="Z1552" s="166">
        <v>0</v>
      </c>
      <c r="AA1552" s="166">
        <v>0</v>
      </c>
      <c r="AB1552" s="166">
        <v>0</v>
      </c>
      <c r="AC1552" s="166">
        <v>0</v>
      </c>
      <c r="AD1552" s="166">
        <v>0</v>
      </c>
      <c r="AE1552" s="166">
        <v>0</v>
      </c>
      <c r="AF1552" s="166">
        <v>0</v>
      </c>
      <c r="AG1552" s="166">
        <v>0</v>
      </c>
      <c r="AH1552" s="166">
        <v>0</v>
      </c>
      <c r="AI1552" s="166">
        <v>0</v>
      </c>
      <c r="AJ1552" s="166">
        <v>0</v>
      </c>
      <c r="AK1552" s="166">
        <v>0</v>
      </c>
      <c r="AL1552" s="166">
        <v>0</v>
      </c>
      <c r="AM1552" s="166">
        <v>0</v>
      </c>
      <c r="AN1552" s="166">
        <v>0</v>
      </c>
      <c r="AO1552" s="166">
        <v>0</v>
      </c>
      <c r="AP1552" s="166">
        <v>0</v>
      </c>
      <c r="AQ1552" s="166">
        <v>0</v>
      </c>
      <c r="AR1552" s="166">
        <v>0</v>
      </c>
      <c r="AS1552" s="166">
        <v>0</v>
      </c>
      <c r="AT1552" s="166">
        <v>0</v>
      </c>
      <c r="AU1552" s="166">
        <v>0</v>
      </c>
      <c r="AV1552" s="166">
        <v>0</v>
      </c>
      <c r="AW1552" s="166">
        <v>0</v>
      </c>
      <c r="AX1552" s="166">
        <v>0</v>
      </c>
      <c r="AY1552" s="166">
        <v>0</v>
      </c>
      <c r="AZ1552" s="166">
        <v>0</v>
      </c>
      <c r="BA1552" s="166">
        <v>0</v>
      </c>
      <c r="BB1552" s="166">
        <v>0</v>
      </c>
      <c r="BC1552" s="166">
        <v>0</v>
      </c>
      <c r="BD1552" s="166">
        <v>0</v>
      </c>
      <c r="BE1552" s="166">
        <v>0</v>
      </c>
      <c r="BF1552" s="166">
        <v>0</v>
      </c>
      <c r="BG1552" s="166">
        <v>0</v>
      </c>
      <c r="BH1552" s="166">
        <v>0</v>
      </c>
      <c r="BI1552" s="166">
        <v>0</v>
      </c>
      <c r="BJ1552" s="166">
        <v>0</v>
      </c>
      <c r="BK1552" s="166">
        <v>0</v>
      </c>
      <c r="BL1552" s="166">
        <v>0</v>
      </c>
      <c r="BM1552" s="166">
        <v>0</v>
      </c>
      <c r="BN1552" s="166">
        <v>0</v>
      </c>
      <c r="BO1552" s="166">
        <v>0</v>
      </c>
      <c r="BP1552" s="166">
        <v>0</v>
      </c>
      <c r="BQ1552" s="166">
        <v>0</v>
      </c>
      <c r="BR1552" s="166">
        <v>802158339.67285705</v>
      </c>
      <c r="BS1552" s="166">
        <v>802158339.67285705</v>
      </c>
      <c r="BT1552" s="168">
        <v>0</v>
      </c>
      <c r="BU1552" s="166">
        <v>0</v>
      </c>
      <c r="BV1552" s="166">
        <v>0</v>
      </c>
      <c r="BW1552" s="166">
        <v>0</v>
      </c>
      <c r="BX1552" s="166">
        <v>0</v>
      </c>
      <c r="BY1552" s="166">
        <v>0</v>
      </c>
      <c r="BZ1552" s="166">
        <v>0</v>
      </c>
      <c r="CA1552" s="166">
        <v>0</v>
      </c>
      <c r="CB1552" s="166">
        <v>0</v>
      </c>
      <c r="CC1552" s="166">
        <v>0</v>
      </c>
      <c r="CD1552" s="166">
        <v>0</v>
      </c>
      <c r="CE1552" s="166">
        <v>0</v>
      </c>
      <c r="CF1552" s="166">
        <v>0</v>
      </c>
      <c r="CG1552" s="166">
        <v>0</v>
      </c>
      <c r="CH1552" s="166">
        <v>0</v>
      </c>
      <c r="CI1552" s="166">
        <v>0</v>
      </c>
      <c r="CJ1552" s="166">
        <v>0</v>
      </c>
      <c r="CK1552" s="166">
        <v>0</v>
      </c>
      <c r="CL1552" s="166">
        <v>0</v>
      </c>
      <c r="CM1552" s="166">
        <v>0</v>
      </c>
      <c r="CN1552" s="166">
        <v>0</v>
      </c>
      <c r="CO1552" s="166">
        <v>0</v>
      </c>
      <c r="CP1552" s="166">
        <v>0</v>
      </c>
      <c r="CQ1552" s="166">
        <v>0</v>
      </c>
      <c r="CR1552" s="166">
        <v>0</v>
      </c>
      <c r="CS1552" s="166">
        <v>0</v>
      </c>
      <c r="CT1552" s="166">
        <v>0</v>
      </c>
      <c r="CU1552" s="166">
        <v>0</v>
      </c>
      <c r="CV1552" s="166">
        <v>0</v>
      </c>
      <c r="CW1552" s="166">
        <v>0</v>
      </c>
      <c r="CX1552" s="166">
        <v>0</v>
      </c>
      <c r="CY1552" s="166">
        <v>0</v>
      </c>
      <c r="CZ1552" s="166">
        <v>0</v>
      </c>
    </row>
    <row r="1553" spans="1:104" x14ac:dyDescent="0.2">
      <c r="A1553" s="167" t="s">
        <v>520</v>
      </c>
      <c r="B1553" s="166">
        <v>2.91038304567337E-8</v>
      </c>
      <c r="C1553" s="166">
        <v>2.91038304567337E-8</v>
      </c>
      <c r="D1553" s="166">
        <v>0</v>
      </c>
      <c r="E1553" s="166">
        <v>0</v>
      </c>
      <c r="F1553" s="166">
        <v>0</v>
      </c>
      <c r="G1553" s="166">
        <v>0</v>
      </c>
      <c r="H1553" s="166">
        <v>0</v>
      </c>
      <c r="I1553" s="166">
        <v>0</v>
      </c>
      <c r="J1553" s="166">
        <v>0</v>
      </c>
      <c r="K1553" s="166">
        <v>0</v>
      </c>
      <c r="L1553" s="166">
        <v>0</v>
      </c>
      <c r="M1553" s="166">
        <v>0</v>
      </c>
      <c r="N1553" s="166">
        <v>0</v>
      </c>
      <c r="O1553" s="166">
        <v>0</v>
      </c>
      <c r="P1553" s="166">
        <v>0</v>
      </c>
      <c r="Q1553" s="166">
        <v>0</v>
      </c>
      <c r="R1553" s="166">
        <v>0</v>
      </c>
      <c r="S1553" s="166">
        <v>0</v>
      </c>
      <c r="T1553" s="166">
        <v>0</v>
      </c>
      <c r="U1553" s="166">
        <v>0</v>
      </c>
      <c r="V1553" s="166">
        <v>0</v>
      </c>
      <c r="W1553" s="166">
        <v>0</v>
      </c>
      <c r="X1553" s="166">
        <v>0</v>
      </c>
      <c r="Y1553" s="166">
        <v>0</v>
      </c>
      <c r="Z1553" s="166">
        <v>0</v>
      </c>
      <c r="AA1553" s="166">
        <v>0</v>
      </c>
      <c r="AB1553" s="166">
        <v>0</v>
      </c>
      <c r="AC1553" s="166">
        <v>0</v>
      </c>
      <c r="AD1553" s="166">
        <v>0</v>
      </c>
      <c r="AE1553" s="166">
        <v>0</v>
      </c>
      <c r="AF1553" s="166">
        <v>0</v>
      </c>
      <c r="AG1553" s="166">
        <v>0</v>
      </c>
      <c r="AH1553" s="166">
        <v>0</v>
      </c>
      <c r="AI1553" s="166">
        <v>0</v>
      </c>
      <c r="AJ1553" s="166">
        <v>0</v>
      </c>
      <c r="AK1553" s="166">
        <v>0</v>
      </c>
      <c r="AL1553" s="166">
        <v>0</v>
      </c>
      <c r="AM1553" s="166">
        <v>0</v>
      </c>
      <c r="AN1553" s="166">
        <v>0</v>
      </c>
      <c r="AO1553" s="166">
        <v>0</v>
      </c>
      <c r="AP1553" s="166">
        <v>0</v>
      </c>
      <c r="AQ1553" s="166">
        <v>0</v>
      </c>
      <c r="AR1553" s="166">
        <v>0</v>
      </c>
      <c r="AS1553" s="166">
        <v>0</v>
      </c>
      <c r="AT1553" s="166">
        <v>0</v>
      </c>
      <c r="AU1553" s="166">
        <v>0</v>
      </c>
      <c r="AV1553" s="166">
        <v>0</v>
      </c>
      <c r="AW1553" s="166">
        <v>0</v>
      </c>
      <c r="AX1553" s="166">
        <v>0</v>
      </c>
      <c r="AY1553" s="166">
        <v>0</v>
      </c>
      <c r="AZ1553" s="166">
        <v>0</v>
      </c>
      <c r="BA1553" s="166">
        <v>0</v>
      </c>
      <c r="BB1553" s="166">
        <v>0</v>
      </c>
      <c r="BC1553" s="166">
        <v>0</v>
      </c>
      <c r="BD1553" s="166">
        <v>0</v>
      </c>
      <c r="BE1553" s="166">
        <v>0</v>
      </c>
      <c r="BF1553" s="166">
        <v>0</v>
      </c>
      <c r="BG1553" s="166">
        <v>0</v>
      </c>
      <c r="BH1553" s="166">
        <v>0</v>
      </c>
      <c r="BI1553" s="166">
        <v>0</v>
      </c>
      <c r="BJ1553" s="166">
        <v>0</v>
      </c>
      <c r="BK1553" s="166">
        <v>0</v>
      </c>
      <c r="BL1553" s="166">
        <v>0</v>
      </c>
      <c r="BM1553" s="166">
        <v>0</v>
      </c>
      <c r="BN1553" s="166">
        <v>0</v>
      </c>
      <c r="BO1553" s="166">
        <v>0</v>
      </c>
      <c r="BP1553" s="166">
        <v>0</v>
      </c>
      <c r="BQ1553" s="166">
        <v>0</v>
      </c>
      <c r="BR1553" s="166">
        <v>2.91038304567337E-8</v>
      </c>
      <c r="BS1553" s="166">
        <v>2.91038304567337E-8</v>
      </c>
      <c r="BT1553" s="168">
        <v>0</v>
      </c>
      <c r="BU1553" s="166">
        <v>0</v>
      </c>
      <c r="BV1553" s="166">
        <v>0</v>
      </c>
      <c r="BW1553" s="166">
        <v>0</v>
      </c>
      <c r="BX1553" s="166">
        <v>0</v>
      </c>
      <c r="BY1553" s="166">
        <v>0</v>
      </c>
      <c r="BZ1553" s="166">
        <v>0</v>
      </c>
      <c r="CA1553" s="166">
        <v>0</v>
      </c>
      <c r="CB1553" s="166">
        <v>0</v>
      </c>
      <c r="CC1553" s="166">
        <v>0</v>
      </c>
      <c r="CD1553" s="166">
        <v>0</v>
      </c>
      <c r="CE1553" s="166">
        <v>0</v>
      </c>
      <c r="CF1553" s="166">
        <v>0</v>
      </c>
      <c r="CG1553" s="166">
        <v>0</v>
      </c>
      <c r="CH1553" s="166">
        <v>0</v>
      </c>
      <c r="CI1553" s="166">
        <v>0</v>
      </c>
      <c r="CJ1553" s="166">
        <v>0</v>
      </c>
      <c r="CK1553" s="166">
        <v>0</v>
      </c>
      <c r="CL1553" s="166">
        <v>0</v>
      </c>
      <c r="CM1553" s="166">
        <v>0</v>
      </c>
      <c r="CN1553" s="166">
        <v>0</v>
      </c>
      <c r="CO1553" s="166">
        <v>0</v>
      </c>
      <c r="CP1553" s="166">
        <v>0</v>
      </c>
      <c r="CQ1553" s="166">
        <v>0</v>
      </c>
      <c r="CR1553" s="166">
        <v>0</v>
      </c>
      <c r="CS1553" s="166">
        <v>0</v>
      </c>
      <c r="CT1553" s="166">
        <v>0</v>
      </c>
      <c r="CU1553" s="166">
        <v>0</v>
      </c>
      <c r="CV1553" s="166">
        <v>0</v>
      </c>
      <c r="CW1553" s="166">
        <v>0</v>
      </c>
      <c r="CX1553" s="166">
        <v>0</v>
      </c>
      <c r="CY1553" s="166">
        <v>0</v>
      </c>
      <c r="CZ1553" s="166">
        <v>0</v>
      </c>
    </row>
    <row r="1554" spans="1:104" x14ac:dyDescent="0.2">
      <c r="A1554" s="167" t="s">
        <v>521</v>
      </c>
    </row>
    <row r="1555" spans="1:104" x14ac:dyDescent="0.2">
      <c r="A1555" s="170" t="s">
        <v>522</v>
      </c>
    </row>
    <row r="1556" spans="1:104" x14ac:dyDescent="0.2">
      <c r="A1556" s="167" t="s">
        <v>523</v>
      </c>
      <c r="B1556" s="166">
        <v>1891983763.21733</v>
      </c>
      <c r="C1556" s="166">
        <v>1891983763.21733</v>
      </c>
      <c r="D1556" s="166">
        <v>0</v>
      </c>
      <c r="E1556" s="166">
        <v>0</v>
      </c>
      <c r="F1556" s="166">
        <v>0</v>
      </c>
      <c r="G1556" s="166">
        <v>0</v>
      </c>
      <c r="H1556" s="166">
        <v>0</v>
      </c>
      <c r="I1556" s="166">
        <v>0</v>
      </c>
      <c r="J1556" s="166">
        <v>0</v>
      </c>
      <c r="K1556" s="166">
        <v>0</v>
      </c>
      <c r="L1556" s="166">
        <v>0</v>
      </c>
      <c r="M1556" s="166">
        <v>0</v>
      </c>
      <c r="N1556" s="166">
        <v>0</v>
      </c>
      <c r="O1556" s="166">
        <v>0</v>
      </c>
      <c r="P1556" s="166">
        <v>0</v>
      </c>
      <c r="Q1556" s="166">
        <v>0</v>
      </c>
      <c r="R1556" s="166">
        <v>0</v>
      </c>
      <c r="S1556" s="166">
        <v>0</v>
      </c>
      <c r="T1556" s="166">
        <v>0</v>
      </c>
      <c r="U1556" s="166">
        <v>0</v>
      </c>
      <c r="V1556" s="166">
        <v>0</v>
      </c>
      <c r="W1556" s="166">
        <v>0</v>
      </c>
      <c r="X1556" s="166">
        <v>0</v>
      </c>
      <c r="Y1556" s="166">
        <v>0</v>
      </c>
      <c r="Z1556" s="166">
        <v>0</v>
      </c>
      <c r="AA1556" s="166">
        <v>0</v>
      </c>
      <c r="AB1556" s="166">
        <v>0</v>
      </c>
      <c r="AC1556" s="166">
        <v>0</v>
      </c>
      <c r="AD1556" s="166">
        <v>0</v>
      </c>
      <c r="AE1556" s="166">
        <v>0</v>
      </c>
      <c r="AF1556" s="166">
        <v>0</v>
      </c>
      <c r="AG1556" s="166">
        <v>0</v>
      </c>
      <c r="AH1556" s="166">
        <v>0</v>
      </c>
      <c r="AI1556" s="166">
        <v>0</v>
      </c>
      <c r="AJ1556" s="166">
        <v>0</v>
      </c>
      <c r="AK1556" s="166">
        <v>0</v>
      </c>
      <c r="AL1556" s="166">
        <v>0</v>
      </c>
      <c r="AM1556" s="166">
        <v>0</v>
      </c>
      <c r="AN1556" s="166">
        <v>0</v>
      </c>
      <c r="AO1556" s="166">
        <v>0</v>
      </c>
      <c r="AP1556" s="166">
        <v>0</v>
      </c>
      <c r="AQ1556" s="166">
        <v>0</v>
      </c>
      <c r="AR1556" s="166">
        <v>0</v>
      </c>
      <c r="AS1556" s="166">
        <v>0</v>
      </c>
      <c r="AT1556" s="166">
        <v>0</v>
      </c>
      <c r="AU1556" s="166">
        <v>0</v>
      </c>
      <c r="AV1556" s="166">
        <v>0</v>
      </c>
      <c r="AW1556" s="166">
        <v>0</v>
      </c>
      <c r="AX1556" s="166">
        <v>0</v>
      </c>
      <c r="AY1556" s="166">
        <v>0</v>
      </c>
      <c r="AZ1556" s="166">
        <v>0</v>
      </c>
      <c r="BA1556" s="166">
        <v>0</v>
      </c>
      <c r="BB1556" s="166">
        <v>0</v>
      </c>
      <c r="BC1556" s="166">
        <v>0</v>
      </c>
      <c r="BD1556" s="166">
        <v>0</v>
      </c>
      <c r="BE1556" s="166">
        <v>0</v>
      </c>
      <c r="BF1556" s="166">
        <v>0</v>
      </c>
      <c r="BG1556" s="166">
        <v>0</v>
      </c>
      <c r="BH1556" s="166">
        <v>0</v>
      </c>
      <c r="BI1556" s="166">
        <v>0</v>
      </c>
      <c r="BJ1556" s="166">
        <v>0</v>
      </c>
      <c r="BK1556" s="166">
        <v>0</v>
      </c>
      <c r="BL1556" s="166">
        <v>0</v>
      </c>
      <c r="BM1556" s="166">
        <v>0</v>
      </c>
      <c r="BN1556" s="166">
        <v>0</v>
      </c>
      <c r="BO1556" s="166">
        <v>0</v>
      </c>
      <c r="BP1556" s="166">
        <v>0</v>
      </c>
      <c r="BQ1556" s="166">
        <v>0</v>
      </c>
      <c r="BR1556" s="166">
        <v>1891983763.21733</v>
      </c>
      <c r="BS1556" s="166">
        <v>1891983763.21733</v>
      </c>
      <c r="BT1556" s="168">
        <v>0</v>
      </c>
      <c r="BU1556" s="166">
        <v>0</v>
      </c>
      <c r="BV1556" s="166">
        <v>0</v>
      </c>
      <c r="BW1556" s="166">
        <v>0</v>
      </c>
      <c r="BX1556" s="166">
        <v>0</v>
      </c>
      <c r="BY1556" s="166">
        <v>0</v>
      </c>
      <c r="BZ1556" s="166">
        <v>0</v>
      </c>
      <c r="CA1556" s="166">
        <v>0</v>
      </c>
      <c r="CB1556" s="166">
        <v>0</v>
      </c>
      <c r="CC1556" s="166">
        <v>0</v>
      </c>
      <c r="CD1556" s="166">
        <v>0</v>
      </c>
      <c r="CE1556" s="166">
        <v>0</v>
      </c>
      <c r="CF1556" s="166">
        <v>0</v>
      </c>
      <c r="CG1556" s="166">
        <v>0</v>
      </c>
      <c r="CH1556" s="166">
        <v>0</v>
      </c>
      <c r="CI1556" s="166">
        <v>0</v>
      </c>
      <c r="CJ1556" s="166">
        <v>0</v>
      </c>
      <c r="CK1556" s="166">
        <v>0</v>
      </c>
      <c r="CL1556" s="166">
        <v>0</v>
      </c>
      <c r="CM1556" s="166">
        <v>0</v>
      </c>
      <c r="CN1556" s="166">
        <v>0</v>
      </c>
      <c r="CO1556" s="166">
        <v>0</v>
      </c>
      <c r="CP1556" s="166">
        <v>0</v>
      </c>
      <c r="CQ1556" s="166">
        <v>0</v>
      </c>
      <c r="CR1556" s="166">
        <v>0</v>
      </c>
      <c r="CS1556" s="166">
        <v>0</v>
      </c>
      <c r="CT1556" s="166">
        <v>0</v>
      </c>
      <c r="CU1556" s="166">
        <v>0</v>
      </c>
      <c r="CV1556" s="166">
        <v>0</v>
      </c>
      <c r="CW1556" s="166">
        <v>0</v>
      </c>
      <c r="CX1556" s="166">
        <v>0</v>
      </c>
      <c r="CY1556" s="166">
        <v>0</v>
      </c>
      <c r="CZ1556" s="166">
        <v>0</v>
      </c>
    </row>
    <row r="1557" spans="1:104" x14ac:dyDescent="0.2">
      <c r="A1557" s="167" t="s">
        <v>524</v>
      </c>
      <c r="B1557" s="166">
        <v>1891983763.21733</v>
      </c>
      <c r="C1557" s="166">
        <v>1891983763.21733</v>
      </c>
      <c r="D1557" s="166">
        <v>0</v>
      </c>
      <c r="E1557" s="166">
        <v>0</v>
      </c>
      <c r="F1557" s="166">
        <v>0</v>
      </c>
      <c r="G1557" s="166">
        <v>0</v>
      </c>
      <c r="H1557" s="166">
        <v>0</v>
      </c>
      <c r="I1557" s="166">
        <v>0</v>
      </c>
      <c r="J1557" s="166">
        <v>0</v>
      </c>
      <c r="K1557" s="166">
        <v>0</v>
      </c>
      <c r="L1557" s="166">
        <v>0</v>
      </c>
      <c r="M1557" s="166">
        <v>0</v>
      </c>
      <c r="N1557" s="166">
        <v>0</v>
      </c>
      <c r="O1557" s="166">
        <v>0</v>
      </c>
      <c r="P1557" s="166">
        <v>0</v>
      </c>
      <c r="Q1557" s="166">
        <v>0</v>
      </c>
      <c r="R1557" s="166">
        <v>0</v>
      </c>
      <c r="S1557" s="166">
        <v>0</v>
      </c>
      <c r="T1557" s="166">
        <v>0</v>
      </c>
      <c r="U1557" s="166">
        <v>0</v>
      </c>
      <c r="V1557" s="166">
        <v>0</v>
      </c>
      <c r="W1557" s="166">
        <v>0</v>
      </c>
      <c r="X1557" s="166">
        <v>0</v>
      </c>
      <c r="Y1557" s="166">
        <v>0</v>
      </c>
      <c r="Z1557" s="166">
        <v>0</v>
      </c>
      <c r="AA1557" s="166">
        <v>0</v>
      </c>
      <c r="AB1557" s="166">
        <v>0</v>
      </c>
      <c r="AC1557" s="166">
        <v>0</v>
      </c>
      <c r="AD1557" s="166">
        <v>0</v>
      </c>
      <c r="AE1557" s="166">
        <v>0</v>
      </c>
      <c r="AF1557" s="166">
        <v>0</v>
      </c>
      <c r="AG1557" s="166">
        <v>0</v>
      </c>
      <c r="AH1557" s="166">
        <v>0</v>
      </c>
      <c r="AI1557" s="166">
        <v>0</v>
      </c>
      <c r="AJ1557" s="166">
        <v>0</v>
      </c>
      <c r="AK1557" s="166">
        <v>0</v>
      </c>
      <c r="AL1557" s="166">
        <v>0</v>
      </c>
      <c r="AM1557" s="166">
        <v>0</v>
      </c>
      <c r="AN1557" s="166">
        <v>0</v>
      </c>
      <c r="AO1557" s="166">
        <v>0</v>
      </c>
      <c r="AP1557" s="166">
        <v>0</v>
      </c>
      <c r="AQ1557" s="166">
        <v>0</v>
      </c>
      <c r="AR1557" s="166">
        <v>0</v>
      </c>
      <c r="AS1557" s="166">
        <v>0</v>
      </c>
      <c r="AT1557" s="166">
        <v>0</v>
      </c>
      <c r="AU1557" s="166">
        <v>0</v>
      </c>
      <c r="AV1557" s="166">
        <v>0</v>
      </c>
      <c r="AW1557" s="166">
        <v>0</v>
      </c>
      <c r="AX1557" s="166">
        <v>0</v>
      </c>
      <c r="AY1557" s="166">
        <v>0</v>
      </c>
      <c r="AZ1557" s="166">
        <v>0</v>
      </c>
      <c r="BA1557" s="166">
        <v>0</v>
      </c>
      <c r="BB1557" s="166">
        <v>0</v>
      </c>
      <c r="BC1557" s="166">
        <v>0</v>
      </c>
      <c r="BD1557" s="166">
        <v>0</v>
      </c>
      <c r="BE1557" s="166">
        <v>0</v>
      </c>
      <c r="BF1557" s="166">
        <v>0</v>
      </c>
      <c r="BG1557" s="166">
        <v>0</v>
      </c>
      <c r="BH1557" s="166">
        <v>0</v>
      </c>
      <c r="BI1557" s="166">
        <v>0</v>
      </c>
      <c r="BJ1557" s="166">
        <v>0</v>
      </c>
      <c r="BK1557" s="166">
        <v>0</v>
      </c>
      <c r="BL1557" s="166">
        <v>0</v>
      </c>
      <c r="BM1557" s="166">
        <v>0</v>
      </c>
      <c r="BN1557" s="166">
        <v>0</v>
      </c>
      <c r="BO1557" s="166">
        <v>0</v>
      </c>
      <c r="BP1557" s="166">
        <v>0</v>
      </c>
      <c r="BQ1557" s="166">
        <v>0</v>
      </c>
      <c r="BR1557" s="166">
        <v>1891983763.21733</v>
      </c>
      <c r="BS1557" s="166">
        <v>1891983763.21733</v>
      </c>
      <c r="BT1557" s="168">
        <v>0</v>
      </c>
      <c r="BU1557" s="166">
        <v>0</v>
      </c>
      <c r="BV1557" s="166">
        <v>0</v>
      </c>
      <c r="BW1557" s="166">
        <v>0</v>
      </c>
      <c r="BX1557" s="166">
        <v>0</v>
      </c>
      <c r="BY1557" s="166">
        <v>0</v>
      </c>
      <c r="BZ1557" s="166">
        <v>0</v>
      </c>
      <c r="CA1557" s="166">
        <v>0</v>
      </c>
      <c r="CB1557" s="166">
        <v>0</v>
      </c>
      <c r="CC1557" s="166">
        <v>0</v>
      </c>
      <c r="CD1557" s="166">
        <v>0</v>
      </c>
      <c r="CE1557" s="166">
        <v>0</v>
      </c>
      <c r="CF1557" s="166">
        <v>0</v>
      </c>
      <c r="CG1557" s="166">
        <v>0</v>
      </c>
      <c r="CH1557" s="166">
        <v>0</v>
      </c>
      <c r="CI1557" s="166">
        <v>0</v>
      </c>
      <c r="CJ1557" s="166">
        <v>0</v>
      </c>
      <c r="CK1557" s="166">
        <v>0</v>
      </c>
      <c r="CL1557" s="166">
        <v>0</v>
      </c>
      <c r="CM1557" s="166">
        <v>0</v>
      </c>
      <c r="CN1557" s="166">
        <v>0</v>
      </c>
      <c r="CO1557" s="166">
        <v>0</v>
      </c>
      <c r="CP1557" s="166">
        <v>0</v>
      </c>
      <c r="CQ1557" s="166">
        <v>0</v>
      </c>
      <c r="CR1557" s="166">
        <v>0</v>
      </c>
      <c r="CS1557" s="166">
        <v>0</v>
      </c>
      <c r="CT1557" s="166">
        <v>0</v>
      </c>
      <c r="CU1557" s="166">
        <v>0</v>
      </c>
      <c r="CV1557" s="166">
        <v>0</v>
      </c>
      <c r="CW1557" s="166">
        <v>0</v>
      </c>
      <c r="CX1557" s="166">
        <v>0</v>
      </c>
      <c r="CY1557" s="166">
        <v>0</v>
      </c>
      <c r="CZ1557" s="166">
        <v>0</v>
      </c>
    </row>
    <row r="1558" spans="1:104" x14ac:dyDescent="0.2">
      <c r="A1558" s="167" t="s">
        <v>525</v>
      </c>
      <c r="B1558" s="166">
        <v>5.8207660913467401E-8</v>
      </c>
      <c r="C1558" s="166">
        <v>5.8207660913467401E-8</v>
      </c>
      <c r="D1558" s="166">
        <v>0</v>
      </c>
      <c r="E1558" s="166">
        <v>0</v>
      </c>
      <c r="F1558" s="166">
        <v>0</v>
      </c>
      <c r="G1558" s="166">
        <v>0</v>
      </c>
      <c r="H1558" s="166">
        <v>0</v>
      </c>
      <c r="I1558" s="166">
        <v>0</v>
      </c>
      <c r="J1558" s="166">
        <v>0</v>
      </c>
      <c r="K1558" s="166">
        <v>0</v>
      </c>
      <c r="L1558" s="166">
        <v>0</v>
      </c>
      <c r="M1558" s="166">
        <v>0</v>
      </c>
      <c r="N1558" s="166">
        <v>0</v>
      </c>
      <c r="O1558" s="166">
        <v>0</v>
      </c>
      <c r="P1558" s="166">
        <v>0</v>
      </c>
      <c r="Q1558" s="166">
        <v>0</v>
      </c>
      <c r="R1558" s="166">
        <v>0</v>
      </c>
      <c r="S1558" s="166">
        <v>0</v>
      </c>
      <c r="T1558" s="166">
        <v>0</v>
      </c>
      <c r="U1558" s="166">
        <v>0</v>
      </c>
      <c r="V1558" s="166">
        <v>0</v>
      </c>
      <c r="W1558" s="166">
        <v>0</v>
      </c>
      <c r="X1558" s="166">
        <v>0</v>
      </c>
      <c r="Y1558" s="166">
        <v>0</v>
      </c>
      <c r="Z1558" s="166">
        <v>0</v>
      </c>
      <c r="AA1558" s="166">
        <v>0</v>
      </c>
      <c r="AB1558" s="166">
        <v>0</v>
      </c>
      <c r="AC1558" s="166">
        <v>0</v>
      </c>
      <c r="AD1558" s="166">
        <v>0</v>
      </c>
      <c r="AE1558" s="166">
        <v>0</v>
      </c>
      <c r="AF1558" s="166">
        <v>0</v>
      </c>
      <c r="AG1558" s="166">
        <v>0</v>
      </c>
      <c r="AH1558" s="166">
        <v>0</v>
      </c>
      <c r="AI1558" s="166">
        <v>0</v>
      </c>
      <c r="AJ1558" s="166">
        <v>0</v>
      </c>
      <c r="AK1558" s="166">
        <v>0</v>
      </c>
      <c r="AL1558" s="166">
        <v>0</v>
      </c>
      <c r="AM1558" s="166">
        <v>0</v>
      </c>
      <c r="AN1558" s="166">
        <v>0</v>
      </c>
      <c r="AO1558" s="166">
        <v>0</v>
      </c>
      <c r="AP1558" s="166">
        <v>0</v>
      </c>
      <c r="AQ1558" s="166">
        <v>0</v>
      </c>
      <c r="AR1558" s="166">
        <v>0</v>
      </c>
      <c r="AS1558" s="166">
        <v>0</v>
      </c>
      <c r="AT1558" s="166">
        <v>0</v>
      </c>
      <c r="AU1558" s="166">
        <v>0</v>
      </c>
      <c r="AV1558" s="166">
        <v>0</v>
      </c>
      <c r="AW1558" s="166">
        <v>0</v>
      </c>
      <c r="AX1558" s="166">
        <v>0</v>
      </c>
      <c r="AY1558" s="166">
        <v>0</v>
      </c>
      <c r="AZ1558" s="166">
        <v>0</v>
      </c>
      <c r="BA1558" s="166">
        <v>0</v>
      </c>
      <c r="BB1558" s="166">
        <v>0</v>
      </c>
      <c r="BC1558" s="166">
        <v>0</v>
      </c>
      <c r="BD1558" s="166">
        <v>0</v>
      </c>
      <c r="BE1558" s="166">
        <v>0</v>
      </c>
      <c r="BF1558" s="166">
        <v>0</v>
      </c>
      <c r="BG1558" s="166">
        <v>0</v>
      </c>
      <c r="BH1558" s="166">
        <v>0</v>
      </c>
      <c r="BI1558" s="166">
        <v>0</v>
      </c>
      <c r="BJ1558" s="166">
        <v>0</v>
      </c>
      <c r="BK1558" s="166">
        <v>0</v>
      </c>
      <c r="BL1558" s="166">
        <v>0</v>
      </c>
      <c r="BM1558" s="166">
        <v>0</v>
      </c>
      <c r="BN1558" s="166">
        <v>0</v>
      </c>
      <c r="BO1558" s="166">
        <v>0</v>
      </c>
      <c r="BP1558" s="166">
        <v>0</v>
      </c>
      <c r="BQ1558" s="166">
        <v>0</v>
      </c>
      <c r="BR1558" s="166">
        <v>5.8207660913467401E-8</v>
      </c>
      <c r="BS1558" s="166">
        <v>5.8207660913467401E-8</v>
      </c>
      <c r="BT1558" s="168">
        <v>0</v>
      </c>
      <c r="BU1558" s="166">
        <v>0</v>
      </c>
      <c r="BV1558" s="166">
        <v>0</v>
      </c>
      <c r="BW1558" s="166">
        <v>0</v>
      </c>
      <c r="BX1558" s="166">
        <v>0</v>
      </c>
      <c r="BY1558" s="166">
        <v>0</v>
      </c>
      <c r="BZ1558" s="166">
        <v>0</v>
      </c>
      <c r="CA1558" s="166">
        <v>0</v>
      </c>
      <c r="CB1558" s="166">
        <v>0</v>
      </c>
      <c r="CC1558" s="166">
        <v>0</v>
      </c>
      <c r="CD1558" s="166">
        <v>0</v>
      </c>
      <c r="CE1558" s="166">
        <v>0</v>
      </c>
      <c r="CF1558" s="166">
        <v>0</v>
      </c>
      <c r="CG1558" s="166">
        <v>0</v>
      </c>
      <c r="CH1558" s="166">
        <v>0</v>
      </c>
      <c r="CI1558" s="166">
        <v>0</v>
      </c>
      <c r="CJ1558" s="166">
        <v>0</v>
      </c>
      <c r="CK1558" s="166">
        <v>0</v>
      </c>
      <c r="CL1558" s="166">
        <v>0</v>
      </c>
      <c r="CM1558" s="166">
        <v>0</v>
      </c>
      <c r="CN1558" s="166">
        <v>0</v>
      </c>
      <c r="CO1558" s="166">
        <v>0</v>
      </c>
      <c r="CP1558" s="166">
        <v>0</v>
      </c>
      <c r="CQ1558" s="166">
        <v>0</v>
      </c>
      <c r="CR1558" s="166">
        <v>0</v>
      </c>
      <c r="CS1558" s="166">
        <v>0</v>
      </c>
      <c r="CT1558" s="166">
        <v>0</v>
      </c>
      <c r="CU1558" s="166">
        <v>0</v>
      </c>
      <c r="CV1558" s="166">
        <v>0</v>
      </c>
      <c r="CW1558" s="166">
        <v>0</v>
      </c>
      <c r="CX1558" s="166">
        <v>0</v>
      </c>
      <c r="CY1558" s="166">
        <v>0</v>
      </c>
      <c r="CZ1558" s="166">
        <v>0</v>
      </c>
    </row>
    <row r="1559" spans="1:104" x14ac:dyDescent="0.2">
      <c r="A1559" s="167" t="s">
        <v>526</v>
      </c>
      <c r="B1559" s="166">
        <v>0</v>
      </c>
      <c r="C1559" s="166">
        <v>0</v>
      </c>
      <c r="D1559" s="166">
        <v>0</v>
      </c>
      <c r="E1559" s="166">
        <v>0</v>
      </c>
      <c r="F1559" s="166">
        <v>0</v>
      </c>
      <c r="G1559" s="166">
        <v>0</v>
      </c>
      <c r="H1559" s="166">
        <v>0</v>
      </c>
      <c r="I1559" s="166">
        <v>0</v>
      </c>
      <c r="J1559" s="166">
        <v>0</v>
      </c>
      <c r="K1559" s="166">
        <v>0</v>
      </c>
      <c r="L1559" s="166">
        <v>0</v>
      </c>
      <c r="M1559" s="166">
        <v>0</v>
      </c>
      <c r="N1559" s="166">
        <v>0</v>
      </c>
      <c r="O1559" s="166">
        <v>0</v>
      </c>
      <c r="P1559" s="166">
        <v>0</v>
      </c>
      <c r="Q1559" s="166">
        <v>0</v>
      </c>
      <c r="R1559" s="166">
        <v>0</v>
      </c>
      <c r="S1559" s="166">
        <v>0</v>
      </c>
      <c r="T1559" s="166">
        <v>0</v>
      </c>
      <c r="U1559" s="166">
        <v>0</v>
      </c>
      <c r="V1559" s="166">
        <v>0</v>
      </c>
      <c r="W1559" s="166">
        <v>0</v>
      </c>
      <c r="X1559" s="166">
        <v>0</v>
      </c>
      <c r="Y1559" s="166">
        <v>0</v>
      </c>
      <c r="Z1559" s="166">
        <v>0</v>
      </c>
      <c r="AA1559" s="166">
        <v>0</v>
      </c>
      <c r="AB1559" s="166">
        <v>0</v>
      </c>
      <c r="AC1559" s="166">
        <v>0</v>
      </c>
      <c r="AD1559" s="166">
        <v>0</v>
      </c>
      <c r="AE1559" s="166">
        <v>0</v>
      </c>
      <c r="AF1559" s="166">
        <v>0</v>
      </c>
      <c r="AG1559" s="166">
        <v>0</v>
      </c>
      <c r="AH1559" s="166">
        <v>0</v>
      </c>
      <c r="AI1559" s="166">
        <v>0</v>
      </c>
      <c r="AJ1559" s="166">
        <v>0</v>
      </c>
      <c r="AK1559" s="166">
        <v>0</v>
      </c>
      <c r="AL1559" s="166">
        <v>0</v>
      </c>
      <c r="AM1559" s="166">
        <v>0</v>
      </c>
      <c r="AN1559" s="166">
        <v>0</v>
      </c>
      <c r="AO1559" s="166">
        <v>0</v>
      </c>
      <c r="AP1559" s="166">
        <v>0</v>
      </c>
      <c r="AQ1559" s="166">
        <v>0</v>
      </c>
      <c r="AR1559" s="166">
        <v>0</v>
      </c>
      <c r="AS1559" s="166">
        <v>0</v>
      </c>
      <c r="AT1559" s="166">
        <v>0</v>
      </c>
      <c r="AU1559" s="166">
        <v>0</v>
      </c>
      <c r="AV1559" s="166">
        <v>0</v>
      </c>
      <c r="AW1559" s="166">
        <v>0</v>
      </c>
      <c r="AX1559" s="166">
        <v>0</v>
      </c>
      <c r="AY1559" s="166">
        <v>0</v>
      </c>
      <c r="AZ1559" s="166">
        <v>0</v>
      </c>
      <c r="BA1559" s="166">
        <v>0</v>
      </c>
      <c r="BB1559" s="166">
        <v>0</v>
      </c>
      <c r="BC1559" s="166">
        <v>0</v>
      </c>
      <c r="BD1559" s="166">
        <v>0</v>
      </c>
      <c r="BE1559" s="166">
        <v>0</v>
      </c>
      <c r="BF1559" s="166">
        <v>0</v>
      </c>
      <c r="BG1559" s="166">
        <v>0</v>
      </c>
      <c r="BH1559" s="166">
        <v>0</v>
      </c>
      <c r="BI1559" s="166">
        <v>0</v>
      </c>
      <c r="BJ1559" s="166">
        <v>0</v>
      </c>
      <c r="BK1559" s="166">
        <v>0</v>
      </c>
      <c r="BL1559" s="166">
        <v>0</v>
      </c>
      <c r="BM1559" s="166">
        <v>0</v>
      </c>
      <c r="BN1559" s="166">
        <v>0</v>
      </c>
      <c r="BO1559" s="166">
        <v>0</v>
      </c>
      <c r="BP1559" s="166">
        <v>0</v>
      </c>
      <c r="BQ1559" s="166">
        <v>0</v>
      </c>
      <c r="BR1559" s="166">
        <v>0</v>
      </c>
      <c r="BS1559" s="166">
        <v>0</v>
      </c>
      <c r="BT1559" s="168">
        <v>0</v>
      </c>
      <c r="BU1559" s="166">
        <v>0</v>
      </c>
      <c r="BV1559" s="166">
        <v>0</v>
      </c>
      <c r="BW1559" s="166">
        <v>0</v>
      </c>
      <c r="BX1559" s="166">
        <v>0</v>
      </c>
      <c r="BY1559" s="166">
        <v>0</v>
      </c>
      <c r="BZ1559" s="166">
        <v>0</v>
      </c>
      <c r="CA1559" s="166">
        <v>0</v>
      </c>
      <c r="CB1559" s="166">
        <v>0</v>
      </c>
      <c r="CC1559" s="166">
        <v>0</v>
      </c>
      <c r="CD1559" s="166">
        <v>0</v>
      </c>
      <c r="CE1559" s="166">
        <v>0</v>
      </c>
      <c r="CF1559" s="166">
        <v>0</v>
      </c>
      <c r="CG1559" s="166">
        <v>0</v>
      </c>
      <c r="CH1559" s="166">
        <v>0</v>
      </c>
      <c r="CI1559" s="166">
        <v>0</v>
      </c>
      <c r="CJ1559" s="166">
        <v>0</v>
      </c>
      <c r="CK1559" s="166">
        <v>0</v>
      </c>
      <c r="CL1559" s="166">
        <v>0</v>
      </c>
      <c r="CM1559" s="166">
        <v>0</v>
      </c>
      <c r="CN1559" s="166">
        <v>0</v>
      </c>
      <c r="CO1559" s="166">
        <v>0</v>
      </c>
      <c r="CP1559" s="166">
        <v>0</v>
      </c>
      <c r="CQ1559" s="166">
        <v>0</v>
      </c>
      <c r="CR1559" s="166">
        <v>0</v>
      </c>
      <c r="CS1559" s="166">
        <v>0</v>
      </c>
      <c r="CT1559" s="166">
        <v>0</v>
      </c>
      <c r="CU1559" s="166">
        <v>0</v>
      </c>
      <c r="CV1559" s="166">
        <v>0</v>
      </c>
      <c r="CW1559" s="166">
        <v>0</v>
      </c>
      <c r="CX1559" s="166">
        <v>0</v>
      </c>
      <c r="CY1559" s="166">
        <v>279856117.78439099</v>
      </c>
      <c r="CZ1559" s="166">
        <v>279856117.78439099</v>
      </c>
    </row>
    <row r="1560" spans="1:104" x14ac:dyDescent="0.2">
      <c r="A1560" s="170" t="s">
        <v>527</v>
      </c>
      <c r="B1560" s="166">
        <v>0</v>
      </c>
      <c r="C1560" s="166">
        <v>0</v>
      </c>
      <c r="D1560" s="166">
        <v>0</v>
      </c>
      <c r="E1560" s="166">
        <v>0</v>
      </c>
      <c r="F1560" s="166">
        <v>0</v>
      </c>
      <c r="G1560" s="166">
        <v>0</v>
      </c>
      <c r="H1560" s="166">
        <v>0</v>
      </c>
      <c r="I1560" s="166">
        <v>0</v>
      </c>
      <c r="J1560" s="166">
        <v>0</v>
      </c>
      <c r="K1560" s="166">
        <v>0</v>
      </c>
      <c r="L1560" s="166">
        <v>0</v>
      </c>
      <c r="M1560" s="166">
        <v>0</v>
      </c>
      <c r="N1560" s="166">
        <v>0</v>
      </c>
      <c r="O1560" s="166">
        <v>0</v>
      </c>
      <c r="P1560" s="166">
        <v>0</v>
      </c>
      <c r="Q1560" s="166">
        <v>0</v>
      </c>
      <c r="R1560" s="166">
        <v>0</v>
      </c>
      <c r="S1560" s="166">
        <v>0</v>
      </c>
      <c r="T1560" s="166">
        <v>0</v>
      </c>
      <c r="U1560" s="166">
        <v>0</v>
      </c>
      <c r="V1560" s="166">
        <v>0</v>
      </c>
      <c r="W1560" s="166">
        <v>0</v>
      </c>
      <c r="X1560" s="166">
        <v>0</v>
      </c>
      <c r="Y1560" s="166">
        <v>0</v>
      </c>
      <c r="Z1560" s="166">
        <v>0</v>
      </c>
      <c r="AA1560" s="166">
        <v>0</v>
      </c>
      <c r="AB1560" s="166">
        <v>0</v>
      </c>
      <c r="AC1560" s="166">
        <v>0</v>
      </c>
      <c r="AD1560" s="166">
        <v>0</v>
      </c>
      <c r="AE1560" s="166">
        <v>0</v>
      </c>
      <c r="AF1560" s="166">
        <v>0</v>
      </c>
      <c r="AG1560" s="166">
        <v>0</v>
      </c>
      <c r="AH1560" s="166">
        <v>0</v>
      </c>
      <c r="AI1560" s="166">
        <v>0</v>
      </c>
      <c r="AJ1560" s="166">
        <v>0</v>
      </c>
      <c r="AK1560" s="166">
        <v>0</v>
      </c>
      <c r="AL1560" s="166">
        <v>0</v>
      </c>
      <c r="AM1560" s="166">
        <v>0</v>
      </c>
      <c r="AN1560" s="166">
        <v>0</v>
      </c>
      <c r="AO1560" s="166">
        <v>0</v>
      </c>
      <c r="AP1560" s="166">
        <v>0</v>
      </c>
      <c r="AQ1560" s="166">
        <v>0</v>
      </c>
      <c r="AR1560" s="166">
        <v>0</v>
      </c>
      <c r="AS1560" s="166">
        <v>0</v>
      </c>
      <c r="AT1560" s="166">
        <v>0</v>
      </c>
      <c r="AU1560" s="166">
        <v>0</v>
      </c>
      <c r="AV1560" s="166">
        <v>0</v>
      </c>
      <c r="AW1560" s="166">
        <v>0</v>
      </c>
      <c r="AX1560" s="166">
        <v>0</v>
      </c>
      <c r="AY1560" s="166">
        <v>0</v>
      </c>
      <c r="AZ1560" s="166">
        <v>0</v>
      </c>
      <c r="BA1560" s="166">
        <v>0</v>
      </c>
      <c r="BB1560" s="166">
        <v>0</v>
      </c>
      <c r="BC1560" s="166">
        <v>0</v>
      </c>
      <c r="BD1560" s="166">
        <v>0</v>
      </c>
      <c r="BE1560" s="166">
        <v>0</v>
      </c>
      <c r="BF1560" s="166">
        <v>0</v>
      </c>
      <c r="BG1560" s="166">
        <v>0</v>
      </c>
      <c r="BH1560" s="166">
        <v>0</v>
      </c>
      <c r="BI1560" s="166">
        <v>0</v>
      </c>
      <c r="BJ1560" s="166">
        <v>0</v>
      </c>
      <c r="BK1560" s="166">
        <v>0</v>
      </c>
      <c r="BL1560" s="166">
        <v>0</v>
      </c>
      <c r="BM1560" s="166">
        <v>0</v>
      </c>
      <c r="BN1560" s="166">
        <v>0</v>
      </c>
      <c r="BO1560" s="166">
        <v>0</v>
      </c>
      <c r="BP1560" s="166">
        <v>0</v>
      </c>
      <c r="BQ1560" s="166">
        <v>0</v>
      </c>
      <c r="BR1560" s="166">
        <v>0</v>
      </c>
      <c r="BS1560" s="166">
        <v>0</v>
      </c>
      <c r="BT1560" s="168">
        <v>0</v>
      </c>
      <c r="BU1560" s="166">
        <v>0</v>
      </c>
      <c r="BV1560" s="166">
        <v>0</v>
      </c>
      <c r="BW1560" s="166">
        <v>0</v>
      </c>
      <c r="BX1560" s="166">
        <v>0</v>
      </c>
      <c r="BY1560" s="166">
        <v>0</v>
      </c>
      <c r="BZ1560" s="166">
        <v>0</v>
      </c>
      <c r="CA1560" s="166">
        <v>0</v>
      </c>
      <c r="CB1560" s="166">
        <v>0</v>
      </c>
      <c r="CC1560" s="166">
        <v>0</v>
      </c>
      <c r="CD1560" s="166">
        <v>0</v>
      </c>
      <c r="CE1560" s="166">
        <v>0</v>
      </c>
      <c r="CF1560" s="166">
        <v>0</v>
      </c>
      <c r="CG1560" s="166">
        <v>0</v>
      </c>
      <c r="CH1560" s="166">
        <v>0</v>
      </c>
      <c r="CI1560" s="166">
        <v>0</v>
      </c>
      <c r="CJ1560" s="166">
        <v>0</v>
      </c>
      <c r="CK1560" s="166">
        <v>0</v>
      </c>
      <c r="CL1560" s="166">
        <v>0</v>
      </c>
      <c r="CM1560" s="166">
        <v>0</v>
      </c>
      <c r="CN1560" s="166">
        <v>0</v>
      </c>
      <c r="CO1560" s="166">
        <v>0</v>
      </c>
      <c r="CP1560" s="166">
        <v>0</v>
      </c>
      <c r="CQ1560" s="166">
        <v>0</v>
      </c>
      <c r="CR1560" s="166">
        <v>0</v>
      </c>
      <c r="CS1560" s="166">
        <v>0</v>
      </c>
      <c r="CT1560" s="166">
        <v>0</v>
      </c>
      <c r="CU1560" s="166">
        <v>0</v>
      </c>
      <c r="CV1560" s="166">
        <v>0</v>
      </c>
      <c r="CW1560" s="166">
        <v>0</v>
      </c>
      <c r="CX1560" s="166">
        <v>0</v>
      </c>
      <c r="CY1560" s="166">
        <v>0</v>
      </c>
      <c r="CZ1560" s="166">
        <v>0</v>
      </c>
    </row>
    <row r="1561" spans="1:104" x14ac:dyDescent="0.2">
      <c r="A1561" s="167" t="s">
        <v>528</v>
      </c>
      <c r="B1561" s="166">
        <v>176043369.90705901</v>
      </c>
      <c r="C1561" s="166">
        <v>176043369.90705901</v>
      </c>
      <c r="D1561" s="166">
        <v>0</v>
      </c>
      <c r="E1561" s="166">
        <v>0</v>
      </c>
      <c r="F1561" s="166">
        <v>0</v>
      </c>
      <c r="G1561" s="166">
        <v>0</v>
      </c>
      <c r="H1561" s="166">
        <v>0</v>
      </c>
      <c r="I1561" s="166">
        <v>0</v>
      </c>
      <c r="J1561" s="166">
        <v>0</v>
      </c>
      <c r="K1561" s="166">
        <v>0</v>
      </c>
      <c r="L1561" s="166">
        <v>0</v>
      </c>
      <c r="M1561" s="166">
        <v>0</v>
      </c>
      <c r="N1561" s="166">
        <v>0</v>
      </c>
      <c r="O1561" s="166">
        <v>0</v>
      </c>
      <c r="P1561" s="166">
        <v>0</v>
      </c>
      <c r="Q1561" s="166">
        <v>0</v>
      </c>
      <c r="R1561" s="166">
        <v>0</v>
      </c>
      <c r="S1561" s="166">
        <v>0</v>
      </c>
      <c r="T1561" s="166">
        <v>0</v>
      </c>
      <c r="U1561" s="166">
        <v>0</v>
      </c>
      <c r="V1561" s="166">
        <v>0</v>
      </c>
      <c r="W1561" s="166">
        <v>0</v>
      </c>
      <c r="X1561" s="166">
        <v>0</v>
      </c>
      <c r="Y1561" s="166">
        <v>0</v>
      </c>
      <c r="Z1561" s="166">
        <v>0</v>
      </c>
      <c r="AA1561" s="166">
        <v>0</v>
      </c>
      <c r="AB1561" s="166">
        <v>0</v>
      </c>
      <c r="AC1561" s="166">
        <v>0</v>
      </c>
      <c r="AD1561" s="166">
        <v>0</v>
      </c>
      <c r="AE1561" s="166">
        <v>0</v>
      </c>
      <c r="AF1561" s="166">
        <v>0</v>
      </c>
      <c r="AG1561" s="166">
        <v>0</v>
      </c>
      <c r="AH1561" s="166">
        <v>0</v>
      </c>
      <c r="AI1561" s="166">
        <v>0</v>
      </c>
      <c r="AJ1561" s="166">
        <v>0</v>
      </c>
      <c r="AK1561" s="166">
        <v>0</v>
      </c>
      <c r="AL1561" s="166">
        <v>0</v>
      </c>
      <c r="AM1561" s="166">
        <v>0</v>
      </c>
      <c r="AN1561" s="166">
        <v>0</v>
      </c>
      <c r="AO1561" s="166">
        <v>0</v>
      </c>
      <c r="AP1561" s="166">
        <v>0</v>
      </c>
      <c r="AQ1561" s="166">
        <v>0</v>
      </c>
      <c r="AR1561" s="166">
        <v>0</v>
      </c>
      <c r="AS1561" s="166">
        <v>0</v>
      </c>
      <c r="AT1561" s="166">
        <v>0</v>
      </c>
      <c r="AU1561" s="166">
        <v>0</v>
      </c>
      <c r="AV1561" s="166">
        <v>0</v>
      </c>
      <c r="AW1561" s="166">
        <v>0</v>
      </c>
      <c r="AX1561" s="166">
        <v>0</v>
      </c>
      <c r="AY1561" s="166">
        <v>0</v>
      </c>
      <c r="AZ1561" s="166">
        <v>0</v>
      </c>
      <c r="BA1561" s="166">
        <v>0</v>
      </c>
      <c r="BB1561" s="166">
        <v>0</v>
      </c>
      <c r="BC1561" s="166">
        <v>0</v>
      </c>
      <c r="BD1561" s="166">
        <v>0</v>
      </c>
      <c r="BE1561" s="166">
        <v>0</v>
      </c>
      <c r="BF1561" s="166">
        <v>0</v>
      </c>
      <c r="BG1561" s="166">
        <v>0</v>
      </c>
      <c r="BH1561" s="166">
        <v>0</v>
      </c>
      <c r="BI1561" s="166">
        <v>0</v>
      </c>
      <c r="BJ1561" s="166">
        <v>0</v>
      </c>
      <c r="BK1561" s="166">
        <v>0</v>
      </c>
      <c r="BL1561" s="166">
        <v>0</v>
      </c>
      <c r="BM1561" s="166">
        <v>0</v>
      </c>
      <c r="BN1561" s="166">
        <v>0</v>
      </c>
      <c r="BO1561" s="166">
        <v>0</v>
      </c>
      <c r="BP1561" s="166">
        <v>0</v>
      </c>
      <c r="BQ1561" s="166">
        <v>0</v>
      </c>
      <c r="BR1561" s="166">
        <v>176043369.90705901</v>
      </c>
      <c r="BS1561" s="166">
        <v>176043369.90705901</v>
      </c>
      <c r="BT1561" s="168">
        <v>0</v>
      </c>
      <c r="BU1561" s="166">
        <v>0</v>
      </c>
      <c r="BV1561" s="166">
        <v>0</v>
      </c>
      <c r="BW1561" s="166">
        <v>0</v>
      </c>
      <c r="BX1561" s="166">
        <v>0</v>
      </c>
      <c r="BY1561" s="166">
        <v>0</v>
      </c>
      <c r="BZ1561" s="166">
        <v>0</v>
      </c>
      <c r="CA1561" s="166">
        <v>0</v>
      </c>
      <c r="CB1561" s="166">
        <v>0</v>
      </c>
      <c r="CC1561" s="166">
        <v>0</v>
      </c>
      <c r="CD1561" s="166">
        <v>0</v>
      </c>
      <c r="CE1561" s="166">
        <v>0</v>
      </c>
      <c r="CF1561" s="166">
        <v>0</v>
      </c>
      <c r="CG1561" s="166">
        <v>0</v>
      </c>
      <c r="CH1561" s="166">
        <v>0</v>
      </c>
      <c r="CI1561" s="166">
        <v>0</v>
      </c>
      <c r="CJ1561" s="166">
        <v>0</v>
      </c>
      <c r="CK1561" s="166">
        <v>0</v>
      </c>
      <c r="CL1561" s="166">
        <v>0</v>
      </c>
      <c r="CM1561" s="166">
        <v>0</v>
      </c>
      <c r="CN1561" s="166">
        <v>0</v>
      </c>
      <c r="CO1561" s="166">
        <v>0</v>
      </c>
      <c r="CP1561" s="166">
        <v>0</v>
      </c>
      <c r="CQ1561" s="166">
        <v>0</v>
      </c>
      <c r="CR1561" s="166">
        <v>0</v>
      </c>
      <c r="CS1561" s="166">
        <v>0</v>
      </c>
      <c r="CT1561" s="166">
        <v>0</v>
      </c>
      <c r="CU1561" s="166">
        <v>0</v>
      </c>
      <c r="CV1561" s="166">
        <v>0</v>
      </c>
      <c r="CW1561" s="166">
        <v>0</v>
      </c>
      <c r="CX1561" s="166">
        <v>0</v>
      </c>
      <c r="CY1561" s="166">
        <v>0</v>
      </c>
      <c r="CZ1561" s="166">
        <v>0</v>
      </c>
    </row>
    <row r="1562" spans="1:104" x14ac:dyDescent="0.2">
      <c r="A1562" s="167" t="s">
        <v>529</v>
      </c>
      <c r="B1562" s="166">
        <v>31929233.589999899</v>
      </c>
      <c r="C1562" s="166">
        <v>31929233.589999899</v>
      </c>
      <c r="D1562" s="166">
        <v>0</v>
      </c>
      <c r="E1562" s="166">
        <v>0</v>
      </c>
      <c r="F1562" s="166">
        <v>0</v>
      </c>
      <c r="G1562" s="166">
        <v>0</v>
      </c>
      <c r="H1562" s="166">
        <v>0</v>
      </c>
      <c r="I1562" s="166">
        <v>0</v>
      </c>
      <c r="J1562" s="166">
        <v>0</v>
      </c>
      <c r="K1562" s="166">
        <v>0</v>
      </c>
      <c r="L1562" s="166">
        <v>0</v>
      </c>
      <c r="M1562" s="166">
        <v>0</v>
      </c>
      <c r="N1562" s="166">
        <v>0</v>
      </c>
      <c r="O1562" s="166">
        <v>0</v>
      </c>
      <c r="P1562" s="166">
        <v>0</v>
      </c>
      <c r="Q1562" s="166">
        <v>0</v>
      </c>
      <c r="R1562" s="166">
        <v>0</v>
      </c>
      <c r="S1562" s="166">
        <v>0</v>
      </c>
      <c r="T1562" s="166">
        <v>0</v>
      </c>
      <c r="U1562" s="166">
        <v>0</v>
      </c>
      <c r="V1562" s="166">
        <v>0</v>
      </c>
      <c r="W1562" s="166">
        <v>0</v>
      </c>
      <c r="X1562" s="166">
        <v>0</v>
      </c>
      <c r="Y1562" s="166">
        <v>0</v>
      </c>
      <c r="Z1562" s="166">
        <v>0</v>
      </c>
      <c r="AA1562" s="166">
        <v>0</v>
      </c>
      <c r="AB1562" s="166">
        <v>0</v>
      </c>
      <c r="AC1562" s="166">
        <v>0</v>
      </c>
      <c r="AD1562" s="166">
        <v>0</v>
      </c>
      <c r="AE1562" s="166">
        <v>0</v>
      </c>
      <c r="AF1562" s="166">
        <v>0</v>
      </c>
      <c r="AG1562" s="166">
        <v>0</v>
      </c>
      <c r="AH1562" s="166">
        <v>0</v>
      </c>
      <c r="AI1562" s="166">
        <v>0</v>
      </c>
      <c r="AJ1562" s="166">
        <v>0</v>
      </c>
      <c r="AK1562" s="166">
        <v>0</v>
      </c>
      <c r="AL1562" s="166">
        <v>0</v>
      </c>
      <c r="AM1562" s="166">
        <v>0</v>
      </c>
      <c r="AN1562" s="166">
        <v>0</v>
      </c>
      <c r="AO1562" s="166">
        <v>0</v>
      </c>
      <c r="AP1562" s="166">
        <v>0</v>
      </c>
      <c r="AQ1562" s="166">
        <v>0</v>
      </c>
      <c r="AR1562" s="166">
        <v>0</v>
      </c>
      <c r="AS1562" s="166">
        <v>0</v>
      </c>
      <c r="AT1562" s="166">
        <v>0</v>
      </c>
      <c r="AU1562" s="166">
        <v>0</v>
      </c>
      <c r="AV1562" s="166">
        <v>0</v>
      </c>
      <c r="AW1562" s="166">
        <v>0</v>
      </c>
      <c r="AX1562" s="166">
        <v>0</v>
      </c>
      <c r="AY1562" s="166">
        <v>0</v>
      </c>
      <c r="AZ1562" s="166">
        <v>0</v>
      </c>
      <c r="BA1562" s="166">
        <v>0</v>
      </c>
      <c r="BB1562" s="166">
        <v>0</v>
      </c>
      <c r="BC1562" s="166">
        <v>0</v>
      </c>
      <c r="BD1562" s="166">
        <v>0</v>
      </c>
      <c r="BE1562" s="166">
        <v>0</v>
      </c>
      <c r="BF1562" s="166">
        <v>0</v>
      </c>
      <c r="BG1562" s="166">
        <v>0</v>
      </c>
      <c r="BH1562" s="166">
        <v>0</v>
      </c>
      <c r="BI1562" s="166">
        <v>0</v>
      </c>
      <c r="BJ1562" s="166">
        <v>0</v>
      </c>
      <c r="BK1562" s="166">
        <v>0</v>
      </c>
      <c r="BL1562" s="166">
        <v>0</v>
      </c>
      <c r="BM1562" s="166">
        <v>0</v>
      </c>
      <c r="BN1562" s="166">
        <v>0</v>
      </c>
      <c r="BO1562" s="166">
        <v>0</v>
      </c>
      <c r="BP1562" s="166">
        <v>0</v>
      </c>
      <c r="BQ1562" s="166">
        <v>0</v>
      </c>
      <c r="BR1562" s="166">
        <v>31929233.589999899</v>
      </c>
      <c r="BS1562" s="166">
        <v>31929233.589999899</v>
      </c>
      <c r="BT1562" s="168">
        <v>0</v>
      </c>
      <c r="BU1562" s="166">
        <v>0</v>
      </c>
      <c r="BV1562" s="166">
        <v>0</v>
      </c>
      <c r="BW1562" s="166">
        <v>0</v>
      </c>
      <c r="BX1562" s="166">
        <v>0</v>
      </c>
      <c r="BY1562" s="166">
        <v>0</v>
      </c>
      <c r="BZ1562" s="166">
        <v>0</v>
      </c>
      <c r="CA1562" s="166">
        <v>0</v>
      </c>
      <c r="CB1562" s="166">
        <v>0</v>
      </c>
      <c r="CC1562" s="166">
        <v>0</v>
      </c>
      <c r="CD1562" s="166">
        <v>0</v>
      </c>
      <c r="CE1562" s="166">
        <v>0</v>
      </c>
      <c r="CF1562" s="166">
        <v>0</v>
      </c>
      <c r="CG1562" s="166">
        <v>0</v>
      </c>
      <c r="CH1562" s="166">
        <v>0</v>
      </c>
      <c r="CI1562" s="166">
        <v>0</v>
      </c>
      <c r="CJ1562" s="166">
        <v>0</v>
      </c>
      <c r="CK1562" s="166">
        <v>0</v>
      </c>
      <c r="CL1562" s="166">
        <v>0</v>
      </c>
      <c r="CM1562" s="166">
        <v>0</v>
      </c>
      <c r="CN1562" s="166">
        <v>0</v>
      </c>
      <c r="CO1562" s="166">
        <v>0</v>
      </c>
      <c r="CP1562" s="166">
        <v>0</v>
      </c>
      <c r="CQ1562" s="166">
        <v>0</v>
      </c>
      <c r="CR1562" s="166">
        <v>0</v>
      </c>
      <c r="CS1562" s="166">
        <v>0</v>
      </c>
      <c r="CT1562" s="166">
        <v>0</v>
      </c>
      <c r="CU1562" s="166">
        <v>0</v>
      </c>
      <c r="CV1562" s="166">
        <v>0</v>
      </c>
      <c r="CW1562" s="166">
        <v>0</v>
      </c>
      <c r="CX1562" s="166">
        <v>0</v>
      </c>
      <c r="CY1562" s="166">
        <v>0</v>
      </c>
      <c r="CZ1562" s="166">
        <v>0</v>
      </c>
    </row>
    <row r="1563" spans="1:104" x14ac:dyDescent="0.2">
      <c r="A1563" s="167" t="s">
        <v>530</v>
      </c>
      <c r="B1563" s="166">
        <v>117228648.36999901</v>
      </c>
      <c r="C1563" s="166">
        <v>117228648.36999901</v>
      </c>
      <c r="D1563" s="166">
        <v>0</v>
      </c>
      <c r="E1563" s="166">
        <v>0</v>
      </c>
      <c r="F1563" s="166">
        <v>0</v>
      </c>
      <c r="G1563" s="166">
        <v>0</v>
      </c>
      <c r="H1563" s="166">
        <v>0</v>
      </c>
      <c r="I1563" s="166">
        <v>0</v>
      </c>
      <c r="J1563" s="166">
        <v>0</v>
      </c>
      <c r="K1563" s="166">
        <v>0</v>
      </c>
      <c r="L1563" s="166">
        <v>0</v>
      </c>
      <c r="M1563" s="166">
        <v>0</v>
      </c>
      <c r="N1563" s="166">
        <v>0</v>
      </c>
      <c r="O1563" s="166">
        <v>0</v>
      </c>
      <c r="P1563" s="166">
        <v>0</v>
      </c>
      <c r="Q1563" s="166">
        <v>0</v>
      </c>
      <c r="R1563" s="166">
        <v>0</v>
      </c>
      <c r="S1563" s="166">
        <v>0</v>
      </c>
      <c r="T1563" s="166">
        <v>0</v>
      </c>
      <c r="U1563" s="166">
        <v>0</v>
      </c>
      <c r="V1563" s="166">
        <v>0</v>
      </c>
      <c r="W1563" s="166">
        <v>0</v>
      </c>
      <c r="X1563" s="166">
        <v>0</v>
      </c>
      <c r="Y1563" s="166">
        <v>0</v>
      </c>
      <c r="Z1563" s="166">
        <v>0</v>
      </c>
      <c r="AA1563" s="166">
        <v>0</v>
      </c>
      <c r="AB1563" s="166">
        <v>0</v>
      </c>
      <c r="AC1563" s="166">
        <v>0</v>
      </c>
      <c r="AD1563" s="166">
        <v>0</v>
      </c>
      <c r="AE1563" s="166">
        <v>0</v>
      </c>
      <c r="AF1563" s="166">
        <v>0</v>
      </c>
      <c r="AG1563" s="166">
        <v>0</v>
      </c>
      <c r="AH1563" s="166">
        <v>0</v>
      </c>
      <c r="AI1563" s="166">
        <v>0</v>
      </c>
      <c r="AJ1563" s="166">
        <v>0</v>
      </c>
      <c r="AK1563" s="166">
        <v>0</v>
      </c>
      <c r="AL1563" s="166">
        <v>0</v>
      </c>
      <c r="AM1563" s="166">
        <v>0</v>
      </c>
      <c r="AN1563" s="166">
        <v>0</v>
      </c>
      <c r="AO1563" s="166">
        <v>0</v>
      </c>
      <c r="AP1563" s="166">
        <v>0</v>
      </c>
      <c r="AQ1563" s="166">
        <v>0</v>
      </c>
      <c r="AR1563" s="166">
        <v>0</v>
      </c>
      <c r="AS1563" s="166">
        <v>0</v>
      </c>
      <c r="AT1563" s="166">
        <v>0</v>
      </c>
      <c r="AU1563" s="166">
        <v>0</v>
      </c>
      <c r="AV1563" s="166">
        <v>0</v>
      </c>
      <c r="AW1563" s="166">
        <v>0</v>
      </c>
      <c r="AX1563" s="166">
        <v>0</v>
      </c>
      <c r="AY1563" s="166">
        <v>0</v>
      </c>
      <c r="AZ1563" s="166">
        <v>0</v>
      </c>
      <c r="BA1563" s="166">
        <v>0</v>
      </c>
      <c r="BB1563" s="166">
        <v>0</v>
      </c>
      <c r="BC1563" s="166">
        <v>0</v>
      </c>
      <c r="BD1563" s="166">
        <v>0</v>
      </c>
      <c r="BE1563" s="166">
        <v>0</v>
      </c>
      <c r="BF1563" s="166">
        <v>0</v>
      </c>
      <c r="BG1563" s="166">
        <v>0</v>
      </c>
      <c r="BH1563" s="166">
        <v>0</v>
      </c>
      <c r="BI1563" s="166">
        <v>0</v>
      </c>
      <c r="BJ1563" s="166">
        <v>0</v>
      </c>
      <c r="BK1563" s="166">
        <v>0</v>
      </c>
      <c r="BL1563" s="166">
        <v>0</v>
      </c>
      <c r="BM1563" s="166">
        <v>0</v>
      </c>
      <c r="BN1563" s="166">
        <v>0</v>
      </c>
      <c r="BO1563" s="166">
        <v>0</v>
      </c>
      <c r="BP1563" s="166">
        <v>0</v>
      </c>
      <c r="BQ1563" s="166">
        <v>0</v>
      </c>
      <c r="BR1563" s="166">
        <v>117228648.36999901</v>
      </c>
      <c r="BS1563" s="166">
        <v>117228648.36999901</v>
      </c>
      <c r="BT1563" s="168">
        <v>0</v>
      </c>
      <c r="BU1563" s="166">
        <v>0</v>
      </c>
      <c r="BV1563" s="166">
        <v>0</v>
      </c>
      <c r="BW1563" s="166">
        <v>0</v>
      </c>
      <c r="BX1563" s="166">
        <v>0</v>
      </c>
      <c r="BY1563" s="166">
        <v>0</v>
      </c>
      <c r="BZ1563" s="166">
        <v>0</v>
      </c>
      <c r="CA1563" s="166">
        <v>0</v>
      </c>
      <c r="CB1563" s="166">
        <v>0</v>
      </c>
      <c r="CC1563" s="166">
        <v>0</v>
      </c>
      <c r="CD1563" s="166">
        <v>0</v>
      </c>
      <c r="CE1563" s="166">
        <v>0</v>
      </c>
      <c r="CF1563" s="166">
        <v>0</v>
      </c>
      <c r="CG1563" s="166">
        <v>0</v>
      </c>
      <c r="CH1563" s="166">
        <v>0</v>
      </c>
      <c r="CI1563" s="166">
        <v>0</v>
      </c>
      <c r="CJ1563" s="166">
        <v>0</v>
      </c>
      <c r="CK1563" s="166">
        <v>0</v>
      </c>
      <c r="CL1563" s="166">
        <v>0</v>
      </c>
      <c r="CM1563" s="166">
        <v>0</v>
      </c>
      <c r="CN1563" s="166">
        <v>0</v>
      </c>
      <c r="CO1563" s="166">
        <v>0</v>
      </c>
      <c r="CP1563" s="166">
        <v>0</v>
      </c>
      <c r="CQ1563" s="166">
        <v>0</v>
      </c>
      <c r="CR1563" s="166">
        <v>0</v>
      </c>
      <c r="CS1563" s="166">
        <v>0</v>
      </c>
      <c r="CT1563" s="166">
        <v>0</v>
      </c>
      <c r="CU1563" s="166">
        <v>0</v>
      </c>
      <c r="CV1563" s="166">
        <v>0</v>
      </c>
      <c r="CW1563" s="166">
        <v>0</v>
      </c>
      <c r="CX1563" s="166">
        <v>0</v>
      </c>
      <c r="CY1563" s="166">
        <v>0</v>
      </c>
      <c r="CZ1563" s="166">
        <v>0</v>
      </c>
    </row>
    <row r="1564" spans="1:104" x14ac:dyDescent="0.2">
      <c r="A1564" s="167" t="s">
        <v>531</v>
      </c>
      <c r="B1564" s="166">
        <v>105805118.14999899</v>
      </c>
      <c r="C1564" s="166">
        <v>105805118.14999899</v>
      </c>
      <c r="D1564" s="166">
        <v>0</v>
      </c>
      <c r="E1564" s="166">
        <v>0</v>
      </c>
      <c r="F1564" s="166">
        <v>0</v>
      </c>
      <c r="G1564" s="166">
        <v>0</v>
      </c>
      <c r="H1564" s="166">
        <v>0</v>
      </c>
      <c r="I1564" s="166">
        <v>0</v>
      </c>
      <c r="J1564" s="166">
        <v>0</v>
      </c>
      <c r="K1564" s="166">
        <v>0</v>
      </c>
      <c r="L1564" s="166">
        <v>0</v>
      </c>
      <c r="M1564" s="166">
        <v>0</v>
      </c>
      <c r="N1564" s="166">
        <v>0</v>
      </c>
      <c r="O1564" s="166">
        <v>0</v>
      </c>
      <c r="P1564" s="166">
        <v>0</v>
      </c>
      <c r="Q1564" s="166">
        <v>0</v>
      </c>
      <c r="R1564" s="166">
        <v>0</v>
      </c>
      <c r="S1564" s="166">
        <v>0</v>
      </c>
      <c r="T1564" s="166">
        <v>0</v>
      </c>
      <c r="U1564" s="166">
        <v>0</v>
      </c>
      <c r="V1564" s="166">
        <v>0</v>
      </c>
      <c r="W1564" s="166">
        <v>0</v>
      </c>
      <c r="X1564" s="166">
        <v>0</v>
      </c>
      <c r="Y1564" s="166">
        <v>0</v>
      </c>
      <c r="Z1564" s="166">
        <v>0</v>
      </c>
      <c r="AA1564" s="166">
        <v>0</v>
      </c>
      <c r="AB1564" s="166">
        <v>0</v>
      </c>
      <c r="AC1564" s="166">
        <v>0</v>
      </c>
      <c r="AD1564" s="166">
        <v>0</v>
      </c>
      <c r="AE1564" s="166">
        <v>0</v>
      </c>
      <c r="AF1564" s="166">
        <v>0</v>
      </c>
      <c r="AG1564" s="166">
        <v>0</v>
      </c>
      <c r="AH1564" s="166">
        <v>0</v>
      </c>
      <c r="AI1564" s="166">
        <v>0</v>
      </c>
      <c r="AJ1564" s="166">
        <v>0</v>
      </c>
      <c r="AK1564" s="166">
        <v>0</v>
      </c>
      <c r="AL1564" s="166">
        <v>0</v>
      </c>
      <c r="AM1564" s="166">
        <v>0</v>
      </c>
      <c r="AN1564" s="166">
        <v>0</v>
      </c>
      <c r="AO1564" s="166">
        <v>0</v>
      </c>
      <c r="AP1564" s="166">
        <v>0</v>
      </c>
      <c r="AQ1564" s="166">
        <v>0</v>
      </c>
      <c r="AR1564" s="166">
        <v>0</v>
      </c>
      <c r="AS1564" s="166">
        <v>0</v>
      </c>
      <c r="AT1564" s="166">
        <v>0</v>
      </c>
      <c r="AU1564" s="166">
        <v>0</v>
      </c>
      <c r="AV1564" s="166">
        <v>0</v>
      </c>
      <c r="AW1564" s="166">
        <v>0</v>
      </c>
      <c r="AX1564" s="166">
        <v>0</v>
      </c>
      <c r="AY1564" s="166">
        <v>0</v>
      </c>
      <c r="AZ1564" s="166">
        <v>0</v>
      </c>
      <c r="BA1564" s="166">
        <v>0</v>
      </c>
      <c r="BB1564" s="166">
        <v>0</v>
      </c>
      <c r="BC1564" s="166">
        <v>0</v>
      </c>
      <c r="BD1564" s="166">
        <v>0</v>
      </c>
      <c r="BE1564" s="166">
        <v>0</v>
      </c>
      <c r="BF1564" s="166">
        <v>0</v>
      </c>
      <c r="BG1564" s="166">
        <v>0</v>
      </c>
      <c r="BH1564" s="166">
        <v>0</v>
      </c>
      <c r="BI1564" s="166">
        <v>0</v>
      </c>
      <c r="BJ1564" s="166">
        <v>0</v>
      </c>
      <c r="BK1564" s="166">
        <v>0</v>
      </c>
      <c r="BL1564" s="166">
        <v>0</v>
      </c>
      <c r="BM1564" s="166">
        <v>0</v>
      </c>
      <c r="BN1564" s="166">
        <v>0</v>
      </c>
      <c r="BO1564" s="166">
        <v>0</v>
      </c>
      <c r="BP1564" s="166">
        <v>0</v>
      </c>
      <c r="BQ1564" s="166">
        <v>0</v>
      </c>
      <c r="BR1564" s="166">
        <v>105805118.14999899</v>
      </c>
      <c r="BS1564" s="166">
        <v>105805118.14999899</v>
      </c>
      <c r="BT1564" s="168">
        <v>0</v>
      </c>
      <c r="BU1564" s="166">
        <v>0</v>
      </c>
      <c r="BV1564" s="166">
        <v>0</v>
      </c>
      <c r="BW1564" s="166">
        <v>0</v>
      </c>
      <c r="BX1564" s="166">
        <v>0</v>
      </c>
      <c r="BY1564" s="166">
        <v>0</v>
      </c>
      <c r="BZ1564" s="166">
        <v>0</v>
      </c>
      <c r="CA1564" s="166">
        <v>0</v>
      </c>
      <c r="CB1564" s="166">
        <v>0</v>
      </c>
      <c r="CC1564" s="166">
        <v>0</v>
      </c>
      <c r="CD1564" s="166">
        <v>0</v>
      </c>
      <c r="CE1564" s="166">
        <v>0</v>
      </c>
      <c r="CF1564" s="166">
        <v>0</v>
      </c>
      <c r="CG1564" s="166">
        <v>0</v>
      </c>
      <c r="CH1564" s="166">
        <v>0</v>
      </c>
      <c r="CI1564" s="166">
        <v>0</v>
      </c>
      <c r="CJ1564" s="166">
        <v>0</v>
      </c>
      <c r="CK1564" s="166">
        <v>0</v>
      </c>
      <c r="CL1564" s="166">
        <v>0</v>
      </c>
      <c r="CM1564" s="166">
        <v>0</v>
      </c>
      <c r="CN1564" s="166">
        <v>0</v>
      </c>
      <c r="CO1564" s="166">
        <v>0</v>
      </c>
      <c r="CP1564" s="166">
        <v>0</v>
      </c>
      <c r="CQ1564" s="166">
        <v>0</v>
      </c>
      <c r="CR1564" s="166">
        <v>0</v>
      </c>
      <c r="CS1564" s="166">
        <v>0</v>
      </c>
      <c r="CT1564" s="166">
        <v>0</v>
      </c>
      <c r="CU1564" s="166">
        <v>0</v>
      </c>
      <c r="CV1564" s="166">
        <v>0</v>
      </c>
      <c r="CW1564" s="166">
        <v>0</v>
      </c>
      <c r="CX1564" s="166">
        <v>0</v>
      </c>
      <c r="CY1564" s="166">
        <v>0</v>
      </c>
      <c r="CZ1564" s="166">
        <v>0</v>
      </c>
    </row>
    <row r="1565" spans="1:104" x14ac:dyDescent="0.2">
      <c r="A1565" s="167" t="s">
        <v>532</v>
      </c>
      <c r="B1565" s="166">
        <v>185073352.27285701</v>
      </c>
      <c r="C1565" s="166">
        <v>185073352.27285701</v>
      </c>
      <c r="D1565" s="166">
        <v>0</v>
      </c>
      <c r="E1565" s="166">
        <v>0</v>
      </c>
      <c r="F1565" s="166">
        <v>0</v>
      </c>
      <c r="G1565" s="166">
        <v>0</v>
      </c>
      <c r="H1565" s="166">
        <v>0</v>
      </c>
      <c r="I1565" s="166">
        <v>0</v>
      </c>
      <c r="J1565" s="166">
        <v>0</v>
      </c>
      <c r="K1565" s="166">
        <v>0</v>
      </c>
      <c r="L1565" s="166">
        <v>0</v>
      </c>
      <c r="M1565" s="166">
        <v>0</v>
      </c>
      <c r="N1565" s="166">
        <v>0</v>
      </c>
      <c r="O1565" s="166">
        <v>0</v>
      </c>
      <c r="P1565" s="166">
        <v>0</v>
      </c>
      <c r="Q1565" s="166">
        <v>0</v>
      </c>
      <c r="R1565" s="166">
        <v>0</v>
      </c>
      <c r="S1565" s="166">
        <v>0</v>
      </c>
      <c r="T1565" s="166">
        <v>0</v>
      </c>
      <c r="U1565" s="166">
        <v>0</v>
      </c>
      <c r="V1565" s="166">
        <v>0</v>
      </c>
      <c r="W1565" s="166">
        <v>0</v>
      </c>
      <c r="X1565" s="166">
        <v>0</v>
      </c>
      <c r="Y1565" s="166">
        <v>0</v>
      </c>
      <c r="Z1565" s="166">
        <v>0</v>
      </c>
      <c r="AA1565" s="166">
        <v>0</v>
      </c>
      <c r="AB1565" s="166">
        <v>0</v>
      </c>
      <c r="AC1565" s="166">
        <v>0</v>
      </c>
      <c r="AD1565" s="166">
        <v>0</v>
      </c>
      <c r="AE1565" s="166">
        <v>0</v>
      </c>
      <c r="AF1565" s="166">
        <v>0</v>
      </c>
      <c r="AG1565" s="166">
        <v>0</v>
      </c>
      <c r="AH1565" s="166">
        <v>0</v>
      </c>
      <c r="AI1565" s="166">
        <v>0</v>
      </c>
      <c r="AJ1565" s="166">
        <v>0</v>
      </c>
      <c r="AK1565" s="166">
        <v>0</v>
      </c>
      <c r="AL1565" s="166">
        <v>0</v>
      </c>
      <c r="AM1565" s="166">
        <v>0</v>
      </c>
      <c r="AN1565" s="166">
        <v>0</v>
      </c>
      <c r="AO1565" s="166">
        <v>0</v>
      </c>
      <c r="AP1565" s="166">
        <v>0</v>
      </c>
      <c r="AQ1565" s="166">
        <v>0</v>
      </c>
      <c r="AR1565" s="166">
        <v>0</v>
      </c>
      <c r="AS1565" s="166">
        <v>0</v>
      </c>
      <c r="AT1565" s="166">
        <v>0</v>
      </c>
      <c r="AU1565" s="166">
        <v>0</v>
      </c>
      <c r="AV1565" s="166">
        <v>0</v>
      </c>
      <c r="AW1565" s="166">
        <v>0</v>
      </c>
      <c r="AX1565" s="166">
        <v>0</v>
      </c>
      <c r="AY1565" s="166">
        <v>0</v>
      </c>
      <c r="AZ1565" s="166">
        <v>0</v>
      </c>
      <c r="BA1565" s="166">
        <v>0</v>
      </c>
      <c r="BB1565" s="166">
        <v>0</v>
      </c>
      <c r="BC1565" s="166">
        <v>0</v>
      </c>
      <c r="BD1565" s="166">
        <v>0</v>
      </c>
      <c r="BE1565" s="166">
        <v>0</v>
      </c>
      <c r="BF1565" s="166">
        <v>0</v>
      </c>
      <c r="BG1565" s="166">
        <v>0</v>
      </c>
      <c r="BH1565" s="166">
        <v>0</v>
      </c>
      <c r="BI1565" s="166">
        <v>0</v>
      </c>
      <c r="BJ1565" s="166">
        <v>0</v>
      </c>
      <c r="BK1565" s="166">
        <v>0</v>
      </c>
      <c r="BL1565" s="166">
        <v>0</v>
      </c>
      <c r="BM1565" s="166">
        <v>0</v>
      </c>
      <c r="BN1565" s="166">
        <v>0</v>
      </c>
      <c r="BO1565" s="166">
        <v>0</v>
      </c>
      <c r="BP1565" s="166">
        <v>0</v>
      </c>
      <c r="BQ1565" s="166">
        <v>0</v>
      </c>
      <c r="BR1565" s="166">
        <v>185073352.27285701</v>
      </c>
      <c r="BS1565" s="166">
        <v>185073352.27285701</v>
      </c>
      <c r="BT1565" s="168">
        <v>0</v>
      </c>
      <c r="BU1565" s="166">
        <v>0</v>
      </c>
      <c r="BV1565" s="166">
        <v>0</v>
      </c>
      <c r="BW1565" s="166">
        <v>0</v>
      </c>
      <c r="BX1565" s="166">
        <v>0</v>
      </c>
      <c r="BY1565" s="166">
        <v>0</v>
      </c>
      <c r="BZ1565" s="166">
        <v>0</v>
      </c>
      <c r="CA1565" s="166">
        <v>0</v>
      </c>
      <c r="CB1565" s="166">
        <v>0</v>
      </c>
      <c r="CC1565" s="166">
        <v>0</v>
      </c>
      <c r="CD1565" s="166">
        <v>0</v>
      </c>
      <c r="CE1565" s="166">
        <v>0</v>
      </c>
      <c r="CF1565" s="166">
        <v>0</v>
      </c>
      <c r="CG1565" s="166">
        <v>0</v>
      </c>
      <c r="CH1565" s="166">
        <v>0</v>
      </c>
      <c r="CI1565" s="166">
        <v>0</v>
      </c>
      <c r="CJ1565" s="166">
        <v>0</v>
      </c>
      <c r="CK1565" s="166">
        <v>0</v>
      </c>
      <c r="CL1565" s="166">
        <v>0</v>
      </c>
      <c r="CM1565" s="166">
        <v>0</v>
      </c>
      <c r="CN1565" s="166">
        <v>0</v>
      </c>
      <c r="CO1565" s="166">
        <v>0</v>
      </c>
      <c r="CP1565" s="166">
        <v>0</v>
      </c>
      <c r="CQ1565" s="166">
        <v>0</v>
      </c>
      <c r="CR1565" s="166">
        <v>0</v>
      </c>
      <c r="CS1565" s="166">
        <v>0</v>
      </c>
      <c r="CT1565" s="166">
        <v>0</v>
      </c>
      <c r="CU1565" s="166">
        <v>0</v>
      </c>
      <c r="CV1565" s="166">
        <v>0</v>
      </c>
      <c r="CW1565" s="166">
        <v>0</v>
      </c>
      <c r="CX1565" s="166">
        <v>0</v>
      </c>
      <c r="CY1565" s="166">
        <v>0</v>
      </c>
      <c r="CZ1565" s="166">
        <v>0</v>
      </c>
    </row>
    <row r="1566" spans="1:104" x14ac:dyDescent="0.2">
      <c r="A1566" s="167" t="s">
        <v>533</v>
      </c>
      <c r="B1566" s="166">
        <v>2078062380.60027</v>
      </c>
      <c r="C1566" s="166">
        <v>2078062380.60027</v>
      </c>
      <c r="D1566" s="166">
        <v>0</v>
      </c>
      <c r="E1566" s="166">
        <v>0</v>
      </c>
      <c r="F1566" s="166">
        <v>0</v>
      </c>
      <c r="G1566" s="166">
        <v>0</v>
      </c>
      <c r="H1566" s="166">
        <v>0</v>
      </c>
      <c r="I1566" s="166">
        <v>0</v>
      </c>
      <c r="J1566" s="166">
        <v>0</v>
      </c>
      <c r="K1566" s="166">
        <v>0</v>
      </c>
      <c r="L1566" s="166">
        <v>0</v>
      </c>
      <c r="M1566" s="166">
        <v>0</v>
      </c>
      <c r="N1566" s="166">
        <v>0</v>
      </c>
      <c r="O1566" s="166">
        <v>0</v>
      </c>
      <c r="P1566" s="166">
        <v>0</v>
      </c>
      <c r="Q1566" s="166">
        <v>0</v>
      </c>
      <c r="R1566" s="166">
        <v>0</v>
      </c>
      <c r="S1566" s="166">
        <v>0</v>
      </c>
      <c r="T1566" s="166">
        <v>0</v>
      </c>
      <c r="U1566" s="166">
        <v>0</v>
      </c>
      <c r="V1566" s="166">
        <v>0</v>
      </c>
      <c r="W1566" s="166">
        <v>0</v>
      </c>
      <c r="X1566" s="166">
        <v>0</v>
      </c>
      <c r="Y1566" s="166">
        <v>0</v>
      </c>
      <c r="Z1566" s="166">
        <v>0</v>
      </c>
      <c r="AA1566" s="166">
        <v>0</v>
      </c>
      <c r="AB1566" s="166">
        <v>0</v>
      </c>
      <c r="AC1566" s="166">
        <v>0</v>
      </c>
      <c r="AD1566" s="166">
        <v>0</v>
      </c>
      <c r="AE1566" s="166">
        <v>0</v>
      </c>
      <c r="AF1566" s="166">
        <v>0</v>
      </c>
      <c r="AG1566" s="166">
        <v>0</v>
      </c>
      <c r="AH1566" s="166">
        <v>0</v>
      </c>
      <c r="AI1566" s="166">
        <v>0</v>
      </c>
      <c r="AJ1566" s="166">
        <v>0</v>
      </c>
      <c r="AK1566" s="166">
        <v>0</v>
      </c>
      <c r="AL1566" s="166">
        <v>0</v>
      </c>
      <c r="AM1566" s="166">
        <v>0</v>
      </c>
      <c r="AN1566" s="166">
        <v>0</v>
      </c>
      <c r="AO1566" s="166">
        <v>0</v>
      </c>
      <c r="AP1566" s="166">
        <v>0</v>
      </c>
      <c r="AQ1566" s="166">
        <v>0</v>
      </c>
      <c r="AR1566" s="166">
        <v>0</v>
      </c>
      <c r="AS1566" s="166">
        <v>0</v>
      </c>
      <c r="AT1566" s="166">
        <v>0</v>
      </c>
      <c r="AU1566" s="166">
        <v>0</v>
      </c>
      <c r="AV1566" s="166">
        <v>0</v>
      </c>
      <c r="AW1566" s="166">
        <v>0</v>
      </c>
      <c r="AX1566" s="166">
        <v>0</v>
      </c>
      <c r="AY1566" s="166">
        <v>0</v>
      </c>
      <c r="AZ1566" s="166">
        <v>0</v>
      </c>
      <c r="BA1566" s="166">
        <v>0</v>
      </c>
      <c r="BB1566" s="166">
        <v>0</v>
      </c>
      <c r="BC1566" s="166">
        <v>0</v>
      </c>
      <c r="BD1566" s="166">
        <v>0</v>
      </c>
      <c r="BE1566" s="166">
        <v>0</v>
      </c>
      <c r="BF1566" s="166">
        <v>0</v>
      </c>
      <c r="BG1566" s="166">
        <v>0</v>
      </c>
      <c r="BH1566" s="166">
        <v>0</v>
      </c>
      <c r="BI1566" s="166">
        <v>0</v>
      </c>
      <c r="BJ1566" s="166">
        <v>0</v>
      </c>
      <c r="BK1566" s="166">
        <v>0</v>
      </c>
      <c r="BL1566" s="166">
        <v>0</v>
      </c>
      <c r="BM1566" s="166">
        <v>0</v>
      </c>
      <c r="BN1566" s="166">
        <v>0</v>
      </c>
      <c r="BO1566" s="166">
        <v>0</v>
      </c>
      <c r="BP1566" s="166">
        <v>0</v>
      </c>
      <c r="BQ1566" s="166">
        <v>0</v>
      </c>
      <c r="BR1566" s="166">
        <v>2078062380.60027</v>
      </c>
      <c r="BS1566" s="166">
        <v>2078062380.60027</v>
      </c>
      <c r="BT1566" s="168">
        <v>0</v>
      </c>
      <c r="BU1566" s="166">
        <v>0</v>
      </c>
      <c r="BV1566" s="166">
        <v>0</v>
      </c>
      <c r="BW1566" s="166">
        <v>0</v>
      </c>
      <c r="BX1566" s="166">
        <v>0</v>
      </c>
      <c r="BY1566" s="166">
        <v>0</v>
      </c>
      <c r="BZ1566" s="166">
        <v>0</v>
      </c>
      <c r="CA1566" s="166">
        <v>0</v>
      </c>
      <c r="CB1566" s="166">
        <v>0</v>
      </c>
      <c r="CC1566" s="166">
        <v>0</v>
      </c>
      <c r="CD1566" s="166">
        <v>0</v>
      </c>
      <c r="CE1566" s="166">
        <v>0</v>
      </c>
      <c r="CF1566" s="166">
        <v>0</v>
      </c>
      <c r="CG1566" s="166">
        <v>0</v>
      </c>
      <c r="CH1566" s="166">
        <v>0</v>
      </c>
      <c r="CI1566" s="166">
        <v>0</v>
      </c>
      <c r="CJ1566" s="166">
        <v>0</v>
      </c>
      <c r="CK1566" s="166">
        <v>0</v>
      </c>
      <c r="CL1566" s="166">
        <v>0</v>
      </c>
      <c r="CM1566" s="166">
        <v>0</v>
      </c>
      <c r="CN1566" s="166">
        <v>0</v>
      </c>
      <c r="CO1566" s="166">
        <v>0</v>
      </c>
      <c r="CP1566" s="166">
        <v>0</v>
      </c>
      <c r="CQ1566" s="166">
        <v>0</v>
      </c>
      <c r="CR1566" s="166">
        <v>0</v>
      </c>
      <c r="CS1566" s="166">
        <v>0</v>
      </c>
      <c r="CT1566" s="166">
        <v>0</v>
      </c>
      <c r="CU1566" s="166">
        <v>0</v>
      </c>
      <c r="CV1566" s="166">
        <v>0</v>
      </c>
      <c r="CW1566" s="166">
        <v>0</v>
      </c>
      <c r="CX1566" s="166">
        <v>0</v>
      </c>
      <c r="CY1566" s="166">
        <v>0</v>
      </c>
      <c r="CZ1566" s="166">
        <v>0</v>
      </c>
    </row>
    <row r="1567" spans="1:104" x14ac:dyDescent="0.2">
      <c r="A1567" s="167" t="s">
        <v>534</v>
      </c>
      <c r="B1567" s="166">
        <v>2694142102.8901901</v>
      </c>
      <c r="C1567" s="166">
        <v>2694142102.8901901</v>
      </c>
      <c r="D1567" s="166">
        <v>0</v>
      </c>
      <c r="E1567" s="166">
        <v>0</v>
      </c>
      <c r="F1567" s="166">
        <v>0</v>
      </c>
      <c r="G1567" s="166">
        <v>0</v>
      </c>
      <c r="H1567" s="166">
        <v>0</v>
      </c>
      <c r="I1567" s="166">
        <v>0</v>
      </c>
      <c r="J1567" s="166">
        <v>0</v>
      </c>
      <c r="K1567" s="166">
        <v>0</v>
      </c>
      <c r="L1567" s="166">
        <v>0</v>
      </c>
      <c r="M1567" s="166">
        <v>0</v>
      </c>
      <c r="N1567" s="166">
        <v>0</v>
      </c>
      <c r="O1567" s="166">
        <v>0</v>
      </c>
      <c r="P1567" s="166">
        <v>0</v>
      </c>
      <c r="Q1567" s="166">
        <v>0</v>
      </c>
      <c r="R1567" s="166">
        <v>0</v>
      </c>
      <c r="S1567" s="166">
        <v>0</v>
      </c>
      <c r="T1567" s="166">
        <v>0</v>
      </c>
      <c r="U1567" s="166">
        <v>0</v>
      </c>
      <c r="V1567" s="166">
        <v>0</v>
      </c>
      <c r="W1567" s="166">
        <v>0</v>
      </c>
      <c r="X1567" s="166">
        <v>0</v>
      </c>
      <c r="Y1567" s="166">
        <v>0</v>
      </c>
      <c r="Z1567" s="166">
        <v>0</v>
      </c>
      <c r="AA1567" s="166">
        <v>0</v>
      </c>
      <c r="AB1567" s="166">
        <v>0</v>
      </c>
      <c r="AC1567" s="166">
        <v>0</v>
      </c>
      <c r="AD1567" s="166">
        <v>0</v>
      </c>
      <c r="AE1567" s="166">
        <v>0</v>
      </c>
      <c r="AF1567" s="166">
        <v>0</v>
      </c>
      <c r="AG1567" s="166">
        <v>0</v>
      </c>
      <c r="AH1567" s="166">
        <v>0</v>
      </c>
      <c r="AI1567" s="166">
        <v>0</v>
      </c>
      <c r="AJ1567" s="166">
        <v>0</v>
      </c>
      <c r="AK1567" s="166">
        <v>0</v>
      </c>
      <c r="AL1567" s="166">
        <v>0</v>
      </c>
      <c r="AM1567" s="166">
        <v>0</v>
      </c>
      <c r="AN1567" s="166">
        <v>0</v>
      </c>
      <c r="AO1567" s="166">
        <v>0</v>
      </c>
      <c r="AP1567" s="166">
        <v>0</v>
      </c>
      <c r="AQ1567" s="166">
        <v>0</v>
      </c>
      <c r="AR1567" s="166">
        <v>0</v>
      </c>
      <c r="AS1567" s="166">
        <v>0</v>
      </c>
      <c r="AT1567" s="166">
        <v>0</v>
      </c>
      <c r="AU1567" s="166">
        <v>0</v>
      </c>
      <c r="AV1567" s="166">
        <v>0</v>
      </c>
      <c r="AW1567" s="166">
        <v>0</v>
      </c>
      <c r="AX1567" s="166">
        <v>0</v>
      </c>
      <c r="AY1567" s="166">
        <v>0</v>
      </c>
      <c r="AZ1567" s="166">
        <v>0</v>
      </c>
      <c r="BA1567" s="166">
        <v>0</v>
      </c>
      <c r="BB1567" s="166">
        <v>0</v>
      </c>
      <c r="BC1567" s="166">
        <v>0</v>
      </c>
      <c r="BD1567" s="166">
        <v>0</v>
      </c>
      <c r="BE1567" s="166">
        <v>0</v>
      </c>
      <c r="BF1567" s="166">
        <v>0</v>
      </c>
      <c r="BG1567" s="166">
        <v>0</v>
      </c>
      <c r="BH1567" s="166">
        <v>0</v>
      </c>
      <c r="BI1567" s="166">
        <v>0</v>
      </c>
      <c r="BJ1567" s="166">
        <v>0</v>
      </c>
      <c r="BK1567" s="166">
        <v>0</v>
      </c>
      <c r="BL1567" s="166">
        <v>0</v>
      </c>
      <c r="BM1567" s="166">
        <v>0</v>
      </c>
      <c r="BN1567" s="166">
        <v>0</v>
      </c>
      <c r="BO1567" s="166">
        <v>0</v>
      </c>
      <c r="BP1567" s="166">
        <v>0</v>
      </c>
      <c r="BQ1567" s="166">
        <v>0</v>
      </c>
      <c r="BR1567" s="166">
        <v>2694142102.8901901</v>
      </c>
      <c r="BS1567" s="166">
        <v>2694142102.8901901</v>
      </c>
      <c r="BT1567" s="168">
        <v>0</v>
      </c>
      <c r="BU1567" s="166">
        <v>0</v>
      </c>
      <c r="BV1567" s="166">
        <v>0</v>
      </c>
      <c r="BW1567" s="166">
        <v>0</v>
      </c>
      <c r="BX1567" s="166">
        <v>0</v>
      </c>
      <c r="BY1567" s="166">
        <v>0</v>
      </c>
      <c r="BZ1567" s="166">
        <v>0</v>
      </c>
      <c r="CA1567" s="166">
        <v>0</v>
      </c>
      <c r="CB1567" s="166">
        <v>0</v>
      </c>
      <c r="CC1567" s="166">
        <v>0</v>
      </c>
      <c r="CD1567" s="166">
        <v>0</v>
      </c>
      <c r="CE1567" s="166">
        <v>0</v>
      </c>
      <c r="CF1567" s="166">
        <v>0</v>
      </c>
      <c r="CG1567" s="166">
        <v>0</v>
      </c>
      <c r="CH1567" s="166">
        <v>0</v>
      </c>
      <c r="CI1567" s="166">
        <v>0</v>
      </c>
      <c r="CJ1567" s="166">
        <v>0</v>
      </c>
      <c r="CK1567" s="166">
        <v>0</v>
      </c>
      <c r="CL1567" s="166">
        <v>0</v>
      </c>
      <c r="CM1567" s="166">
        <v>0</v>
      </c>
      <c r="CN1567" s="166">
        <v>0</v>
      </c>
      <c r="CO1567" s="166">
        <v>0</v>
      </c>
      <c r="CP1567" s="166">
        <v>0</v>
      </c>
      <c r="CQ1567" s="166">
        <v>0</v>
      </c>
      <c r="CR1567" s="166">
        <v>0</v>
      </c>
      <c r="CS1567" s="166">
        <v>0</v>
      </c>
      <c r="CT1567" s="166">
        <v>0</v>
      </c>
      <c r="CU1567" s="166">
        <v>0</v>
      </c>
      <c r="CV1567" s="166">
        <v>0</v>
      </c>
      <c r="CW1567" s="166">
        <v>0</v>
      </c>
      <c r="CX1567" s="166">
        <v>0</v>
      </c>
      <c r="CY1567" s="166">
        <v>0</v>
      </c>
      <c r="CZ1567" s="166">
        <v>0</v>
      </c>
    </row>
    <row r="1568" spans="1:104" x14ac:dyDescent="0.2">
      <c r="A1568" s="170" t="s">
        <v>535</v>
      </c>
      <c r="B1568" s="166">
        <v>0</v>
      </c>
      <c r="C1568" s="166">
        <v>0</v>
      </c>
      <c r="D1568" s="166">
        <v>0</v>
      </c>
      <c r="E1568" s="166">
        <v>0</v>
      </c>
      <c r="F1568" s="166">
        <v>0</v>
      </c>
      <c r="G1568" s="166">
        <v>0</v>
      </c>
      <c r="H1568" s="166">
        <v>0</v>
      </c>
      <c r="I1568" s="166">
        <v>0</v>
      </c>
      <c r="J1568" s="166">
        <v>0</v>
      </c>
      <c r="K1568" s="166">
        <v>0</v>
      </c>
      <c r="L1568" s="166">
        <v>0</v>
      </c>
      <c r="M1568" s="166">
        <v>0</v>
      </c>
      <c r="N1568" s="166">
        <v>0</v>
      </c>
      <c r="O1568" s="166">
        <v>0</v>
      </c>
      <c r="P1568" s="166">
        <v>0</v>
      </c>
      <c r="Q1568" s="166">
        <v>0</v>
      </c>
      <c r="R1568" s="166">
        <v>0</v>
      </c>
      <c r="S1568" s="166">
        <v>0</v>
      </c>
      <c r="T1568" s="166">
        <v>0</v>
      </c>
      <c r="U1568" s="166">
        <v>0</v>
      </c>
      <c r="V1568" s="166">
        <v>0</v>
      </c>
      <c r="W1568" s="166">
        <v>0</v>
      </c>
      <c r="X1568" s="166">
        <v>0</v>
      </c>
      <c r="Y1568" s="166">
        <v>0</v>
      </c>
      <c r="Z1568" s="166">
        <v>0</v>
      </c>
      <c r="AA1568" s="166">
        <v>0</v>
      </c>
      <c r="AB1568" s="166">
        <v>0</v>
      </c>
      <c r="AC1568" s="166">
        <v>0</v>
      </c>
      <c r="AD1568" s="166">
        <v>0</v>
      </c>
      <c r="AE1568" s="166">
        <v>0</v>
      </c>
      <c r="AF1568" s="166">
        <v>0</v>
      </c>
      <c r="AG1568" s="166">
        <v>0</v>
      </c>
      <c r="AH1568" s="166">
        <v>0</v>
      </c>
      <c r="AI1568" s="166">
        <v>0</v>
      </c>
      <c r="AJ1568" s="166">
        <v>0</v>
      </c>
      <c r="AK1568" s="166">
        <v>0</v>
      </c>
      <c r="AL1568" s="166">
        <v>0</v>
      </c>
      <c r="AM1568" s="166">
        <v>0</v>
      </c>
      <c r="AN1568" s="166">
        <v>0</v>
      </c>
      <c r="AO1568" s="166">
        <v>0</v>
      </c>
      <c r="AP1568" s="166">
        <v>0</v>
      </c>
      <c r="AQ1568" s="166">
        <v>0</v>
      </c>
      <c r="AR1568" s="166">
        <v>0</v>
      </c>
      <c r="AS1568" s="166">
        <v>0</v>
      </c>
      <c r="AT1568" s="166">
        <v>0</v>
      </c>
      <c r="AU1568" s="166">
        <v>0</v>
      </c>
      <c r="AV1568" s="166">
        <v>0</v>
      </c>
      <c r="AW1568" s="166">
        <v>0</v>
      </c>
      <c r="AX1568" s="166">
        <v>0</v>
      </c>
      <c r="AY1568" s="166">
        <v>0</v>
      </c>
      <c r="AZ1568" s="166">
        <v>0</v>
      </c>
      <c r="BA1568" s="166">
        <v>0</v>
      </c>
      <c r="BB1568" s="166">
        <v>0</v>
      </c>
      <c r="BC1568" s="166">
        <v>0</v>
      </c>
      <c r="BD1568" s="166">
        <v>0</v>
      </c>
      <c r="BE1568" s="166">
        <v>0</v>
      </c>
      <c r="BF1568" s="166">
        <v>0</v>
      </c>
      <c r="BG1568" s="166">
        <v>0</v>
      </c>
      <c r="BH1568" s="166">
        <v>0</v>
      </c>
      <c r="BI1568" s="166">
        <v>0</v>
      </c>
      <c r="BJ1568" s="166">
        <v>0</v>
      </c>
      <c r="BK1568" s="166">
        <v>0</v>
      </c>
      <c r="BL1568" s="166">
        <v>0</v>
      </c>
      <c r="BM1568" s="166">
        <v>0</v>
      </c>
      <c r="BN1568" s="166">
        <v>0</v>
      </c>
      <c r="BO1568" s="166">
        <v>0</v>
      </c>
      <c r="BP1568" s="166">
        <v>0</v>
      </c>
      <c r="BQ1568" s="166">
        <v>0</v>
      </c>
      <c r="BR1568" s="166">
        <v>0</v>
      </c>
      <c r="BS1568" s="166">
        <v>0</v>
      </c>
      <c r="BT1568" s="168">
        <v>0</v>
      </c>
      <c r="BU1568" s="166">
        <v>0</v>
      </c>
      <c r="BV1568" s="166">
        <v>0</v>
      </c>
      <c r="BW1568" s="166">
        <v>0</v>
      </c>
      <c r="BX1568" s="166">
        <v>0</v>
      </c>
      <c r="BY1568" s="166">
        <v>0</v>
      </c>
      <c r="BZ1568" s="166">
        <v>0</v>
      </c>
      <c r="CA1568" s="166">
        <v>0</v>
      </c>
      <c r="CB1568" s="166">
        <v>0</v>
      </c>
      <c r="CC1568" s="166">
        <v>0</v>
      </c>
      <c r="CD1568" s="166">
        <v>0</v>
      </c>
      <c r="CE1568" s="166">
        <v>0</v>
      </c>
      <c r="CF1568" s="166">
        <v>0</v>
      </c>
      <c r="CG1568" s="166">
        <v>0</v>
      </c>
      <c r="CH1568" s="166">
        <v>0</v>
      </c>
      <c r="CI1568" s="166">
        <v>0</v>
      </c>
      <c r="CJ1568" s="166">
        <v>0</v>
      </c>
      <c r="CK1568" s="166">
        <v>0</v>
      </c>
      <c r="CL1568" s="166">
        <v>0</v>
      </c>
      <c r="CM1568" s="166">
        <v>0</v>
      </c>
      <c r="CN1568" s="166">
        <v>0</v>
      </c>
      <c r="CO1568" s="166">
        <v>0</v>
      </c>
      <c r="CP1568" s="166">
        <v>0</v>
      </c>
      <c r="CQ1568" s="166">
        <v>0</v>
      </c>
      <c r="CR1568" s="166">
        <v>0</v>
      </c>
      <c r="CS1568" s="166">
        <v>0</v>
      </c>
      <c r="CT1568" s="166">
        <v>0</v>
      </c>
      <c r="CU1568" s="166">
        <v>0</v>
      </c>
      <c r="CV1568" s="166">
        <v>0</v>
      </c>
      <c r="CW1568" s="166">
        <v>0</v>
      </c>
      <c r="CX1568" s="166">
        <v>0</v>
      </c>
      <c r="CY1568" s="166">
        <v>0</v>
      </c>
      <c r="CZ1568" s="166">
        <v>0</v>
      </c>
    </row>
    <row r="1569" spans="1:104" x14ac:dyDescent="0.2">
      <c r="A1569" s="167" t="s">
        <v>536</v>
      </c>
      <c r="B1569" s="166">
        <v>-2.91038304567337E-8</v>
      </c>
      <c r="C1569" s="166">
        <v>-2.91038304567337E-8</v>
      </c>
      <c r="D1569" s="166">
        <v>0</v>
      </c>
      <c r="E1569" s="166">
        <v>0</v>
      </c>
      <c r="F1569" s="166">
        <v>0</v>
      </c>
      <c r="G1569" s="166">
        <v>0</v>
      </c>
      <c r="H1569" s="166">
        <v>0</v>
      </c>
      <c r="I1569" s="166">
        <v>0</v>
      </c>
      <c r="J1569" s="166">
        <v>0</v>
      </c>
      <c r="K1569" s="166">
        <v>0</v>
      </c>
      <c r="L1569" s="166">
        <v>0</v>
      </c>
      <c r="M1569" s="166">
        <v>0</v>
      </c>
      <c r="N1569" s="166">
        <v>0</v>
      </c>
      <c r="O1569" s="166">
        <v>0</v>
      </c>
      <c r="P1569" s="166">
        <v>0</v>
      </c>
      <c r="Q1569" s="166">
        <v>0</v>
      </c>
      <c r="R1569" s="166">
        <v>0</v>
      </c>
      <c r="S1569" s="166">
        <v>0</v>
      </c>
      <c r="T1569" s="166">
        <v>0</v>
      </c>
      <c r="U1569" s="166">
        <v>0</v>
      </c>
      <c r="V1569" s="166">
        <v>0</v>
      </c>
      <c r="W1569" s="166">
        <v>0</v>
      </c>
      <c r="X1569" s="166">
        <v>0</v>
      </c>
      <c r="Y1569" s="166">
        <v>0</v>
      </c>
      <c r="Z1569" s="166">
        <v>0</v>
      </c>
      <c r="AA1569" s="166">
        <v>0</v>
      </c>
      <c r="AB1569" s="166">
        <v>0</v>
      </c>
      <c r="AC1569" s="166">
        <v>0</v>
      </c>
      <c r="AD1569" s="166">
        <v>0</v>
      </c>
      <c r="AE1569" s="166">
        <v>0</v>
      </c>
      <c r="AF1569" s="166">
        <v>0</v>
      </c>
      <c r="AG1569" s="166">
        <v>0</v>
      </c>
      <c r="AH1569" s="166">
        <v>0</v>
      </c>
      <c r="AI1569" s="166">
        <v>0</v>
      </c>
      <c r="AJ1569" s="166">
        <v>0</v>
      </c>
      <c r="AK1569" s="166">
        <v>0</v>
      </c>
      <c r="AL1569" s="166">
        <v>0</v>
      </c>
      <c r="AM1569" s="166">
        <v>0</v>
      </c>
      <c r="AN1569" s="166">
        <v>0</v>
      </c>
      <c r="AO1569" s="166">
        <v>0</v>
      </c>
      <c r="AP1569" s="166">
        <v>0</v>
      </c>
      <c r="AQ1569" s="166">
        <v>0</v>
      </c>
      <c r="AR1569" s="166">
        <v>0</v>
      </c>
      <c r="AS1569" s="166">
        <v>0</v>
      </c>
      <c r="AT1569" s="166">
        <v>0</v>
      </c>
      <c r="AU1569" s="166">
        <v>0</v>
      </c>
      <c r="AV1569" s="166">
        <v>0</v>
      </c>
      <c r="AW1569" s="166">
        <v>0</v>
      </c>
      <c r="AX1569" s="166">
        <v>0</v>
      </c>
      <c r="AY1569" s="166">
        <v>0</v>
      </c>
      <c r="AZ1569" s="166">
        <v>0</v>
      </c>
      <c r="BA1569" s="166">
        <v>0</v>
      </c>
      <c r="BB1569" s="166">
        <v>0</v>
      </c>
      <c r="BC1569" s="166">
        <v>0</v>
      </c>
      <c r="BD1569" s="166">
        <v>0</v>
      </c>
      <c r="BE1569" s="166">
        <v>0</v>
      </c>
      <c r="BF1569" s="166">
        <v>0</v>
      </c>
      <c r="BG1569" s="166">
        <v>0</v>
      </c>
      <c r="BH1569" s="166">
        <v>0</v>
      </c>
      <c r="BI1569" s="166">
        <v>0</v>
      </c>
      <c r="BJ1569" s="166">
        <v>0</v>
      </c>
      <c r="BK1569" s="166">
        <v>0</v>
      </c>
      <c r="BL1569" s="166">
        <v>0</v>
      </c>
      <c r="BM1569" s="166">
        <v>0</v>
      </c>
      <c r="BN1569" s="166">
        <v>0</v>
      </c>
      <c r="BO1569" s="166">
        <v>0</v>
      </c>
      <c r="BP1569" s="166">
        <v>0</v>
      </c>
      <c r="BQ1569" s="166">
        <v>0</v>
      </c>
      <c r="BR1569" s="166">
        <v>-2.91038304567337E-8</v>
      </c>
      <c r="BS1569" s="166">
        <v>-2.91038304567337E-8</v>
      </c>
      <c r="BT1569" s="168">
        <v>0</v>
      </c>
      <c r="BU1569" s="166">
        <v>0</v>
      </c>
      <c r="BV1569" s="166">
        <v>0</v>
      </c>
      <c r="BW1569" s="166">
        <v>0</v>
      </c>
      <c r="BX1569" s="166">
        <v>0</v>
      </c>
      <c r="BY1569" s="166">
        <v>0</v>
      </c>
      <c r="BZ1569" s="166">
        <v>0</v>
      </c>
      <c r="CA1569" s="166">
        <v>0</v>
      </c>
      <c r="CB1569" s="166">
        <v>0</v>
      </c>
      <c r="CC1569" s="166">
        <v>0</v>
      </c>
      <c r="CD1569" s="166">
        <v>0</v>
      </c>
      <c r="CE1569" s="166">
        <v>0</v>
      </c>
      <c r="CF1569" s="166">
        <v>0</v>
      </c>
      <c r="CG1569" s="166">
        <v>0</v>
      </c>
      <c r="CH1569" s="166">
        <v>0</v>
      </c>
      <c r="CI1569" s="166">
        <v>0</v>
      </c>
      <c r="CJ1569" s="166">
        <v>0</v>
      </c>
      <c r="CK1569" s="166">
        <v>0</v>
      </c>
      <c r="CL1569" s="166">
        <v>0</v>
      </c>
      <c r="CM1569" s="166">
        <v>0</v>
      </c>
      <c r="CN1569" s="166">
        <v>0</v>
      </c>
      <c r="CO1569" s="166">
        <v>0</v>
      </c>
      <c r="CP1569" s="166">
        <v>0</v>
      </c>
      <c r="CQ1569" s="166">
        <v>0</v>
      </c>
      <c r="CR1569" s="166">
        <v>0</v>
      </c>
      <c r="CS1569" s="166">
        <v>0</v>
      </c>
      <c r="CT1569" s="166">
        <v>0</v>
      </c>
      <c r="CU1569" s="166">
        <v>0</v>
      </c>
      <c r="CV1569" s="166">
        <v>0</v>
      </c>
      <c r="CW1569" s="166">
        <v>0</v>
      </c>
      <c r="CX1569" s="166">
        <v>0</v>
      </c>
      <c r="CY1569" s="166">
        <v>0</v>
      </c>
      <c r="CZ1569" s="166">
        <v>0</v>
      </c>
    </row>
    <row r="1570" spans="1:104" x14ac:dyDescent="0.2">
      <c r="A1570" s="167" t="s">
        <v>537</v>
      </c>
      <c r="B1570" s="166">
        <v>0</v>
      </c>
      <c r="C1570" s="166">
        <v>0</v>
      </c>
      <c r="D1570" s="166">
        <v>0</v>
      </c>
      <c r="E1570" s="166">
        <v>0</v>
      </c>
      <c r="F1570" s="166">
        <v>0</v>
      </c>
      <c r="G1570" s="166">
        <v>0</v>
      </c>
      <c r="H1570" s="166">
        <v>0</v>
      </c>
      <c r="I1570" s="166">
        <v>0</v>
      </c>
      <c r="J1570" s="166">
        <v>0</v>
      </c>
      <c r="K1570" s="166">
        <v>0</v>
      </c>
      <c r="L1570" s="166">
        <v>0</v>
      </c>
      <c r="M1570" s="166">
        <v>0</v>
      </c>
      <c r="N1570" s="166">
        <v>0</v>
      </c>
      <c r="O1570" s="166">
        <v>0</v>
      </c>
      <c r="P1570" s="166">
        <v>0</v>
      </c>
      <c r="Q1570" s="166">
        <v>0</v>
      </c>
      <c r="R1570" s="166">
        <v>0</v>
      </c>
      <c r="S1570" s="166">
        <v>0</v>
      </c>
      <c r="T1570" s="166">
        <v>0</v>
      </c>
      <c r="U1570" s="166">
        <v>0</v>
      </c>
      <c r="V1570" s="166">
        <v>0</v>
      </c>
      <c r="W1570" s="166">
        <v>0</v>
      </c>
      <c r="X1570" s="166">
        <v>0</v>
      </c>
      <c r="Y1570" s="166">
        <v>0</v>
      </c>
      <c r="Z1570" s="166">
        <v>0</v>
      </c>
      <c r="AA1570" s="166">
        <v>0</v>
      </c>
      <c r="AB1570" s="166">
        <v>0</v>
      </c>
      <c r="AC1570" s="166">
        <v>0</v>
      </c>
      <c r="AD1570" s="166">
        <v>0</v>
      </c>
      <c r="AE1570" s="166">
        <v>0</v>
      </c>
      <c r="AF1570" s="166">
        <v>0</v>
      </c>
      <c r="AG1570" s="166">
        <v>0</v>
      </c>
      <c r="AH1570" s="166">
        <v>0</v>
      </c>
      <c r="AI1570" s="166">
        <v>0</v>
      </c>
      <c r="AJ1570" s="166">
        <v>0</v>
      </c>
      <c r="AK1570" s="166">
        <v>0</v>
      </c>
      <c r="AL1570" s="166">
        <v>0</v>
      </c>
      <c r="AM1570" s="166">
        <v>0</v>
      </c>
      <c r="AN1570" s="166">
        <v>0</v>
      </c>
      <c r="AO1570" s="166">
        <v>0</v>
      </c>
      <c r="AP1570" s="166">
        <v>0</v>
      </c>
      <c r="AQ1570" s="166">
        <v>0</v>
      </c>
      <c r="AR1570" s="166">
        <v>0</v>
      </c>
      <c r="AS1570" s="166">
        <v>0</v>
      </c>
      <c r="AT1570" s="166">
        <v>0</v>
      </c>
      <c r="AU1570" s="166">
        <v>0</v>
      </c>
      <c r="AV1570" s="166">
        <v>0</v>
      </c>
      <c r="AW1570" s="166">
        <v>0</v>
      </c>
      <c r="AX1570" s="166">
        <v>0</v>
      </c>
      <c r="AY1570" s="166">
        <v>0</v>
      </c>
      <c r="AZ1570" s="166">
        <v>0</v>
      </c>
      <c r="BA1570" s="166">
        <v>0</v>
      </c>
      <c r="BB1570" s="166">
        <v>0</v>
      </c>
      <c r="BC1570" s="166">
        <v>0</v>
      </c>
      <c r="BD1570" s="166">
        <v>0</v>
      </c>
      <c r="BE1570" s="166">
        <v>0</v>
      </c>
      <c r="BF1570" s="166">
        <v>0</v>
      </c>
      <c r="BG1570" s="166">
        <v>0</v>
      </c>
      <c r="BH1570" s="166">
        <v>0</v>
      </c>
      <c r="BI1570" s="166">
        <v>0</v>
      </c>
      <c r="BJ1570" s="166">
        <v>0</v>
      </c>
      <c r="BK1570" s="166">
        <v>0</v>
      </c>
      <c r="BL1570" s="166">
        <v>0</v>
      </c>
      <c r="BM1570" s="166">
        <v>0</v>
      </c>
      <c r="BN1570" s="166">
        <v>0</v>
      </c>
      <c r="BO1570" s="166">
        <v>0</v>
      </c>
      <c r="BP1570" s="166">
        <v>0</v>
      </c>
      <c r="BQ1570" s="166">
        <v>0</v>
      </c>
      <c r="BR1570" s="166">
        <v>0</v>
      </c>
      <c r="BS1570" s="166">
        <v>0</v>
      </c>
      <c r="BT1570" s="168">
        <v>0</v>
      </c>
      <c r="BU1570" s="166">
        <v>0</v>
      </c>
      <c r="BV1570" s="166">
        <v>0</v>
      </c>
      <c r="BW1570" s="166">
        <v>0</v>
      </c>
      <c r="BX1570" s="166">
        <v>0</v>
      </c>
      <c r="BY1570" s="166">
        <v>0</v>
      </c>
      <c r="BZ1570" s="166">
        <v>0</v>
      </c>
      <c r="CA1570" s="166">
        <v>0</v>
      </c>
      <c r="CB1570" s="166">
        <v>0</v>
      </c>
      <c r="CC1570" s="166">
        <v>0</v>
      </c>
      <c r="CD1570" s="166">
        <v>0</v>
      </c>
      <c r="CE1570" s="166">
        <v>0</v>
      </c>
      <c r="CF1570" s="166">
        <v>0</v>
      </c>
      <c r="CG1570" s="166">
        <v>0</v>
      </c>
      <c r="CH1570" s="166">
        <v>0</v>
      </c>
      <c r="CI1570" s="166">
        <v>0</v>
      </c>
      <c r="CJ1570" s="166">
        <v>0</v>
      </c>
      <c r="CK1570" s="166">
        <v>0</v>
      </c>
      <c r="CL1570" s="166">
        <v>0</v>
      </c>
      <c r="CM1570" s="166">
        <v>0</v>
      </c>
      <c r="CN1570" s="166">
        <v>0</v>
      </c>
      <c r="CO1570" s="166">
        <v>0</v>
      </c>
      <c r="CP1570" s="166">
        <v>0</v>
      </c>
      <c r="CQ1570" s="166">
        <v>0</v>
      </c>
      <c r="CR1570" s="166">
        <v>0</v>
      </c>
      <c r="CS1570" s="166">
        <v>0</v>
      </c>
      <c r="CT1570" s="166">
        <v>0</v>
      </c>
      <c r="CU1570" s="166">
        <v>0</v>
      </c>
      <c r="CV1570" s="166">
        <v>0</v>
      </c>
      <c r="CW1570" s="166">
        <v>0</v>
      </c>
      <c r="CX1570" s="166">
        <v>0</v>
      </c>
      <c r="CY1570" s="166">
        <v>0</v>
      </c>
      <c r="CZ1570" s="166">
        <v>0</v>
      </c>
    </row>
    <row r="1571" spans="1:104" x14ac:dyDescent="0.2">
      <c r="A1571" s="167" t="s">
        <v>538</v>
      </c>
      <c r="B1571" s="166">
        <v>1.1368683772161601E-9</v>
      </c>
      <c r="C1571" s="166">
        <v>1.1368683772161601E-9</v>
      </c>
      <c r="D1571" s="166">
        <v>0</v>
      </c>
      <c r="E1571" s="166">
        <v>0</v>
      </c>
      <c r="F1571" s="166">
        <v>0</v>
      </c>
      <c r="G1571" s="166">
        <v>0</v>
      </c>
      <c r="H1571" s="166">
        <v>0</v>
      </c>
      <c r="I1571" s="166">
        <v>0</v>
      </c>
      <c r="J1571" s="166">
        <v>0</v>
      </c>
      <c r="K1571" s="166">
        <v>0</v>
      </c>
      <c r="L1571" s="166">
        <v>0</v>
      </c>
      <c r="M1571" s="166">
        <v>0</v>
      </c>
      <c r="N1571" s="166">
        <v>0</v>
      </c>
      <c r="O1571" s="166">
        <v>0</v>
      </c>
      <c r="P1571" s="166">
        <v>0</v>
      </c>
      <c r="Q1571" s="166">
        <v>0</v>
      </c>
      <c r="R1571" s="166">
        <v>0</v>
      </c>
      <c r="S1571" s="166">
        <v>0</v>
      </c>
      <c r="T1571" s="166">
        <v>0</v>
      </c>
      <c r="U1571" s="166">
        <v>0</v>
      </c>
      <c r="V1571" s="166">
        <v>0</v>
      </c>
      <c r="W1571" s="166">
        <v>0</v>
      </c>
      <c r="X1571" s="166">
        <v>0</v>
      </c>
      <c r="Y1571" s="166">
        <v>0</v>
      </c>
      <c r="Z1571" s="166">
        <v>0</v>
      </c>
      <c r="AA1571" s="166">
        <v>0</v>
      </c>
      <c r="AB1571" s="166">
        <v>0</v>
      </c>
      <c r="AC1571" s="166">
        <v>0</v>
      </c>
      <c r="AD1571" s="166">
        <v>0</v>
      </c>
      <c r="AE1571" s="166">
        <v>0</v>
      </c>
      <c r="AF1571" s="166">
        <v>0</v>
      </c>
      <c r="AG1571" s="166">
        <v>0</v>
      </c>
      <c r="AH1571" s="166">
        <v>0</v>
      </c>
      <c r="AI1571" s="166">
        <v>0</v>
      </c>
      <c r="AJ1571" s="166">
        <v>0</v>
      </c>
      <c r="AK1571" s="166">
        <v>0</v>
      </c>
      <c r="AL1571" s="166">
        <v>0</v>
      </c>
      <c r="AM1571" s="166">
        <v>0</v>
      </c>
      <c r="AN1571" s="166">
        <v>0</v>
      </c>
      <c r="AO1571" s="166">
        <v>0</v>
      </c>
      <c r="AP1571" s="166">
        <v>0</v>
      </c>
      <c r="AQ1571" s="166">
        <v>0</v>
      </c>
      <c r="AR1571" s="166">
        <v>0</v>
      </c>
      <c r="AS1571" s="166">
        <v>0</v>
      </c>
      <c r="AT1571" s="166">
        <v>0</v>
      </c>
      <c r="AU1571" s="166">
        <v>0</v>
      </c>
      <c r="AV1571" s="166">
        <v>0</v>
      </c>
      <c r="AW1571" s="166">
        <v>0</v>
      </c>
      <c r="AX1571" s="166">
        <v>0</v>
      </c>
      <c r="AY1571" s="166">
        <v>0</v>
      </c>
      <c r="AZ1571" s="166">
        <v>0</v>
      </c>
      <c r="BA1571" s="166">
        <v>0</v>
      </c>
      <c r="BB1571" s="166">
        <v>0</v>
      </c>
      <c r="BC1571" s="166">
        <v>0</v>
      </c>
      <c r="BD1571" s="166">
        <v>0</v>
      </c>
      <c r="BE1571" s="166">
        <v>0</v>
      </c>
      <c r="BF1571" s="166">
        <v>0</v>
      </c>
      <c r="BG1571" s="166">
        <v>0</v>
      </c>
      <c r="BH1571" s="166">
        <v>0</v>
      </c>
      <c r="BI1571" s="166">
        <v>0</v>
      </c>
      <c r="BJ1571" s="166">
        <v>0</v>
      </c>
      <c r="BK1571" s="166">
        <v>0</v>
      </c>
      <c r="BL1571" s="166">
        <v>0</v>
      </c>
      <c r="BM1571" s="166">
        <v>0</v>
      </c>
      <c r="BN1571" s="166">
        <v>0</v>
      </c>
      <c r="BO1571" s="166">
        <v>0</v>
      </c>
      <c r="BP1571" s="166">
        <v>0</v>
      </c>
      <c r="BQ1571" s="166">
        <v>0</v>
      </c>
      <c r="BR1571" s="166">
        <v>1.1368683772161601E-9</v>
      </c>
      <c r="BS1571" s="166">
        <v>1.1368683772161601E-9</v>
      </c>
      <c r="BT1571" s="168">
        <v>0</v>
      </c>
      <c r="BU1571" s="166">
        <v>0</v>
      </c>
      <c r="BV1571" s="166">
        <v>0</v>
      </c>
      <c r="BW1571" s="166">
        <v>0</v>
      </c>
      <c r="BX1571" s="166">
        <v>0</v>
      </c>
      <c r="BY1571" s="166">
        <v>0</v>
      </c>
      <c r="BZ1571" s="166">
        <v>0</v>
      </c>
      <c r="CA1571" s="166">
        <v>0</v>
      </c>
      <c r="CB1571" s="166">
        <v>0</v>
      </c>
      <c r="CC1571" s="166">
        <v>0</v>
      </c>
      <c r="CD1571" s="166">
        <v>0</v>
      </c>
      <c r="CE1571" s="166">
        <v>0</v>
      </c>
      <c r="CF1571" s="166">
        <v>0</v>
      </c>
      <c r="CG1571" s="166">
        <v>0</v>
      </c>
      <c r="CH1571" s="166">
        <v>0</v>
      </c>
      <c r="CI1571" s="166">
        <v>0</v>
      </c>
      <c r="CJ1571" s="166">
        <v>0</v>
      </c>
      <c r="CK1571" s="166">
        <v>0</v>
      </c>
      <c r="CL1571" s="166">
        <v>0</v>
      </c>
      <c r="CM1571" s="166">
        <v>0</v>
      </c>
      <c r="CN1571" s="166">
        <v>0</v>
      </c>
      <c r="CO1571" s="166">
        <v>0</v>
      </c>
      <c r="CP1571" s="166">
        <v>0</v>
      </c>
      <c r="CQ1571" s="166">
        <v>0</v>
      </c>
      <c r="CR1571" s="166">
        <v>0</v>
      </c>
      <c r="CS1571" s="166">
        <v>0</v>
      </c>
      <c r="CT1571" s="166">
        <v>0</v>
      </c>
      <c r="CU1571" s="166">
        <v>0</v>
      </c>
      <c r="CV1571" s="166">
        <v>0</v>
      </c>
      <c r="CW1571" s="166">
        <v>0</v>
      </c>
      <c r="CX1571" s="166">
        <v>0</v>
      </c>
      <c r="CY1571" s="166">
        <v>0</v>
      </c>
      <c r="CZ1571" s="166">
        <v>0</v>
      </c>
    </row>
    <row r="1572" spans="1:104" x14ac:dyDescent="0.2">
      <c r="A1572" s="167" t="s">
        <v>539</v>
      </c>
      <c r="B1572" s="166">
        <v>0</v>
      </c>
      <c r="C1572" s="166">
        <v>0</v>
      </c>
      <c r="D1572" s="166">
        <v>0</v>
      </c>
      <c r="E1572" s="166">
        <v>0</v>
      </c>
      <c r="F1572" s="166">
        <v>0</v>
      </c>
      <c r="G1572" s="166">
        <v>0</v>
      </c>
      <c r="H1572" s="166">
        <v>0</v>
      </c>
      <c r="I1572" s="166">
        <v>0</v>
      </c>
      <c r="J1572" s="166">
        <v>0</v>
      </c>
      <c r="K1572" s="166">
        <v>0</v>
      </c>
      <c r="L1572" s="166">
        <v>0</v>
      </c>
      <c r="M1572" s="166">
        <v>0</v>
      </c>
      <c r="N1572" s="166">
        <v>0</v>
      </c>
      <c r="O1572" s="166">
        <v>0</v>
      </c>
      <c r="P1572" s="166">
        <v>0</v>
      </c>
      <c r="Q1572" s="166">
        <v>0</v>
      </c>
      <c r="R1572" s="166">
        <v>0</v>
      </c>
      <c r="S1572" s="166">
        <v>0</v>
      </c>
      <c r="T1572" s="166">
        <v>0</v>
      </c>
      <c r="U1572" s="166">
        <v>0</v>
      </c>
      <c r="V1572" s="166">
        <v>0</v>
      </c>
      <c r="W1572" s="166">
        <v>0</v>
      </c>
      <c r="X1572" s="166">
        <v>0</v>
      </c>
      <c r="Y1572" s="166">
        <v>0</v>
      </c>
      <c r="Z1572" s="166">
        <v>0</v>
      </c>
      <c r="AA1572" s="166">
        <v>0</v>
      </c>
      <c r="AB1572" s="166">
        <v>0</v>
      </c>
      <c r="AC1572" s="166">
        <v>0</v>
      </c>
      <c r="AD1572" s="166">
        <v>0</v>
      </c>
      <c r="AE1572" s="166">
        <v>0</v>
      </c>
      <c r="AF1572" s="166">
        <v>0</v>
      </c>
      <c r="AG1572" s="166">
        <v>0</v>
      </c>
      <c r="AH1572" s="166">
        <v>0</v>
      </c>
      <c r="AI1572" s="166">
        <v>0</v>
      </c>
      <c r="AJ1572" s="166">
        <v>0</v>
      </c>
      <c r="AK1572" s="166">
        <v>0</v>
      </c>
      <c r="AL1572" s="166">
        <v>0</v>
      </c>
      <c r="AM1572" s="166">
        <v>0</v>
      </c>
      <c r="AN1572" s="166">
        <v>0</v>
      </c>
      <c r="AO1572" s="166">
        <v>0</v>
      </c>
      <c r="AP1572" s="166">
        <v>0</v>
      </c>
      <c r="AQ1572" s="166">
        <v>0</v>
      </c>
      <c r="AR1572" s="166">
        <v>0</v>
      </c>
      <c r="AS1572" s="166">
        <v>0</v>
      </c>
      <c r="AT1572" s="166">
        <v>0</v>
      </c>
      <c r="AU1572" s="166">
        <v>0</v>
      </c>
      <c r="AV1572" s="166">
        <v>0</v>
      </c>
      <c r="AW1572" s="166">
        <v>0</v>
      </c>
      <c r="AX1572" s="166">
        <v>0</v>
      </c>
      <c r="AY1572" s="166">
        <v>0</v>
      </c>
      <c r="AZ1572" s="166">
        <v>0</v>
      </c>
      <c r="BA1572" s="166">
        <v>0</v>
      </c>
      <c r="BB1572" s="166">
        <v>0</v>
      </c>
      <c r="BC1572" s="166">
        <v>0</v>
      </c>
      <c r="BD1572" s="166">
        <v>0</v>
      </c>
      <c r="BE1572" s="166">
        <v>0</v>
      </c>
      <c r="BF1572" s="166">
        <v>0</v>
      </c>
      <c r="BG1572" s="166">
        <v>0</v>
      </c>
      <c r="BH1572" s="166">
        <v>0</v>
      </c>
      <c r="BI1572" s="166">
        <v>0</v>
      </c>
      <c r="BJ1572" s="166">
        <v>0</v>
      </c>
      <c r="BK1572" s="166">
        <v>0</v>
      </c>
      <c r="BL1572" s="166">
        <v>0</v>
      </c>
      <c r="BM1572" s="166">
        <v>0</v>
      </c>
      <c r="BN1572" s="166">
        <v>0</v>
      </c>
      <c r="BO1572" s="166">
        <v>0</v>
      </c>
      <c r="BP1572" s="166">
        <v>0</v>
      </c>
      <c r="BQ1572" s="166">
        <v>0</v>
      </c>
      <c r="BR1572" s="166">
        <v>0</v>
      </c>
      <c r="BS1572" s="166">
        <v>0</v>
      </c>
      <c r="BT1572" s="168">
        <v>0</v>
      </c>
      <c r="BU1572" s="166">
        <v>0</v>
      </c>
      <c r="BV1572" s="166">
        <v>0</v>
      </c>
      <c r="BW1572" s="166">
        <v>0</v>
      </c>
      <c r="BX1572" s="166">
        <v>0</v>
      </c>
      <c r="BY1572" s="166">
        <v>0</v>
      </c>
      <c r="BZ1572" s="166">
        <v>0</v>
      </c>
      <c r="CA1572" s="166">
        <v>0</v>
      </c>
      <c r="CB1572" s="166">
        <v>0</v>
      </c>
      <c r="CC1572" s="166">
        <v>0</v>
      </c>
      <c r="CD1572" s="166">
        <v>0</v>
      </c>
      <c r="CE1572" s="166">
        <v>0</v>
      </c>
      <c r="CF1572" s="166">
        <v>0</v>
      </c>
      <c r="CG1572" s="166">
        <v>0</v>
      </c>
      <c r="CH1572" s="166">
        <v>0</v>
      </c>
      <c r="CI1572" s="166">
        <v>0</v>
      </c>
      <c r="CJ1572" s="166">
        <v>0</v>
      </c>
      <c r="CK1572" s="166">
        <v>0</v>
      </c>
      <c r="CL1572" s="166">
        <v>0</v>
      </c>
      <c r="CM1572" s="166">
        <v>0</v>
      </c>
      <c r="CN1572" s="166">
        <v>0</v>
      </c>
      <c r="CO1572" s="166">
        <v>0</v>
      </c>
      <c r="CP1572" s="166">
        <v>0</v>
      </c>
      <c r="CQ1572" s="166">
        <v>0</v>
      </c>
      <c r="CR1572" s="166">
        <v>0</v>
      </c>
      <c r="CS1572" s="166">
        <v>0</v>
      </c>
      <c r="CT1572" s="166">
        <v>0</v>
      </c>
      <c r="CU1572" s="166">
        <v>0</v>
      </c>
      <c r="CV1572" s="166">
        <v>0</v>
      </c>
      <c r="CW1572" s="166">
        <v>0</v>
      </c>
      <c r="CX1572" s="166">
        <v>0</v>
      </c>
      <c r="CY1572" s="166">
        <v>0</v>
      </c>
      <c r="CZ1572" s="166">
        <v>0</v>
      </c>
    </row>
    <row r="1573" spans="1:104" x14ac:dyDescent="0.2">
      <c r="A1573" s="167" t="s">
        <v>540</v>
      </c>
      <c r="B1573" s="166">
        <v>-7.2759576141834201E-9</v>
      </c>
      <c r="C1573" s="166">
        <v>-7.2759576141834201E-9</v>
      </c>
      <c r="D1573" s="166">
        <v>0</v>
      </c>
      <c r="E1573" s="166">
        <v>0</v>
      </c>
      <c r="F1573" s="166">
        <v>0</v>
      </c>
      <c r="G1573" s="166">
        <v>0</v>
      </c>
      <c r="H1573" s="166">
        <v>0</v>
      </c>
      <c r="I1573" s="166">
        <v>0</v>
      </c>
      <c r="J1573" s="166">
        <v>0</v>
      </c>
      <c r="K1573" s="166">
        <v>0</v>
      </c>
      <c r="L1573" s="166">
        <v>0</v>
      </c>
      <c r="M1573" s="166">
        <v>0</v>
      </c>
      <c r="N1573" s="166">
        <v>0</v>
      </c>
      <c r="O1573" s="166">
        <v>0</v>
      </c>
      <c r="P1573" s="166">
        <v>0</v>
      </c>
      <c r="Q1573" s="166">
        <v>0</v>
      </c>
      <c r="R1573" s="166">
        <v>0</v>
      </c>
      <c r="S1573" s="166">
        <v>0</v>
      </c>
      <c r="T1573" s="166">
        <v>0</v>
      </c>
      <c r="U1573" s="166">
        <v>0</v>
      </c>
      <c r="V1573" s="166">
        <v>0</v>
      </c>
      <c r="W1573" s="166">
        <v>0</v>
      </c>
      <c r="X1573" s="166">
        <v>0</v>
      </c>
      <c r="Y1573" s="166">
        <v>0</v>
      </c>
      <c r="Z1573" s="166">
        <v>0</v>
      </c>
      <c r="AA1573" s="166">
        <v>0</v>
      </c>
      <c r="AB1573" s="166">
        <v>0</v>
      </c>
      <c r="AC1573" s="166">
        <v>0</v>
      </c>
      <c r="AD1573" s="166">
        <v>0</v>
      </c>
      <c r="AE1573" s="166">
        <v>0</v>
      </c>
      <c r="AF1573" s="166">
        <v>0</v>
      </c>
      <c r="AG1573" s="166">
        <v>0</v>
      </c>
      <c r="AH1573" s="166">
        <v>0</v>
      </c>
      <c r="AI1573" s="166">
        <v>0</v>
      </c>
      <c r="AJ1573" s="166">
        <v>0</v>
      </c>
      <c r="AK1573" s="166">
        <v>0</v>
      </c>
      <c r="AL1573" s="166">
        <v>0</v>
      </c>
      <c r="AM1573" s="166">
        <v>0</v>
      </c>
      <c r="AN1573" s="166">
        <v>0</v>
      </c>
      <c r="AO1573" s="166">
        <v>0</v>
      </c>
      <c r="AP1573" s="166">
        <v>0</v>
      </c>
      <c r="AQ1573" s="166">
        <v>0</v>
      </c>
      <c r="AR1573" s="166">
        <v>0</v>
      </c>
      <c r="AS1573" s="166">
        <v>0</v>
      </c>
      <c r="AT1573" s="166">
        <v>0</v>
      </c>
      <c r="AU1573" s="166">
        <v>0</v>
      </c>
      <c r="AV1573" s="166">
        <v>0</v>
      </c>
      <c r="AW1573" s="166">
        <v>0</v>
      </c>
      <c r="AX1573" s="166">
        <v>0</v>
      </c>
      <c r="AY1573" s="166">
        <v>0</v>
      </c>
      <c r="AZ1573" s="166">
        <v>0</v>
      </c>
      <c r="BA1573" s="166">
        <v>0</v>
      </c>
      <c r="BB1573" s="166">
        <v>0</v>
      </c>
      <c r="BC1573" s="166">
        <v>0</v>
      </c>
      <c r="BD1573" s="166">
        <v>0</v>
      </c>
      <c r="BE1573" s="166">
        <v>0</v>
      </c>
      <c r="BF1573" s="166">
        <v>0</v>
      </c>
      <c r="BG1573" s="166">
        <v>0</v>
      </c>
      <c r="BH1573" s="166">
        <v>0</v>
      </c>
      <c r="BI1573" s="166">
        <v>0</v>
      </c>
      <c r="BJ1573" s="166">
        <v>0</v>
      </c>
      <c r="BK1573" s="166">
        <v>0</v>
      </c>
      <c r="BL1573" s="166">
        <v>0</v>
      </c>
      <c r="BM1573" s="166">
        <v>0</v>
      </c>
      <c r="BN1573" s="166">
        <v>0</v>
      </c>
      <c r="BO1573" s="166">
        <v>0</v>
      </c>
      <c r="BP1573" s="166">
        <v>0</v>
      </c>
      <c r="BQ1573" s="166">
        <v>0</v>
      </c>
      <c r="BR1573" s="166">
        <v>-7.2759576141834201E-9</v>
      </c>
      <c r="BS1573" s="166">
        <v>-7.2759576141834201E-9</v>
      </c>
      <c r="BT1573" s="168">
        <v>0</v>
      </c>
      <c r="BU1573" s="166">
        <v>0</v>
      </c>
      <c r="BV1573" s="166">
        <v>0</v>
      </c>
      <c r="BW1573" s="166">
        <v>0</v>
      </c>
      <c r="BX1573" s="166">
        <v>0</v>
      </c>
      <c r="BY1573" s="166">
        <v>0</v>
      </c>
      <c r="BZ1573" s="166">
        <v>0</v>
      </c>
      <c r="CA1573" s="166">
        <v>0</v>
      </c>
      <c r="CB1573" s="166">
        <v>0</v>
      </c>
      <c r="CC1573" s="166">
        <v>0</v>
      </c>
      <c r="CD1573" s="166">
        <v>0</v>
      </c>
      <c r="CE1573" s="166">
        <v>0</v>
      </c>
      <c r="CF1573" s="166">
        <v>0</v>
      </c>
      <c r="CG1573" s="166">
        <v>0</v>
      </c>
      <c r="CH1573" s="166">
        <v>0</v>
      </c>
      <c r="CI1573" s="166">
        <v>0</v>
      </c>
      <c r="CJ1573" s="166">
        <v>0</v>
      </c>
      <c r="CK1573" s="166">
        <v>0</v>
      </c>
      <c r="CL1573" s="166">
        <v>0</v>
      </c>
      <c r="CM1573" s="166">
        <v>0</v>
      </c>
      <c r="CN1573" s="166">
        <v>0</v>
      </c>
      <c r="CO1573" s="166">
        <v>0</v>
      </c>
      <c r="CP1573" s="166">
        <v>0</v>
      </c>
      <c r="CQ1573" s="166">
        <v>0</v>
      </c>
      <c r="CR1573" s="166">
        <v>0</v>
      </c>
      <c r="CS1573" s="166">
        <v>0</v>
      </c>
      <c r="CT1573" s="166">
        <v>0</v>
      </c>
      <c r="CU1573" s="166">
        <v>0</v>
      </c>
      <c r="CV1573" s="166">
        <v>0</v>
      </c>
      <c r="CW1573" s="166">
        <v>0</v>
      </c>
      <c r="CX1573" s="166">
        <v>0</v>
      </c>
      <c r="CY1573" s="166">
        <v>0</v>
      </c>
      <c r="CZ1573" s="166">
        <v>0</v>
      </c>
    </row>
    <row r="1574" spans="1:104" x14ac:dyDescent="0.2">
      <c r="A1574" s="167" t="s">
        <v>541</v>
      </c>
      <c r="B1574" s="166">
        <v>0</v>
      </c>
      <c r="C1574" s="166">
        <v>0</v>
      </c>
      <c r="D1574" s="166">
        <v>0</v>
      </c>
      <c r="E1574" s="166">
        <v>0</v>
      </c>
      <c r="F1574" s="166">
        <v>0</v>
      </c>
      <c r="G1574" s="166">
        <v>0</v>
      </c>
      <c r="H1574" s="166">
        <v>0</v>
      </c>
      <c r="I1574" s="166">
        <v>0</v>
      </c>
      <c r="J1574" s="166">
        <v>0</v>
      </c>
      <c r="K1574" s="166">
        <v>0</v>
      </c>
      <c r="L1574" s="166">
        <v>0</v>
      </c>
      <c r="M1574" s="166">
        <v>0</v>
      </c>
      <c r="N1574" s="166">
        <v>0</v>
      </c>
      <c r="O1574" s="166">
        <v>0</v>
      </c>
      <c r="P1574" s="166">
        <v>0</v>
      </c>
      <c r="Q1574" s="166">
        <v>0</v>
      </c>
      <c r="R1574" s="166">
        <v>0</v>
      </c>
      <c r="S1574" s="166">
        <v>0</v>
      </c>
      <c r="T1574" s="166">
        <v>0</v>
      </c>
      <c r="U1574" s="166">
        <v>0</v>
      </c>
      <c r="V1574" s="166">
        <v>0</v>
      </c>
      <c r="W1574" s="166">
        <v>0</v>
      </c>
      <c r="X1574" s="166">
        <v>0</v>
      </c>
      <c r="Y1574" s="166">
        <v>0</v>
      </c>
      <c r="Z1574" s="166">
        <v>0</v>
      </c>
      <c r="AA1574" s="166">
        <v>0</v>
      </c>
      <c r="AB1574" s="166">
        <v>0</v>
      </c>
      <c r="AC1574" s="166">
        <v>0</v>
      </c>
      <c r="AD1574" s="166">
        <v>0</v>
      </c>
      <c r="AE1574" s="166">
        <v>0</v>
      </c>
      <c r="AF1574" s="166">
        <v>0</v>
      </c>
      <c r="AG1574" s="166">
        <v>0</v>
      </c>
      <c r="AH1574" s="166">
        <v>0</v>
      </c>
      <c r="AI1574" s="166">
        <v>0</v>
      </c>
      <c r="AJ1574" s="166">
        <v>0</v>
      </c>
      <c r="AK1574" s="166">
        <v>0</v>
      </c>
      <c r="AL1574" s="166">
        <v>0</v>
      </c>
      <c r="AM1574" s="166">
        <v>0</v>
      </c>
      <c r="AN1574" s="166">
        <v>0</v>
      </c>
      <c r="AO1574" s="166">
        <v>0</v>
      </c>
      <c r="AP1574" s="166">
        <v>0</v>
      </c>
      <c r="AQ1574" s="166">
        <v>0</v>
      </c>
      <c r="AR1574" s="166">
        <v>0</v>
      </c>
      <c r="AS1574" s="166">
        <v>0</v>
      </c>
      <c r="AT1574" s="166">
        <v>0</v>
      </c>
      <c r="AU1574" s="166">
        <v>0</v>
      </c>
      <c r="AV1574" s="166">
        <v>0</v>
      </c>
      <c r="AW1574" s="166">
        <v>0</v>
      </c>
      <c r="AX1574" s="166">
        <v>0</v>
      </c>
      <c r="AY1574" s="166">
        <v>0</v>
      </c>
      <c r="AZ1574" s="166">
        <v>0</v>
      </c>
      <c r="BA1574" s="166">
        <v>0</v>
      </c>
      <c r="BB1574" s="166">
        <v>0</v>
      </c>
      <c r="BC1574" s="166">
        <v>0</v>
      </c>
      <c r="BD1574" s="166">
        <v>0</v>
      </c>
      <c r="BE1574" s="166">
        <v>0</v>
      </c>
      <c r="BF1574" s="166">
        <v>0</v>
      </c>
      <c r="BG1574" s="166">
        <v>0</v>
      </c>
      <c r="BH1574" s="166">
        <v>0</v>
      </c>
      <c r="BI1574" s="166">
        <v>0</v>
      </c>
      <c r="BJ1574" s="166">
        <v>0</v>
      </c>
      <c r="BK1574" s="166">
        <v>0</v>
      </c>
      <c r="BL1574" s="166">
        <v>0</v>
      </c>
      <c r="BM1574" s="166">
        <v>0</v>
      </c>
      <c r="BN1574" s="166">
        <v>0</v>
      </c>
      <c r="BO1574" s="166">
        <v>0</v>
      </c>
      <c r="BP1574" s="166">
        <v>0</v>
      </c>
      <c r="BQ1574" s="166">
        <v>0</v>
      </c>
      <c r="BR1574" s="166">
        <v>0</v>
      </c>
      <c r="BS1574" s="166">
        <v>0</v>
      </c>
      <c r="BT1574" s="168">
        <v>0</v>
      </c>
      <c r="BU1574" s="166">
        <v>0</v>
      </c>
      <c r="BV1574" s="166">
        <v>0</v>
      </c>
      <c r="BW1574" s="166">
        <v>0</v>
      </c>
      <c r="BX1574" s="166">
        <v>0</v>
      </c>
      <c r="BY1574" s="166">
        <v>0</v>
      </c>
      <c r="BZ1574" s="166">
        <v>0</v>
      </c>
      <c r="CA1574" s="166">
        <v>0</v>
      </c>
      <c r="CB1574" s="166">
        <v>0</v>
      </c>
      <c r="CC1574" s="166">
        <v>0</v>
      </c>
      <c r="CD1574" s="166">
        <v>0</v>
      </c>
      <c r="CE1574" s="166">
        <v>0</v>
      </c>
      <c r="CF1574" s="166">
        <v>0</v>
      </c>
      <c r="CG1574" s="166">
        <v>0</v>
      </c>
      <c r="CH1574" s="166">
        <v>0</v>
      </c>
      <c r="CI1574" s="166">
        <v>0</v>
      </c>
      <c r="CJ1574" s="166">
        <v>0</v>
      </c>
      <c r="CK1574" s="166">
        <v>0</v>
      </c>
      <c r="CL1574" s="166">
        <v>0</v>
      </c>
      <c r="CM1574" s="166">
        <v>0</v>
      </c>
      <c r="CN1574" s="166">
        <v>0</v>
      </c>
      <c r="CO1574" s="166">
        <v>0</v>
      </c>
      <c r="CP1574" s="166">
        <v>0</v>
      </c>
      <c r="CQ1574" s="166">
        <v>0</v>
      </c>
      <c r="CR1574" s="166">
        <v>0</v>
      </c>
      <c r="CS1574" s="166">
        <v>0</v>
      </c>
      <c r="CT1574" s="166">
        <v>0</v>
      </c>
      <c r="CU1574" s="166">
        <v>0</v>
      </c>
      <c r="CV1574" s="166">
        <v>0</v>
      </c>
      <c r="CW1574" s="166">
        <v>0</v>
      </c>
      <c r="CX1574" s="166">
        <v>0</v>
      </c>
      <c r="CY1574" s="166">
        <v>0</v>
      </c>
      <c r="CZ1574" s="166">
        <v>0</v>
      </c>
    </row>
    <row r="1575" spans="1:104" x14ac:dyDescent="0.2">
      <c r="A1575" s="167" t="s">
        <v>542</v>
      </c>
      <c r="B1575" s="166">
        <v>0</v>
      </c>
      <c r="C1575" s="166">
        <v>0</v>
      </c>
      <c r="D1575" s="166">
        <v>0</v>
      </c>
      <c r="E1575" s="166">
        <v>0</v>
      </c>
      <c r="F1575" s="166">
        <v>0</v>
      </c>
      <c r="G1575" s="166">
        <v>0</v>
      </c>
      <c r="H1575" s="166">
        <v>0</v>
      </c>
      <c r="I1575" s="166">
        <v>0</v>
      </c>
      <c r="J1575" s="166">
        <v>0</v>
      </c>
      <c r="K1575" s="166">
        <v>0</v>
      </c>
      <c r="L1575" s="166">
        <v>0</v>
      </c>
      <c r="M1575" s="166">
        <v>0</v>
      </c>
      <c r="N1575" s="166">
        <v>0</v>
      </c>
      <c r="O1575" s="166">
        <v>0</v>
      </c>
      <c r="P1575" s="166">
        <v>0</v>
      </c>
      <c r="Q1575" s="166">
        <v>0</v>
      </c>
      <c r="R1575" s="166">
        <v>0</v>
      </c>
      <c r="S1575" s="166">
        <v>0</v>
      </c>
      <c r="T1575" s="166">
        <v>0</v>
      </c>
      <c r="U1575" s="166">
        <v>0</v>
      </c>
      <c r="V1575" s="166">
        <v>0</v>
      </c>
      <c r="W1575" s="166">
        <v>0</v>
      </c>
      <c r="X1575" s="166">
        <v>0</v>
      </c>
      <c r="Y1575" s="166">
        <v>0</v>
      </c>
      <c r="Z1575" s="166">
        <v>0</v>
      </c>
      <c r="AA1575" s="166">
        <v>0</v>
      </c>
      <c r="AB1575" s="166">
        <v>0</v>
      </c>
      <c r="AC1575" s="166">
        <v>0</v>
      </c>
      <c r="AD1575" s="166">
        <v>0</v>
      </c>
      <c r="AE1575" s="166">
        <v>0</v>
      </c>
      <c r="AF1575" s="166">
        <v>0</v>
      </c>
      <c r="AG1575" s="166">
        <v>0</v>
      </c>
      <c r="AH1575" s="166">
        <v>0</v>
      </c>
      <c r="AI1575" s="166">
        <v>0</v>
      </c>
      <c r="AJ1575" s="166">
        <v>0</v>
      </c>
      <c r="AK1575" s="166">
        <v>0</v>
      </c>
      <c r="AL1575" s="166">
        <v>0</v>
      </c>
      <c r="AM1575" s="166">
        <v>0</v>
      </c>
      <c r="AN1575" s="166">
        <v>0</v>
      </c>
      <c r="AO1575" s="166">
        <v>0</v>
      </c>
      <c r="AP1575" s="166">
        <v>0</v>
      </c>
      <c r="AQ1575" s="166">
        <v>0</v>
      </c>
      <c r="AR1575" s="166">
        <v>0</v>
      </c>
      <c r="AS1575" s="166">
        <v>0</v>
      </c>
      <c r="AT1575" s="166">
        <v>0</v>
      </c>
      <c r="AU1575" s="166">
        <v>0</v>
      </c>
      <c r="AV1575" s="166">
        <v>0</v>
      </c>
      <c r="AW1575" s="166">
        <v>0</v>
      </c>
      <c r="AX1575" s="166">
        <v>0</v>
      </c>
      <c r="AY1575" s="166">
        <v>0</v>
      </c>
      <c r="AZ1575" s="166">
        <v>0</v>
      </c>
      <c r="BA1575" s="166">
        <v>0</v>
      </c>
      <c r="BB1575" s="166">
        <v>0</v>
      </c>
      <c r="BC1575" s="166">
        <v>0</v>
      </c>
      <c r="BD1575" s="166">
        <v>0</v>
      </c>
      <c r="BE1575" s="166">
        <v>0</v>
      </c>
      <c r="BF1575" s="166">
        <v>0</v>
      </c>
      <c r="BG1575" s="166">
        <v>0</v>
      </c>
      <c r="BH1575" s="166">
        <v>0</v>
      </c>
      <c r="BI1575" s="166">
        <v>0</v>
      </c>
      <c r="BJ1575" s="166">
        <v>0</v>
      </c>
      <c r="BK1575" s="166">
        <v>0</v>
      </c>
      <c r="BL1575" s="166">
        <v>0</v>
      </c>
      <c r="BM1575" s="166">
        <v>0</v>
      </c>
      <c r="BN1575" s="166">
        <v>0</v>
      </c>
      <c r="BO1575" s="166">
        <v>0</v>
      </c>
      <c r="BP1575" s="166">
        <v>0</v>
      </c>
      <c r="BQ1575" s="166">
        <v>0</v>
      </c>
      <c r="BR1575" s="166">
        <v>0</v>
      </c>
      <c r="BS1575" s="166">
        <v>0</v>
      </c>
      <c r="BT1575" s="168">
        <v>0</v>
      </c>
      <c r="BU1575" s="166">
        <v>0</v>
      </c>
      <c r="BV1575" s="166">
        <v>0</v>
      </c>
      <c r="BW1575" s="166">
        <v>0</v>
      </c>
      <c r="BX1575" s="166">
        <v>0</v>
      </c>
      <c r="BY1575" s="166">
        <v>0</v>
      </c>
      <c r="BZ1575" s="166">
        <v>0</v>
      </c>
      <c r="CA1575" s="166">
        <v>0</v>
      </c>
      <c r="CB1575" s="166">
        <v>0</v>
      </c>
      <c r="CC1575" s="166">
        <v>0</v>
      </c>
      <c r="CD1575" s="166">
        <v>0</v>
      </c>
      <c r="CE1575" s="166">
        <v>0</v>
      </c>
      <c r="CF1575" s="166">
        <v>0</v>
      </c>
      <c r="CG1575" s="166">
        <v>0</v>
      </c>
      <c r="CH1575" s="166">
        <v>0</v>
      </c>
      <c r="CI1575" s="166">
        <v>0</v>
      </c>
      <c r="CJ1575" s="166">
        <v>0</v>
      </c>
      <c r="CK1575" s="166">
        <v>0</v>
      </c>
      <c r="CL1575" s="166">
        <v>0</v>
      </c>
      <c r="CM1575" s="166">
        <v>0</v>
      </c>
      <c r="CN1575" s="166">
        <v>0</v>
      </c>
      <c r="CO1575" s="166">
        <v>0</v>
      </c>
      <c r="CP1575" s="166">
        <v>0</v>
      </c>
      <c r="CQ1575" s="166">
        <v>0</v>
      </c>
      <c r="CR1575" s="166">
        <v>0</v>
      </c>
      <c r="CS1575" s="166">
        <v>0</v>
      </c>
      <c r="CT1575" s="166">
        <v>0</v>
      </c>
      <c r="CU1575" s="166">
        <v>0</v>
      </c>
      <c r="CV1575" s="166">
        <v>0</v>
      </c>
      <c r="CW1575" s="166">
        <v>0</v>
      </c>
      <c r="CX1575" s="166">
        <v>0</v>
      </c>
      <c r="CY1575" s="166">
        <v>0</v>
      </c>
      <c r="CZ1575" s="166">
        <v>0</v>
      </c>
    </row>
    <row r="1576" spans="1:104" x14ac:dyDescent="0.2">
      <c r="A1576" s="170" t="s">
        <v>543</v>
      </c>
      <c r="B1576" s="166">
        <v>0</v>
      </c>
      <c r="C1576" s="166">
        <v>0</v>
      </c>
      <c r="D1576" s="166">
        <v>0</v>
      </c>
      <c r="E1576" s="166">
        <v>0</v>
      </c>
      <c r="F1576" s="166">
        <v>0</v>
      </c>
      <c r="G1576" s="166">
        <v>0</v>
      </c>
      <c r="H1576" s="166">
        <v>0</v>
      </c>
      <c r="I1576" s="166">
        <v>0</v>
      </c>
      <c r="J1576" s="166">
        <v>0</v>
      </c>
      <c r="K1576" s="166">
        <v>0</v>
      </c>
      <c r="L1576" s="166">
        <v>0</v>
      </c>
      <c r="M1576" s="166">
        <v>0</v>
      </c>
      <c r="N1576" s="166">
        <v>0</v>
      </c>
      <c r="O1576" s="166">
        <v>0</v>
      </c>
      <c r="P1576" s="166">
        <v>0</v>
      </c>
      <c r="Q1576" s="166">
        <v>0</v>
      </c>
      <c r="R1576" s="166">
        <v>0</v>
      </c>
      <c r="S1576" s="166">
        <v>0</v>
      </c>
      <c r="T1576" s="166">
        <v>0</v>
      </c>
      <c r="U1576" s="166">
        <v>0</v>
      </c>
      <c r="V1576" s="166">
        <v>0</v>
      </c>
      <c r="W1576" s="166">
        <v>0</v>
      </c>
      <c r="X1576" s="166">
        <v>0</v>
      </c>
      <c r="Y1576" s="166">
        <v>0</v>
      </c>
      <c r="Z1576" s="166">
        <v>0</v>
      </c>
      <c r="AA1576" s="166">
        <v>0</v>
      </c>
      <c r="AB1576" s="166">
        <v>0</v>
      </c>
      <c r="AC1576" s="166">
        <v>0</v>
      </c>
      <c r="AD1576" s="166">
        <v>0</v>
      </c>
      <c r="AE1576" s="166">
        <v>0</v>
      </c>
      <c r="AF1576" s="166">
        <v>0</v>
      </c>
      <c r="AG1576" s="166">
        <v>0</v>
      </c>
      <c r="AH1576" s="166">
        <v>0</v>
      </c>
      <c r="AI1576" s="166">
        <v>0</v>
      </c>
      <c r="AJ1576" s="166">
        <v>0</v>
      </c>
      <c r="AK1576" s="166">
        <v>0</v>
      </c>
      <c r="AL1576" s="166">
        <v>0</v>
      </c>
      <c r="AM1576" s="166">
        <v>0</v>
      </c>
      <c r="AN1576" s="166">
        <v>0</v>
      </c>
      <c r="AO1576" s="166">
        <v>0</v>
      </c>
      <c r="AP1576" s="166">
        <v>0</v>
      </c>
      <c r="AQ1576" s="166">
        <v>0</v>
      </c>
      <c r="AR1576" s="166">
        <v>0</v>
      </c>
      <c r="AS1576" s="166">
        <v>0</v>
      </c>
      <c r="AT1576" s="166">
        <v>0</v>
      </c>
      <c r="AU1576" s="166">
        <v>0</v>
      </c>
      <c r="AV1576" s="166">
        <v>0</v>
      </c>
      <c r="AW1576" s="166">
        <v>0</v>
      </c>
      <c r="AX1576" s="166">
        <v>0</v>
      </c>
      <c r="AY1576" s="166">
        <v>0</v>
      </c>
      <c r="AZ1576" s="166">
        <v>0</v>
      </c>
      <c r="BA1576" s="166">
        <v>0</v>
      </c>
      <c r="BB1576" s="166">
        <v>0</v>
      </c>
      <c r="BC1576" s="166">
        <v>0</v>
      </c>
      <c r="BD1576" s="166">
        <v>0</v>
      </c>
      <c r="BE1576" s="166">
        <v>0</v>
      </c>
      <c r="BF1576" s="166">
        <v>0</v>
      </c>
      <c r="BG1576" s="166">
        <v>0</v>
      </c>
      <c r="BH1576" s="166">
        <v>0</v>
      </c>
      <c r="BI1576" s="166">
        <v>0</v>
      </c>
      <c r="BJ1576" s="166">
        <v>0</v>
      </c>
      <c r="BK1576" s="166">
        <v>0</v>
      </c>
      <c r="BL1576" s="166">
        <v>0</v>
      </c>
      <c r="BM1576" s="166">
        <v>0</v>
      </c>
      <c r="BN1576" s="166">
        <v>0</v>
      </c>
      <c r="BO1576" s="166">
        <v>0</v>
      </c>
      <c r="BP1576" s="166">
        <v>0</v>
      </c>
      <c r="BQ1576" s="166">
        <v>0</v>
      </c>
      <c r="BR1576" s="166">
        <v>0</v>
      </c>
      <c r="BS1576" s="166">
        <v>0</v>
      </c>
      <c r="BT1576" s="168">
        <v>0</v>
      </c>
      <c r="BU1576" s="166">
        <v>0</v>
      </c>
      <c r="BV1576" s="166">
        <v>0</v>
      </c>
      <c r="BW1576" s="166">
        <v>0</v>
      </c>
      <c r="BX1576" s="166">
        <v>0</v>
      </c>
      <c r="BY1576" s="166">
        <v>0</v>
      </c>
      <c r="BZ1576" s="166">
        <v>0</v>
      </c>
      <c r="CA1576" s="166">
        <v>0</v>
      </c>
      <c r="CB1576" s="166">
        <v>0</v>
      </c>
      <c r="CC1576" s="166">
        <v>0</v>
      </c>
      <c r="CD1576" s="166">
        <v>0</v>
      </c>
      <c r="CE1576" s="166">
        <v>0</v>
      </c>
      <c r="CF1576" s="166">
        <v>0</v>
      </c>
      <c r="CG1576" s="166">
        <v>0</v>
      </c>
      <c r="CH1576" s="166">
        <v>0</v>
      </c>
      <c r="CI1576" s="166">
        <v>0</v>
      </c>
      <c r="CJ1576" s="166">
        <v>0</v>
      </c>
      <c r="CK1576" s="166">
        <v>0</v>
      </c>
      <c r="CL1576" s="166">
        <v>0</v>
      </c>
      <c r="CM1576" s="166">
        <v>0</v>
      </c>
      <c r="CN1576" s="166">
        <v>0</v>
      </c>
      <c r="CO1576" s="166">
        <v>0</v>
      </c>
      <c r="CP1576" s="166">
        <v>0</v>
      </c>
      <c r="CQ1576" s="166">
        <v>0</v>
      </c>
      <c r="CR1576" s="166">
        <v>0</v>
      </c>
      <c r="CS1576" s="166">
        <v>0</v>
      </c>
      <c r="CT1576" s="166">
        <v>0</v>
      </c>
      <c r="CU1576" s="166">
        <v>0</v>
      </c>
      <c r="CV1576" s="166">
        <v>0</v>
      </c>
      <c r="CW1576" s="166">
        <v>0</v>
      </c>
      <c r="CX1576" s="166">
        <v>0</v>
      </c>
      <c r="CY1576" s="166">
        <v>0</v>
      </c>
      <c r="CZ1576" s="166">
        <v>0</v>
      </c>
    </row>
    <row r="1577" spans="1:104" x14ac:dyDescent="0.2">
      <c r="A1577" s="177" t="s">
        <v>544</v>
      </c>
      <c r="B1577" s="166">
        <v>0</v>
      </c>
      <c r="C1577" s="166">
        <v>0</v>
      </c>
      <c r="D1577" s="166">
        <v>0</v>
      </c>
      <c r="E1577" s="166">
        <v>0</v>
      </c>
      <c r="F1577" s="166">
        <v>0</v>
      </c>
      <c r="G1577" s="166">
        <v>0</v>
      </c>
      <c r="H1577" s="166">
        <v>0</v>
      </c>
      <c r="I1577" s="166">
        <v>0</v>
      </c>
      <c r="J1577" s="166">
        <v>0</v>
      </c>
      <c r="K1577" s="166">
        <v>0</v>
      </c>
      <c r="L1577" s="166">
        <v>0</v>
      </c>
      <c r="M1577" s="166">
        <v>0</v>
      </c>
      <c r="N1577" s="166">
        <v>0</v>
      </c>
      <c r="O1577" s="166">
        <v>0</v>
      </c>
      <c r="P1577" s="166">
        <v>0</v>
      </c>
      <c r="Q1577" s="166">
        <v>0</v>
      </c>
      <c r="R1577" s="166">
        <v>0</v>
      </c>
      <c r="S1577" s="166">
        <v>0</v>
      </c>
      <c r="T1577" s="166">
        <v>0</v>
      </c>
      <c r="U1577" s="166">
        <v>0</v>
      </c>
      <c r="V1577" s="166">
        <v>0</v>
      </c>
      <c r="W1577" s="166">
        <v>0</v>
      </c>
      <c r="X1577" s="166">
        <v>0</v>
      </c>
      <c r="Y1577" s="166">
        <v>0</v>
      </c>
      <c r="Z1577" s="166">
        <v>0</v>
      </c>
      <c r="AA1577" s="166">
        <v>0</v>
      </c>
      <c r="AB1577" s="166">
        <v>0</v>
      </c>
      <c r="AC1577" s="166">
        <v>0</v>
      </c>
      <c r="AD1577" s="166">
        <v>0</v>
      </c>
      <c r="AE1577" s="166">
        <v>0</v>
      </c>
      <c r="AF1577" s="166">
        <v>0</v>
      </c>
      <c r="AG1577" s="166">
        <v>0</v>
      </c>
      <c r="AH1577" s="166">
        <v>0</v>
      </c>
      <c r="AI1577" s="166">
        <v>0</v>
      </c>
      <c r="AJ1577" s="166">
        <v>0</v>
      </c>
      <c r="AK1577" s="166">
        <v>0</v>
      </c>
      <c r="AL1577" s="166">
        <v>0</v>
      </c>
      <c r="AM1577" s="166">
        <v>0</v>
      </c>
      <c r="AN1577" s="166">
        <v>0</v>
      </c>
      <c r="AO1577" s="166">
        <v>0</v>
      </c>
      <c r="AP1577" s="166">
        <v>0</v>
      </c>
      <c r="AQ1577" s="166">
        <v>0</v>
      </c>
      <c r="AR1577" s="166">
        <v>0</v>
      </c>
      <c r="AS1577" s="166">
        <v>0</v>
      </c>
      <c r="AT1577" s="166">
        <v>0</v>
      </c>
      <c r="AU1577" s="166">
        <v>0</v>
      </c>
      <c r="AV1577" s="166">
        <v>0</v>
      </c>
      <c r="AW1577" s="166">
        <v>0</v>
      </c>
      <c r="AX1577" s="166">
        <v>0</v>
      </c>
      <c r="AY1577" s="166">
        <v>0</v>
      </c>
      <c r="AZ1577" s="166">
        <v>0</v>
      </c>
      <c r="BA1577" s="166">
        <v>0</v>
      </c>
      <c r="BB1577" s="166">
        <v>0</v>
      </c>
      <c r="BC1577" s="166">
        <v>0</v>
      </c>
      <c r="BD1577" s="166">
        <v>0</v>
      </c>
      <c r="BE1577" s="166">
        <v>0</v>
      </c>
      <c r="BF1577" s="166">
        <v>0</v>
      </c>
      <c r="BG1577" s="166">
        <v>0</v>
      </c>
      <c r="BH1577" s="166">
        <v>0</v>
      </c>
      <c r="BI1577" s="166">
        <v>0</v>
      </c>
      <c r="BJ1577" s="166">
        <v>0</v>
      </c>
      <c r="BK1577" s="166">
        <v>0</v>
      </c>
      <c r="BL1577" s="166">
        <v>0</v>
      </c>
      <c r="BM1577" s="166">
        <v>0</v>
      </c>
      <c r="BN1577" s="166">
        <v>0</v>
      </c>
      <c r="BO1577" s="166">
        <v>0</v>
      </c>
      <c r="BP1577" s="166">
        <v>0</v>
      </c>
      <c r="BQ1577" s="166">
        <v>0</v>
      </c>
      <c r="BR1577" s="166">
        <v>0</v>
      </c>
      <c r="BS1577" s="166">
        <v>0</v>
      </c>
      <c r="BT1577" s="168">
        <v>0</v>
      </c>
      <c r="BU1577" s="166">
        <v>0</v>
      </c>
      <c r="BV1577" s="166">
        <v>0</v>
      </c>
      <c r="BW1577" s="166">
        <v>0</v>
      </c>
      <c r="BX1577" s="166">
        <v>0</v>
      </c>
      <c r="BY1577" s="166">
        <v>0</v>
      </c>
      <c r="BZ1577" s="166">
        <v>0</v>
      </c>
      <c r="CA1577" s="166">
        <v>0</v>
      </c>
      <c r="CB1577" s="166">
        <v>0</v>
      </c>
      <c r="CC1577" s="166">
        <v>0</v>
      </c>
      <c r="CD1577" s="166">
        <v>0</v>
      </c>
      <c r="CE1577" s="166">
        <v>0</v>
      </c>
      <c r="CF1577" s="166">
        <v>0</v>
      </c>
      <c r="CG1577" s="166">
        <v>0</v>
      </c>
      <c r="CH1577" s="166">
        <v>0</v>
      </c>
      <c r="CI1577" s="166">
        <v>0</v>
      </c>
      <c r="CJ1577" s="166">
        <v>0</v>
      </c>
      <c r="CK1577" s="166">
        <v>0</v>
      </c>
      <c r="CL1577" s="166">
        <v>0</v>
      </c>
      <c r="CM1577" s="166">
        <v>0</v>
      </c>
      <c r="CN1577" s="166">
        <v>0</v>
      </c>
      <c r="CO1577" s="166">
        <v>0</v>
      </c>
      <c r="CP1577" s="166">
        <v>0</v>
      </c>
      <c r="CQ1577" s="166">
        <v>0</v>
      </c>
      <c r="CR1577" s="166">
        <v>0</v>
      </c>
      <c r="CS1577" s="166">
        <v>0</v>
      </c>
      <c r="CT1577" s="166">
        <v>0</v>
      </c>
      <c r="CU1577" s="166">
        <v>0</v>
      </c>
      <c r="CV1577" s="166">
        <v>0</v>
      </c>
      <c r="CW1577" s="166">
        <v>0</v>
      </c>
      <c r="CX1577" s="166">
        <v>0</v>
      </c>
      <c r="CY1577" s="166">
        <v>0</v>
      </c>
      <c r="CZ1577" s="166">
        <v>0</v>
      </c>
    </row>
    <row r="1578" spans="1:104" x14ac:dyDescent="0.2">
      <c r="A1578" s="177" t="s">
        <v>545</v>
      </c>
      <c r="B1578" s="166">
        <v>0</v>
      </c>
      <c r="C1578" s="166">
        <v>0</v>
      </c>
      <c r="D1578" s="166">
        <v>0</v>
      </c>
      <c r="E1578" s="166">
        <v>0</v>
      </c>
      <c r="F1578" s="166">
        <v>0</v>
      </c>
      <c r="G1578" s="166">
        <v>0</v>
      </c>
      <c r="H1578" s="166">
        <v>0</v>
      </c>
      <c r="I1578" s="166">
        <v>0</v>
      </c>
      <c r="J1578" s="166">
        <v>0</v>
      </c>
      <c r="K1578" s="166">
        <v>0</v>
      </c>
      <c r="L1578" s="166">
        <v>0</v>
      </c>
      <c r="M1578" s="166">
        <v>0</v>
      </c>
      <c r="N1578" s="166">
        <v>0</v>
      </c>
      <c r="O1578" s="166">
        <v>0</v>
      </c>
      <c r="P1578" s="166">
        <v>0</v>
      </c>
      <c r="Q1578" s="166">
        <v>0</v>
      </c>
      <c r="R1578" s="166">
        <v>0</v>
      </c>
      <c r="S1578" s="166">
        <v>0</v>
      </c>
      <c r="T1578" s="166">
        <v>0</v>
      </c>
      <c r="U1578" s="166">
        <v>0</v>
      </c>
      <c r="V1578" s="166">
        <v>0</v>
      </c>
      <c r="W1578" s="166">
        <v>0</v>
      </c>
      <c r="X1578" s="166">
        <v>0</v>
      </c>
      <c r="Y1578" s="166">
        <v>0</v>
      </c>
      <c r="Z1578" s="166">
        <v>0</v>
      </c>
      <c r="AA1578" s="166">
        <v>0</v>
      </c>
      <c r="AB1578" s="166">
        <v>0</v>
      </c>
      <c r="AC1578" s="166">
        <v>0</v>
      </c>
      <c r="AD1578" s="166">
        <v>0</v>
      </c>
      <c r="AE1578" s="166">
        <v>0</v>
      </c>
      <c r="AF1578" s="166">
        <v>0</v>
      </c>
      <c r="AG1578" s="166">
        <v>0</v>
      </c>
      <c r="AH1578" s="166">
        <v>0</v>
      </c>
      <c r="AI1578" s="166">
        <v>0</v>
      </c>
      <c r="AJ1578" s="166">
        <v>0</v>
      </c>
      <c r="AK1578" s="166">
        <v>0</v>
      </c>
      <c r="AL1578" s="166">
        <v>0</v>
      </c>
      <c r="AM1578" s="166">
        <v>0</v>
      </c>
      <c r="AN1578" s="166">
        <v>0</v>
      </c>
      <c r="AO1578" s="166">
        <v>0</v>
      </c>
      <c r="AP1578" s="166">
        <v>0</v>
      </c>
      <c r="AQ1578" s="166">
        <v>0</v>
      </c>
      <c r="AR1578" s="166">
        <v>0</v>
      </c>
      <c r="AS1578" s="166">
        <v>0</v>
      </c>
      <c r="AT1578" s="166">
        <v>0</v>
      </c>
      <c r="AU1578" s="166">
        <v>0</v>
      </c>
      <c r="AV1578" s="166">
        <v>0</v>
      </c>
      <c r="AW1578" s="166">
        <v>0</v>
      </c>
      <c r="AX1578" s="166">
        <v>0</v>
      </c>
      <c r="AY1578" s="166">
        <v>0</v>
      </c>
      <c r="AZ1578" s="166">
        <v>0</v>
      </c>
      <c r="BA1578" s="166">
        <v>0</v>
      </c>
      <c r="BB1578" s="166">
        <v>0</v>
      </c>
      <c r="BC1578" s="166">
        <v>0</v>
      </c>
      <c r="BD1578" s="166">
        <v>0</v>
      </c>
      <c r="BE1578" s="166">
        <v>0</v>
      </c>
      <c r="BF1578" s="166">
        <v>0</v>
      </c>
      <c r="BG1578" s="166">
        <v>0</v>
      </c>
      <c r="BH1578" s="166">
        <v>0</v>
      </c>
      <c r="BI1578" s="166">
        <v>0</v>
      </c>
      <c r="BJ1578" s="166">
        <v>0</v>
      </c>
      <c r="BK1578" s="166">
        <v>0</v>
      </c>
      <c r="BL1578" s="166">
        <v>0</v>
      </c>
      <c r="BM1578" s="166">
        <v>0</v>
      </c>
      <c r="BN1578" s="166">
        <v>0</v>
      </c>
      <c r="BO1578" s="166">
        <v>0</v>
      </c>
      <c r="BP1578" s="166">
        <v>0</v>
      </c>
      <c r="BQ1578" s="166">
        <v>0</v>
      </c>
      <c r="BR1578" s="166">
        <v>0</v>
      </c>
      <c r="BS1578" s="166">
        <v>0</v>
      </c>
      <c r="BT1578" s="168">
        <v>0</v>
      </c>
      <c r="BU1578" s="166">
        <v>0</v>
      </c>
      <c r="BV1578" s="166">
        <v>0</v>
      </c>
      <c r="BW1578" s="166">
        <v>0</v>
      </c>
      <c r="BX1578" s="166">
        <v>0</v>
      </c>
      <c r="BY1578" s="166">
        <v>0</v>
      </c>
      <c r="BZ1578" s="166">
        <v>0</v>
      </c>
      <c r="CA1578" s="166">
        <v>0</v>
      </c>
      <c r="CB1578" s="166">
        <v>0</v>
      </c>
      <c r="CC1578" s="166">
        <v>0</v>
      </c>
      <c r="CD1578" s="166">
        <v>0</v>
      </c>
      <c r="CE1578" s="166">
        <v>0</v>
      </c>
      <c r="CF1578" s="166">
        <v>0</v>
      </c>
      <c r="CG1578" s="166">
        <v>0</v>
      </c>
      <c r="CH1578" s="166">
        <v>0</v>
      </c>
      <c r="CI1578" s="166">
        <v>0</v>
      </c>
      <c r="CJ1578" s="166">
        <v>0</v>
      </c>
      <c r="CK1578" s="166">
        <v>0</v>
      </c>
      <c r="CL1578" s="166">
        <v>0</v>
      </c>
      <c r="CM1578" s="166">
        <v>0</v>
      </c>
      <c r="CN1578" s="166">
        <v>0</v>
      </c>
      <c r="CO1578" s="166">
        <v>0</v>
      </c>
      <c r="CP1578" s="166">
        <v>0</v>
      </c>
      <c r="CQ1578" s="166">
        <v>0</v>
      </c>
      <c r="CR1578" s="166">
        <v>0</v>
      </c>
      <c r="CS1578" s="166">
        <v>0</v>
      </c>
      <c r="CT1578" s="166">
        <v>0</v>
      </c>
      <c r="CU1578" s="166">
        <v>0</v>
      </c>
      <c r="CV1578" s="166">
        <v>0</v>
      </c>
      <c r="CW1578" s="166">
        <v>0</v>
      </c>
      <c r="CX1578" s="166">
        <v>0</v>
      </c>
      <c r="CY1578" s="166">
        <v>0</v>
      </c>
      <c r="CZ1578" s="166">
        <v>0</v>
      </c>
    </row>
    <row r="1579" spans="1:104" x14ac:dyDescent="0.2">
      <c r="A1579" s="167" t="s">
        <v>546</v>
      </c>
      <c r="B1579" s="166">
        <v>0</v>
      </c>
      <c r="C1579" s="166">
        <v>0</v>
      </c>
      <c r="D1579" s="166">
        <v>0</v>
      </c>
      <c r="E1579" s="166">
        <v>0</v>
      </c>
      <c r="F1579" s="166">
        <v>0</v>
      </c>
      <c r="G1579" s="166">
        <v>0</v>
      </c>
      <c r="H1579" s="166">
        <v>0</v>
      </c>
      <c r="I1579" s="166">
        <v>0</v>
      </c>
      <c r="J1579" s="166">
        <v>0</v>
      </c>
      <c r="K1579" s="166">
        <v>0</v>
      </c>
      <c r="L1579" s="166">
        <v>0</v>
      </c>
      <c r="M1579" s="166">
        <v>0</v>
      </c>
      <c r="N1579" s="166">
        <v>0</v>
      </c>
      <c r="O1579" s="166">
        <v>0</v>
      </c>
      <c r="P1579" s="166">
        <v>0</v>
      </c>
      <c r="Q1579" s="166">
        <v>0</v>
      </c>
      <c r="R1579" s="166">
        <v>0</v>
      </c>
      <c r="S1579" s="166">
        <v>0</v>
      </c>
      <c r="T1579" s="166">
        <v>0</v>
      </c>
      <c r="U1579" s="166">
        <v>0</v>
      </c>
      <c r="V1579" s="166">
        <v>0</v>
      </c>
      <c r="W1579" s="166">
        <v>0</v>
      </c>
      <c r="X1579" s="166">
        <v>0</v>
      </c>
      <c r="Y1579" s="166">
        <v>0</v>
      </c>
      <c r="Z1579" s="166">
        <v>0</v>
      </c>
      <c r="AA1579" s="166">
        <v>0</v>
      </c>
      <c r="AB1579" s="166">
        <v>0</v>
      </c>
      <c r="AC1579" s="166">
        <v>0</v>
      </c>
      <c r="AD1579" s="166">
        <v>0</v>
      </c>
      <c r="AE1579" s="166">
        <v>0</v>
      </c>
      <c r="AF1579" s="166">
        <v>0</v>
      </c>
      <c r="AG1579" s="166">
        <v>0</v>
      </c>
      <c r="AH1579" s="166">
        <v>0</v>
      </c>
      <c r="AI1579" s="166">
        <v>0</v>
      </c>
      <c r="AJ1579" s="166">
        <v>0</v>
      </c>
      <c r="AK1579" s="166">
        <v>0</v>
      </c>
      <c r="AL1579" s="166">
        <v>0</v>
      </c>
      <c r="AM1579" s="166">
        <v>0</v>
      </c>
      <c r="AN1579" s="166">
        <v>0</v>
      </c>
      <c r="AO1579" s="166">
        <v>0</v>
      </c>
      <c r="AP1579" s="166">
        <v>0</v>
      </c>
      <c r="AQ1579" s="166">
        <v>0</v>
      </c>
      <c r="AR1579" s="166">
        <v>0</v>
      </c>
      <c r="AS1579" s="166">
        <v>0</v>
      </c>
      <c r="AT1579" s="166">
        <v>0</v>
      </c>
      <c r="AU1579" s="166">
        <v>0</v>
      </c>
      <c r="AV1579" s="166">
        <v>0</v>
      </c>
      <c r="AW1579" s="166">
        <v>0</v>
      </c>
      <c r="AX1579" s="166">
        <v>0</v>
      </c>
      <c r="AY1579" s="166">
        <v>0</v>
      </c>
      <c r="AZ1579" s="166">
        <v>0</v>
      </c>
      <c r="BA1579" s="166">
        <v>0</v>
      </c>
      <c r="BB1579" s="166">
        <v>0</v>
      </c>
      <c r="BC1579" s="166">
        <v>0</v>
      </c>
      <c r="BD1579" s="166">
        <v>0</v>
      </c>
      <c r="BE1579" s="166">
        <v>0</v>
      </c>
      <c r="BF1579" s="166">
        <v>0</v>
      </c>
      <c r="BG1579" s="166">
        <v>0</v>
      </c>
      <c r="BH1579" s="166">
        <v>0</v>
      </c>
      <c r="BI1579" s="166">
        <v>0</v>
      </c>
      <c r="BJ1579" s="166">
        <v>0</v>
      </c>
      <c r="BK1579" s="166">
        <v>0</v>
      </c>
      <c r="BL1579" s="166">
        <v>0</v>
      </c>
      <c r="BM1579" s="166">
        <v>0</v>
      </c>
      <c r="BN1579" s="166">
        <v>0</v>
      </c>
      <c r="BO1579" s="166">
        <v>0</v>
      </c>
      <c r="BP1579" s="166">
        <v>0</v>
      </c>
      <c r="BQ1579" s="166">
        <v>0</v>
      </c>
      <c r="BR1579" s="166">
        <v>0</v>
      </c>
      <c r="BS1579" s="166">
        <v>0</v>
      </c>
      <c r="BT1579" s="168">
        <v>0</v>
      </c>
      <c r="BU1579" s="166">
        <v>0</v>
      </c>
      <c r="BV1579" s="166">
        <v>0</v>
      </c>
      <c r="BW1579" s="166">
        <v>0</v>
      </c>
      <c r="BX1579" s="166">
        <v>0</v>
      </c>
      <c r="BY1579" s="166">
        <v>0</v>
      </c>
      <c r="BZ1579" s="166">
        <v>0</v>
      </c>
      <c r="CA1579" s="166">
        <v>0</v>
      </c>
      <c r="CB1579" s="166">
        <v>0</v>
      </c>
      <c r="CC1579" s="166">
        <v>0</v>
      </c>
      <c r="CD1579" s="166">
        <v>0</v>
      </c>
      <c r="CE1579" s="166">
        <v>0</v>
      </c>
      <c r="CF1579" s="166">
        <v>0</v>
      </c>
      <c r="CG1579" s="166">
        <v>0</v>
      </c>
      <c r="CH1579" s="166">
        <v>0</v>
      </c>
      <c r="CI1579" s="166">
        <v>0</v>
      </c>
      <c r="CJ1579" s="166">
        <v>0</v>
      </c>
      <c r="CK1579" s="166">
        <v>0</v>
      </c>
      <c r="CL1579" s="166">
        <v>0</v>
      </c>
      <c r="CM1579" s="166">
        <v>0</v>
      </c>
      <c r="CN1579" s="166">
        <v>0</v>
      </c>
      <c r="CO1579" s="166">
        <v>0</v>
      </c>
      <c r="CP1579" s="166">
        <v>0</v>
      </c>
      <c r="CQ1579" s="166">
        <v>0</v>
      </c>
      <c r="CR1579" s="166">
        <v>0</v>
      </c>
      <c r="CS1579" s="166">
        <v>0</v>
      </c>
      <c r="CT1579" s="166">
        <v>0</v>
      </c>
      <c r="CU1579" s="166">
        <v>0</v>
      </c>
      <c r="CV1579" s="166">
        <v>0</v>
      </c>
      <c r="CW1579" s="166">
        <v>0</v>
      </c>
      <c r="CX1579" s="166">
        <v>0</v>
      </c>
      <c r="CY1579" s="166">
        <v>0</v>
      </c>
      <c r="CZ1579" s="166">
        <v>0</v>
      </c>
    </row>
    <row r="1580" spans="1:104" x14ac:dyDescent="0.2">
      <c r="A1580" s="167" t="s">
        <v>547</v>
      </c>
      <c r="B1580" s="166">
        <v>0</v>
      </c>
      <c r="C1580" s="166">
        <v>0</v>
      </c>
      <c r="D1580" s="166">
        <v>0</v>
      </c>
      <c r="E1580" s="166">
        <v>0</v>
      </c>
      <c r="F1580" s="166">
        <v>0</v>
      </c>
      <c r="G1580" s="166">
        <v>0</v>
      </c>
      <c r="H1580" s="166">
        <v>0</v>
      </c>
      <c r="I1580" s="166">
        <v>0</v>
      </c>
      <c r="J1580" s="166">
        <v>0</v>
      </c>
      <c r="K1580" s="166">
        <v>0</v>
      </c>
      <c r="L1580" s="166">
        <v>0</v>
      </c>
      <c r="M1580" s="166">
        <v>0</v>
      </c>
      <c r="N1580" s="166">
        <v>0</v>
      </c>
      <c r="O1580" s="166">
        <v>0</v>
      </c>
      <c r="P1580" s="166">
        <v>0</v>
      </c>
      <c r="Q1580" s="166">
        <v>0</v>
      </c>
      <c r="R1580" s="166">
        <v>0</v>
      </c>
      <c r="S1580" s="166">
        <v>0</v>
      </c>
      <c r="T1580" s="166">
        <v>0</v>
      </c>
      <c r="U1580" s="166">
        <v>0</v>
      </c>
      <c r="V1580" s="166">
        <v>0</v>
      </c>
      <c r="W1580" s="166">
        <v>0</v>
      </c>
      <c r="X1580" s="166">
        <v>0</v>
      </c>
      <c r="Y1580" s="166">
        <v>0</v>
      </c>
      <c r="Z1580" s="166">
        <v>0</v>
      </c>
      <c r="AA1580" s="166">
        <v>0</v>
      </c>
      <c r="AB1580" s="166">
        <v>0</v>
      </c>
      <c r="AC1580" s="166">
        <v>0</v>
      </c>
      <c r="AD1580" s="166">
        <v>0</v>
      </c>
      <c r="AE1580" s="166">
        <v>0</v>
      </c>
      <c r="AF1580" s="166">
        <v>0</v>
      </c>
      <c r="AG1580" s="166">
        <v>0</v>
      </c>
      <c r="AH1580" s="166">
        <v>0</v>
      </c>
      <c r="AI1580" s="166">
        <v>0</v>
      </c>
      <c r="AJ1580" s="166">
        <v>0</v>
      </c>
      <c r="AK1580" s="166">
        <v>0</v>
      </c>
      <c r="AL1580" s="166">
        <v>0</v>
      </c>
      <c r="AM1580" s="166">
        <v>0</v>
      </c>
      <c r="AN1580" s="166">
        <v>0</v>
      </c>
      <c r="AO1580" s="166">
        <v>0</v>
      </c>
      <c r="AP1580" s="166">
        <v>0</v>
      </c>
      <c r="AQ1580" s="166">
        <v>0</v>
      </c>
      <c r="AR1580" s="166">
        <v>0</v>
      </c>
      <c r="AS1580" s="166">
        <v>0</v>
      </c>
      <c r="AT1580" s="166">
        <v>0</v>
      </c>
      <c r="AU1580" s="166">
        <v>0</v>
      </c>
      <c r="AV1580" s="166">
        <v>0</v>
      </c>
      <c r="AW1580" s="166">
        <v>0</v>
      </c>
      <c r="AX1580" s="166">
        <v>0</v>
      </c>
      <c r="AY1580" s="166">
        <v>0</v>
      </c>
      <c r="AZ1580" s="166">
        <v>0</v>
      </c>
      <c r="BA1580" s="166">
        <v>0</v>
      </c>
      <c r="BB1580" s="166">
        <v>0</v>
      </c>
      <c r="BC1580" s="166">
        <v>0</v>
      </c>
      <c r="BD1580" s="166">
        <v>0</v>
      </c>
      <c r="BE1580" s="166">
        <v>0</v>
      </c>
      <c r="BF1580" s="166">
        <v>0</v>
      </c>
      <c r="BG1580" s="166">
        <v>0</v>
      </c>
      <c r="BH1580" s="166">
        <v>0</v>
      </c>
      <c r="BI1580" s="166">
        <v>0</v>
      </c>
      <c r="BJ1580" s="166">
        <v>0</v>
      </c>
      <c r="BK1580" s="166">
        <v>0</v>
      </c>
      <c r="BL1580" s="166">
        <v>0</v>
      </c>
      <c r="BM1580" s="166">
        <v>0</v>
      </c>
      <c r="BN1580" s="166">
        <v>0</v>
      </c>
      <c r="BO1580" s="166">
        <v>0</v>
      </c>
      <c r="BP1580" s="166">
        <v>0</v>
      </c>
      <c r="BQ1580" s="166">
        <v>0</v>
      </c>
      <c r="BR1580" s="166">
        <v>0</v>
      </c>
      <c r="BS1580" s="166">
        <v>0</v>
      </c>
      <c r="BT1580" s="168">
        <v>0</v>
      </c>
      <c r="BU1580" s="166">
        <v>0</v>
      </c>
      <c r="BV1580" s="166">
        <v>0</v>
      </c>
      <c r="BW1580" s="166">
        <v>0</v>
      </c>
      <c r="BX1580" s="166">
        <v>0</v>
      </c>
      <c r="BY1580" s="166">
        <v>0</v>
      </c>
      <c r="BZ1580" s="166">
        <v>0</v>
      </c>
      <c r="CA1580" s="166">
        <v>0</v>
      </c>
      <c r="CB1580" s="166">
        <v>0</v>
      </c>
      <c r="CC1580" s="166">
        <v>0</v>
      </c>
      <c r="CD1580" s="166">
        <v>0</v>
      </c>
      <c r="CE1580" s="166">
        <v>0</v>
      </c>
      <c r="CF1580" s="166">
        <v>0</v>
      </c>
      <c r="CG1580" s="166">
        <v>0</v>
      </c>
      <c r="CH1580" s="166">
        <v>0</v>
      </c>
      <c r="CI1580" s="166">
        <v>0</v>
      </c>
      <c r="CJ1580" s="166">
        <v>0</v>
      </c>
      <c r="CK1580" s="166">
        <v>0</v>
      </c>
      <c r="CL1580" s="166">
        <v>0</v>
      </c>
      <c r="CM1580" s="166">
        <v>0</v>
      </c>
      <c r="CN1580" s="166">
        <v>0</v>
      </c>
      <c r="CO1580" s="166">
        <v>0</v>
      </c>
      <c r="CP1580" s="166">
        <v>0</v>
      </c>
      <c r="CQ1580" s="166">
        <v>0</v>
      </c>
      <c r="CR1580" s="166">
        <v>0</v>
      </c>
      <c r="CS1580" s="166">
        <v>0</v>
      </c>
      <c r="CT1580" s="166">
        <v>0</v>
      </c>
      <c r="CU1580" s="166">
        <v>0</v>
      </c>
      <c r="CV1580" s="166">
        <v>0</v>
      </c>
      <c r="CW1580" s="166">
        <v>0</v>
      </c>
      <c r="CX1580" s="166">
        <v>0</v>
      </c>
      <c r="CY1580" s="166">
        <v>0</v>
      </c>
      <c r="CZ1580" s="166">
        <v>0</v>
      </c>
    </row>
    <row r="1581" spans="1:104" x14ac:dyDescent="0.2">
      <c r="A1581" s="167" t="s">
        <v>548</v>
      </c>
      <c r="B1581" s="166">
        <v>0</v>
      </c>
      <c r="C1581" s="166">
        <v>0</v>
      </c>
      <c r="D1581" s="166">
        <v>0</v>
      </c>
      <c r="E1581" s="166">
        <v>0</v>
      </c>
      <c r="F1581" s="166">
        <v>0</v>
      </c>
      <c r="G1581" s="166">
        <v>0</v>
      </c>
      <c r="H1581" s="166">
        <v>0</v>
      </c>
      <c r="I1581" s="166">
        <v>0</v>
      </c>
      <c r="J1581" s="166">
        <v>0</v>
      </c>
      <c r="K1581" s="166">
        <v>0</v>
      </c>
      <c r="L1581" s="166">
        <v>0</v>
      </c>
      <c r="M1581" s="166">
        <v>0</v>
      </c>
      <c r="N1581" s="166">
        <v>0</v>
      </c>
      <c r="O1581" s="166">
        <v>0</v>
      </c>
      <c r="P1581" s="166">
        <v>0</v>
      </c>
      <c r="Q1581" s="166">
        <v>0</v>
      </c>
      <c r="R1581" s="166">
        <v>0</v>
      </c>
      <c r="S1581" s="166">
        <v>0</v>
      </c>
      <c r="T1581" s="166">
        <v>0</v>
      </c>
      <c r="U1581" s="166">
        <v>0</v>
      </c>
      <c r="V1581" s="166">
        <v>0</v>
      </c>
      <c r="W1581" s="166">
        <v>0</v>
      </c>
      <c r="X1581" s="166">
        <v>0</v>
      </c>
      <c r="Y1581" s="166">
        <v>0</v>
      </c>
      <c r="Z1581" s="166">
        <v>0</v>
      </c>
      <c r="AA1581" s="166">
        <v>0</v>
      </c>
      <c r="AB1581" s="166">
        <v>0</v>
      </c>
      <c r="AC1581" s="166">
        <v>0</v>
      </c>
      <c r="AD1581" s="166">
        <v>0</v>
      </c>
      <c r="AE1581" s="166">
        <v>0</v>
      </c>
      <c r="AF1581" s="166">
        <v>0</v>
      </c>
      <c r="AG1581" s="166">
        <v>0</v>
      </c>
      <c r="AH1581" s="166">
        <v>0</v>
      </c>
      <c r="AI1581" s="166">
        <v>0</v>
      </c>
      <c r="AJ1581" s="166">
        <v>0</v>
      </c>
      <c r="AK1581" s="166">
        <v>0</v>
      </c>
      <c r="AL1581" s="166">
        <v>0</v>
      </c>
      <c r="AM1581" s="166">
        <v>0</v>
      </c>
      <c r="AN1581" s="166">
        <v>0</v>
      </c>
      <c r="AO1581" s="166">
        <v>0</v>
      </c>
      <c r="AP1581" s="166">
        <v>0</v>
      </c>
      <c r="AQ1581" s="166">
        <v>0</v>
      </c>
      <c r="AR1581" s="166">
        <v>0</v>
      </c>
      <c r="AS1581" s="166">
        <v>0</v>
      </c>
      <c r="AT1581" s="166">
        <v>0</v>
      </c>
      <c r="AU1581" s="166">
        <v>0</v>
      </c>
      <c r="AV1581" s="166">
        <v>0</v>
      </c>
      <c r="AW1581" s="166">
        <v>0</v>
      </c>
      <c r="AX1581" s="166">
        <v>0</v>
      </c>
      <c r="AY1581" s="166">
        <v>0</v>
      </c>
      <c r="AZ1581" s="166">
        <v>0</v>
      </c>
      <c r="BA1581" s="166">
        <v>0</v>
      </c>
      <c r="BB1581" s="166">
        <v>0</v>
      </c>
      <c r="BC1581" s="166">
        <v>0</v>
      </c>
      <c r="BD1581" s="166">
        <v>0</v>
      </c>
      <c r="BE1581" s="166">
        <v>0</v>
      </c>
      <c r="BF1581" s="166">
        <v>0</v>
      </c>
      <c r="BG1581" s="166">
        <v>0</v>
      </c>
      <c r="BH1581" s="166">
        <v>0</v>
      </c>
      <c r="BI1581" s="166">
        <v>0</v>
      </c>
      <c r="BJ1581" s="166">
        <v>0</v>
      </c>
      <c r="BK1581" s="166">
        <v>0</v>
      </c>
      <c r="BL1581" s="166">
        <v>0</v>
      </c>
      <c r="BM1581" s="166">
        <v>0</v>
      </c>
      <c r="BN1581" s="166">
        <v>0</v>
      </c>
      <c r="BO1581" s="166">
        <v>0</v>
      </c>
      <c r="BP1581" s="166">
        <v>0</v>
      </c>
      <c r="BQ1581" s="166">
        <v>0</v>
      </c>
      <c r="BR1581" s="166">
        <v>0</v>
      </c>
      <c r="BS1581" s="166">
        <v>0</v>
      </c>
      <c r="BT1581" s="168">
        <v>0</v>
      </c>
      <c r="BU1581" s="166">
        <v>0</v>
      </c>
      <c r="BV1581" s="166">
        <v>0</v>
      </c>
      <c r="BW1581" s="166">
        <v>0</v>
      </c>
      <c r="BX1581" s="166">
        <v>0</v>
      </c>
      <c r="BY1581" s="166">
        <v>0</v>
      </c>
      <c r="BZ1581" s="166">
        <v>0</v>
      </c>
      <c r="CA1581" s="166">
        <v>0</v>
      </c>
      <c r="CB1581" s="166">
        <v>0</v>
      </c>
      <c r="CC1581" s="166">
        <v>0</v>
      </c>
      <c r="CD1581" s="166">
        <v>0</v>
      </c>
      <c r="CE1581" s="166">
        <v>0</v>
      </c>
      <c r="CF1581" s="166">
        <v>0</v>
      </c>
      <c r="CG1581" s="166">
        <v>0</v>
      </c>
      <c r="CH1581" s="166">
        <v>0</v>
      </c>
      <c r="CI1581" s="166">
        <v>0</v>
      </c>
      <c r="CJ1581" s="166">
        <v>0</v>
      </c>
      <c r="CK1581" s="166">
        <v>0</v>
      </c>
      <c r="CL1581" s="166">
        <v>0</v>
      </c>
      <c r="CM1581" s="166">
        <v>0</v>
      </c>
      <c r="CN1581" s="166">
        <v>0</v>
      </c>
      <c r="CO1581" s="166">
        <v>0</v>
      </c>
      <c r="CP1581" s="166">
        <v>0</v>
      </c>
      <c r="CQ1581" s="166">
        <v>0</v>
      </c>
      <c r="CR1581" s="166">
        <v>0</v>
      </c>
      <c r="CS1581" s="166">
        <v>0</v>
      </c>
      <c r="CT1581" s="166">
        <v>0</v>
      </c>
      <c r="CU1581" s="166">
        <v>0</v>
      </c>
      <c r="CV1581" s="166">
        <v>0</v>
      </c>
      <c r="CW1581" s="166">
        <v>0</v>
      </c>
      <c r="CX1581" s="166">
        <v>0</v>
      </c>
      <c r="CY1581" s="166">
        <v>0</v>
      </c>
      <c r="CZ1581" s="166">
        <v>0</v>
      </c>
    </row>
    <row r="1582" spans="1:104" x14ac:dyDescent="0.2">
      <c r="A1582" s="167" t="s">
        <v>549</v>
      </c>
      <c r="B1582" s="166">
        <v>0</v>
      </c>
      <c r="C1582" s="166">
        <v>0</v>
      </c>
      <c r="D1582" s="166">
        <v>0</v>
      </c>
      <c r="E1582" s="166">
        <v>0</v>
      </c>
      <c r="F1582" s="166">
        <v>0</v>
      </c>
      <c r="G1582" s="166">
        <v>0</v>
      </c>
      <c r="H1582" s="166">
        <v>0</v>
      </c>
      <c r="I1582" s="166">
        <v>0</v>
      </c>
      <c r="J1582" s="166">
        <v>0</v>
      </c>
      <c r="K1582" s="166">
        <v>0</v>
      </c>
      <c r="L1582" s="166">
        <v>0</v>
      </c>
      <c r="M1582" s="166">
        <v>0</v>
      </c>
      <c r="N1582" s="166">
        <v>0</v>
      </c>
      <c r="O1582" s="166">
        <v>0</v>
      </c>
      <c r="P1582" s="166">
        <v>0</v>
      </c>
      <c r="Q1582" s="166">
        <v>0</v>
      </c>
      <c r="R1582" s="166">
        <v>0</v>
      </c>
      <c r="S1582" s="166">
        <v>0</v>
      </c>
      <c r="T1582" s="166">
        <v>0</v>
      </c>
      <c r="U1582" s="166">
        <v>0</v>
      </c>
      <c r="V1582" s="166">
        <v>0</v>
      </c>
      <c r="W1582" s="166">
        <v>0</v>
      </c>
      <c r="X1582" s="166">
        <v>0</v>
      </c>
      <c r="Y1582" s="166">
        <v>0</v>
      </c>
      <c r="Z1582" s="166">
        <v>0</v>
      </c>
      <c r="AA1582" s="166">
        <v>0</v>
      </c>
      <c r="AB1582" s="166">
        <v>0</v>
      </c>
      <c r="AC1582" s="166">
        <v>0</v>
      </c>
      <c r="AD1582" s="166">
        <v>0</v>
      </c>
      <c r="AE1582" s="166">
        <v>0</v>
      </c>
      <c r="AF1582" s="166">
        <v>0</v>
      </c>
      <c r="AG1582" s="166">
        <v>0</v>
      </c>
      <c r="AH1582" s="166">
        <v>0</v>
      </c>
      <c r="AI1582" s="166">
        <v>0</v>
      </c>
      <c r="AJ1582" s="166">
        <v>0</v>
      </c>
      <c r="AK1582" s="166">
        <v>0</v>
      </c>
      <c r="AL1582" s="166">
        <v>0</v>
      </c>
      <c r="AM1582" s="166">
        <v>0</v>
      </c>
      <c r="AN1582" s="166">
        <v>0</v>
      </c>
      <c r="AO1582" s="166">
        <v>0</v>
      </c>
      <c r="AP1582" s="166">
        <v>0</v>
      </c>
      <c r="AQ1582" s="166">
        <v>0</v>
      </c>
      <c r="AR1582" s="166">
        <v>0</v>
      </c>
      <c r="AS1582" s="166">
        <v>0</v>
      </c>
      <c r="AT1582" s="166">
        <v>0</v>
      </c>
      <c r="AU1582" s="166">
        <v>0</v>
      </c>
      <c r="AV1582" s="166">
        <v>0</v>
      </c>
      <c r="AW1582" s="166">
        <v>0</v>
      </c>
      <c r="AX1582" s="166">
        <v>0</v>
      </c>
      <c r="AY1582" s="166">
        <v>0</v>
      </c>
      <c r="AZ1582" s="166">
        <v>0</v>
      </c>
      <c r="BA1582" s="166">
        <v>0</v>
      </c>
      <c r="BB1582" s="166">
        <v>0</v>
      </c>
      <c r="BC1582" s="166">
        <v>0</v>
      </c>
      <c r="BD1582" s="166">
        <v>0</v>
      </c>
      <c r="BE1582" s="166">
        <v>0</v>
      </c>
      <c r="BF1582" s="166">
        <v>0</v>
      </c>
      <c r="BG1582" s="166">
        <v>0</v>
      </c>
      <c r="BH1582" s="166">
        <v>0</v>
      </c>
      <c r="BI1582" s="166">
        <v>0</v>
      </c>
      <c r="BJ1582" s="166">
        <v>0</v>
      </c>
      <c r="BK1582" s="166">
        <v>0</v>
      </c>
      <c r="BL1582" s="166">
        <v>0</v>
      </c>
      <c r="BM1582" s="166">
        <v>0</v>
      </c>
      <c r="BN1582" s="166">
        <v>0</v>
      </c>
      <c r="BO1582" s="166">
        <v>0</v>
      </c>
      <c r="BP1582" s="166">
        <v>0</v>
      </c>
      <c r="BQ1582" s="166">
        <v>0</v>
      </c>
      <c r="BR1582" s="166">
        <v>0</v>
      </c>
      <c r="BS1582" s="166">
        <v>0</v>
      </c>
      <c r="BT1582" s="168">
        <v>0</v>
      </c>
      <c r="BU1582" s="166">
        <v>0</v>
      </c>
      <c r="BV1582" s="166">
        <v>0</v>
      </c>
      <c r="BW1582" s="166">
        <v>0</v>
      </c>
      <c r="BX1582" s="166">
        <v>0</v>
      </c>
      <c r="BY1582" s="166">
        <v>0</v>
      </c>
      <c r="BZ1582" s="166">
        <v>0</v>
      </c>
      <c r="CA1582" s="166">
        <v>0</v>
      </c>
      <c r="CB1582" s="166">
        <v>0</v>
      </c>
      <c r="CC1582" s="166">
        <v>0</v>
      </c>
      <c r="CD1582" s="166">
        <v>0</v>
      </c>
      <c r="CE1582" s="166">
        <v>0</v>
      </c>
      <c r="CF1582" s="166">
        <v>0</v>
      </c>
      <c r="CG1582" s="166">
        <v>0</v>
      </c>
      <c r="CH1582" s="166">
        <v>0</v>
      </c>
      <c r="CI1582" s="166">
        <v>0</v>
      </c>
      <c r="CJ1582" s="166">
        <v>0</v>
      </c>
      <c r="CK1582" s="166">
        <v>0</v>
      </c>
      <c r="CL1582" s="166">
        <v>0</v>
      </c>
      <c r="CM1582" s="166">
        <v>0</v>
      </c>
      <c r="CN1582" s="166">
        <v>0</v>
      </c>
      <c r="CO1582" s="166">
        <v>0</v>
      </c>
      <c r="CP1582" s="166">
        <v>0</v>
      </c>
      <c r="CQ1582" s="166">
        <v>0</v>
      </c>
      <c r="CR1582" s="166">
        <v>0</v>
      </c>
      <c r="CS1582" s="166">
        <v>0</v>
      </c>
      <c r="CT1582" s="166">
        <v>0</v>
      </c>
      <c r="CU1582" s="166">
        <v>0</v>
      </c>
      <c r="CV1582" s="166">
        <v>0</v>
      </c>
      <c r="CW1582" s="166">
        <v>0</v>
      </c>
      <c r="CX1582" s="166">
        <v>0</v>
      </c>
      <c r="CY1582" s="166">
        <v>0</v>
      </c>
      <c r="CZ1582" s="166">
        <v>0</v>
      </c>
    </row>
    <row r="1583" spans="1:104" x14ac:dyDescent="0.2">
      <c r="A1583" s="167" t="s">
        <v>550</v>
      </c>
      <c r="B1583" s="166">
        <v>0</v>
      </c>
      <c r="C1583" s="166">
        <v>0</v>
      </c>
      <c r="D1583" s="166">
        <v>0</v>
      </c>
      <c r="E1583" s="166">
        <v>0</v>
      </c>
      <c r="F1583" s="166">
        <v>0</v>
      </c>
      <c r="G1583" s="166">
        <v>0</v>
      </c>
      <c r="H1583" s="166">
        <v>0</v>
      </c>
      <c r="I1583" s="166">
        <v>0</v>
      </c>
      <c r="J1583" s="166">
        <v>0</v>
      </c>
      <c r="K1583" s="166">
        <v>0</v>
      </c>
      <c r="L1583" s="166">
        <v>0</v>
      </c>
      <c r="M1583" s="166">
        <v>0</v>
      </c>
      <c r="N1583" s="166">
        <v>0</v>
      </c>
      <c r="O1583" s="166">
        <v>0</v>
      </c>
      <c r="P1583" s="166">
        <v>0</v>
      </c>
      <c r="Q1583" s="166">
        <v>0</v>
      </c>
      <c r="R1583" s="166">
        <v>0</v>
      </c>
      <c r="S1583" s="166">
        <v>0</v>
      </c>
      <c r="T1583" s="166">
        <v>0</v>
      </c>
      <c r="U1583" s="166">
        <v>0</v>
      </c>
      <c r="V1583" s="166">
        <v>0</v>
      </c>
      <c r="W1583" s="166">
        <v>0</v>
      </c>
      <c r="X1583" s="166">
        <v>0</v>
      </c>
      <c r="Y1583" s="166">
        <v>0</v>
      </c>
      <c r="Z1583" s="166">
        <v>0</v>
      </c>
      <c r="AA1583" s="166">
        <v>0</v>
      </c>
      <c r="AB1583" s="166">
        <v>0</v>
      </c>
      <c r="AC1583" s="166">
        <v>0</v>
      </c>
      <c r="AD1583" s="166">
        <v>0</v>
      </c>
      <c r="AE1583" s="166">
        <v>0</v>
      </c>
      <c r="AF1583" s="166">
        <v>0</v>
      </c>
      <c r="AG1583" s="166">
        <v>0</v>
      </c>
      <c r="AH1583" s="166">
        <v>0</v>
      </c>
      <c r="AI1583" s="166">
        <v>0</v>
      </c>
      <c r="AJ1583" s="166">
        <v>0</v>
      </c>
      <c r="AK1583" s="166">
        <v>0</v>
      </c>
      <c r="AL1583" s="166">
        <v>0</v>
      </c>
      <c r="AM1583" s="166">
        <v>0</v>
      </c>
      <c r="AN1583" s="166">
        <v>0</v>
      </c>
      <c r="AO1583" s="166">
        <v>0</v>
      </c>
      <c r="AP1583" s="166">
        <v>0</v>
      </c>
      <c r="AQ1583" s="166">
        <v>0</v>
      </c>
      <c r="AR1583" s="166">
        <v>0</v>
      </c>
      <c r="AS1583" s="166">
        <v>0</v>
      </c>
      <c r="AT1583" s="166">
        <v>0</v>
      </c>
      <c r="AU1583" s="166">
        <v>0</v>
      </c>
      <c r="AV1583" s="166">
        <v>0</v>
      </c>
      <c r="AW1583" s="166">
        <v>0</v>
      </c>
      <c r="AX1583" s="166">
        <v>0</v>
      </c>
      <c r="AY1583" s="166">
        <v>0</v>
      </c>
      <c r="AZ1583" s="166">
        <v>0</v>
      </c>
      <c r="BA1583" s="166">
        <v>0</v>
      </c>
      <c r="BB1583" s="166">
        <v>0</v>
      </c>
      <c r="BC1583" s="166">
        <v>0</v>
      </c>
      <c r="BD1583" s="166">
        <v>0</v>
      </c>
      <c r="BE1583" s="166">
        <v>0</v>
      </c>
      <c r="BF1583" s="166">
        <v>0</v>
      </c>
      <c r="BG1583" s="166">
        <v>0</v>
      </c>
      <c r="BH1583" s="166">
        <v>0</v>
      </c>
      <c r="BI1583" s="166">
        <v>0</v>
      </c>
      <c r="BJ1583" s="166">
        <v>0</v>
      </c>
      <c r="BK1583" s="166">
        <v>0</v>
      </c>
      <c r="BL1583" s="166">
        <v>0</v>
      </c>
      <c r="BM1583" s="166">
        <v>0</v>
      </c>
      <c r="BN1583" s="166">
        <v>0</v>
      </c>
      <c r="BO1583" s="166">
        <v>0</v>
      </c>
      <c r="BP1583" s="166">
        <v>0</v>
      </c>
      <c r="BQ1583" s="166">
        <v>0</v>
      </c>
      <c r="BR1583" s="166">
        <v>0</v>
      </c>
      <c r="BS1583" s="166">
        <v>0</v>
      </c>
      <c r="BT1583" s="168">
        <v>0</v>
      </c>
      <c r="BU1583" s="166">
        <v>0</v>
      </c>
      <c r="BV1583" s="166">
        <v>0</v>
      </c>
      <c r="BW1583" s="166">
        <v>0</v>
      </c>
      <c r="BX1583" s="166">
        <v>0</v>
      </c>
      <c r="BY1583" s="166">
        <v>0</v>
      </c>
      <c r="BZ1583" s="166">
        <v>0</v>
      </c>
      <c r="CA1583" s="166">
        <v>0</v>
      </c>
      <c r="CB1583" s="166">
        <v>0</v>
      </c>
      <c r="CC1583" s="166">
        <v>0</v>
      </c>
      <c r="CD1583" s="166">
        <v>0</v>
      </c>
      <c r="CE1583" s="166">
        <v>0</v>
      </c>
      <c r="CF1583" s="166">
        <v>0</v>
      </c>
      <c r="CG1583" s="166">
        <v>0</v>
      </c>
      <c r="CH1583" s="166">
        <v>0</v>
      </c>
      <c r="CI1583" s="166">
        <v>0</v>
      </c>
      <c r="CJ1583" s="166">
        <v>0</v>
      </c>
      <c r="CK1583" s="166">
        <v>0</v>
      </c>
      <c r="CL1583" s="166">
        <v>0</v>
      </c>
      <c r="CM1583" s="166">
        <v>0</v>
      </c>
      <c r="CN1583" s="166">
        <v>0</v>
      </c>
      <c r="CO1583" s="166">
        <v>0</v>
      </c>
      <c r="CP1583" s="166">
        <v>0</v>
      </c>
      <c r="CQ1583" s="166">
        <v>0</v>
      </c>
      <c r="CR1583" s="166">
        <v>0</v>
      </c>
      <c r="CS1583" s="166">
        <v>0</v>
      </c>
      <c r="CT1583" s="166">
        <v>0</v>
      </c>
      <c r="CU1583" s="166">
        <v>0</v>
      </c>
      <c r="CV1583" s="166">
        <v>0</v>
      </c>
      <c r="CW1583" s="166">
        <v>0</v>
      </c>
      <c r="CX1583" s="166">
        <v>0</v>
      </c>
      <c r="CY1583" s="166">
        <v>0</v>
      </c>
      <c r="CZ1583" s="166">
        <v>0</v>
      </c>
    </row>
    <row r="1584" spans="1:104" x14ac:dyDescent="0.2">
      <c r="A1584" s="177" t="s">
        <v>551</v>
      </c>
      <c r="B1584" s="166">
        <v>0</v>
      </c>
      <c r="C1584" s="166">
        <v>0</v>
      </c>
      <c r="D1584" s="166">
        <v>0</v>
      </c>
      <c r="E1584" s="166">
        <v>0</v>
      </c>
      <c r="F1584" s="166">
        <v>0</v>
      </c>
      <c r="G1584" s="166">
        <v>0</v>
      </c>
      <c r="H1584" s="166">
        <v>0</v>
      </c>
      <c r="I1584" s="166">
        <v>0</v>
      </c>
      <c r="J1584" s="166">
        <v>0</v>
      </c>
      <c r="K1584" s="166">
        <v>0</v>
      </c>
      <c r="L1584" s="166">
        <v>0</v>
      </c>
      <c r="M1584" s="166">
        <v>0</v>
      </c>
      <c r="N1584" s="166">
        <v>0</v>
      </c>
      <c r="O1584" s="166">
        <v>0</v>
      </c>
      <c r="P1584" s="166">
        <v>0</v>
      </c>
      <c r="Q1584" s="166">
        <v>0</v>
      </c>
      <c r="R1584" s="166">
        <v>0</v>
      </c>
      <c r="S1584" s="166">
        <v>0</v>
      </c>
      <c r="T1584" s="166">
        <v>0</v>
      </c>
      <c r="U1584" s="166">
        <v>0</v>
      </c>
      <c r="V1584" s="166">
        <v>0</v>
      </c>
      <c r="W1584" s="166">
        <v>0</v>
      </c>
      <c r="X1584" s="166">
        <v>0</v>
      </c>
      <c r="Y1584" s="166">
        <v>0</v>
      </c>
      <c r="Z1584" s="166">
        <v>0</v>
      </c>
      <c r="AA1584" s="166">
        <v>0</v>
      </c>
      <c r="AB1584" s="166">
        <v>0</v>
      </c>
      <c r="AC1584" s="166">
        <v>0</v>
      </c>
      <c r="AD1584" s="166">
        <v>0</v>
      </c>
      <c r="AE1584" s="166">
        <v>0</v>
      </c>
      <c r="AF1584" s="166">
        <v>0</v>
      </c>
      <c r="AG1584" s="166">
        <v>0</v>
      </c>
      <c r="AH1584" s="166">
        <v>0</v>
      </c>
      <c r="AI1584" s="166">
        <v>0</v>
      </c>
      <c r="AJ1584" s="166">
        <v>0</v>
      </c>
      <c r="AK1584" s="166">
        <v>0</v>
      </c>
      <c r="AL1584" s="166">
        <v>0</v>
      </c>
      <c r="AM1584" s="166">
        <v>0</v>
      </c>
      <c r="AN1584" s="166">
        <v>0</v>
      </c>
      <c r="AO1584" s="166">
        <v>0</v>
      </c>
      <c r="AP1584" s="166">
        <v>0</v>
      </c>
      <c r="AQ1584" s="166">
        <v>0</v>
      </c>
      <c r="AR1584" s="166">
        <v>0</v>
      </c>
      <c r="AS1584" s="166">
        <v>0</v>
      </c>
      <c r="AT1584" s="166">
        <v>0</v>
      </c>
      <c r="AU1584" s="166">
        <v>0</v>
      </c>
      <c r="AV1584" s="166">
        <v>0</v>
      </c>
      <c r="AW1584" s="166">
        <v>0</v>
      </c>
      <c r="AX1584" s="166">
        <v>0</v>
      </c>
      <c r="AY1584" s="166">
        <v>0</v>
      </c>
      <c r="AZ1584" s="166">
        <v>0</v>
      </c>
      <c r="BA1584" s="166">
        <v>0</v>
      </c>
      <c r="BB1584" s="166">
        <v>0</v>
      </c>
      <c r="BC1584" s="166">
        <v>0</v>
      </c>
      <c r="BD1584" s="166">
        <v>0</v>
      </c>
      <c r="BE1584" s="166">
        <v>0</v>
      </c>
      <c r="BF1584" s="166">
        <v>0</v>
      </c>
      <c r="BG1584" s="166">
        <v>0</v>
      </c>
      <c r="BH1584" s="166">
        <v>0</v>
      </c>
      <c r="BI1584" s="166">
        <v>0</v>
      </c>
      <c r="BJ1584" s="166">
        <v>0</v>
      </c>
      <c r="BK1584" s="166">
        <v>0</v>
      </c>
      <c r="BL1584" s="166">
        <v>0</v>
      </c>
      <c r="BM1584" s="166">
        <v>0</v>
      </c>
      <c r="BN1584" s="166">
        <v>0</v>
      </c>
      <c r="BO1584" s="166">
        <v>0</v>
      </c>
      <c r="BP1584" s="166">
        <v>0</v>
      </c>
      <c r="BQ1584" s="166">
        <v>0</v>
      </c>
      <c r="BR1584" s="166">
        <v>0</v>
      </c>
      <c r="BS1584" s="166">
        <v>0</v>
      </c>
      <c r="BT1584" s="168">
        <v>0</v>
      </c>
      <c r="BU1584" s="166">
        <v>0</v>
      </c>
      <c r="BV1584" s="166">
        <v>0</v>
      </c>
      <c r="BW1584" s="166">
        <v>0</v>
      </c>
      <c r="BX1584" s="166">
        <v>0</v>
      </c>
      <c r="BY1584" s="166">
        <v>0</v>
      </c>
      <c r="BZ1584" s="166">
        <v>0</v>
      </c>
      <c r="CA1584" s="166">
        <v>0</v>
      </c>
      <c r="CB1584" s="166">
        <v>0</v>
      </c>
      <c r="CC1584" s="166">
        <v>0</v>
      </c>
      <c r="CD1584" s="166">
        <v>0</v>
      </c>
      <c r="CE1584" s="166">
        <v>0</v>
      </c>
      <c r="CF1584" s="166">
        <v>0</v>
      </c>
      <c r="CG1584" s="166">
        <v>0</v>
      </c>
      <c r="CH1584" s="166">
        <v>0</v>
      </c>
      <c r="CI1584" s="166">
        <v>0</v>
      </c>
      <c r="CJ1584" s="166">
        <v>0</v>
      </c>
      <c r="CK1584" s="166">
        <v>0</v>
      </c>
      <c r="CL1584" s="166">
        <v>0</v>
      </c>
      <c r="CM1584" s="166">
        <v>0</v>
      </c>
      <c r="CN1584" s="166">
        <v>0</v>
      </c>
      <c r="CO1584" s="166">
        <v>0</v>
      </c>
      <c r="CP1584" s="166">
        <v>0</v>
      </c>
      <c r="CQ1584" s="166">
        <v>0</v>
      </c>
      <c r="CR1584" s="166">
        <v>0</v>
      </c>
      <c r="CS1584" s="166">
        <v>0</v>
      </c>
      <c r="CT1584" s="166">
        <v>0</v>
      </c>
      <c r="CU1584" s="166">
        <v>0</v>
      </c>
      <c r="CV1584" s="166">
        <v>0</v>
      </c>
      <c r="CW1584" s="166">
        <v>0</v>
      </c>
      <c r="CX1584" s="166">
        <v>0</v>
      </c>
      <c r="CY1584" s="166">
        <v>0</v>
      </c>
      <c r="CZ1584" s="166">
        <v>0</v>
      </c>
    </row>
    <row r="1585" spans="1:104" x14ac:dyDescent="0.2">
      <c r="A1585" s="167" t="s">
        <v>552</v>
      </c>
      <c r="B1585" s="166">
        <v>0</v>
      </c>
      <c r="C1585" s="166">
        <v>0</v>
      </c>
      <c r="D1585" s="166">
        <v>0</v>
      </c>
      <c r="E1585" s="166">
        <v>0</v>
      </c>
      <c r="F1585" s="166">
        <v>0</v>
      </c>
      <c r="G1585" s="166">
        <v>0</v>
      </c>
      <c r="H1585" s="166">
        <v>0</v>
      </c>
      <c r="I1585" s="166">
        <v>0</v>
      </c>
      <c r="J1585" s="166">
        <v>0</v>
      </c>
      <c r="K1585" s="166">
        <v>0</v>
      </c>
      <c r="L1585" s="166">
        <v>0</v>
      </c>
      <c r="M1585" s="166">
        <v>0</v>
      </c>
      <c r="N1585" s="166">
        <v>0</v>
      </c>
      <c r="O1585" s="166">
        <v>0</v>
      </c>
      <c r="P1585" s="166">
        <v>0</v>
      </c>
      <c r="Q1585" s="166">
        <v>0</v>
      </c>
      <c r="R1585" s="166">
        <v>0</v>
      </c>
      <c r="S1585" s="166">
        <v>0</v>
      </c>
      <c r="T1585" s="166">
        <v>0</v>
      </c>
      <c r="U1585" s="166">
        <v>0</v>
      </c>
      <c r="V1585" s="166">
        <v>0</v>
      </c>
      <c r="W1585" s="166">
        <v>0</v>
      </c>
      <c r="X1585" s="166">
        <v>0</v>
      </c>
      <c r="Y1585" s="166">
        <v>0</v>
      </c>
      <c r="Z1585" s="166">
        <v>0</v>
      </c>
      <c r="AA1585" s="166">
        <v>0</v>
      </c>
      <c r="AB1585" s="166">
        <v>0</v>
      </c>
      <c r="AC1585" s="166">
        <v>0</v>
      </c>
      <c r="AD1585" s="166">
        <v>0</v>
      </c>
      <c r="AE1585" s="166">
        <v>0</v>
      </c>
      <c r="AF1585" s="166">
        <v>0</v>
      </c>
      <c r="AG1585" s="166">
        <v>0</v>
      </c>
      <c r="AH1585" s="166">
        <v>0</v>
      </c>
      <c r="AI1585" s="166">
        <v>0</v>
      </c>
      <c r="AJ1585" s="166">
        <v>0</v>
      </c>
      <c r="AK1585" s="166">
        <v>0</v>
      </c>
      <c r="AL1585" s="166">
        <v>0</v>
      </c>
      <c r="AM1585" s="166">
        <v>0</v>
      </c>
      <c r="AN1585" s="166">
        <v>0</v>
      </c>
      <c r="AO1585" s="166">
        <v>0</v>
      </c>
      <c r="AP1585" s="166">
        <v>0</v>
      </c>
      <c r="AQ1585" s="166">
        <v>0</v>
      </c>
      <c r="AR1585" s="166">
        <v>0</v>
      </c>
      <c r="AS1585" s="166">
        <v>0</v>
      </c>
      <c r="AT1585" s="166">
        <v>0</v>
      </c>
      <c r="AU1585" s="166">
        <v>0</v>
      </c>
      <c r="AV1585" s="166">
        <v>0</v>
      </c>
      <c r="AW1585" s="166">
        <v>0</v>
      </c>
      <c r="AX1585" s="166">
        <v>0</v>
      </c>
      <c r="AY1585" s="166">
        <v>0</v>
      </c>
      <c r="AZ1585" s="166">
        <v>0</v>
      </c>
      <c r="BA1585" s="166">
        <v>0</v>
      </c>
      <c r="BB1585" s="166">
        <v>0</v>
      </c>
      <c r="BC1585" s="166">
        <v>0</v>
      </c>
      <c r="BD1585" s="166">
        <v>0</v>
      </c>
      <c r="BE1585" s="166">
        <v>0</v>
      </c>
      <c r="BF1585" s="166">
        <v>0</v>
      </c>
      <c r="BG1585" s="166">
        <v>0</v>
      </c>
      <c r="BH1585" s="166">
        <v>0</v>
      </c>
      <c r="BI1585" s="166">
        <v>0</v>
      </c>
      <c r="BJ1585" s="166">
        <v>0</v>
      </c>
      <c r="BK1585" s="166">
        <v>0</v>
      </c>
      <c r="BL1585" s="166">
        <v>0</v>
      </c>
      <c r="BM1585" s="166">
        <v>0</v>
      </c>
      <c r="BN1585" s="166">
        <v>0</v>
      </c>
      <c r="BO1585" s="166">
        <v>0</v>
      </c>
      <c r="BP1585" s="166">
        <v>0</v>
      </c>
      <c r="BQ1585" s="166">
        <v>0</v>
      </c>
      <c r="BR1585" s="166">
        <v>0</v>
      </c>
      <c r="BS1585" s="166">
        <v>0</v>
      </c>
      <c r="BT1585" s="168">
        <v>0</v>
      </c>
      <c r="BU1585" s="166">
        <v>0</v>
      </c>
      <c r="BV1585" s="166">
        <v>0</v>
      </c>
      <c r="BW1585" s="166">
        <v>0</v>
      </c>
      <c r="BX1585" s="166">
        <v>0</v>
      </c>
      <c r="BY1585" s="166">
        <v>0</v>
      </c>
      <c r="BZ1585" s="166">
        <v>0</v>
      </c>
      <c r="CA1585" s="166">
        <v>0</v>
      </c>
      <c r="CB1585" s="166">
        <v>0</v>
      </c>
      <c r="CC1585" s="166">
        <v>0</v>
      </c>
      <c r="CD1585" s="166">
        <v>0</v>
      </c>
      <c r="CE1585" s="166">
        <v>0</v>
      </c>
      <c r="CF1585" s="166">
        <v>0</v>
      </c>
      <c r="CG1585" s="166">
        <v>0</v>
      </c>
      <c r="CH1585" s="166">
        <v>0</v>
      </c>
      <c r="CI1585" s="166">
        <v>0</v>
      </c>
      <c r="CJ1585" s="166">
        <v>0</v>
      </c>
      <c r="CK1585" s="166">
        <v>0</v>
      </c>
      <c r="CL1585" s="166">
        <v>0</v>
      </c>
      <c r="CM1585" s="166">
        <v>0</v>
      </c>
      <c r="CN1585" s="166">
        <v>0</v>
      </c>
      <c r="CO1585" s="166">
        <v>0</v>
      </c>
      <c r="CP1585" s="166">
        <v>0</v>
      </c>
      <c r="CQ1585" s="166">
        <v>0</v>
      </c>
      <c r="CR1585" s="166">
        <v>0</v>
      </c>
      <c r="CS1585" s="166">
        <v>0</v>
      </c>
      <c r="CT1585" s="166">
        <v>0</v>
      </c>
      <c r="CU1585" s="166">
        <v>0</v>
      </c>
      <c r="CV1585" s="166">
        <v>0</v>
      </c>
      <c r="CW1585" s="166">
        <v>0</v>
      </c>
      <c r="CX1585" s="166">
        <v>0</v>
      </c>
      <c r="CY1585" s="166">
        <v>0</v>
      </c>
      <c r="CZ1585" s="166">
        <v>0</v>
      </c>
    </row>
    <row r="1586" spans="1:104" x14ac:dyDescent="0.2">
      <c r="A1586" s="170" t="s">
        <v>553</v>
      </c>
      <c r="B1586" s="166">
        <v>0</v>
      </c>
      <c r="C1586" s="166">
        <v>0</v>
      </c>
      <c r="D1586" s="166">
        <v>0</v>
      </c>
      <c r="E1586" s="166">
        <v>0</v>
      </c>
      <c r="F1586" s="166">
        <v>0</v>
      </c>
      <c r="G1586" s="166">
        <v>0</v>
      </c>
      <c r="H1586" s="166">
        <v>0</v>
      </c>
      <c r="I1586" s="166">
        <v>0</v>
      </c>
      <c r="J1586" s="166">
        <v>0</v>
      </c>
      <c r="K1586" s="166">
        <v>0</v>
      </c>
      <c r="L1586" s="166">
        <v>0</v>
      </c>
      <c r="M1586" s="166">
        <v>0</v>
      </c>
      <c r="N1586" s="166">
        <v>0</v>
      </c>
      <c r="O1586" s="166">
        <v>0</v>
      </c>
      <c r="P1586" s="166">
        <v>0</v>
      </c>
      <c r="Q1586" s="166">
        <v>0</v>
      </c>
      <c r="R1586" s="166">
        <v>0</v>
      </c>
      <c r="S1586" s="166">
        <v>0</v>
      </c>
      <c r="T1586" s="166">
        <v>0</v>
      </c>
      <c r="U1586" s="166">
        <v>0</v>
      </c>
      <c r="V1586" s="166">
        <v>0</v>
      </c>
      <c r="W1586" s="166">
        <v>0</v>
      </c>
      <c r="X1586" s="166">
        <v>0</v>
      </c>
      <c r="Y1586" s="166">
        <v>0</v>
      </c>
      <c r="Z1586" s="166">
        <v>0</v>
      </c>
      <c r="AA1586" s="166">
        <v>0</v>
      </c>
      <c r="AB1586" s="166">
        <v>0</v>
      </c>
      <c r="AC1586" s="166">
        <v>0</v>
      </c>
      <c r="AD1586" s="166">
        <v>0</v>
      </c>
      <c r="AE1586" s="166">
        <v>0</v>
      </c>
      <c r="AF1586" s="166">
        <v>0</v>
      </c>
      <c r="AG1586" s="166">
        <v>0</v>
      </c>
      <c r="AH1586" s="166">
        <v>0</v>
      </c>
      <c r="AI1586" s="166">
        <v>0</v>
      </c>
      <c r="AJ1586" s="166">
        <v>0</v>
      </c>
      <c r="AK1586" s="166">
        <v>0</v>
      </c>
      <c r="AL1586" s="166">
        <v>0</v>
      </c>
      <c r="AM1586" s="166">
        <v>0</v>
      </c>
      <c r="AN1586" s="166">
        <v>0</v>
      </c>
      <c r="AO1586" s="166">
        <v>0</v>
      </c>
      <c r="AP1586" s="166">
        <v>0</v>
      </c>
      <c r="AQ1586" s="166">
        <v>0</v>
      </c>
      <c r="AR1586" s="166">
        <v>0</v>
      </c>
      <c r="AS1586" s="166">
        <v>0</v>
      </c>
      <c r="AT1586" s="166">
        <v>0</v>
      </c>
      <c r="AU1586" s="166">
        <v>0</v>
      </c>
      <c r="AV1586" s="166">
        <v>0</v>
      </c>
      <c r="AW1586" s="166">
        <v>0</v>
      </c>
      <c r="AX1586" s="166">
        <v>0</v>
      </c>
      <c r="AY1586" s="166">
        <v>0</v>
      </c>
      <c r="AZ1586" s="166">
        <v>0</v>
      </c>
      <c r="BA1586" s="166">
        <v>0</v>
      </c>
      <c r="BB1586" s="166">
        <v>0</v>
      </c>
      <c r="BC1586" s="166">
        <v>0</v>
      </c>
      <c r="BD1586" s="166">
        <v>0</v>
      </c>
      <c r="BE1586" s="166">
        <v>0</v>
      </c>
      <c r="BF1586" s="166">
        <v>0</v>
      </c>
      <c r="BG1586" s="166">
        <v>0</v>
      </c>
      <c r="BH1586" s="166">
        <v>0</v>
      </c>
      <c r="BI1586" s="166">
        <v>0</v>
      </c>
      <c r="BJ1586" s="166">
        <v>0</v>
      </c>
      <c r="BK1586" s="166">
        <v>0</v>
      </c>
      <c r="BL1586" s="166">
        <v>0</v>
      </c>
      <c r="BM1586" s="166">
        <v>0</v>
      </c>
      <c r="BN1586" s="166">
        <v>0</v>
      </c>
      <c r="BO1586" s="166">
        <v>0</v>
      </c>
      <c r="BP1586" s="166">
        <v>0</v>
      </c>
      <c r="BQ1586" s="166">
        <v>0</v>
      </c>
      <c r="BR1586" s="166">
        <v>0</v>
      </c>
      <c r="BS1586" s="166">
        <v>0</v>
      </c>
      <c r="BT1586" s="168">
        <v>0</v>
      </c>
      <c r="BU1586" s="166">
        <v>0</v>
      </c>
      <c r="BV1586" s="166">
        <v>0</v>
      </c>
      <c r="BW1586" s="166">
        <v>0</v>
      </c>
      <c r="BX1586" s="166">
        <v>0</v>
      </c>
      <c r="BY1586" s="166">
        <v>0</v>
      </c>
      <c r="BZ1586" s="166">
        <v>0</v>
      </c>
      <c r="CA1586" s="166">
        <v>0</v>
      </c>
      <c r="CB1586" s="166">
        <v>0</v>
      </c>
      <c r="CC1586" s="166">
        <v>0</v>
      </c>
      <c r="CD1586" s="166">
        <v>0</v>
      </c>
      <c r="CE1586" s="166">
        <v>0</v>
      </c>
      <c r="CF1586" s="166">
        <v>0</v>
      </c>
      <c r="CG1586" s="166">
        <v>0</v>
      </c>
      <c r="CH1586" s="166">
        <v>0</v>
      </c>
      <c r="CI1586" s="166">
        <v>0</v>
      </c>
      <c r="CJ1586" s="166">
        <v>0</v>
      </c>
      <c r="CK1586" s="166">
        <v>0</v>
      </c>
      <c r="CL1586" s="166">
        <v>0</v>
      </c>
      <c r="CM1586" s="166">
        <v>0</v>
      </c>
      <c r="CN1586" s="166">
        <v>0</v>
      </c>
      <c r="CO1586" s="166">
        <v>0</v>
      </c>
      <c r="CP1586" s="166">
        <v>0</v>
      </c>
      <c r="CQ1586" s="166">
        <v>0</v>
      </c>
      <c r="CR1586" s="166">
        <v>0</v>
      </c>
      <c r="CS1586" s="166">
        <v>0</v>
      </c>
      <c r="CT1586" s="166">
        <v>0</v>
      </c>
      <c r="CU1586" s="166">
        <v>0</v>
      </c>
      <c r="CV1586" s="166">
        <v>0</v>
      </c>
      <c r="CW1586" s="166">
        <v>0</v>
      </c>
      <c r="CX1586" s="166">
        <v>0</v>
      </c>
      <c r="CY1586" s="166">
        <v>0</v>
      </c>
      <c r="CZ1586" s="166">
        <v>0</v>
      </c>
    </row>
    <row r="1587" spans="1:104" x14ac:dyDescent="0.2">
      <c r="A1587" s="167" t="s">
        <v>554</v>
      </c>
      <c r="B1587" s="166">
        <v>105176579.328307</v>
      </c>
      <c r="C1587" s="166">
        <v>105176579.328307</v>
      </c>
      <c r="D1587" s="166">
        <v>0</v>
      </c>
      <c r="E1587" s="166">
        <v>0</v>
      </c>
      <c r="F1587" s="166">
        <v>0</v>
      </c>
      <c r="G1587" s="166">
        <v>0</v>
      </c>
      <c r="H1587" s="166">
        <v>0</v>
      </c>
      <c r="I1587" s="166">
        <v>0</v>
      </c>
      <c r="J1587" s="166">
        <v>0</v>
      </c>
      <c r="K1587" s="166">
        <v>0</v>
      </c>
      <c r="L1587" s="166">
        <v>0</v>
      </c>
      <c r="M1587" s="166">
        <v>0</v>
      </c>
      <c r="N1587" s="166">
        <v>0</v>
      </c>
      <c r="O1587" s="166">
        <v>0</v>
      </c>
      <c r="P1587" s="166">
        <v>0</v>
      </c>
      <c r="Q1587" s="166">
        <v>0</v>
      </c>
      <c r="R1587" s="166">
        <v>0</v>
      </c>
      <c r="S1587" s="166">
        <v>0</v>
      </c>
      <c r="T1587" s="166">
        <v>0</v>
      </c>
      <c r="U1587" s="166">
        <v>0</v>
      </c>
      <c r="V1587" s="166">
        <v>0</v>
      </c>
      <c r="W1587" s="166">
        <v>0</v>
      </c>
      <c r="X1587" s="166">
        <v>0</v>
      </c>
      <c r="Y1587" s="166">
        <v>0</v>
      </c>
      <c r="Z1587" s="166">
        <v>0</v>
      </c>
      <c r="AA1587" s="166">
        <v>0</v>
      </c>
      <c r="AB1587" s="166">
        <v>0</v>
      </c>
      <c r="AC1587" s="166">
        <v>0</v>
      </c>
      <c r="AD1587" s="166">
        <v>0</v>
      </c>
      <c r="AE1587" s="166">
        <v>0</v>
      </c>
      <c r="AF1587" s="166">
        <v>0</v>
      </c>
      <c r="AG1587" s="166">
        <v>0</v>
      </c>
      <c r="AH1587" s="166">
        <v>0</v>
      </c>
      <c r="AI1587" s="166">
        <v>0</v>
      </c>
      <c r="AJ1587" s="166">
        <v>0</v>
      </c>
      <c r="AK1587" s="166">
        <v>0</v>
      </c>
      <c r="AL1587" s="166">
        <v>0</v>
      </c>
      <c r="AM1587" s="166">
        <v>0</v>
      </c>
      <c r="AN1587" s="166">
        <v>0</v>
      </c>
      <c r="AO1587" s="166">
        <v>0</v>
      </c>
      <c r="AP1587" s="166">
        <v>0</v>
      </c>
      <c r="AQ1587" s="166">
        <v>0</v>
      </c>
      <c r="AR1587" s="166">
        <v>0</v>
      </c>
      <c r="AS1587" s="166">
        <v>0</v>
      </c>
      <c r="AT1587" s="166">
        <v>0</v>
      </c>
      <c r="AU1587" s="166">
        <v>0</v>
      </c>
      <c r="AV1587" s="166">
        <v>0</v>
      </c>
      <c r="AW1587" s="166">
        <v>0</v>
      </c>
      <c r="AX1587" s="166">
        <v>0</v>
      </c>
      <c r="AY1587" s="166">
        <v>0</v>
      </c>
      <c r="AZ1587" s="166">
        <v>0</v>
      </c>
      <c r="BA1587" s="166">
        <v>0</v>
      </c>
      <c r="BB1587" s="166">
        <v>0</v>
      </c>
      <c r="BC1587" s="166">
        <v>0</v>
      </c>
      <c r="BD1587" s="166">
        <v>0</v>
      </c>
      <c r="BE1587" s="166">
        <v>0</v>
      </c>
      <c r="BF1587" s="166">
        <v>0</v>
      </c>
      <c r="BG1587" s="166">
        <v>0</v>
      </c>
      <c r="BH1587" s="166">
        <v>0</v>
      </c>
      <c r="BI1587" s="166">
        <v>0</v>
      </c>
      <c r="BJ1587" s="166">
        <v>0</v>
      </c>
      <c r="BK1587" s="166">
        <v>0</v>
      </c>
      <c r="BL1587" s="166">
        <v>0</v>
      </c>
      <c r="BM1587" s="166">
        <v>0</v>
      </c>
      <c r="BN1587" s="166">
        <v>0</v>
      </c>
      <c r="BO1587" s="166">
        <v>0</v>
      </c>
      <c r="BP1587" s="166">
        <v>0</v>
      </c>
      <c r="BQ1587" s="166">
        <v>0</v>
      </c>
      <c r="BR1587" s="166">
        <v>105176579.328307</v>
      </c>
      <c r="BS1587" s="166">
        <v>105176579.328307</v>
      </c>
      <c r="BT1587" s="168">
        <v>0</v>
      </c>
      <c r="BU1587" s="166">
        <v>0</v>
      </c>
      <c r="BV1587" s="166">
        <v>0</v>
      </c>
      <c r="BW1587" s="166">
        <v>0</v>
      </c>
      <c r="BX1587" s="166">
        <v>0</v>
      </c>
      <c r="BY1587" s="166">
        <v>0</v>
      </c>
      <c r="BZ1587" s="166">
        <v>0</v>
      </c>
      <c r="CA1587" s="166">
        <v>0</v>
      </c>
      <c r="CB1587" s="166">
        <v>0</v>
      </c>
      <c r="CC1587" s="166">
        <v>0</v>
      </c>
      <c r="CD1587" s="166">
        <v>0</v>
      </c>
      <c r="CE1587" s="166">
        <v>0</v>
      </c>
      <c r="CF1587" s="166">
        <v>0</v>
      </c>
      <c r="CG1587" s="166">
        <v>0</v>
      </c>
      <c r="CH1587" s="166">
        <v>0</v>
      </c>
      <c r="CI1587" s="166">
        <v>0</v>
      </c>
      <c r="CJ1587" s="166">
        <v>0</v>
      </c>
      <c r="CK1587" s="166">
        <v>0</v>
      </c>
      <c r="CL1587" s="166">
        <v>0</v>
      </c>
      <c r="CM1587" s="166">
        <v>0</v>
      </c>
      <c r="CN1587" s="166">
        <v>0</v>
      </c>
      <c r="CO1587" s="166">
        <v>0</v>
      </c>
      <c r="CP1587" s="166">
        <v>0</v>
      </c>
      <c r="CQ1587" s="166">
        <v>0</v>
      </c>
      <c r="CR1587" s="166">
        <v>0</v>
      </c>
      <c r="CS1587" s="166">
        <v>0</v>
      </c>
      <c r="CT1587" s="166">
        <v>0</v>
      </c>
      <c r="CU1587" s="166">
        <v>0</v>
      </c>
      <c r="CV1587" s="166">
        <v>0</v>
      </c>
      <c r="CW1587" s="166">
        <v>0</v>
      </c>
      <c r="CX1587" s="166">
        <v>0</v>
      </c>
      <c r="CY1587" s="166">
        <v>0</v>
      </c>
      <c r="CZ1587" s="166">
        <v>0</v>
      </c>
    </row>
    <row r="1588" spans="1:104" x14ac:dyDescent="0.2">
      <c r="A1588" s="167" t="s">
        <v>555</v>
      </c>
      <c r="B1588" s="166">
        <v>6572041.1281747902</v>
      </c>
      <c r="C1588" s="166">
        <v>6572041.1281747902</v>
      </c>
      <c r="D1588" s="166">
        <v>0</v>
      </c>
      <c r="E1588" s="166">
        <v>0</v>
      </c>
      <c r="F1588" s="166">
        <v>0</v>
      </c>
      <c r="G1588" s="166">
        <v>0</v>
      </c>
      <c r="H1588" s="166">
        <v>0</v>
      </c>
      <c r="I1588" s="166">
        <v>0</v>
      </c>
      <c r="J1588" s="166">
        <v>0</v>
      </c>
      <c r="K1588" s="166">
        <v>0</v>
      </c>
      <c r="L1588" s="166">
        <v>0</v>
      </c>
      <c r="M1588" s="166">
        <v>0</v>
      </c>
      <c r="N1588" s="166">
        <v>0</v>
      </c>
      <c r="O1588" s="166">
        <v>0</v>
      </c>
      <c r="P1588" s="166">
        <v>0</v>
      </c>
      <c r="Q1588" s="166">
        <v>0</v>
      </c>
      <c r="R1588" s="166">
        <v>0</v>
      </c>
      <c r="S1588" s="166">
        <v>0</v>
      </c>
      <c r="T1588" s="166">
        <v>0</v>
      </c>
      <c r="U1588" s="166">
        <v>0</v>
      </c>
      <c r="V1588" s="166">
        <v>0</v>
      </c>
      <c r="W1588" s="166">
        <v>0</v>
      </c>
      <c r="X1588" s="166">
        <v>0</v>
      </c>
      <c r="Y1588" s="166">
        <v>0</v>
      </c>
      <c r="Z1588" s="166">
        <v>0</v>
      </c>
      <c r="AA1588" s="166">
        <v>0</v>
      </c>
      <c r="AB1588" s="166">
        <v>0</v>
      </c>
      <c r="AC1588" s="166">
        <v>0</v>
      </c>
      <c r="AD1588" s="166">
        <v>0</v>
      </c>
      <c r="AE1588" s="166">
        <v>0</v>
      </c>
      <c r="AF1588" s="166">
        <v>0</v>
      </c>
      <c r="AG1588" s="166">
        <v>0</v>
      </c>
      <c r="AH1588" s="166">
        <v>0</v>
      </c>
      <c r="AI1588" s="166">
        <v>0</v>
      </c>
      <c r="AJ1588" s="166">
        <v>0</v>
      </c>
      <c r="AK1588" s="166">
        <v>0</v>
      </c>
      <c r="AL1588" s="166">
        <v>0</v>
      </c>
      <c r="AM1588" s="166">
        <v>0</v>
      </c>
      <c r="AN1588" s="166">
        <v>0</v>
      </c>
      <c r="AO1588" s="166">
        <v>0</v>
      </c>
      <c r="AP1588" s="166">
        <v>0</v>
      </c>
      <c r="AQ1588" s="166">
        <v>0</v>
      </c>
      <c r="AR1588" s="166">
        <v>0</v>
      </c>
      <c r="AS1588" s="166">
        <v>0</v>
      </c>
      <c r="AT1588" s="166">
        <v>0</v>
      </c>
      <c r="AU1588" s="166">
        <v>0</v>
      </c>
      <c r="AV1588" s="166">
        <v>0</v>
      </c>
      <c r="AW1588" s="166">
        <v>0</v>
      </c>
      <c r="AX1588" s="166">
        <v>0</v>
      </c>
      <c r="AY1588" s="166">
        <v>0</v>
      </c>
      <c r="AZ1588" s="166">
        <v>0</v>
      </c>
      <c r="BA1588" s="166">
        <v>0</v>
      </c>
      <c r="BB1588" s="166">
        <v>0</v>
      </c>
      <c r="BC1588" s="166">
        <v>0</v>
      </c>
      <c r="BD1588" s="166">
        <v>0</v>
      </c>
      <c r="BE1588" s="166">
        <v>0</v>
      </c>
      <c r="BF1588" s="166">
        <v>0</v>
      </c>
      <c r="BG1588" s="166">
        <v>0</v>
      </c>
      <c r="BH1588" s="166">
        <v>0</v>
      </c>
      <c r="BI1588" s="166">
        <v>0</v>
      </c>
      <c r="BJ1588" s="166">
        <v>0</v>
      </c>
      <c r="BK1588" s="166">
        <v>0</v>
      </c>
      <c r="BL1588" s="166">
        <v>0</v>
      </c>
      <c r="BM1588" s="166">
        <v>0</v>
      </c>
      <c r="BN1588" s="166">
        <v>0</v>
      </c>
      <c r="BO1588" s="166">
        <v>0</v>
      </c>
      <c r="BP1588" s="166">
        <v>0</v>
      </c>
      <c r="BQ1588" s="166">
        <v>0</v>
      </c>
      <c r="BR1588" s="166">
        <v>6572041.1281747902</v>
      </c>
      <c r="BS1588" s="166">
        <v>6572041.1281747902</v>
      </c>
      <c r="BT1588" s="168">
        <v>0</v>
      </c>
      <c r="BU1588" s="166">
        <v>0</v>
      </c>
      <c r="BV1588" s="166">
        <v>0</v>
      </c>
      <c r="BW1588" s="166">
        <v>0</v>
      </c>
      <c r="BX1588" s="166">
        <v>0</v>
      </c>
      <c r="BY1588" s="166">
        <v>0</v>
      </c>
      <c r="BZ1588" s="166">
        <v>0</v>
      </c>
      <c r="CA1588" s="166">
        <v>0</v>
      </c>
      <c r="CB1588" s="166">
        <v>0</v>
      </c>
      <c r="CC1588" s="166">
        <v>0</v>
      </c>
      <c r="CD1588" s="166">
        <v>0</v>
      </c>
      <c r="CE1588" s="166">
        <v>0</v>
      </c>
      <c r="CF1588" s="166">
        <v>0</v>
      </c>
      <c r="CG1588" s="166">
        <v>0</v>
      </c>
      <c r="CH1588" s="166">
        <v>0</v>
      </c>
      <c r="CI1588" s="166">
        <v>0</v>
      </c>
      <c r="CJ1588" s="166">
        <v>0</v>
      </c>
      <c r="CK1588" s="166">
        <v>0</v>
      </c>
      <c r="CL1588" s="166">
        <v>0</v>
      </c>
      <c r="CM1588" s="166">
        <v>0</v>
      </c>
      <c r="CN1588" s="166">
        <v>0</v>
      </c>
      <c r="CO1588" s="166">
        <v>0</v>
      </c>
      <c r="CP1588" s="166">
        <v>0</v>
      </c>
      <c r="CQ1588" s="166">
        <v>0</v>
      </c>
      <c r="CR1588" s="166">
        <v>0</v>
      </c>
      <c r="CS1588" s="166">
        <v>0</v>
      </c>
      <c r="CT1588" s="166">
        <v>0</v>
      </c>
      <c r="CU1588" s="166">
        <v>0</v>
      </c>
      <c r="CV1588" s="166">
        <v>0</v>
      </c>
      <c r="CW1588" s="166">
        <v>0</v>
      </c>
      <c r="CX1588" s="166">
        <v>0</v>
      </c>
      <c r="CY1588" s="166">
        <v>0</v>
      </c>
      <c r="CZ1588" s="166">
        <v>0</v>
      </c>
    </row>
    <row r="1589" spans="1:104" x14ac:dyDescent="0.2">
      <c r="A1589" s="167" t="s">
        <v>556</v>
      </c>
      <c r="B1589" s="166">
        <v>3829195.9581212802</v>
      </c>
      <c r="C1589" s="166">
        <v>3829195.9581212802</v>
      </c>
      <c r="D1589" s="166">
        <v>0</v>
      </c>
      <c r="E1589" s="166">
        <v>0</v>
      </c>
      <c r="F1589" s="166">
        <v>0</v>
      </c>
      <c r="G1589" s="166">
        <v>0</v>
      </c>
      <c r="H1589" s="166">
        <v>0</v>
      </c>
      <c r="I1589" s="166">
        <v>0</v>
      </c>
      <c r="J1589" s="166">
        <v>0</v>
      </c>
      <c r="K1589" s="166">
        <v>0</v>
      </c>
      <c r="L1589" s="166">
        <v>0</v>
      </c>
      <c r="M1589" s="166">
        <v>0</v>
      </c>
      <c r="N1589" s="166">
        <v>0</v>
      </c>
      <c r="O1589" s="166">
        <v>0</v>
      </c>
      <c r="P1589" s="166">
        <v>0</v>
      </c>
      <c r="Q1589" s="166">
        <v>0</v>
      </c>
      <c r="R1589" s="166">
        <v>0</v>
      </c>
      <c r="S1589" s="166">
        <v>0</v>
      </c>
      <c r="T1589" s="166">
        <v>0</v>
      </c>
      <c r="U1589" s="166">
        <v>0</v>
      </c>
      <c r="V1589" s="166">
        <v>0</v>
      </c>
      <c r="W1589" s="166">
        <v>0</v>
      </c>
      <c r="X1589" s="166">
        <v>0</v>
      </c>
      <c r="Y1589" s="166">
        <v>0</v>
      </c>
      <c r="Z1589" s="166">
        <v>0</v>
      </c>
      <c r="AA1589" s="166">
        <v>0</v>
      </c>
      <c r="AB1589" s="166">
        <v>0</v>
      </c>
      <c r="AC1589" s="166">
        <v>0</v>
      </c>
      <c r="AD1589" s="166">
        <v>0</v>
      </c>
      <c r="AE1589" s="166">
        <v>0</v>
      </c>
      <c r="AF1589" s="166">
        <v>0</v>
      </c>
      <c r="AG1589" s="166">
        <v>0</v>
      </c>
      <c r="AH1589" s="166">
        <v>0</v>
      </c>
      <c r="AI1589" s="166">
        <v>0</v>
      </c>
      <c r="AJ1589" s="166">
        <v>0</v>
      </c>
      <c r="AK1589" s="166">
        <v>0</v>
      </c>
      <c r="AL1589" s="166">
        <v>0</v>
      </c>
      <c r="AM1589" s="166">
        <v>0</v>
      </c>
      <c r="AN1589" s="166">
        <v>0</v>
      </c>
      <c r="AO1589" s="166">
        <v>0</v>
      </c>
      <c r="AP1589" s="166">
        <v>0</v>
      </c>
      <c r="AQ1589" s="166">
        <v>0</v>
      </c>
      <c r="AR1589" s="166">
        <v>0</v>
      </c>
      <c r="AS1589" s="166">
        <v>0</v>
      </c>
      <c r="AT1589" s="166">
        <v>0</v>
      </c>
      <c r="AU1589" s="166">
        <v>0</v>
      </c>
      <c r="AV1589" s="166">
        <v>0</v>
      </c>
      <c r="AW1589" s="166">
        <v>0</v>
      </c>
      <c r="AX1589" s="166">
        <v>0</v>
      </c>
      <c r="AY1589" s="166">
        <v>0</v>
      </c>
      <c r="AZ1589" s="166">
        <v>0</v>
      </c>
      <c r="BA1589" s="166">
        <v>0</v>
      </c>
      <c r="BB1589" s="166">
        <v>0</v>
      </c>
      <c r="BC1589" s="166">
        <v>0</v>
      </c>
      <c r="BD1589" s="166">
        <v>0</v>
      </c>
      <c r="BE1589" s="166">
        <v>0</v>
      </c>
      <c r="BF1589" s="166">
        <v>0</v>
      </c>
      <c r="BG1589" s="166">
        <v>0</v>
      </c>
      <c r="BH1589" s="166">
        <v>0</v>
      </c>
      <c r="BI1589" s="166">
        <v>0</v>
      </c>
      <c r="BJ1589" s="166">
        <v>0</v>
      </c>
      <c r="BK1589" s="166">
        <v>0</v>
      </c>
      <c r="BL1589" s="166">
        <v>0</v>
      </c>
      <c r="BM1589" s="166">
        <v>0</v>
      </c>
      <c r="BN1589" s="166">
        <v>0</v>
      </c>
      <c r="BO1589" s="166">
        <v>0</v>
      </c>
      <c r="BP1589" s="166">
        <v>0</v>
      </c>
      <c r="BQ1589" s="166">
        <v>0</v>
      </c>
      <c r="BR1589" s="166">
        <v>3829195.9581212802</v>
      </c>
      <c r="BS1589" s="166">
        <v>3829195.9581212802</v>
      </c>
      <c r="BT1589" s="168">
        <v>0</v>
      </c>
      <c r="BU1589" s="166">
        <v>0</v>
      </c>
      <c r="BV1589" s="166">
        <v>0</v>
      </c>
      <c r="BW1589" s="166">
        <v>0</v>
      </c>
      <c r="BX1589" s="166">
        <v>0</v>
      </c>
      <c r="BY1589" s="166">
        <v>0</v>
      </c>
      <c r="BZ1589" s="166">
        <v>0</v>
      </c>
      <c r="CA1589" s="166">
        <v>0</v>
      </c>
      <c r="CB1589" s="166">
        <v>0</v>
      </c>
      <c r="CC1589" s="166">
        <v>0</v>
      </c>
      <c r="CD1589" s="166">
        <v>0</v>
      </c>
      <c r="CE1589" s="166">
        <v>0</v>
      </c>
      <c r="CF1589" s="166">
        <v>0</v>
      </c>
      <c r="CG1589" s="166">
        <v>0</v>
      </c>
      <c r="CH1589" s="166">
        <v>0</v>
      </c>
      <c r="CI1589" s="166">
        <v>0</v>
      </c>
      <c r="CJ1589" s="166">
        <v>0</v>
      </c>
      <c r="CK1589" s="166">
        <v>0</v>
      </c>
      <c r="CL1589" s="166">
        <v>0</v>
      </c>
      <c r="CM1589" s="166">
        <v>0</v>
      </c>
      <c r="CN1589" s="166">
        <v>0</v>
      </c>
      <c r="CO1589" s="166">
        <v>0</v>
      </c>
      <c r="CP1589" s="166">
        <v>0</v>
      </c>
      <c r="CQ1589" s="166">
        <v>0</v>
      </c>
      <c r="CR1589" s="166">
        <v>0</v>
      </c>
      <c r="CS1589" s="166">
        <v>0</v>
      </c>
      <c r="CT1589" s="166">
        <v>0</v>
      </c>
      <c r="CU1589" s="166">
        <v>0</v>
      </c>
      <c r="CV1589" s="166">
        <v>0</v>
      </c>
      <c r="CW1589" s="166">
        <v>0</v>
      </c>
      <c r="CX1589" s="166">
        <v>0</v>
      </c>
      <c r="CY1589" s="166">
        <v>0</v>
      </c>
      <c r="CZ1589" s="166">
        <v>0</v>
      </c>
    </row>
    <row r="1590" spans="1:104" x14ac:dyDescent="0.2">
      <c r="A1590" s="167" t="s">
        <v>557</v>
      </c>
      <c r="B1590" s="166">
        <v>759762.74</v>
      </c>
      <c r="C1590" s="166">
        <v>759762.74</v>
      </c>
      <c r="D1590" s="166">
        <v>0</v>
      </c>
      <c r="E1590" s="166">
        <v>0</v>
      </c>
      <c r="F1590" s="166">
        <v>0</v>
      </c>
      <c r="G1590" s="166">
        <v>0</v>
      </c>
      <c r="H1590" s="166">
        <v>0</v>
      </c>
      <c r="I1590" s="166">
        <v>0</v>
      </c>
      <c r="J1590" s="166">
        <v>0</v>
      </c>
      <c r="K1590" s="166">
        <v>0</v>
      </c>
      <c r="L1590" s="166">
        <v>0</v>
      </c>
      <c r="M1590" s="166">
        <v>0</v>
      </c>
      <c r="N1590" s="166">
        <v>0</v>
      </c>
      <c r="O1590" s="166">
        <v>0</v>
      </c>
      <c r="P1590" s="166">
        <v>0</v>
      </c>
      <c r="Q1590" s="166">
        <v>0</v>
      </c>
      <c r="R1590" s="166">
        <v>0</v>
      </c>
      <c r="S1590" s="166">
        <v>0</v>
      </c>
      <c r="T1590" s="166">
        <v>0</v>
      </c>
      <c r="U1590" s="166">
        <v>0</v>
      </c>
      <c r="V1590" s="166">
        <v>0</v>
      </c>
      <c r="W1590" s="166">
        <v>0</v>
      </c>
      <c r="X1590" s="166">
        <v>0</v>
      </c>
      <c r="Y1590" s="166">
        <v>0</v>
      </c>
      <c r="Z1590" s="166">
        <v>0</v>
      </c>
      <c r="AA1590" s="166">
        <v>0</v>
      </c>
      <c r="AB1590" s="166">
        <v>0</v>
      </c>
      <c r="AC1590" s="166">
        <v>0</v>
      </c>
      <c r="AD1590" s="166">
        <v>0</v>
      </c>
      <c r="AE1590" s="166">
        <v>0</v>
      </c>
      <c r="AF1590" s="166">
        <v>0</v>
      </c>
      <c r="AG1590" s="166">
        <v>0</v>
      </c>
      <c r="AH1590" s="166">
        <v>0</v>
      </c>
      <c r="AI1590" s="166">
        <v>0</v>
      </c>
      <c r="AJ1590" s="166">
        <v>0</v>
      </c>
      <c r="AK1590" s="166">
        <v>0</v>
      </c>
      <c r="AL1590" s="166">
        <v>0</v>
      </c>
      <c r="AM1590" s="166">
        <v>0</v>
      </c>
      <c r="AN1590" s="166">
        <v>0</v>
      </c>
      <c r="AO1590" s="166">
        <v>0</v>
      </c>
      <c r="AP1590" s="166">
        <v>0</v>
      </c>
      <c r="AQ1590" s="166">
        <v>0</v>
      </c>
      <c r="AR1590" s="166">
        <v>0</v>
      </c>
      <c r="AS1590" s="166">
        <v>0</v>
      </c>
      <c r="AT1590" s="166">
        <v>0</v>
      </c>
      <c r="AU1590" s="166">
        <v>0</v>
      </c>
      <c r="AV1590" s="166">
        <v>0</v>
      </c>
      <c r="AW1590" s="166">
        <v>0</v>
      </c>
      <c r="AX1590" s="166">
        <v>0</v>
      </c>
      <c r="AY1590" s="166">
        <v>0</v>
      </c>
      <c r="AZ1590" s="166">
        <v>0</v>
      </c>
      <c r="BA1590" s="166">
        <v>0</v>
      </c>
      <c r="BB1590" s="166">
        <v>0</v>
      </c>
      <c r="BC1590" s="166">
        <v>0</v>
      </c>
      <c r="BD1590" s="166">
        <v>0</v>
      </c>
      <c r="BE1590" s="166">
        <v>0</v>
      </c>
      <c r="BF1590" s="166">
        <v>0</v>
      </c>
      <c r="BG1590" s="166">
        <v>0</v>
      </c>
      <c r="BH1590" s="166">
        <v>0</v>
      </c>
      <c r="BI1590" s="166">
        <v>0</v>
      </c>
      <c r="BJ1590" s="166">
        <v>0</v>
      </c>
      <c r="BK1590" s="166">
        <v>0</v>
      </c>
      <c r="BL1590" s="166">
        <v>0</v>
      </c>
      <c r="BM1590" s="166">
        <v>0</v>
      </c>
      <c r="BN1590" s="166">
        <v>0</v>
      </c>
      <c r="BO1590" s="166">
        <v>0</v>
      </c>
      <c r="BP1590" s="166">
        <v>0</v>
      </c>
      <c r="BQ1590" s="166">
        <v>0</v>
      </c>
      <c r="BR1590" s="166">
        <v>759762.74</v>
      </c>
      <c r="BS1590" s="166">
        <v>759762.74</v>
      </c>
      <c r="BT1590" s="168">
        <v>0</v>
      </c>
      <c r="BU1590" s="166">
        <v>0</v>
      </c>
      <c r="BV1590" s="166">
        <v>0</v>
      </c>
      <c r="BW1590" s="166">
        <v>0</v>
      </c>
      <c r="BX1590" s="166">
        <v>0</v>
      </c>
      <c r="BY1590" s="166">
        <v>0</v>
      </c>
      <c r="BZ1590" s="166">
        <v>0</v>
      </c>
      <c r="CA1590" s="166">
        <v>0</v>
      </c>
      <c r="CB1590" s="166">
        <v>0</v>
      </c>
      <c r="CC1590" s="166">
        <v>0</v>
      </c>
      <c r="CD1590" s="166">
        <v>0</v>
      </c>
      <c r="CE1590" s="166">
        <v>0</v>
      </c>
      <c r="CF1590" s="166">
        <v>0</v>
      </c>
      <c r="CG1590" s="166">
        <v>0</v>
      </c>
      <c r="CH1590" s="166">
        <v>0</v>
      </c>
      <c r="CI1590" s="166">
        <v>0</v>
      </c>
      <c r="CJ1590" s="166">
        <v>0</v>
      </c>
      <c r="CK1590" s="166">
        <v>0</v>
      </c>
      <c r="CL1590" s="166">
        <v>0</v>
      </c>
      <c r="CM1590" s="166">
        <v>0</v>
      </c>
      <c r="CN1590" s="166">
        <v>0</v>
      </c>
      <c r="CO1590" s="166">
        <v>0</v>
      </c>
      <c r="CP1590" s="166">
        <v>0</v>
      </c>
      <c r="CQ1590" s="166">
        <v>0</v>
      </c>
      <c r="CR1590" s="166">
        <v>0</v>
      </c>
      <c r="CS1590" s="166">
        <v>0</v>
      </c>
      <c r="CT1590" s="166">
        <v>0</v>
      </c>
      <c r="CU1590" s="166">
        <v>0</v>
      </c>
      <c r="CV1590" s="166">
        <v>0</v>
      </c>
      <c r="CW1590" s="166">
        <v>0</v>
      </c>
      <c r="CX1590" s="166">
        <v>0</v>
      </c>
      <c r="CY1590" s="166">
        <v>0</v>
      </c>
      <c r="CZ1590" s="166">
        <v>0</v>
      </c>
    </row>
    <row r="1591" spans="1:104" x14ac:dyDescent="0.2">
      <c r="A1591" s="177" t="s">
        <v>558</v>
      </c>
      <c r="B1591" s="166">
        <v>116337579.154603</v>
      </c>
      <c r="C1591" s="166">
        <v>116337579.154603</v>
      </c>
      <c r="D1591" s="166">
        <v>0</v>
      </c>
      <c r="E1591" s="166">
        <v>0</v>
      </c>
      <c r="F1591" s="166">
        <v>0</v>
      </c>
      <c r="G1591" s="166">
        <v>0</v>
      </c>
      <c r="H1591" s="166">
        <v>0</v>
      </c>
      <c r="I1591" s="166">
        <v>0</v>
      </c>
      <c r="J1591" s="166">
        <v>0</v>
      </c>
      <c r="K1591" s="166">
        <v>0</v>
      </c>
      <c r="L1591" s="166">
        <v>0</v>
      </c>
      <c r="M1591" s="166">
        <v>0</v>
      </c>
      <c r="N1591" s="166">
        <v>0</v>
      </c>
      <c r="O1591" s="166">
        <v>0</v>
      </c>
      <c r="P1591" s="166">
        <v>0</v>
      </c>
      <c r="Q1591" s="166">
        <v>0</v>
      </c>
      <c r="R1591" s="166">
        <v>0</v>
      </c>
      <c r="S1591" s="166">
        <v>0</v>
      </c>
      <c r="T1591" s="166">
        <v>0</v>
      </c>
      <c r="U1591" s="166">
        <v>0</v>
      </c>
      <c r="V1591" s="166">
        <v>0</v>
      </c>
      <c r="W1591" s="166">
        <v>0</v>
      </c>
      <c r="X1591" s="166">
        <v>0</v>
      </c>
      <c r="Y1591" s="166">
        <v>0</v>
      </c>
      <c r="Z1591" s="166">
        <v>0</v>
      </c>
      <c r="AA1591" s="166">
        <v>0</v>
      </c>
      <c r="AB1591" s="166">
        <v>0</v>
      </c>
      <c r="AC1591" s="166">
        <v>0</v>
      </c>
      <c r="AD1591" s="166">
        <v>0</v>
      </c>
      <c r="AE1591" s="166">
        <v>0</v>
      </c>
      <c r="AF1591" s="166">
        <v>0</v>
      </c>
      <c r="AG1591" s="166">
        <v>0</v>
      </c>
      <c r="AH1591" s="166">
        <v>0</v>
      </c>
      <c r="AI1591" s="166">
        <v>0</v>
      </c>
      <c r="AJ1591" s="166">
        <v>0</v>
      </c>
      <c r="AK1591" s="166">
        <v>0</v>
      </c>
      <c r="AL1591" s="166">
        <v>0</v>
      </c>
      <c r="AM1591" s="166">
        <v>0</v>
      </c>
      <c r="AN1591" s="166">
        <v>0</v>
      </c>
      <c r="AO1591" s="166">
        <v>0</v>
      </c>
      <c r="AP1591" s="166">
        <v>0</v>
      </c>
      <c r="AQ1591" s="166">
        <v>0</v>
      </c>
      <c r="AR1591" s="166">
        <v>0</v>
      </c>
      <c r="AS1591" s="166">
        <v>0</v>
      </c>
      <c r="AT1591" s="166">
        <v>0</v>
      </c>
      <c r="AU1591" s="166">
        <v>0</v>
      </c>
      <c r="AV1591" s="166">
        <v>0</v>
      </c>
      <c r="AW1591" s="166">
        <v>0</v>
      </c>
      <c r="AX1591" s="166">
        <v>0</v>
      </c>
      <c r="AY1591" s="166">
        <v>0</v>
      </c>
      <c r="AZ1591" s="166">
        <v>0</v>
      </c>
      <c r="BA1591" s="166">
        <v>0</v>
      </c>
      <c r="BB1591" s="166">
        <v>0</v>
      </c>
      <c r="BC1591" s="166">
        <v>0</v>
      </c>
      <c r="BD1591" s="166">
        <v>0</v>
      </c>
      <c r="BE1591" s="166">
        <v>0</v>
      </c>
      <c r="BF1591" s="166">
        <v>0</v>
      </c>
      <c r="BG1591" s="166">
        <v>0</v>
      </c>
      <c r="BH1591" s="166">
        <v>0</v>
      </c>
      <c r="BI1591" s="166">
        <v>0</v>
      </c>
      <c r="BJ1591" s="166">
        <v>0</v>
      </c>
      <c r="BK1591" s="166">
        <v>0</v>
      </c>
      <c r="BL1591" s="166">
        <v>0</v>
      </c>
      <c r="BM1591" s="166">
        <v>0</v>
      </c>
      <c r="BN1591" s="166">
        <v>0</v>
      </c>
      <c r="BO1591" s="166">
        <v>0</v>
      </c>
      <c r="BP1591" s="166">
        <v>0</v>
      </c>
      <c r="BQ1591" s="166">
        <v>0</v>
      </c>
      <c r="BR1591" s="166">
        <v>116337579.154603</v>
      </c>
      <c r="BS1591" s="166">
        <v>116337579.154603</v>
      </c>
      <c r="BT1591" s="168">
        <v>0</v>
      </c>
      <c r="BU1591" s="166">
        <v>0</v>
      </c>
      <c r="BV1591" s="166">
        <v>0</v>
      </c>
      <c r="BW1591" s="166">
        <v>0</v>
      </c>
      <c r="BX1591" s="166">
        <v>0</v>
      </c>
      <c r="BY1591" s="166">
        <v>0</v>
      </c>
      <c r="BZ1591" s="166">
        <v>0</v>
      </c>
      <c r="CA1591" s="166">
        <v>0</v>
      </c>
      <c r="CB1591" s="166">
        <v>0</v>
      </c>
      <c r="CC1591" s="166">
        <v>0</v>
      </c>
      <c r="CD1591" s="166">
        <v>0</v>
      </c>
      <c r="CE1591" s="166">
        <v>0</v>
      </c>
      <c r="CF1591" s="166">
        <v>0</v>
      </c>
      <c r="CG1591" s="166">
        <v>0</v>
      </c>
      <c r="CH1591" s="166">
        <v>0</v>
      </c>
      <c r="CI1591" s="166">
        <v>0</v>
      </c>
      <c r="CJ1591" s="166">
        <v>0</v>
      </c>
      <c r="CK1591" s="166">
        <v>0</v>
      </c>
      <c r="CL1591" s="166">
        <v>0</v>
      </c>
      <c r="CM1591" s="166">
        <v>0</v>
      </c>
      <c r="CN1591" s="166">
        <v>0</v>
      </c>
      <c r="CO1591" s="166">
        <v>0</v>
      </c>
      <c r="CP1591" s="166">
        <v>0</v>
      </c>
      <c r="CQ1591" s="166">
        <v>0</v>
      </c>
      <c r="CR1591" s="166">
        <v>0</v>
      </c>
      <c r="CS1591" s="166">
        <v>0</v>
      </c>
      <c r="CT1591" s="166">
        <v>0</v>
      </c>
      <c r="CU1591" s="166">
        <v>0</v>
      </c>
      <c r="CV1591" s="166">
        <v>0</v>
      </c>
      <c r="CW1591" s="166">
        <v>0</v>
      </c>
      <c r="CX1591" s="166">
        <v>0</v>
      </c>
      <c r="CY1591" s="166">
        <v>0</v>
      </c>
      <c r="CZ1591" s="166">
        <v>0</v>
      </c>
    </row>
    <row r="1592" spans="1:104" x14ac:dyDescent="0.2">
      <c r="A1592" s="167" t="s">
        <v>559</v>
      </c>
      <c r="B1592" s="166">
        <v>0</v>
      </c>
      <c r="C1592" s="166">
        <v>0</v>
      </c>
      <c r="D1592" s="166">
        <v>0</v>
      </c>
      <c r="E1592" s="166">
        <v>0</v>
      </c>
      <c r="F1592" s="166">
        <v>0</v>
      </c>
      <c r="G1592" s="166">
        <v>0</v>
      </c>
      <c r="H1592" s="166">
        <v>0</v>
      </c>
      <c r="I1592" s="166">
        <v>0</v>
      </c>
      <c r="J1592" s="166">
        <v>0</v>
      </c>
      <c r="K1592" s="166">
        <v>0</v>
      </c>
      <c r="L1592" s="166">
        <v>0</v>
      </c>
      <c r="M1592" s="166">
        <v>0</v>
      </c>
      <c r="N1592" s="166">
        <v>0</v>
      </c>
      <c r="O1592" s="166">
        <v>0</v>
      </c>
      <c r="P1592" s="166">
        <v>0</v>
      </c>
      <c r="Q1592" s="166">
        <v>0</v>
      </c>
      <c r="R1592" s="166">
        <v>0</v>
      </c>
      <c r="S1592" s="166">
        <v>0</v>
      </c>
      <c r="T1592" s="166">
        <v>0</v>
      </c>
      <c r="U1592" s="166">
        <v>0</v>
      </c>
      <c r="V1592" s="166">
        <v>0</v>
      </c>
      <c r="W1592" s="166">
        <v>0</v>
      </c>
      <c r="X1592" s="166">
        <v>0</v>
      </c>
      <c r="Y1592" s="166">
        <v>0</v>
      </c>
      <c r="Z1592" s="166">
        <v>0</v>
      </c>
      <c r="AA1592" s="166">
        <v>0</v>
      </c>
      <c r="AB1592" s="166">
        <v>0</v>
      </c>
      <c r="AC1592" s="166">
        <v>0</v>
      </c>
      <c r="AD1592" s="166">
        <v>0</v>
      </c>
      <c r="AE1592" s="166">
        <v>0</v>
      </c>
      <c r="AF1592" s="166">
        <v>0</v>
      </c>
      <c r="AG1592" s="166">
        <v>0</v>
      </c>
      <c r="AH1592" s="166">
        <v>0</v>
      </c>
      <c r="AI1592" s="166">
        <v>0</v>
      </c>
      <c r="AJ1592" s="166">
        <v>0</v>
      </c>
      <c r="AK1592" s="166">
        <v>0</v>
      </c>
      <c r="AL1592" s="166">
        <v>0</v>
      </c>
      <c r="AM1592" s="166">
        <v>0</v>
      </c>
      <c r="AN1592" s="166">
        <v>0</v>
      </c>
      <c r="AO1592" s="166">
        <v>0</v>
      </c>
      <c r="AP1592" s="166">
        <v>0</v>
      </c>
      <c r="AQ1592" s="166">
        <v>0</v>
      </c>
      <c r="AR1592" s="166">
        <v>0</v>
      </c>
      <c r="AS1592" s="166">
        <v>0</v>
      </c>
      <c r="AT1592" s="166">
        <v>0</v>
      </c>
      <c r="AU1592" s="166">
        <v>0</v>
      </c>
      <c r="AV1592" s="166">
        <v>0</v>
      </c>
      <c r="AW1592" s="166">
        <v>0</v>
      </c>
      <c r="AX1592" s="166">
        <v>0</v>
      </c>
      <c r="AY1592" s="166">
        <v>0</v>
      </c>
      <c r="AZ1592" s="166">
        <v>0</v>
      </c>
      <c r="BA1592" s="166">
        <v>0</v>
      </c>
      <c r="BB1592" s="166">
        <v>0</v>
      </c>
      <c r="BC1592" s="166">
        <v>0</v>
      </c>
      <c r="BD1592" s="166">
        <v>0</v>
      </c>
      <c r="BE1592" s="166">
        <v>0</v>
      </c>
      <c r="BF1592" s="166">
        <v>0</v>
      </c>
      <c r="BG1592" s="166">
        <v>0</v>
      </c>
      <c r="BH1592" s="166">
        <v>0</v>
      </c>
      <c r="BI1592" s="166">
        <v>0</v>
      </c>
      <c r="BJ1592" s="166">
        <v>0</v>
      </c>
      <c r="BK1592" s="166">
        <v>0</v>
      </c>
      <c r="BL1592" s="166">
        <v>0</v>
      </c>
      <c r="BM1592" s="166">
        <v>0</v>
      </c>
      <c r="BN1592" s="166">
        <v>0</v>
      </c>
      <c r="BO1592" s="166">
        <v>0</v>
      </c>
      <c r="BP1592" s="166">
        <v>0</v>
      </c>
      <c r="BQ1592" s="166">
        <v>0</v>
      </c>
      <c r="BR1592" s="166">
        <v>0</v>
      </c>
      <c r="BS1592" s="166">
        <v>0</v>
      </c>
      <c r="BT1592" s="168">
        <v>0</v>
      </c>
      <c r="BU1592" s="166">
        <v>0</v>
      </c>
      <c r="BV1592" s="166">
        <v>0</v>
      </c>
      <c r="BW1592" s="166">
        <v>0</v>
      </c>
      <c r="BX1592" s="166">
        <v>0</v>
      </c>
      <c r="BY1592" s="166">
        <v>0</v>
      </c>
      <c r="BZ1592" s="166">
        <v>0</v>
      </c>
      <c r="CA1592" s="166">
        <v>0</v>
      </c>
      <c r="CB1592" s="166">
        <v>0</v>
      </c>
      <c r="CC1592" s="166">
        <v>0</v>
      </c>
      <c r="CD1592" s="166">
        <v>0</v>
      </c>
      <c r="CE1592" s="166">
        <v>0</v>
      </c>
      <c r="CF1592" s="166">
        <v>0</v>
      </c>
      <c r="CG1592" s="166">
        <v>0</v>
      </c>
      <c r="CH1592" s="166">
        <v>0</v>
      </c>
      <c r="CI1592" s="166">
        <v>0</v>
      </c>
      <c r="CJ1592" s="166">
        <v>0</v>
      </c>
      <c r="CK1592" s="166">
        <v>0</v>
      </c>
      <c r="CL1592" s="166">
        <v>0</v>
      </c>
      <c r="CM1592" s="166">
        <v>0</v>
      </c>
      <c r="CN1592" s="166">
        <v>0</v>
      </c>
      <c r="CO1592" s="166">
        <v>0</v>
      </c>
      <c r="CP1592" s="166">
        <v>0</v>
      </c>
      <c r="CQ1592" s="166">
        <v>0</v>
      </c>
      <c r="CR1592" s="166">
        <v>0</v>
      </c>
      <c r="CS1592" s="166">
        <v>0</v>
      </c>
      <c r="CT1592" s="166">
        <v>0</v>
      </c>
      <c r="CU1592" s="166">
        <v>0</v>
      </c>
      <c r="CV1592" s="166">
        <v>0</v>
      </c>
      <c r="CW1592" s="166">
        <v>0</v>
      </c>
      <c r="CX1592" s="166">
        <v>0</v>
      </c>
      <c r="CY1592" s="166">
        <v>0</v>
      </c>
      <c r="CZ1592" s="166">
        <v>0</v>
      </c>
    </row>
    <row r="1593" spans="1:104" x14ac:dyDescent="0.2">
      <c r="A1593" s="167" t="s">
        <v>560</v>
      </c>
      <c r="B1593" s="166">
        <v>25949785.708602399</v>
      </c>
      <c r="C1593" s="166">
        <v>25949785.708602399</v>
      </c>
      <c r="D1593" s="166">
        <v>0</v>
      </c>
      <c r="E1593" s="166">
        <v>0</v>
      </c>
      <c r="F1593" s="166">
        <v>0</v>
      </c>
      <c r="G1593" s="166">
        <v>0</v>
      </c>
      <c r="H1593" s="166">
        <v>0</v>
      </c>
      <c r="I1593" s="166">
        <v>0</v>
      </c>
      <c r="J1593" s="166">
        <v>0</v>
      </c>
      <c r="K1593" s="166">
        <v>0</v>
      </c>
      <c r="L1593" s="166">
        <v>0</v>
      </c>
      <c r="M1593" s="166">
        <v>0</v>
      </c>
      <c r="N1593" s="166">
        <v>0</v>
      </c>
      <c r="O1593" s="166">
        <v>0</v>
      </c>
      <c r="P1593" s="166">
        <v>0</v>
      </c>
      <c r="Q1593" s="166">
        <v>0</v>
      </c>
      <c r="R1593" s="166">
        <v>0</v>
      </c>
      <c r="S1593" s="166">
        <v>0</v>
      </c>
      <c r="T1593" s="166">
        <v>0</v>
      </c>
      <c r="U1593" s="166">
        <v>0</v>
      </c>
      <c r="V1593" s="166">
        <v>0</v>
      </c>
      <c r="W1593" s="166">
        <v>0</v>
      </c>
      <c r="X1593" s="166">
        <v>0</v>
      </c>
      <c r="Y1593" s="166">
        <v>0</v>
      </c>
      <c r="Z1593" s="166">
        <v>0</v>
      </c>
      <c r="AA1593" s="166">
        <v>0</v>
      </c>
      <c r="AB1593" s="166">
        <v>0</v>
      </c>
      <c r="AC1593" s="166">
        <v>0</v>
      </c>
      <c r="AD1593" s="166">
        <v>0</v>
      </c>
      <c r="AE1593" s="166">
        <v>0</v>
      </c>
      <c r="AF1593" s="166">
        <v>0</v>
      </c>
      <c r="AG1593" s="166">
        <v>0</v>
      </c>
      <c r="AH1593" s="166">
        <v>0</v>
      </c>
      <c r="AI1593" s="166">
        <v>0</v>
      </c>
      <c r="AJ1593" s="166">
        <v>0</v>
      </c>
      <c r="AK1593" s="166">
        <v>0</v>
      </c>
      <c r="AL1593" s="166">
        <v>0</v>
      </c>
      <c r="AM1593" s="166">
        <v>0</v>
      </c>
      <c r="AN1593" s="166">
        <v>0</v>
      </c>
      <c r="AO1593" s="166">
        <v>0</v>
      </c>
      <c r="AP1593" s="166">
        <v>0</v>
      </c>
      <c r="AQ1593" s="166">
        <v>0</v>
      </c>
      <c r="AR1593" s="166">
        <v>0</v>
      </c>
      <c r="AS1593" s="166">
        <v>0</v>
      </c>
      <c r="AT1593" s="166">
        <v>0</v>
      </c>
      <c r="AU1593" s="166">
        <v>0</v>
      </c>
      <c r="AV1593" s="166">
        <v>0</v>
      </c>
      <c r="AW1593" s="166">
        <v>0</v>
      </c>
      <c r="AX1593" s="166">
        <v>0</v>
      </c>
      <c r="AY1593" s="166">
        <v>0</v>
      </c>
      <c r="AZ1593" s="166">
        <v>0</v>
      </c>
      <c r="BA1593" s="166">
        <v>0</v>
      </c>
      <c r="BB1593" s="166">
        <v>0</v>
      </c>
      <c r="BC1593" s="166">
        <v>0</v>
      </c>
      <c r="BD1593" s="166">
        <v>0</v>
      </c>
      <c r="BE1593" s="166">
        <v>0</v>
      </c>
      <c r="BF1593" s="166">
        <v>0</v>
      </c>
      <c r="BG1593" s="166">
        <v>0</v>
      </c>
      <c r="BH1593" s="166">
        <v>0</v>
      </c>
      <c r="BI1593" s="166">
        <v>0</v>
      </c>
      <c r="BJ1593" s="166">
        <v>0</v>
      </c>
      <c r="BK1593" s="166">
        <v>0</v>
      </c>
      <c r="BL1593" s="166">
        <v>0</v>
      </c>
      <c r="BM1593" s="166">
        <v>0</v>
      </c>
      <c r="BN1593" s="166">
        <v>0</v>
      </c>
      <c r="BO1593" s="166">
        <v>0</v>
      </c>
      <c r="BP1593" s="166">
        <v>0</v>
      </c>
      <c r="BQ1593" s="166">
        <v>0</v>
      </c>
      <c r="BR1593" s="166">
        <v>25949785.708602399</v>
      </c>
      <c r="BS1593" s="166">
        <v>25949785.708602399</v>
      </c>
      <c r="BT1593" s="168">
        <v>0</v>
      </c>
      <c r="BU1593" s="166">
        <v>0</v>
      </c>
      <c r="BV1593" s="166">
        <v>0</v>
      </c>
      <c r="BW1593" s="166">
        <v>0</v>
      </c>
      <c r="BX1593" s="166">
        <v>0</v>
      </c>
      <c r="BY1593" s="166">
        <v>0</v>
      </c>
      <c r="BZ1593" s="166">
        <v>0</v>
      </c>
      <c r="CA1593" s="166">
        <v>0</v>
      </c>
      <c r="CB1593" s="166">
        <v>0</v>
      </c>
      <c r="CC1593" s="166">
        <v>0</v>
      </c>
      <c r="CD1593" s="166">
        <v>0</v>
      </c>
      <c r="CE1593" s="166">
        <v>0</v>
      </c>
      <c r="CF1593" s="166">
        <v>0</v>
      </c>
      <c r="CG1593" s="166">
        <v>0</v>
      </c>
      <c r="CH1593" s="166">
        <v>0</v>
      </c>
      <c r="CI1593" s="166">
        <v>0</v>
      </c>
      <c r="CJ1593" s="166">
        <v>0</v>
      </c>
      <c r="CK1593" s="166">
        <v>0</v>
      </c>
      <c r="CL1593" s="166">
        <v>0</v>
      </c>
      <c r="CM1593" s="166">
        <v>0</v>
      </c>
      <c r="CN1593" s="166">
        <v>0</v>
      </c>
      <c r="CO1593" s="166">
        <v>0</v>
      </c>
      <c r="CP1593" s="166">
        <v>0</v>
      </c>
      <c r="CQ1593" s="166">
        <v>0</v>
      </c>
      <c r="CR1593" s="166">
        <v>0</v>
      </c>
      <c r="CS1593" s="166">
        <v>0</v>
      </c>
      <c r="CT1593" s="166">
        <v>0</v>
      </c>
      <c r="CU1593" s="166">
        <v>0</v>
      </c>
      <c r="CV1593" s="166">
        <v>0</v>
      </c>
      <c r="CW1593" s="166">
        <v>0</v>
      </c>
      <c r="CX1593" s="166">
        <v>0</v>
      </c>
      <c r="CY1593" s="166">
        <v>0</v>
      </c>
      <c r="CZ1593" s="166">
        <v>0</v>
      </c>
    </row>
    <row r="1594" spans="1:104" x14ac:dyDescent="0.2">
      <c r="A1594" s="167" t="s">
        <v>561</v>
      </c>
      <c r="B1594" s="166">
        <v>7785374.9415248903</v>
      </c>
      <c r="C1594" s="166">
        <v>7785374.9415248903</v>
      </c>
      <c r="D1594" s="166">
        <v>0</v>
      </c>
      <c r="E1594" s="166">
        <v>0</v>
      </c>
      <c r="F1594" s="166">
        <v>0</v>
      </c>
      <c r="G1594" s="166">
        <v>0</v>
      </c>
      <c r="H1594" s="166">
        <v>0</v>
      </c>
      <c r="I1594" s="166">
        <v>0</v>
      </c>
      <c r="J1594" s="166">
        <v>0</v>
      </c>
      <c r="K1594" s="166">
        <v>0</v>
      </c>
      <c r="L1594" s="166">
        <v>0</v>
      </c>
      <c r="M1594" s="166">
        <v>0</v>
      </c>
      <c r="N1594" s="166">
        <v>0</v>
      </c>
      <c r="O1594" s="166">
        <v>0</v>
      </c>
      <c r="P1594" s="166">
        <v>0</v>
      </c>
      <c r="Q1594" s="166">
        <v>0</v>
      </c>
      <c r="R1594" s="166">
        <v>0</v>
      </c>
      <c r="S1594" s="166">
        <v>0</v>
      </c>
      <c r="T1594" s="166">
        <v>0</v>
      </c>
      <c r="U1594" s="166">
        <v>0</v>
      </c>
      <c r="V1594" s="166">
        <v>0</v>
      </c>
      <c r="W1594" s="166">
        <v>0</v>
      </c>
      <c r="X1594" s="166">
        <v>0</v>
      </c>
      <c r="Y1594" s="166">
        <v>0</v>
      </c>
      <c r="Z1594" s="166">
        <v>0</v>
      </c>
      <c r="AA1594" s="166">
        <v>0</v>
      </c>
      <c r="AB1594" s="166">
        <v>0</v>
      </c>
      <c r="AC1594" s="166">
        <v>0</v>
      </c>
      <c r="AD1594" s="166">
        <v>0</v>
      </c>
      <c r="AE1594" s="166">
        <v>0</v>
      </c>
      <c r="AF1594" s="166">
        <v>0</v>
      </c>
      <c r="AG1594" s="166">
        <v>0</v>
      </c>
      <c r="AH1594" s="166">
        <v>0</v>
      </c>
      <c r="AI1594" s="166">
        <v>0</v>
      </c>
      <c r="AJ1594" s="166">
        <v>0</v>
      </c>
      <c r="AK1594" s="166">
        <v>0</v>
      </c>
      <c r="AL1594" s="166">
        <v>0</v>
      </c>
      <c r="AM1594" s="166">
        <v>0</v>
      </c>
      <c r="AN1594" s="166">
        <v>0</v>
      </c>
      <c r="AO1594" s="166">
        <v>0</v>
      </c>
      <c r="AP1594" s="166">
        <v>0</v>
      </c>
      <c r="AQ1594" s="166">
        <v>0</v>
      </c>
      <c r="AR1594" s="166">
        <v>0</v>
      </c>
      <c r="AS1594" s="166">
        <v>0</v>
      </c>
      <c r="AT1594" s="166">
        <v>0</v>
      </c>
      <c r="AU1594" s="166">
        <v>0</v>
      </c>
      <c r="AV1594" s="166">
        <v>0</v>
      </c>
      <c r="AW1594" s="166">
        <v>0</v>
      </c>
      <c r="AX1594" s="166">
        <v>0</v>
      </c>
      <c r="AY1594" s="166">
        <v>0</v>
      </c>
      <c r="AZ1594" s="166">
        <v>0</v>
      </c>
      <c r="BA1594" s="166">
        <v>0</v>
      </c>
      <c r="BB1594" s="166">
        <v>0</v>
      </c>
      <c r="BC1594" s="166">
        <v>0</v>
      </c>
      <c r="BD1594" s="166">
        <v>0</v>
      </c>
      <c r="BE1594" s="166">
        <v>0</v>
      </c>
      <c r="BF1594" s="166">
        <v>0</v>
      </c>
      <c r="BG1594" s="166">
        <v>0</v>
      </c>
      <c r="BH1594" s="166">
        <v>0</v>
      </c>
      <c r="BI1594" s="166">
        <v>0</v>
      </c>
      <c r="BJ1594" s="166">
        <v>0</v>
      </c>
      <c r="BK1594" s="166">
        <v>0</v>
      </c>
      <c r="BL1594" s="166">
        <v>0</v>
      </c>
      <c r="BM1594" s="166">
        <v>0</v>
      </c>
      <c r="BN1594" s="166">
        <v>0</v>
      </c>
      <c r="BO1594" s="166">
        <v>0</v>
      </c>
      <c r="BP1594" s="166">
        <v>0</v>
      </c>
      <c r="BQ1594" s="166">
        <v>0</v>
      </c>
      <c r="BR1594" s="166">
        <v>7785374.9415248903</v>
      </c>
      <c r="BS1594" s="166">
        <v>7785374.9415248903</v>
      </c>
      <c r="BT1594" s="168">
        <v>0</v>
      </c>
      <c r="BU1594" s="166">
        <v>0</v>
      </c>
      <c r="BV1594" s="166">
        <v>0</v>
      </c>
      <c r="BW1594" s="166">
        <v>0</v>
      </c>
      <c r="BX1594" s="166">
        <v>0</v>
      </c>
      <c r="BY1594" s="166">
        <v>0</v>
      </c>
      <c r="BZ1594" s="166">
        <v>0</v>
      </c>
      <c r="CA1594" s="166">
        <v>0</v>
      </c>
      <c r="CB1594" s="166">
        <v>0</v>
      </c>
      <c r="CC1594" s="166">
        <v>0</v>
      </c>
      <c r="CD1594" s="166">
        <v>0</v>
      </c>
      <c r="CE1594" s="166">
        <v>0</v>
      </c>
      <c r="CF1594" s="166">
        <v>0</v>
      </c>
      <c r="CG1594" s="166">
        <v>0</v>
      </c>
      <c r="CH1594" s="166">
        <v>0</v>
      </c>
      <c r="CI1594" s="166">
        <v>0</v>
      </c>
      <c r="CJ1594" s="166">
        <v>0</v>
      </c>
      <c r="CK1594" s="166">
        <v>0</v>
      </c>
      <c r="CL1594" s="166">
        <v>0</v>
      </c>
      <c r="CM1594" s="166">
        <v>0</v>
      </c>
      <c r="CN1594" s="166">
        <v>0</v>
      </c>
      <c r="CO1594" s="166">
        <v>0</v>
      </c>
      <c r="CP1594" s="166">
        <v>0</v>
      </c>
      <c r="CQ1594" s="166">
        <v>0</v>
      </c>
      <c r="CR1594" s="166">
        <v>0</v>
      </c>
      <c r="CS1594" s="166">
        <v>0</v>
      </c>
      <c r="CT1594" s="166">
        <v>0</v>
      </c>
      <c r="CU1594" s="166">
        <v>0</v>
      </c>
      <c r="CV1594" s="166">
        <v>0</v>
      </c>
      <c r="CW1594" s="166">
        <v>0</v>
      </c>
      <c r="CX1594" s="166">
        <v>0</v>
      </c>
      <c r="CY1594" s="166">
        <v>0</v>
      </c>
      <c r="CZ1594" s="166">
        <v>0</v>
      </c>
    </row>
    <row r="1595" spans="1:104" x14ac:dyDescent="0.2">
      <c r="A1595" s="167" t="s">
        <v>562</v>
      </c>
      <c r="B1595" s="166">
        <v>6643535.6433821097</v>
      </c>
      <c r="C1595" s="166">
        <v>6643535.6433821097</v>
      </c>
      <c r="D1595" s="166">
        <v>0</v>
      </c>
      <c r="E1595" s="166">
        <v>0</v>
      </c>
      <c r="F1595" s="166">
        <v>0</v>
      </c>
      <c r="G1595" s="166">
        <v>0</v>
      </c>
      <c r="H1595" s="166">
        <v>0</v>
      </c>
      <c r="I1595" s="166">
        <v>0</v>
      </c>
      <c r="J1595" s="166">
        <v>0</v>
      </c>
      <c r="K1595" s="166">
        <v>0</v>
      </c>
      <c r="L1595" s="166">
        <v>0</v>
      </c>
      <c r="M1595" s="166">
        <v>0</v>
      </c>
      <c r="N1595" s="166">
        <v>0</v>
      </c>
      <c r="O1595" s="166">
        <v>0</v>
      </c>
      <c r="P1595" s="166">
        <v>0</v>
      </c>
      <c r="Q1595" s="166">
        <v>0</v>
      </c>
      <c r="R1595" s="166">
        <v>0</v>
      </c>
      <c r="S1595" s="166">
        <v>0</v>
      </c>
      <c r="T1595" s="166">
        <v>0</v>
      </c>
      <c r="U1595" s="166">
        <v>0</v>
      </c>
      <c r="V1595" s="166">
        <v>0</v>
      </c>
      <c r="W1595" s="166">
        <v>0</v>
      </c>
      <c r="X1595" s="166">
        <v>0</v>
      </c>
      <c r="Y1595" s="166">
        <v>0</v>
      </c>
      <c r="Z1595" s="166">
        <v>0</v>
      </c>
      <c r="AA1595" s="166">
        <v>0</v>
      </c>
      <c r="AB1595" s="166">
        <v>0</v>
      </c>
      <c r="AC1595" s="166">
        <v>0</v>
      </c>
      <c r="AD1595" s="166">
        <v>0</v>
      </c>
      <c r="AE1595" s="166">
        <v>0</v>
      </c>
      <c r="AF1595" s="166">
        <v>0</v>
      </c>
      <c r="AG1595" s="166">
        <v>0</v>
      </c>
      <c r="AH1595" s="166">
        <v>0</v>
      </c>
      <c r="AI1595" s="166">
        <v>0</v>
      </c>
      <c r="AJ1595" s="166">
        <v>0</v>
      </c>
      <c r="AK1595" s="166">
        <v>0</v>
      </c>
      <c r="AL1595" s="166">
        <v>0</v>
      </c>
      <c r="AM1595" s="166">
        <v>0</v>
      </c>
      <c r="AN1595" s="166">
        <v>0</v>
      </c>
      <c r="AO1595" s="166">
        <v>0</v>
      </c>
      <c r="AP1595" s="166">
        <v>0</v>
      </c>
      <c r="AQ1595" s="166">
        <v>0</v>
      </c>
      <c r="AR1595" s="166">
        <v>0</v>
      </c>
      <c r="AS1595" s="166">
        <v>0</v>
      </c>
      <c r="AT1595" s="166">
        <v>0</v>
      </c>
      <c r="AU1595" s="166">
        <v>0</v>
      </c>
      <c r="AV1595" s="166">
        <v>0</v>
      </c>
      <c r="AW1595" s="166">
        <v>0</v>
      </c>
      <c r="AX1595" s="166">
        <v>0</v>
      </c>
      <c r="AY1595" s="166">
        <v>0</v>
      </c>
      <c r="AZ1595" s="166">
        <v>0</v>
      </c>
      <c r="BA1595" s="166">
        <v>0</v>
      </c>
      <c r="BB1595" s="166">
        <v>0</v>
      </c>
      <c r="BC1595" s="166">
        <v>0</v>
      </c>
      <c r="BD1595" s="166">
        <v>0</v>
      </c>
      <c r="BE1595" s="166">
        <v>0</v>
      </c>
      <c r="BF1595" s="166">
        <v>0</v>
      </c>
      <c r="BG1595" s="166">
        <v>0</v>
      </c>
      <c r="BH1595" s="166">
        <v>0</v>
      </c>
      <c r="BI1595" s="166">
        <v>0</v>
      </c>
      <c r="BJ1595" s="166">
        <v>0</v>
      </c>
      <c r="BK1595" s="166">
        <v>0</v>
      </c>
      <c r="BL1595" s="166">
        <v>0</v>
      </c>
      <c r="BM1595" s="166">
        <v>0</v>
      </c>
      <c r="BN1595" s="166">
        <v>0</v>
      </c>
      <c r="BO1595" s="166">
        <v>0</v>
      </c>
      <c r="BP1595" s="166">
        <v>0</v>
      </c>
      <c r="BQ1595" s="166">
        <v>0</v>
      </c>
      <c r="BR1595" s="166">
        <v>6643535.6433821097</v>
      </c>
      <c r="BS1595" s="166">
        <v>6643535.6433821097</v>
      </c>
      <c r="BT1595" s="168">
        <v>0</v>
      </c>
      <c r="BU1595" s="166">
        <v>0</v>
      </c>
      <c r="BV1595" s="166">
        <v>0</v>
      </c>
      <c r="BW1595" s="166">
        <v>0</v>
      </c>
      <c r="BX1595" s="166">
        <v>0</v>
      </c>
      <c r="BY1595" s="166">
        <v>0</v>
      </c>
      <c r="BZ1595" s="166">
        <v>0</v>
      </c>
      <c r="CA1595" s="166">
        <v>0</v>
      </c>
      <c r="CB1595" s="166">
        <v>0</v>
      </c>
      <c r="CC1595" s="166">
        <v>0</v>
      </c>
      <c r="CD1595" s="166">
        <v>0</v>
      </c>
      <c r="CE1595" s="166">
        <v>0</v>
      </c>
      <c r="CF1595" s="166">
        <v>0</v>
      </c>
      <c r="CG1595" s="166">
        <v>0</v>
      </c>
      <c r="CH1595" s="166">
        <v>0</v>
      </c>
      <c r="CI1595" s="166">
        <v>0</v>
      </c>
      <c r="CJ1595" s="166">
        <v>0</v>
      </c>
      <c r="CK1595" s="166">
        <v>0</v>
      </c>
      <c r="CL1595" s="166">
        <v>0</v>
      </c>
      <c r="CM1595" s="166">
        <v>0</v>
      </c>
      <c r="CN1595" s="166">
        <v>0</v>
      </c>
      <c r="CO1595" s="166">
        <v>0</v>
      </c>
      <c r="CP1595" s="166">
        <v>0</v>
      </c>
      <c r="CQ1595" s="166">
        <v>0</v>
      </c>
      <c r="CR1595" s="166">
        <v>0</v>
      </c>
      <c r="CS1595" s="166">
        <v>0</v>
      </c>
      <c r="CT1595" s="166">
        <v>0</v>
      </c>
      <c r="CU1595" s="166">
        <v>0</v>
      </c>
      <c r="CV1595" s="166">
        <v>0</v>
      </c>
      <c r="CW1595" s="166">
        <v>0</v>
      </c>
      <c r="CX1595" s="166">
        <v>0</v>
      </c>
      <c r="CY1595" s="166">
        <v>0</v>
      </c>
      <c r="CZ1595" s="166">
        <v>0</v>
      </c>
    </row>
    <row r="1596" spans="1:104" x14ac:dyDescent="0.2">
      <c r="A1596" s="177" t="s">
        <v>563</v>
      </c>
      <c r="B1596" s="166">
        <v>40378696.293509401</v>
      </c>
      <c r="C1596" s="166">
        <v>40378696.293509401</v>
      </c>
      <c r="D1596" s="166">
        <v>0</v>
      </c>
      <c r="E1596" s="166">
        <v>0</v>
      </c>
      <c r="F1596" s="166">
        <v>0</v>
      </c>
      <c r="G1596" s="166">
        <v>0</v>
      </c>
      <c r="H1596" s="166">
        <v>0</v>
      </c>
      <c r="I1596" s="166">
        <v>0</v>
      </c>
      <c r="J1596" s="166">
        <v>0</v>
      </c>
      <c r="K1596" s="166">
        <v>0</v>
      </c>
      <c r="L1596" s="166">
        <v>0</v>
      </c>
      <c r="M1596" s="166">
        <v>0</v>
      </c>
      <c r="N1596" s="166">
        <v>0</v>
      </c>
      <c r="O1596" s="166">
        <v>0</v>
      </c>
      <c r="P1596" s="166">
        <v>0</v>
      </c>
      <c r="Q1596" s="166">
        <v>0</v>
      </c>
      <c r="R1596" s="166">
        <v>0</v>
      </c>
      <c r="S1596" s="166">
        <v>0</v>
      </c>
      <c r="T1596" s="166">
        <v>0</v>
      </c>
      <c r="U1596" s="166">
        <v>0</v>
      </c>
      <c r="V1596" s="166">
        <v>0</v>
      </c>
      <c r="W1596" s="166">
        <v>0</v>
      </c>
      <c r="X1596" s="166">
        <v>0</v>
      </c>
      <c r="Y1596" s="166">
        <v>0</v>
      </c>
      <c r="Z1596" s="166">
        <v>0</v>
      </c>
      <c r="AA1596" s="166">
        <v>0</v>
      </c>
      <c r="AB1596" s="166">
        <v>0</v>
      </c>
      <c r="AC1596" s="166">
        <v>0</v>
      </c>
      <c r="AD1596" s="166">
        <v>0</v>
      </c>
      <c r="AE1596" s="166">
        <v>0</v>
      </c>
      <c r="AF1596" s="166">
        <v>0</v>
      </c>
      <c r="AG1596" s="166">
        <v>0</v>
      </c>
      <c r="AH1596" s="166">
        <v>0</v>
      </c>
      <c r="AI1596" s="166">
        <v>0</v>
      </c>
      <c r="AJ1596" s="166">
        <v>0</v>
      </c>
      <c r="AK1596" s="166">
        <v>0</v>
      </c>
      <c r="AL1596" s="166">
        <v>0</v>
      </c>
      <c r="AM1596" s="166">
        <v>0</v>
      </c>
      <c r="AN1596" s="166">
        <v>0</v>
      </c>
      <c r="AO1596" s="166">
        <v>0</v>
      </c>
      <c r="AP1596" s="166">
        <v>0</v>
      </c>
      <c r="AQ1596" s="166">
        <v>0</v>
      </c>
      <c r="AR1596" s="166">
        <v>0</v>
      </c>
      <c r="AS1596" s="166">
        <v>0</v>
      </c>
      <c r="AT1596" s="166">
        <v>0</v>
      </c>
      <c r="AU1596" s="166">
        <v>0</v>
      </c>
      <c r="AV1596" s="166">
        <v>0</v>
      </c>
      <c r="AW1596" s="166">
        <v>0</v>
      </c>
      <c r="AX1596" s="166">
        <v>0</v>
      </c>
      <c r="AY1596" s="166">
        <v>0</v>
      </c>
      <c r="AZ1596" s="166">
        <v>0</v>
      </c>
      <c r="BA1596" s="166">
        <v>0</v>
      </c>
      <c r="BB1596" s="166">
        <v>0</v>
      </c>
      <c r="BC1596" s="166">
        <v>0</v>
      </c>
      <c r="BD1596" s="166">
        <v>0</v>
      </c>
      <c r="BE1596" s="166">
        <v>0</v>
      </c>
      <c r="BF1596" s="166">
        <v>0</v>
      </c>
      <c r="BG1596" s="166">
        <v>0</v>
      </c>
      <c r="BH1596" s="166">
        <v>0</v>
      </c>
      <c r="BI1596" s="166">
        <v>0</v>
      </c>
      <c r="BJ1596" s="166">
        <v>0</v>
      </c>
      <c r="BK1596" s="166">
        <v>0</v>
      </c>
      <c r="BL1596" s="166">
        <v>0</v>
      </c>
      <c r="BM1596" s="166">
        <v>0</v>
      </c>
      <c r="BN1596" s="166">
        <v>0</v>
      </c>
      <c r="BO1596" s="166">
        <v>0</v>
      </c>
      <c r="BP1596" s="166">
        <v>0</v>
      </c>
      <c r="BQ1596" s="166">
        <v>0</v>
      </c>
      <c r="BR1596" s="166">
        <v>40378696.293509401</v>
      </c>
      <c r="BS1596" s="166">
        <v>40378696.293509401</v>
      </c>
      <c r="BT1596" s="168">
        <v>0</v>
      </c>
      <c r="BU1596" s="166">
        <v>0</v>
      </c>
      <c r="BV1596" s="166">
        <v>0</v>
      </c>
      <c r="BW1596" s="166">
        <v>0</v>
      </c>
      <c r="BX1596" s="166">
        <v>0</v>
      </c>
      <c r="BY1596" s="166">
        <v>0</v>
      </c>
      <c r="BZ1596" s="166">
        <v>0</v>
      </c>
      <c r="CA1596" s="166">
        <v>0</v>
      </c>
      <c r="CB1596" s="166">
        <v>0</v>
      </c>
      <c r="CC1596" s="166">
        <v>0</v>
      </c>
      <c r="CD1596" s="166">
        <v>0</v>
      </c>
      <c r="CE1596" s="166">
        <v>0</v>
      </c>
      <c r="CF1596" s="166">
        <v>0</v>
      </c>
      <c r="CG1596" s="166">
        <v>0</v>
      </c>
      <c r="CH1596" s="166">
        <v>0</v>
      </c>
      <c r="CI1596" s="166">
        <v>0</v>
      </c>
      <c r="CJ1596" s="166">
        <v>0</v>
      </c>
      <c r="CK1596" s="166">
        <v>0</v>
      </c>
      <c r="CL1596" s="166">
        <v>0</v>
      </c>
      <c r="CM1596" s="166">
        <v>0</v>
      </c>
      <c r="CN1596" s="166">
        <v>0</v>
      </c>
      <c r="CO1596" s="166">
        <v>0</v>
      </c>
      <c r="CP1596" s="166">
        <v>0</v>
      </c>
      <c r="CQ1596" s="166">
        <v>0</v>
      </c>
      <c r="CR1596" s="166">
        <v>0</v>
      </c>
      <c r="CS1596" s="166">
        <v>0</v>
      </c>
      <c r="CT1596" s="166">
        <v>0</v>
      </c>
      <c r="CU1596" s="166">
        <v>0</v>
      </c>
      <c r="CV1596" s="166">
        <v>0</v>
      </c>
      <c r="CW1596" s="166">
        <v>0</v>
      </c>
      <c r="CX1596" s="166">
        <v>0</v>
      </c>
      <c r="CY1596" s="166">
        <v>0</v>
      </c>
      <c r="CZ1596" s="166">
        <v>0</v>
      </c>
    </row>
    <row r="1597" spans="1:104" x14ac:dyDescent="0.2">
      <c r="A1597" s="167" t="s">
        <v>564</v>
      </c>
      <c r="B1597" s="166">
        <v>0</v>
      </c>
      <c r="C1597" s="166">
        <v>0</v>
      </c>
      <c r="D1597" s="166">
        <v>0</v>
      </c>
      <c r="E1597" s="166">
        <v>0</v>
      </c>
      <c r="F1597" s="166">
        <v>0</v>
      </c>
      <c r="G1597" s="166">
        <v>0</v>
      </c>
      <c r="H1597" s="166">
        <v>0</v>
      </c>
      <c r="I1597" s="166">
        <v>0</v>
      </c>
      <c r="J1597" s="166">
        <v>0</v>
      </c>
      <c r="K1597" s="166">
        <v>0</v>
      </c>
      <c r="L1597" s="166">
        <v>0</v>
      </c>
      <c r="M1597" s="166">
        <v>0</v>
      </c>
      <c r="N1597" s="166">
        <v>0</v>
      </c>
      <c r="O1597" s="166">
        <v>0</v>
      </c>
      <c r="P1597" s="166">
        <v>0</v>
      </c>
      <c r="Q1597" s="166">
        <v>0</v>
      </c>
      <c r="R1597" s="166">
        <v>0</v>
      </c>
      <c r="S1597" s="166">
        <v>0</v>
      </c>
      <c r="T1597" s="166">
        <v>0</v>
      </c>
      <c r="U1597" s="166">
        <v>0</v>
      </c>
      <c r="V1597" s="166">
        <v>0</v>
      </c>
      <c r="W1597" s="166">
        <v>0</v>
      </c>
      <c r="X1597" s="166">
        <v>0</v>
      </c>
      <c r="Y1597" s="166">
        <v>0</v>
      </c>
      <c r="Z1597" s="166">
        <v>0</v>
      </c>
      <c r="AA1597" s="166">
        <v>0</v>
      </c>
      <c r="AB1597" s="166">
        <v>0</v>
      </c>
      <c r="AC1597" s="166">
        <v>0</v>
      </c>
      <c r="AD1597" s="166">
        <v>0</v>
      </c>
      <c r="AE1597" s="166">
        <v>0</v>
      </c>
      <c r="AF1597" s="166">
        <v>0</v>
      </c>
      <c r="AG1597" s="166">
        <v>0</v>
      </c>
      <c r="AH1597" s="166">
        <v>0</v>
      </c>
      <c r="AI1597" s="166">
        <v>0</v>
      </c>
      <c r="AJ1597" s="166">
        <v>0</v>
      </c>
      <c r="AK1597" s="166">
        <v>0</v>
      </c>
      <c r="AL1597" s="166">
        <v>0</v>
      </c>
      <c r="AM1597" s="166">
        <v>0</v>
      </c>
      <c r="AN1597" s="166">
        <v>0</v>
      </c>
      <c r="AO1597" s="166">
        <v>0</v>
      </c>
      <c r="AP1597" s="166">
        <v>0</v>
      </c>
      <c r="AQ1597" s="166">
        <v>0</v>
      </c>
      <c r="AR1597" s="166">
        <v>0</v>
      </c>
      <c r="AS1597" s="166">
        <v>0</v>
      </c>
      <c r="AT1597" s="166">
        <v>0</v>
      </c>
      <c r="AU1597" s="166">
        <v>0</v>
      </c>
      <c r="AV1597" s="166">
        <v>0</v>
      </c>
      <c r="AW1597" s="166">
        <v>0</v>
      </c>
      <c r="AX1597" s="166">
        <v>0</v>
      </c>
      <c r="AY1597" s="166">
        <v>0</v>
      </c>
      <c r="AZ1597" s="166">
        <v>0</v>
      </c>
      <c r="BA1597" s="166">
        <v>0</v>
      </c>
      <c r="BB1597" s="166">
        <v>0</v>
      </c>
      <c r="BC1597" s="166">
        <v>0</v>
      </c>
      <c r="BD1597" s="166">
        <v>0</v>
      </c>
      <c r="BE1597" s="166">
        <v>0</v>
      </c>
      <c r="BF1597" s="166">
        <v>0</v>
      </c>
      <c r="BG1597" s="166">
        <v>0</v>
      </c>
      <c r="BH1597" s="166">
        <v>0</v>
      </c>
      <c r="BI1597" s="166">
        <v>0</v>
      </c>
      <c r="BJ1597" s="166">
        <v>0</v>
      </c>
      <c r="BK1597" s="166">
        <v>0</v>
      </c>
      <c r="BL1597" s="166">
        <v>0</v>
      </c>
      <c r="BM1597" s="166">
        <v>0</v>
      </c>
      <c r="BN1597" s="166">
        <v>0</v>
      </c>
      <c r="BO1597" s="166">
        <v>0</v>
      </c>
      <c r="BP1597" s="166">
        <v>0</v>
      </c>
      <c r="BQ1597" s="166">
        <v>0</v>
      </c>
      <c r="BR1597" s="166">
        <v>0</v>
      </c>
      <c r="BS1597" s="166">
        <v>0</v>
      </c>
      <c r="BT1597" s="168">
        <v>0</v>
      </c>
      <c r="BU1597" s="166">
        <v>0</v>
      </c>
      <c r="BV1597" s="166">
        <v>0</v>
      </c>
      <c r="BW1597" s="166">
        <v>0</v>
      </c>
      <c r="BX1597" s="166">
        <v>0</v>
      </c>
      <c r="BY1597" s="166">
        <v>0</v>
      </c>
      <c r="BZ1597" s="166">
        <v>0</v>
      </c>
      <c r="CA1597" s="166">
        <v>0</v>
      </c>
      <c r="CB1597" s="166">
        <v>0</v>
      </c>
      <c r="CC1597" s="166">
        <v>0</v>
      </c>
      <c r="CD1597" s="166">
        <v>0</v>
      </c>
      <c r="CE1597" s="166">
        <v>0</v>
      </c>
      <c r="CF1597" s="166">
        <v>0</v>
      </c>
      <c r="CG1597" s="166">
        <v>0</v>
      </c>
      <c r="CH1597" s="166">
        <v>0</v>
      </c>
      <c r="CI1597" s="166">
        <v>0</v>
      </c>
      <c r="CJ1597" s="166">
        <v>0</v>
      </c>
      <c r="CK1597" s="166">
        <v>0</v>
      </c>
      <c r="CL1597" s="166">
        <v>0</v>
      </c>
      <c r="CM1597" s="166">
        <v>0</v>
      </c>
      <c r="CN1597" s="166">
        <v>0</v>
      </c>
      <c r="CO1597" s="166">
        <v>0</v>
      </c>
      <c r="CP1597" s="166">
        <v>0</v>
      </c>
      <c r="CQ1597" s="166">
        <v>0</v>
      </c>
      <c r="CR1597" s="166">
        <v>0</v>
      </c>
      <c r="CS1597" s="166">
        <v>0</v>
      </c>
      <c r="CT1597" s="166">
        <v>0</v>
      </c>
      <c r="CU1597" s="166">
        <v>0</v>
      </c>
      <c r="CV1597" s="166">
        <v>0</v>
      </c>
      <c r="CW1597" s="166">
        <v>0</v>
      </c>
      <c r="CX1597" s="166">
        <v>0</v>
      </c>
      <c r="CY1597" s="166">
        <v>0</v>
      </c>
      <c r="CZ1597" s="166">
        <v>0</v>
      </c>
    </row>
    <row r="1598" spans="1:104" x14ac:dyDescent="0.2">
      <c r="A1598" s="167" t="s">
        <v>565</v>
      </c>
      <c r="B1598" s="166">
        <v>652117.26068053104</v>
      </c>
      <c r="C1598" s="166">
        <v>652117.26068053104</v>
      </c>
      <c r="D1598" s="166">
        <v>0</v>
      </c>
      <c r="E1598" s="166">
        <v>0</v>
      </c>
      <c r="F1598" s="166">
        <v>0</v>
      </c>
      <c r="G1598" s="166">
        <v>0</v>
      </c>
      <c r="H1598" s="166">
        <v>0</v>
      </c>
      <c r="I1598" s="166">
        <v>0</v>
      </c>
      <c r="J1598" s="166">
        <v>0</v>
      </c>
      <c r="K1598" s="166">
        <v>0</v>
      </c>
      <c r="L1598" s="166">
        <v>0</v>
      </c>
      <c r="M1598" s="166">
        <v>0</v>
      </c>
      <c r="N1598" s="166">
        <v>0</v>
      </c>
      <c r="O1598" s="166">
        <v>0</v>
      </c>
      <c r="P1598" s="166">
        <v>0</v>
      </c>
      <c r="Q1598" s="166">
        <v>0</v>
      </c>
      <c r="R1598" s="166">
        <v>0</v>
      </c>
      <c r="S1598" s="166">
        <v>0</v>
      </c>
      <c r="T1598" s="166">
        <v>0</v>
      </c>
      <c r="U1598" s="166">
        <v>0</v>
      </c>
      <c r="V1598" s="166">
        <v>0</v>
      </c>
      <c r="W1598" s="166">
        <v>0</v>
      </c>
      <c r="X1598" s="166">
        <v>0</v>
      </c>
      <c r="Y1598" s="166">
        <v>0</v>
      </c>
      <c r="Z1598" s="166">
        <v>0</v>
      </c>
      <c r="AA1598" s="166">
        <v>0</v>
      </c>
      <c r="AB1598" s="166">
        <v>0</v>
      </c>
      <c r="AC1598" s="166">
        <v>0</v>
      </c>
      <c r="AD1598" s="166">
        <v>0</v>
      </c>
      <c r="AE1598" s="166">
        <v>0</v>
      </c>
      <c r="AF1598" s="166">
        <v>0</v>
      </c>
      <c r="AG1598" s="166">
        <v>0</v>
      </c>
      <c r="AH1598" s="166">
        <v>0</v>
      </c>
      <c r="AI1598" s="166">
        <v>0</v>
      </c>
      <c r="AJ1598" s="166">
        <v>0</v>
      </c>
      <c r="AK1598" s="166">
        <v>0</v>
      </c>
      <c r="AL1598" s="166">
        <v>0</v>
      </c>
      <c r="AM1598" s="166">
        <v>0</v>
      </c>
      <c r="AN1598" s="166">
        <v>0</v>
      </c>
      <c r="AO1598" s="166">
        <v>0</v>
      </c>
      <c r="AP1598" s="166">
        <v>0</v>
      </c>
      <c r="AQ1598" s="166">
        <v>0</v>
      </c>
      <c r="AR1598" s="166">
        <v>0</v>
      </c>
      <c r="AS1598" s="166">
        <v>0</v>
      </c>
      <c r="AT1598" s="166">
        <v>0</v>
      </c>
      <c r="AU1598" s="166">
        <v>0</v>
      </c>
      <c r="AV1598" s="166">
        <v>0</v>
      </c>
      <c r="AW1598" s="166">
        <v>0</v>
      </c>
      <c r="AX1598" s="166">
        <v>0</v>
      </c>
      <c r="AY1598" s="166">
        <v>0</v>
      </c>
      <c r="AZ1598" s="166">
        <v>0</v>
      </c>
      <c r="BA1598" s="166">
        <v>0</v>
      </c>
      <c r="BB1598" s="166">
        <v>0</v>
      </c>
      <c r="BC1598" s="166">
        <v>0</v>
      </c>
      <c r="BD1598" s="166">
        <v>0</v>
      </c>
      <c r="BE1598" s="166">
        <v>0</v>
      </c>
      <c r="BF1598" s="166">
        <v>0</v>
      </c>
      <c r="BG1598" s="166">
        <v>0</v>
      </c>
      <c r="BH1598" s="166">
        <v>0</v>
      </c>
      <c r="BI1598" s="166">
        <v>0</v>
      </c>
      <c r="BJ1598" s="166">
        <v>0</v>
      </c>
      <c r="BK1598" s="166">
        <v>0</v>
      </c>
      <c r="BL1598" s="166">
        <v>0</v>
      </c>
      <c r="BM1598" s="166">
        <v>0</v>
      </c>
      <c r="BN1598" s="166">
        <v>0</v>
      </c>
      <c r="BO1598" s="166">
        <v>0</v>
      </c>
      <c r="BP1598" s="166">
        <v>0</v>
      </c>
      <c r="BQ1598" s="166">
        <v>0</v>
      </c>
      <c r="BR1598" s="166">
        <v>652117.26068053104</v>
      </c>
      <c r="BS1598" s="166">
        <v>652117.26068053104</v>
      </c>
      <c r="BT1598" s="168">
        <v>0</v>
      </c>
      <c r="BU1598" s="166">
        <v>0</v>
      </c>
      <c r="BV1598" s="166">
        <v>0</v>
      </c>
      <c r="BW1598" s="166">
        <v>0</v>
      </c>
      <c r="BX1598" s="166">
        <v>0</v>
      </c>
      <c r="BY1598" s="166">
        <v>0</v>
      </c>
      <c r="BZ1598" s="166">
        <v>0</v>
      </c>
      <c r="CA1598" s="166">
        <v>0</v>
      </c>
      <c r="CB1598" s="166">
        <v>0</v>
      </c>
      <c r="CC1598" s="166">
        <v>0</v>
      </c>
      <c r="CD1598" s="166">
        <v>0</v>
      </c>
      <c r="CE1598" s="166">
        <v>0</v>
      </c>
      <c r="CF1598" s="166">
        <v>0</v>
      </c>
      <c r="CG1598" s="166">
        <v>0</v>
      </c>
      <c r="CH1598" s="166">
        <v>0</v>
      </c>
      <c r="CI1598" s="166">
        <v>0</v>
      </c>
      <c r="CJ1598" s="166">
        <v>0</v>
      </c>
      <c r="CK1598" s="166">
        <v>0</v>
      </c>
      <c r="CL1598" s="166">
        <v>0</v>
      </c>
      <c r="CM1598" s="166">
        <v>0</v>
      </c>
      <c r="CN1598" s="166">
        <v>0</v>
      </c>
      <c r="CO1598" s="166">
        <v>0</v>
      </c>
      <c r="CP1598" s="166">
        <v>0</v>
      </c>
      <c r="CQ1598" s="166">
        <v>0</v>
      </c>
      <c r="CR1598" s="166">
        <v>0</v>
      </c>
      <c r="CS1598" s="166">
        <v>0</v>
      </c>
      <c r="CT1598" s="166">
        <v>0</v>
      </c>
      <c r="CU1598" s="166">
        <v>0</v>
      </c>
      <c r="CV1598" s="166">
        <v>0</v>
      </c>
      <c r="CW1598" s="166">
        <v>0</v>
      </c>
      <c r="CX1598" s="166">
        <v>0</v>
      </c>
      <c r="CY1598" s="166">
        <v>0</v>
      </c>
      <c r="CZ1598" s="166">
        <v>0</v>
      </c>
    </row>
    <row r="1599" spans="1:104" x14ac:dyDescent="0.2">
      <c r="A1599" s="167" t="s">
        <v>566</v>
      </c>
      <c r="B1599" s="166">
        <v>7022.5798619676598</v>
      </c>
      <c r="C1599" s="166">
        <v>7022.5798619676598</v>
      </c>
      <c r="D1599" s="166">
        <v>0</v>
      </c>
      <c r="E1599" s="166">
        <v>0</v>
      </c>
      <c r="F1599" s="166">
        <v>0</v>
      </c>
      <c r="G1599" s="166">
        <v>0</v>
      </c>
      <c r="H1599" s="166">
        <v>0</v>
      </c>
      <c r="I1599" s="166">
        <v>0</v>
      </c>
      <c r="J1599" s="166">
        <v>0</v>
      </c>
      <c r="K1599" s="166">
        <v>0</v>
      </c>
      <c r="L1599" s="166">
        <v>0</v>
      </c>
      <c r="M1599" s="166">
        <v>0</v>
      </c>
      <c r="N1599" s="166">
        <v>0</v>
      </c>
      <c r="O1599" s="166">
        <v>0</v>
      </c>
      <c r="P1599" s="166">
        <v>0</v>
      </c>
      <c r="Q1599" s="166">
        <v>0</v>
      </c>
      <c r="R1599" s="166">
        <v>0</v>
      </c>
      <c r="S1599" s="166">
        <v>0</v>
      </c>
      <c r="T1599" s="166">
        <v>0</v>
      </c>
      <c r="U1599" s="166">
        <v>0</v>
      </c>
      <c r="V1599" s="166">
        <v>0</v>
      </c>
      <c r="W1599" s="166">
        <v>0</v>
      </c>
      <c r="X1599" s="166">
        <v>0</v>
      </c>
      <c r="Y1599" s="166">
        <v>0</v>
      </c>
      <c r="Z1599" s="166">
        <v>0</v>
      </c>
      <c r="AA1599" s="166">
        <v>0</v>
      </c>
      <c r="AB1599" s="166">
        <v>0</v>
      </c>
      <c r="AC1599" s="166">
        <v>0</v>
      </c>
      <c r="AD1599" s="166">
        <v>0</v>
      </c>
      <c r="AE1599" s="166">
        <v>0</v>
      </c>
      <c r="AF1599" s="166">
        <v>0</v>
      </c>
      <c r="AG1599" s="166">
        <v>0</v>
      </c>
      <c r="AH1599" s="166">
        <v>0</v>
      </c>
      <c r="AI1599" s="166">
        <v>0</v>
      </c>
      <c r="AJ1599" s="166">
        <v>0</v>
      </c>
      <c r="AK1599" s="166">
        <v>0</v>
      </c>
      <c r="AL1599" s="166">
        <v>0</v>
      </c>
      <c r="AM1599" s="166">
        <v>0</v>
      </c>
      <c r="AN1599" s="166">
        <v>0</v>
      </c>
      <c r="AO1599" s="166">
        <v>0</v>
      </c>
      <c r="AP1599" s="166">
        <v>0</v>
      </c>
      <c r="AQ1599" s="166">
        <v>0</v>
      </c>
      <c r="AR1599" s="166">
        <v>0</v>
      </c>
      <c r="AS1599" s="166">
        <v>0</v>
      </c>
      <c r="AT1599" s="166">
        <v>0</v>
      </c>
      <c r="AU1599" s="166">
        <v>0</v>
      </c>
      <c r="AV1599" s="166">
        <v>0</v>
      </c>
      <c r="AW1599" s="166">
        <v>0</v>
      </c>
      <c r="AX1599" s="166">
        <v>0</v>
      </c>
      <c r="AY1599" s="166">
        <v>0</v>
      </c>
      <c r="AZ1599" s="166">
        <v>0</v>
      </c>
      <c r="BA1599" s="166">
        <v>0</v>
      </c>
      <c r="BB1599" s="166">
        <v>0</v>
      </c>
      <c r="BC1599" s="166">
        <v>0</v>
      </c>
      <c r="BD1599" s="166">
        <v>0</v>
      </c>
      <c r="BE1599" s="166">
        <v>0</v>
      </c>
      <c r="BF1599" s="166">
        <v>0</v>
      </c>
      <c r="BG1599" s="166">
        <v>0</v>
      </c>
      <c r="BH1599" s="166">
        <v>0</v>
      </c>
      <c r="BI1599" s="166">
        <v>0</v>
      </c>
      <c r="BJ1599" s="166">
        <v>0</v>
      </c>
      <c r="BK1599" s="166">
        <v>0</v>
      </c>
      <c r="BL1599" s="166">
        <v>0</v>
      </c>
      <c r="BM1599" s="166">
        <v>0</v>
      </c>
      <c r="BN1599" s="166">
        <v>0</v>
      </c>
      <c r="BO1599" s="166">
        <v>0</v>
      </c>
      <c r="BP1599" s="166">
        <v>0</v>
      </c>
      <c r="BQ1599" s="166">
        <v>0</v>
      </c>
      <c r="BR1599" s="166">
        <v>7022.5798619676598</v>
      </c>
      <c r="BS1599" s="166">
        <v>7022.5798619676598</v>
      </c>
      <c r="BT1599" s="168">
        <v>0</v>
      </c>
      <c r="BU1599" s="166">
        <v>0</v>
      </c>
      <c r="BV1599" s="166">
        <v>0</v>
      </c>
      <c r="BW1599" s="166">
        <v>0</v>
      </c>
      <c r="BX1599" s="166">
        <v>0</v>
      </c>
      <c r="BY1599" s="166">
        <v>0</v>
      </c>
      <c r="BZ1599" s="166">
        <v>0</v>
      </c>
      <c r="CA1599" s="166">
        <v>0</v>
      </c>
      <c r="CB1599" s="166">
        <v>0</v>
      </c>
      <c r="CC1599" s="166">
        <v>0</v>
      </c>
      <c r="CD1599" s="166">
        <v>0</v>
      </c>
      <c r="CE1599" s="166">
        <v>0</v>
      </c>
      <c r="CF1599" s="166">
        <v>0</v>
      </c>
      <c r="CG1599" s="166">
        <v>0</v>
      </c>
      <c r="CH1599" s="166">
        <v>0</v>
      </c>
      <c r="CI1599" s="166">
        <v>0</v>
      </c>
      <c r="CJ1599" s="166">
        <v>0</v>
      </c>
      <c r="CK1599" s="166">
        <v>0</v>
      </c>
      <c r="CL1599" s="166">
        <v>0</v>
      </c>
      <c r="CM1599" s="166">
        <v>0</v>
      </c>
      <c r="CN1599" s="166">
        <v>0</v>
      </c>
      <c r="CO1599" s="166">
        <v>0</v>
      </c>
      <c r="CP1599" s="166">
        <v>0</v>
      </c>
      <c r="CQ1599" s="166">
        <v>0</v>
      </c>
      <c r="CR1599" s="166">
        <v>0</v>
      </c>
      <c r="CS1599" s="166">
        <v>0</v>
      </c>
      <c r="CT1599" s="166">
        <v>0</v>
      </c>
      <c r="CU1599" s="166">
        <v>0</v>
      </c>
      <c r="CV1599" s="166">
        <v>0</v>
      </c>
      <c r="CW1599" s="166">
        <v>0</v>
      </c>
      <c r="CX1599" s="166">
        <v>0</v>
      </c>
      <c r="CY1599" s="166">
        <v>0</v>
      </c>
      <c r="CZ1599" s="166">
        <v>0</v>
      </c>
    </row>
    <row r="1600" spans="1:104" x14ac:dyDescent="0.2">
      <c r="A1600" s="167" t="s">
        <v>567</v>
      </c>
      <c r="B1600" s="166">
        <v>50659.679287687897</v>
      </c>
      <c r="C1600" s="166">
        <v>50659.679287687897</v>
      </c>
      <c r="D1600" s="166">
        <v>0</v>
      </c>
      <c r="E1600" s="166">
        <v>0</v>
      </c>
      <c r="F1600" s="166">
        <v>0</v>
      </c>
      <c r="G1600" s="166">
        <v>0</v>
      </c>
      <c r="H1600" s="166">
        <v>0</v>
      </c>
      <c r="I1600" s="166">
        <v>0</v>
      </c>
      <c r="J1600" s="166">
        <v>0</v>
      </c>
      <c r="K1600" s="166">
        <v>0</v>
      </c>
      <c r="L1600" s="166">
        <v>0</v>
      </c>
      <c r="M1600" s="166">
        <v>0</v>
      </c>
      <c r="N1600" s="166">
        <v>0</v>
      </c>
      <c r="O1600" s="166">
        <v>0</v>
      </c>
      <c r="P1600" s="166">
        <v>0</v>
      </c>
      <c r="Q1600" s="166">
        <v>0</v>
      </c>
      <c r="R1600" s="166">
        <v>0</v>
      </c>
      <c r="S1600" s="166">
        <v>0</v>
      </c>
      <c r="T1600" s="166">
        <v>0</v>
      </c>
      <c r="U1600" s="166">
        <v>0</v>
      </c>
      <c r="V1600" s="166">
        <v>0</v>
      </c>
      <c r="W1600" s="166">
        <v>0</v>
      </c>
      <c r="X1600" s="166">
        <v>0</v>
      </c>
      <c r="Y1600" s="166">
        <v>0</v>
      </c>
      <c r="Z1600" s="166">
        <v>0</v>
      </c>
      <c r="AA1600" s="166">
        <v>0</v>
      </c>
      <c r="AB1600" s="166">
        <v>0</v>
      </c>
      <c r="AC1600" s="166">
        <v>0</v>
      </c>
      <c r="AD1600" s="166">
        <v>0</v>
      </c>
      <c r="AE1600" s="166">
        <v>0</v>
      </c>
      <c r="AF1600" s="166">
        <v>0</v>
      </c>
      <c r="AG1600" s="166">
        <v>0</v>
      </c>
      <c r="AH1600" s="166">
        <v>0</v>
      </c>
      <c r="AI1600" s="166">
        <v>0</v>
      </c>
      <c r="AJ1600" s="166">
        <v>0</v>
      </c>
      <c r="AK1600" s="166">
        <v>0</v>
      </c>
      <c r="AL1600" s="166">
        <v>0</v>
      </c>
      <c r="AM1600" s="166">
        <v>0</v>
      </c>
      <c r="AN1600" s="166">
        <v>0</v>
      </c>
      <c r="AO1600" s="166">
        <v>0</v>
      </c>
      <c r="AP1600" s="166">
        <v>0</v>
      </c>
      <c r="AQ1600" s="166">
        <v>0</v>
      </c>
      <c r="AR1600" s="166">
        <v>0</v>
      </c>
      <c r="AS1600" s="166">
        <v>0</v>
      </c>
      <c r="AT1600" s="166">
        <v>0</v>
      </c>
      <c r="AU1600" s="166">
        <v>0</v>
      </c>
      <c r="AV1600" s="166">
        <v>0</v>
      </c>
      <c r="AW1600" s="166">
        <v>0</v>
      </c>
      <c r="AX1600" s="166">
        <v>0</v>
      </c>
      <c r="AY1600" s="166">
        <v>0</v>
      </c>
      <c r="AZ1600" s="166">
        <v>0</v>
      </c>
      <c r="BA1600" s="166">
        <v>0</v>
      </c>
      <c r="BB1600" s="166">
        <v>0</v>
      </c>
      <c r="BC1600" s="166">
        <v>0</v>
      </c>
      <c r="BD1600" s="166">
        <v>0</v>
      </c>
      <c r="BE1600" s="166">
        <v>0</v>
      </c>
      <c r="BF1600" s="166">
        <v>0</v>
      </c>
      <c r="BG1600" s="166">
        <v>0</v>
      </c>
      <c r="BH1600" s="166">
        <v>0</v>
      </c>
      <c r="BI1600" s="166">
        <v>0</v>
      </c>
      <c r="BJ1600" s="166">
        <v>0</v>
      </c>
      <c r="BK1600" s="166">
        <v>0</v>
      </c>
      <c r="BL1600" s="166">
        <v>0</v>
      </c>
      <c r="BM1600" s="166">
        <v>0</v>
      </c>
      <c r="BN1600" s="166">
        <v>0</v>
      </c>
      <c r="BO1600" s="166">
        <v>0</v>
      </c>
      <c r="BP1600" s="166">
        <v>0</v>
      </c>
      <c r="BQ1600" s="166">
        <v>0</v>
      </c>
      <c r="BR1600" s="166">
        <v>50659.679287687897</v>
      </c>
      <c r="BS1600" s="166">
        <v>50659.679287687897</v>
      </c>
      <c r="BT1600" s="168">
        <v>0</v>
      </c>
      <c r="BU1600" s="166">
        <v>0</v>
      </c>
      <c r="BV1600" s="166">
        <v>0</v>
      </c>
      <c r="BW1600" s="166">
        <v>0</v>
      </c>
      <c r="BX1600" s="166">
        <v>0</v>
      </c>
      <c r="BY1600" s="166">
        <v>0</v>
      </c>
      <c r="BZ1600" s="166">
        <v>0</v>
      </c>
      <c r="CA1600" s="166">
        <v>0</v>
      </c>
      <c r="CB1600" s="166">
        <v>0</v>
      </c>
      <c r="CC1600" s="166">
        <v>0</v>
      </c>
      <c r="CD1600" s="166">
        <v>0</v>
      </c>
      <c r="CE1600" s="166">
        <v>0</v>
      </c>
      <c r="CF1600" s="166">
        <v>0</v>
      </c>
      <c r="CG1600" s="166">
        <v>0</v>
      </c>
      <c r="CH1600" s="166">
        <v>0</v>
      </c>
      <c r="CI1600" s="166">
        <v>0</v>
      </c>
      <c r="CJ1600" s="166">
        <v>0</v>
      </c>
      <c r="CK1600" s="166">
        <v>0</v>
      </c>
      <c r="CL1600" s="166">
        <v>0</v>
      </c>
      <c r="CM1600" s="166">
        <v>0</v>
      </c>
      <c r="CN1600" s="166">
        <v>0</v>
      </c>
      <c r="CO1600" s="166">
        <v>0</v>
      </c>
      <c r="CP1600" s="166">
        <v>0</v>
      </c>
      <c r="CQ1600" s="166">
        <v>0</v>
      </c>
      <c r="CR1600" s="166">
        <v>0</v>
      </c>
      <c r="CS1600" s="166">
        <v>0</v>
      </c>
      <c r="CT1600" s="166">
        <v>0</v>
      </c>
      <c r="CU1600" s="166">
        <v>0</v>
      </c>
      <c r="CV1600" s="166">
        <v>0</v>
      </c>
      <c r="CW1600" s="166">
        <v>0</v>
      </c>
      <c r="CX1600" s="166">
        <v>0</v>
      </c>
      <c r="CY1600" s="166">
        <v>0</v>
      </c>
      <c r="CZ1600" s="166">
        <v>0</v>
      </c>
    </row>
    <row r="1601" spans="1:104" x14ac:dyDescent="0.2">
      <c r="A1601" s="167" t="s">
        <v>568</v>
      </c>
      <c r="B1601" s="166">
        <v>30930147.069733799</v>
      </c>
      <c r="C1601" s="166">
        <v>30930147.069733799</v>
      </c>
      <c r="D1601" s="166">
        <v>0</v>
      </c>
      <c r="E1601" s="166">
        <v>0</v>
      </c>
      <c r="F1601" s="166">
        <v>0</v>
      </c>
      <c r="G1601" s="166">
        <v>0</v>
      </c>
      <c r="H1601" s="166">
        <v>0</v>
      </c>
      <c r="I1601" s="166">
        <v>0</v>
      </c>
      <c r="J1601" s="166">
        <v>0</v>
      </c>
      <c r="K1601" s="166">
        <v>0</v>
      </c>
      <c r="L1601" s="166">
        <v>0</v>
      </c>
      <c r="M1601" s="166">
        <v>0</v>
      </c>
      <c r="N1601" s="166">
        <v>0</v>
      </c>
      <c r="O1601" s="166">
        <v>0</v>
      </c>
      <c r="P1601" s="166">
        <v>0</v>
      </c>
      <c r="Q1601" s="166">
        <v>0</v>
      </c>
      <c r="R1601" s="166">
        <v>0</v>
      </c>
      <c r="S1601" s="166">
        <v>0</v>
      </c>
      <c r="T1601" s="166">
        <v>0</v>
      </c>
      <c r="U1601" s="166">
        <v>0</v>
      </c>
      <c r="V1601" s="166">
        <v>0</v>
      </c>
      <c r="W1601" s="166">
        <v>0</v>
      </c>
      <c r="X1601" s="166">
        <v>0</v>
      </c>
      <c r="Y1601" s="166">
        <v>0</v>
      </c>
      <c r="Z1601" s="166">
        <v>0</v>
      </c>
      <c r="AA1601" s="166">
        <v>0</v>
      </c>
      <c r="AB1601" s="166">
        <v>0</v>
      </c>
      <c r="AC1601" s="166">
        <v>0</v>
      </c>
      <c r="AD1601" s="166">
        <v>0</v>
      </c>
      <c r="AE1601" s="166">
        <v>0</v>
      </c>
      <c r="AF1601" s="166">
        <v>0</v>
      </c>
      <c r="AG1601" s="166">
        <v>0</v>
      </c>
      <c r="AH1601" s="166">
        <v>0</v>
      </c>
      <c r="AI1601" s="166">
        <v>0</v>
      </c>
      <c r="AJ1601" s="166">
        <v>0</v>
      </c>
      <c r="AK1601" s="166">
        <v>0</v>
      </c>
      <c r="AL1601" s="166">
        <v>0</v>
      </c>
      <c r="AM1601" s="166">
        <v>0</v>
      </c>
      <c r="AN1601" s="166">
        <v>0</v>
      </c>
      <c r="AO1601" s="166">
        <v>0</v>
      </c>
      <c r="AP1601" s="166">
        <v>0</v>
      </c>
      <c r="AQ1601" s="166">
        <v>0</v>
      </c>
      <c r="AR1601" s="166">
        <v>0</v>
      </c>
      <c r="AS1601" s="166">
        <v>0</v>
      </c>
      <c r="AT1601" s="166">
        <v>0</v>
      </c>
      <c r="AU1601" s="166">
        <v>0</v>
      </c>
      <c r="AV1601" s="166">
        <v>0</v>
      </c>
      <c r="AW1601" s="166">
        <v>0</v>
      </c>
      <c r="AX1601" s="166">
        <v>0</v>
      </c>
      <c r="AY1601" s="166">
        <v>0</v>
      </c>
      <c r="AZ1601" s="166">
        <v>0</v>
      </c>
      <c r="BA1601" s="166">
        <v>0</v>
      </c>
      <c r="BB1601" s="166">
        <v>0</v>
      </c>
      <c r="BC1601" s="166">
        <v>0</v>
      </c>
      <c r="BD1601" s="166">
        <v>0</v>
      </c>
      <c r="BE1601" s="166">
        <v>0</v>
      </c>
      <c r="BF1601" s="166">
        <v>0</v>
      </c>
      <c r="BG1601" s="166">
        <v>0</v>
      </c>
      <c r="BH1601" s="166">
        <v>0</v>
      </c>
      <c r="BI1601" s="166">
        <v>0</v>
      </c>
      <c r="BJ1601" s="166">
        <v>0</v>
      </c>
      <c r="BK1601" s="166">
        <v>0</v>
      </c>
      <c r="BL1601" s="166">
        <v>0</v>
      </c>
      <c r="BM1601" s="166">
        <v>0</v>
      </c>
      <c r="BN1601" s="166">
        <v>0</v>
      </c>
      <c r="BO1601" s="166">
        <v>0</v>
      </c>
      <c r="BP1601" s="166">
        <v>0</v>
      </c>
      <c r="BQ1601" s="166">
        <v>0</v>
      </c>
      <c r="BR1601" s="166">
        <v>30930147.069733799</v>
      </c>
      <c r="BS1601" s="166">
        <v>30930147.069733799</v>
      </c>
      <c r="BT1601" s="168">
        <v>0</v>
      </c>
      <c r="BU1601" s="166">
        <v>0</v>
      </c>
      <c r="BV1601" s="166">
        <v>0</v>
      </c>
      <c r="BW1601" s="166">
        <v>0</v>
      </c>
      <c r="BX1601" s="166">
        <v>0</v>
      </c>
      <c r="BY1601" s="166">
        <v>0</v>
      </c>
      <c r="BZ1601" s="166">
        <v>0</v>
      </c>
      <c r="CA1601" s="166">
        <v>0</v>
      </c>
      <c r="CB1601" s="166">
        <v>0</v>
      </c>
      <c r="CC1601" s="166">
        <v>0</v>
      </c>
      <c r="CD1601" s="166">
        <v>0</v>
      </c>
      <c r="CE1601" s="166">
        <v>0</v>
      </c>
      <c r="CF1601" s="166">
        <v>0</v>
      </c>
      <c r="CG1601" s="166">
        <v>0</v>
      </c>
      <c r="CH1601" s="166">
        <v>0</v>
      </c>
      <c r="CI1601" s="166">
        <v>0</v>
      </c>
      <c r="CJ1601" s="166">
        <v>0</v>
      </c>
      <c r="CK1601" s="166">
        <v>0</v>
      </c>
      <c r="CL1601" s="166">
        <v>0</v>
      </c>
      <c r="CM1601" s="166">
        <v>0</v>
      </c>
      <c r="CN1601" s="166">
        <v>0</v>
      </c>
      <c r="CO1601" s="166">
        <v>0</v>
      </c>
      <c r="CP1601" s="166">
        <v>0</v>
      </c>
      <c r="CQ1601" s="166">
        <v>0</v>
      </c>
      <c r="CR1601" s="166">
        <v>0</v>
      </c>
      <c r="CS1601" s="166">
        <v>0</v>
      </c>
      <c r="CT1601" s="166">
        <v>0</v>
      </c>
      <c r="CU1601" s="166">
        <v>0</v>
      </c>
      <c r="CV1601" s="166">
        <v>0</v>
      </c>
      <c r="CW1601" s="166">
        <v>0</v>
      </c>
      <c r="CX1601" s="166">
        <v>0</v>
      </c>
      <c r="CY1601" s="166">
        <v>0</v>
      </c>
      <c r="CZ1601" s="166">
        <v>0</v>
      </c>
    </row>
    <row r="1602" spans="1:104" x14ac:dyDescent="0.2">
      <c r="A1602" s="177" t="s">
        <v>569</v>
      </c>
      <c r="B1602" s="166">
        <v>31639946.589563999</v>
      </c>
      <c r="C1602" s="166">
        <v>31639946.589563999</v>
      </c>
      <c r="D1602" s="166">
        <v>0</v>
      </c>
      <c r="E1602" s="166">
        <v>0</v>
      </c>
      <c r="F1602" s="166">
        <v>0</v>
      </c>
      <c r="G1602" s="166">
        <v>0</v>
      </c>
      <c r="H1602" s="166">
        <v>0</v>
      </c>
      <c r="I1602" s="166">
        <v>0</v>
      </c>
      <c r="J1602" s="166">
        <v>0</v>
      </c>
      <c r="K1602" s="166">
        <v>0</v>
      </c>
      <c r="L1602" s="166">
        <v>0</v>
      </c>
      <c r="M1602" s="166">
        <v>0</v>
      </c>
      <c r="N1602" s="166">
        <v>0</v>
      </c>
      <c r="O1602" s="166">
        <v>0</v>
      </c>
      <c r="P1602" s="166">
        <v>0</v>
      </c>
      <c r="Q1602" s="166">
        <v>0</v>
      </c>
      <c r="R1602" s="166">
        <v>0</v>
      </c>
      <c r="S1602" s="166">
        <v>0</v>
      </c>
      <c r="T1602" s="166">
        <v>0</v>
      </c>
      <c r="U1602" s="166">
        <v>0</v>
      </c>
      <c r="V1602" s="166">
        <v>0</v>
      </c>
      <c r="W1602" s="166">
        <v>0</v>
      </c>
      <c r="X1602" s="166">
        <v>0</v>
      </c>
      <c r="Y1602" s="166">
        <v>0</v>
      </c>
      <c r="Z1602" s="166">
        <v>0</v>
      </c>
      <c r="AA1602" s="166">
        <v>0</v>
      </c>
      <c r="AB1602" s="166">
        <v>0</v>
      </c>
      <c r="AC1602" s="166">
        <v>0</v>
      </c>
      <c r="AD1602" s="166">
        <v>0</v>
      </c>
      <c r="AE1602" s="166">
        <v>0</v>
      </c>
      <c r="AF1602" s="166">
        <v>0</v>
      </c>
      <c r="AG1602" s="166">
        <v>0</v>
      </c>
      <c r="AH1602" s="166">
        <v>0</v>
      </c>
      <c r="AI1602" s="166">
        <v>0</v>
      </c>
      <c r="AJ1602" s="166">
        <v>0</v>
      </c>
      <c r="AK1602" s="166">
        <v>0</v>
      </c>
      <c r="AL1602" s="166">
        <v>0</v>
      </c>
      <c r="AM1602" s="166">
        <v>0</v>
      </c>
      <c r="AN1602" s="166">
        <v>0</v>
      </c>
      <c r="AO1602" s="166">
        <v>0</v>
      </c>
      <c r="AP1602" s="166">
        <v>0</v>
      </c>
      <c r="AQ1602" s="166">
        <v>0</v>
      </c>
      <c r="AR1602" s="166">
        <v>0</v>
      </c>
      <c r="AS1602" s="166">
        <v>0</v>
      </c>
      <c r="AT1602" s="166">
        <v>0</v>
      </c>
      <c r="AU1602" s="166">
        <v>0</v>
      </c>
      <c r="AV1602" s="166">
        <v>0</v>
      </c>
      <c r="AW1602" s="166">
        <v>0</v>
      </c>
      <c r="AX1602" s="166">
        <v>0</v>
      </c>
      <c r="AY1602" s="166">
        <v>0</v>
      </c>
      <c r="AZ1602" s="166">
        <v>0</v>
      </c>
      <c r="BA1602" s="166">
        <v>0</v>
      </c>
      <c r="BB1602" s="166">
        <v>0</v>
      </c>
      <c r="BC1602" s="166">
        <v>0</v>
      </c>
      <c r="BD1602" s="166">
        <v>0</v>
      </c>
      <c r="BE1602" s="166">
        <v>0</v>
      </c>
      <c r="BF1602" s="166">
        <v>0</v>
      </c>
      <c r="BG1602" s="166">
        <v>0</v>
      </c>
      <c r="BH1602" s="166">
        <v>0</v>
      </c>
      <c r="BI1602" s="166">
        <v>0</v>
      </c>
      <c r="BJ1602" s="166">
        <v>0</v>
      </c>
      <c r="BK1602" s="166">
        <v>0</v>
      </c>
      <c r="BL1602" s="166">
        <v>0</v>
      </c>
      <c r="BM1602" s="166">
        <v>0</v>
      </c>
      <c r="BN1602" s="166">
        <v>0</v>
      </c>
      <c r="BO1602" s="166">
        <v>0</v>
      </c>
      <c r="BP1602" s="166">
        <v>0</v>
      </c>
      <c r="BQ1602" s="166">
        <v>0</v>
      </c>
      <c r="BR1602" s="166">
        <v>31639946.589563999</v>
      </c>
      <c r="BS1602" s="166">
        <v>31639946.589563999</v>
      </c>
      <c r="BT1602" s="168">
        <v>0</v>
      </c>
      <c r="BU1602" s="166">
        <v>0</v>
      </c>
      <c r="BV1602" s="166">
        <v>0</v>
      </c>
      <c r="BW1602" s="166">
        <v>0</v>
      </c>
      <c r="BX1602" s="166">
        <v>0</v>
      </c>
      <c r="BY1602" s="166">
        <v>0</v>
      </c>
      <c r="BZ1602" s="166">
        <v>0</v>
      </c>
      <c r="CA1602" s="166">
        <v>0</v>
      </c>
      <c r="CB1602" s="166">
        <v>0</v>
      </c>
      <c r="CC1602" s="166">
        <v>0</v>
      </c>
      <c r="CD1602" s="166">
        <v>0</v>
      </c>
      <c r="CE1602" s="166">
        <v>0</v>
      </c>
      <c r="CF1602" s="166">
        <v>0</v>
      </c>
      <c r="CG1602" s="166">
        <v>0</v>
      </c>
      <c r="CH1602" s="166">
        <v>0</v>
      </c>
      <c r="CI1602" s="166">
        <v>0</v>
      </c>
      <c r="CJ1602" s="166">
        <v>0</v>
      </c>
      <c r="CK1602" s="166">
        <v>0</v>
      </c>
      <c r="CL1602" s="166">
        <v>0</v>
      </c>
      <c r="CM1602" s="166">
        <v>0</v>
      </c>
      <c r="CN1602" s="166">
        <v>0</v>
      </c>
      <c r="CO1602" s="166">
        <v>0</v>
      </c>
      <c r="CP1602" s="166">
        <v>0</v>
      </c>
      <c r="CQ1602" s="166">
        <v>0</v>
      </c>
      <c r="CR1602" s="166">
        <v>0</v>
      </c>
      <c r="CS1602" s="166">
        <v>0</v>
      </c>
      <c r="CT1602" s="166">
        <v>0</v>
      </c>
      <c r="CU1602" s="166">
        <v>0</v>
      </c>
      <c r="CV1602" s="166">
        <v>0</v>
      </c>
      <c r="CW1602" s="166">
        <v>0</v>
      </c>
      <c r="CX1602" s="166">
        <v>0</v>
      </c>
      <c r="CY1602" s="166">
        <v>0</v>
      </c>
      <c r="CZ1602" s="166">
        <v>0</v>
      </c>
    </row>
    <row r="1603" spans="1:104" x14ac:dyDescent="0.2">
      <c r="A1603" s="167" t="s">
        <v>570</v>
      </c>
      <c r="B1603" s="166">
        <v>0</v>
      </c>
      <c r="C1603" s="166">
        <v>0</v>
      </c>
      <c r="D1603" s="166">
        <v>0</v>
      </c>
      <c r="E1603" s="166">
        <v>0</v>
      </c>
      <c r="F1603" s="166">
        <v>0</v>
      </c>
      <c r="G1603" s="166">
        <v>0</v>
      </c>
      <c r="H1603" s="166">
        <v>0</v>
      </c>
      <c r="I1603" s="166">
        <v>0</v>
      </c>
      <c r="J1603" s="166">
        <v>0</v>
      </c>
      <c r="K1603" s="166">
        <v>0</v>
      </c>
      <c r="L1603" s="166">
        <v>0</v>
      </c>
      <c r="M1603" s="166">
        <v>0</v>
      </c>
      <c r="N1603" s="166">
        <v>0</v>
      </c>
      <c r="O1603" s="166">
        <v>0</v>
      </c>
      <c r="P1603" s="166">
        <v>0</v>
      </c>
      <c r="Q1603" s="166">
        <v>0</v>
      </c>
      <c r="R1603" s="166">
        <v>0</v>
      </c>
      <c r="S1603" s="166">
        <v>0</v>
      </c>
      <c r="T1603" s="166">
        <v>0</v>
      </c>
      <c r="U1603" s="166">
        <v>0</v>
      </c>
      <c r="V1603" s="166">
        <v>0</v>
      </c>
      <c r="W1603" s="166">
        <v>0</v>
      </c>
      <c r="X1603" s="166">
        <v>0</v>
      </c>
      <c r="Y1603" s="166">
        <v>0</v>
      </c>
      <c r="Z1603" s="166">
        <v>0</v>
      </c>
      <c r="AA1603" s="166">
        <v>0</v>
      </c>
      <c r="AB1603" s="166">
        <v>0</v>
      </c>
      <c r="AC1603" s="166">
        <v>0</v>
      </c>
      <c r="AD1603" s="166">
        <v>0</v>
      </c>
      <c r="AE1603" s="166">
        <v>0</v>
      </c>
      <c r="AF1603" s="166">
        <v>0</v>
      </c>
      <c r="AG1603" s="166">
        <v>0</v>
      </c>
      <c r="AH1603" s="166">
        <v>0</v>
      </c>
      <c r="AI1603" s="166">
        <v>0</v>
      </c>
      <c r="AJ1603" s="166">
        <v>0</v>
      </c>
      <c r="AK1603" s="166">
        <v>0</v>
      </c>
      <c r="AL1603" s="166">
        <v>0</v>
      </c>
      <c r="AM1603" s="166">
        <v>0</v>
      </c>
      <c r="AN1603" s="166">
        <v>0</v>
      </c>
      <c r="AO1603" s="166">
        <v>0</v>
      </c>
      <c r="AP1603" s="166">
        <v>0</v>
      </c>
      <c r="AQ1603" s="166">
        <v>0</v>
      </c>
      <c r="AR1603" s="166">
        <v>0</v>
      </c>
      <c r="AS1603" s="166">
        <v>0</v>
      </c>
      <c r="AT1603" s="166">
        <v>0</v>
      </c>
      <c r="AU1603" s="166">
        <v>0</v>
      </c>
      <c r="AV1603" s="166">
        <v>0</v>
      </c>
      <c r="AW1603" s="166">
        <v>0</v>
      </c>
      <c r="AX1603" s="166">
        <v>0</v>
      </c>
      <c r="AY1603" s="166">
        <v>0</v>
      </c>
      <c r="AZ1603" s="166">
        <v>0</v>
      </c>
      <c r="BA1603" s="166">
        <v>0</v>
      </c>
      <c r="BB1603" s="166">
        <v>0</v>
      </c>
      <c r="BC1603" s="166">
        <v>0</v>
      </c>
      <c r="BD1603" s="166">
        <v>0</v>
      </c>
      <c r="BE1603" s="166">
        <v>0</v>
      </c>
      <c r="BF1603" s="166">
        <v>0</v>
      </c>
      <c r="BG1603" s="166">
        <v>0</v>
      </c>
      <c r="BH1603" s="166">
        <v>0</v>
      </c>
      <c r="BI1603" s="166">
        <v>0</v>
      </c>
      <c r="BJ1603" s="166">
        <v>0</v>
      </c>
      <c r="BK1603" s="166">
        <v>0</v>
      </c>
      <c r="BL1603" s="166">
        <v>0</v>
      </c>
      <c r="BM1603" s="166">
        <v>0</v>
      </c>
      <c r="BN1603" s="166">
        <v>0</v>
      </c>
      <c r="BO1603" s="166">
        <v>0</v>
      </c>
      <c r="BP1603" s="166">
        <v>0</v>
      </c>
      <c r="BQ1603" s="166">
        <v>0</v>
      </c>
      <c r="BR1603" s="166">
        <v>0</v>
      </c>
      <c r="BS1603" s="166">
        <v>0</v>
      </c>
      <c r="BT1603" s="168">
        <v>0</v>
      </c>
      <c r="BU1603" s="166">
        <v>0</v>
      </c>
      <c r="BV1603" s="166">
        <v>0</v>
      </c>
      <c r="BW1603" s="166">
        <v>0</v>
      </c>
      <c r="BX1603" s="166">
        <v>0</v>
      </c>
      <c r="BY1603" s="166">
        <v>0</v>
      </c>
      <c r="BZ1603" s="166">
        <v>0</v>
      </c>
      <c r="CA1603" s="166">
        <v>0</v>
      </c>
      <c r="CB1603" s="166">
        <v>0</v>
      </c>
      <c r="CC1603" s="166">
        <v>0</v>
      </c>
      <c r="CD1603" s="166">
        <v>0</v>
      </c>
      <c r="CE1603" s="166">
        <v>0</v>
      </c>
      <c r="CF1603" s="166">
        <v>0</v>
      </c>
      <c r="CG1603" s="166">
        <v>0</v>
      </c>
      <c r="CH1603" s="166">
        <v>0</v>
      </c>
      <c r="CI1603" s="166">
        <v>0</v>
      </c>
      <c r="CJ1603" s="166">
        <v>0</v>
      </c>
      <c r="CK1603" s="166">
        <v>0</v>
      </c>
      <c r="CL1603" s="166">
        <v>0</v>
      </c>
      <c r="CM1603" s="166">
        <v>0</v>
      </c>
      <c r="CN1603" s="166">
        <v>0</v>
      </c>
      <c r="CO1603" s="166">
        <v>0</v>
      </c>
      <c r="CP1603" s="166">
        <v>0</v>
      </c>
      <c r="CQ1603" s="166">
        <v>0</v>
      </c>
      <c r="CR1603" s="166">
        <v>0</v>
      </c>
      <c r="CS1603" s="166">
        <v>0</v>
      </c>
      <c r="CT1603" s="166">
        <v>0</v>
      </c>
      <c r="CU1603" s="166">
        <v>0</v>
      </c>
      <c r="CV1603" s="166">
        <v>0</v>
      </c>
      <c r="CW1603" s="166">
        <v>0</v>
      </c>
      <c r="CX1603" s="166">
        <v>0</v>
      </c>
      <c r="CY1603" s="166">
        <v>0</v>
      </c>
      <c r="CZ1603" s="166">
        <v>0</v>
      </c>
    </row>
    <row r="1604" spans="1:104" x14ac:dyDescent="0.2">
      <c r="A1604" s="167" t="s">
        <v>571</v>
      </c>
      <c r="B1604" s="166">
        <v>57953622.861577697</v>
      </c>
      <c r="C1604" s="166">
        <v>57953622.861577697</v>
      </c>
      <c r="D1604" s="166">
        <v>0</v>
      </c>
      <c r="E1604" s="166">
        <v>0</v>
      </c>
      <c r="F1604" s="166">
        <v>0</v>
      </c>
      <c r="G1604" s="166">
        <v>0</v>
      </c>
      <c r="H1604" s="166">
        <v>0</v>
      </c>
      <c r="I1604" s="166">
        <v>0</v>
      </c>
      <c r="J1604" s="166">
        <v>0</v>
      </c>
      <c r="K1604" s="166">
        <v>0</v>
      </c>
      <c r="L1604" s="166">
        <v>0</v>
      </c>
      <c r="M1604" s="166">
        <v>0</v>
      </c>
      <c r="N1604" s="166">
        <v>0</v>
      </c>
      <c r="O1604" s="166">
        <v>0</v>
      </c>
      <c r="P1604" s="166">
        <v>0</v>
      </c>
      <c r="Q1604" s="166">
        <v>0</v>
      </c>
      <c r="R1604" s="166">
        <v>0</v>
      </c>
      <c r="S1604" s="166">
        <v>0</v>
      </c>
      <c r="T1604" s="166">
        <v>0</v>
      </c>
      <c r="U1604" s="166">
        <v>0</v>
      </c>
      <c r="V1604" s="166">
        <v>0</v>
      </c>
      <c r="W1604" s="166">
        <v>0</v>
      </c>
      <c r="X1604" s="166">
        <v>0</v>
      </c>
      <c r="Y1604" s="166">
        <v>0</v>
      </c>
      <c r="Z1604" s="166">
        <v>0</v>
      </c>
      <c r="AA1604" s="166">
        <v>0</v>
      </c>
      <c r="AB1604" s="166">
        <v>0</v>
      </c>
      <c r="AC1604" s="166">
        <v>0</v>
      </c>
      <c r="AD1604" s="166">
        <v>0</v>
      </c>
      <c r="AE1604" s="166">
        <v>0</v>
      </c>
      <c r="AF1604" s="166">
        <v>0</v>
      </c>
      <c r="AG1604" s="166">
        <v>0</v>
      </c>
      <c r="AH1604" s="166">
        <v>0</v>
      </c>
      <c r="AI1604" s="166">
        <v>0</v>
      </c>
      <c r="AJ1604" s="166">
        <v>0</v>
      </c>
      <c r="AK1604" s="166">
        <v>0</v>
      </c>
      <c r="AL1604" s="166">
        <v>0</v>
      </c>
      <c r="AM1604" s="166">
        <v>0</v>
      </c>
      <c r="AN1604" s="166">
        <v>0</v>
      </c>
      <c r="AO1604" s="166">
        <v>0</v>
      </c>
      <c r="AP1604" s="166">
        <v>0</v>
      </c>
      <c r="AQ1604" s="166">
        <v>0</v>
      </c>
      <c r="AR1604" s="166">
        <v>0</v>
      </c>
      <c r="AS1604" s="166">
        <v>0</v>
      </c>
      <c r="AT1604" s="166">
        <v>0</v>
      </c>
      <c r="AU1604" s="166">
        <v>0</v>
      </c>
      <c r="AV1604" s="166">
        <v>0</v>
      </c>
      <c r="AW1604" s="166">
        <v>0</v>
      </c>
      <c r="AX1604" s="166">
        <v>0</v>
      </c>
      <c r="AY1604" s="166">
        <v>0</v>
      </c>
      <c r="AZ1604" s="166">
        <v>0</v>
      </c>
      <c r="BA1604" s="166">
        <v>0</v>
      </c>
      <c r="BB1604" s="166">
        <v>0</v>
      </c>
      <c r="BC1604" s="166">
        <v>0</v>
      </c>
      <c r="BD1604" s="166">
        <v>0</v>
      </c>
      <c r="BE1604" s="166">
        <v>0</v>
      </c>
      <c r="BF1604" s="166">
        <v>0</v>
      </c>
      <c r="BG1604" s="166">
        <v>0</v>
      </c>
      <c r="BH1604" s="166">
        <v>0</v>
      </c>
      <c r="BI1604" s="166">
        <v>0</v>
      </c>
      <c r="BJ1604" s="166">
        <v>0</v>
      </c>
      <c r="BK1604" s="166">
        <v>0</v>
      </c>
      <c r="BL1604" s="166">
        <v>0</v>
      </c>
      <c r="BM1604" s="166">
        <v>0</v>
      </c>
      <c r="BN1604" s="166">
        <v>0</v>
      </c>
      <c r="BO1604" s="166">
        <v>0</v>
      </c>
      <c r="BP1604" s="166">
        <v>0</v>
      </c>
      <c r="BQ1604" s="166">
        <v>0</v>
      </c>
      <c r="BR1604" s="166">
        <v>57953622.861577697</v>
      </c>
      <c r="BS1604" s="166">
        <v>57953622.861577697</v>
      </c>
      <c r="BT1604" s="168">
        <v>0</v>
      </c>
      <c r="BU1604" s="166">
        <v>0</v>
      </c>
      <c r="BV1604" s="166">
        <v>0</v>
      </c>
      <c r="BW1604" s="166">
        <v>0</v>
      </c>
      <c r="BX1604" s="166">
        <v>0</v>
      </c>
      <c r="BY1604" s="166">
        <v>0</v>
      </c>
      <c r="BZ1604" s="166">
        <v>0</v>
      </c>
      <c r="CA1604" s="166">
        <v>0</v>
      </c>
      <c r="CB1604" s="166">
        <v>0</v>
      </c>
      <c r="CC1604" s="166">
        <v>0</v>
      </c>
      <c r="CD1604" s="166">
        <v>0</v>
      </c>
      <c r="CE1604" s="166">
        <v>0</v>
      </c>
      <c r="CF1604" s="166">
        <v>0</v>
      </c>
      <c r="CG1604" s="166">
        <v>0</v>
      </c>
      <c r="CH1604" s="166">
        <v>0</v>
      </c>
      <c r="CI1604" s="166">
        <v>0</v>
      </c>
      <c r="CJ1604" s="166">
        <v>0</v>
      </c>
      <c r="CK1604" s="166">
        <v>0</v>
      </c>
      <c r="CL1604" s="166">
        <v>0</v>
      </c>
      <c r="CM1604" s="166">
        <v>0</v>
      </c>
      <c r="CN1604" s="166">
        <v>0</v>
      </c>
      <c r="CO1604" s="166">
        <v>0</v>
      </c>
      <c r="CP1604" s="166">
        <v>0</v>
      </c>
      <c r="CQ1604" s="166">
        <v>0</v>
      </c>
      <c r="CR1604" s="166">
        <v>0</v>
      </c>
      <c r="CS1604" s="166">
        <v>0</v>
      </c>
      <c r="CT1604" s="166">
        <v>0</v>
      </c>
      <c r="CU1604" s="166">
        <v>0</v>
      </c>
      <c r="CV1604" s="166">
        <v>0</v>
      </c>
      <c r="CW1604" s="166">
        <v>0</v>
      </c>
      <c r="CX1604" s="166">
        <v>0</v>
      </c>
      <c r="CY1604" s="166">
        <v>0</v>
      </c>
      <c r="CZ1604" s="166">
        <v>0</v>
      </c>
    </row>
    <row r="1605" spans="1:104" x14ac:dyDescent="0.2">
      <c r="A1605" s="167" t="s">
        <v>572</v>
      </c>
      <c r="B1605" s="166">
        <v>25149421.103651501</v>
      </c>
      <c r="C1605" s="166">
        <v>25149421.103651501</v>
      </c>
      <c r="D1605" s="166">
        <v>0</v>
      </c>
      <c r="E1605" s="166">
        <v>0</v>
      </c>
      <c r="F1605" s="166">
        <v>0</v>
      </c>
      <c r="G1605" s="166">
        <v>0</v>
      </c>
      <c r="H1605" s="166">
        <v>0</v>
      </c>
      <c r="I1605" s="166">
        <v>0</v>
      </c>
      <c r="J1605" s="166">
        <v>0</v>
      </c>
      <c r="K1605" s="166">
        <v>0</v>
      </c>
      <c r="L1605" s="166">
        <v>0</v>
      </c>
      <c r="M1605" s="166">
        <v>0</v>
      </c>
      <c r="N1605" s="166">
        <v>0</v>
      </c>
      <c r="O1605" s="166">
        <v>0</v>
      </c>
      <c r="P1605" s="166">
        <v>0</v>
      </c>
      <c r="Q1605" s="166">
        <v>0</v>
      </c>
      <c r="R1605" s="166">
        <v>0</v>
      </c>
      <c r="S1605" s="166">
        <v>0</v>
      </c>
      <c r="T1605" s="166">
        <v>0</v>
      </c>
      <c r="U1605" s="166">
        <v>0</v>
      </c>
      <c r="V1605" s="166">
        <v>0</v>
      </c>
      <c r="W1605" s="166">
        <v>0</v>
      </c>
      <c r="X1605" s="166">
        <v>0</v>
      </c>
      <c r="Y1605" s="166">
        <v>0</v>
      </c>
      <c r="Z1605" s="166">
        <v>0</v>
      </c>
      <c r="AA1605" s="166">
        <v>0</v>
      </c>
      <c r="AB1605" s="166">
        <v>0</v>
      </c>
      <c r="AC1605" s="166">
        <v>0</v>
      </c>
      <c r="AD1605" s="166">
        <v>0</v>
      </c>
      <c r="AE1605" s="166">
        <v>0</v>
      </c>
      <c r="AF1605" s="166">
        <v>0</v>
      </c>
      <c r="AG1605" s="166">
        <v>0</v>
      </c>
      <c r="AH1605" s="166">
        <v>0</v>
      </c>
      <c r="AI1605" s="166">
        <v>0</v>
      </c>
      <c r="AJ1605" s="166">
        <v>0</v>
      </c>
      <c r="AK1605" s="166">
        <v>0</v>
      </c>
      <c r="AL1605" s="166">
        <v>0</v>
      </c>
      <c r="AM1605" s="166">
        <v>0</v>
      </c>
      <c r="AN1605" s="166">
        <v>0</v>
      </c>
      <c r="AO1605" s="166">
        <v>0</v>
      </c>
      <c r="AP1605" s="166">
        <v>0</v>
      </c>
      <c r="AQ1605" s="166">
        <v>0</v>
      </c>
      <c r="AR1605" s="166">
        <v>0</v>
      </c>
      <c r="AS1605" s="166">
        <v>0</v>
      </c>
      <c r="AT1605" s="166">
        <v>0</v>
      </c>
      <c r="AU1605" s="166">
        <v>0</v>
      </c>
      <c r="AV1605" s="166">
        <v>0</v>
      </c>
      <c r="AW1605" s="166">
        <v>0</v>
      </c>
      <c r="AX1605" s="166">
        <v>0</v>
      </c>
      <c r="AY1605" s="166">
        <v>0</v>
      </c>
      <c r="AZ1605" s="166">
        <v>0</v>
      </c>
      <c r="BA1605" s="166">
        <v>0</v>
      </c>
      <c r="BB1605" s="166">
        <v>0</v>
      </c>
      <c r="BC1605" s="166">
        <v>0</v>
      </c>
      <c r="BD1605" s="166">
        <v>0</v>
      </c>
      <c r="BE1605" s="166">
        <v>0</v>
      </c>
      <c r="BF1605" s="166">
        <v>0</v>
      </c>
      <c r="BG1605" s="166">
        <v>0</v>
      </c>
      <c r="BH1605" s="166">
        <v>0</v>
      </c>
      <c r="BI1605" s="166">
        <v>0</v>
      </c>
      <c r="BJ1605" s="166">
        <v>0</v>
      </c>
      <c r="BK1605" s="166">
        <v>0</v>
      </c>
      <c r="BL1605" s="166">
        <v>0</v>
      </c>
      <c r="BM1605" s="166">
        <v>0</v>
      </c>
      <c r="BN1605" s="166">
        <v>0</v>
      </c>
      <c r="BO1605" s="166">
        <v>0</v>
      </c>
      <c r="BP1605" s="166">
        <v>0</v>
      </c>
      <c r="BQ1605" s="166">
        <v>0</v>
      </c>
      <c r="BR1605" s="166">
        <v>25149421.103651501</v>
      </c>
      <c r="BS1605" s="166">
        <v>25149421.103651501</v>
      </c>
      <c r="BT1605" s="168">
        <v>0</v>
      </c>
      <c r="BU1605" s="166">
        <v>0</v>
      </c>
      <c r="BV1605" s="166">
        <v>0</v>
      </c>
      <c r="BW1605" s="166">
        <v>0</v>
      </c>
      <c r="BX1605" s="166">
        <v>0</v>
      </c>
      <c r="BY1605" s="166">
        <v>0</v>
      </c>
      <c r="BZ1605" s="166">
        <v>0</v>
      </c>
      <c r="CA1605" s="166">
        <v>0</v>
      </c>
      <c r="CB1605" s="166">
        <v>0</v>
      </c>
      <c r="CC1605" s="166">
        <v>0</v>
      </c>
      <c r="CD1605" s="166">
        <v>0</v>
      </c>
      <c r="CE1605" s="166">
        <v>0</v>
      </c>
      <c r="CF1605" s="166">
        <v>0</v>
      </c>
      <c r="CG1605" s="166">
        <v>0</v>
      </c>
      <c r="CH1605" s="166">
        <v>0</v>
      </c>
      <c r="CI1605" s="166">
        <v>0</v>
      </c>
      <c r="CJ1605" s="166">
        <v>0</v>
      </c>
      <c r="CK1605" s="166">
        <v>0</v>
      </c>
      <c r="CL1605" s="166">
        <v>0</v>
      </c>
      <c r="CM1605" s="166">
        <v>0</v>
      </c>
      <c r="CN1605" s="166">
        <v>0</v>
      </c>
      <c r="CO1605" s="166">
        <v>0</v>
      </c>
      <c r="CP1605" s="166">
        <v>0</v>
      </c>
      <c r="CQ1605" s="166">
        <v>0</v>
      </c>
      <c r="CR1605" s="166">
        <v>0</v>
      </c>
      <c r="CS1605" s="166">
        <v>0</v>
      </c>
      <c r="CT1605" s="166">
        <v>0</v>
      </c>
      <c r="CU1605" s="166">
        <v>0</v>
      </c>
      <c r="CV1605" s="166">
        <v>0</v>
      </c>
      <c r="CW1605" s="166">
        <v>0</v>
      </c>
      <c r="CX1605" s="166">
        <v>0</v>
      </c>
      <c r="CY1605" s="166">
        <v>0</v>
      </c>
      <c r="CZ1605" s="166">
        <v>0</v>
      </c>
    </row>
    <row r="1606" spans="1:104" x14ac:dyDescent="0.2">
      <c r="A1606" s="167" t="s">
        <v>573</v>
      </c>
      <c r="B1606" s="166">
        <v>10015379.9097855</v>
      </c>
      <c r="C1606" s="166">
        <v>10015379.9097855</v>
      </c>
      <c r="D1606" s="166">
        <v>0</v>
      </c>
      <c r="E1606" s="166">
        <v>0</v>
      </c>
      <c r="F1606" s="166">
        <v>0</v>
      </c>
      <c r="G1606" s="166">
        <v>0</v>
      </c>
      <c r="H1606" s="166">
        <v>0</v>
      </c>
      <c r="I1606" s="166">
        <v>0</v>
      </c>
      <c r="J1606" s="166">
        <v>0</v>
      </c>
      <c r="K1606" s="166">
        <v>0</v>
      </c>
      <c r="L1606" s="166">
        <v>0</v>
      </c>
      <c r="M1606" s="166">
        <v>0</v>
      </c>
      <c r="N1606" s="166">
        <v>0</v>
      </c>
      <c r="O1606" s="166">
        <v>0</v>
      </c>
      <c r="P1606" s="166">
        <v>0</v>
      </c>
      <c r="Q1606" s="166">
        <v>0</v>
      </c>
      <c r="R1606" s="166">
        <v>0</v>
      </c>
      <c r="S1606" s="166">
        <v>0</v>
      </c>
      <c r="T1606" s="166">
        <v>0</v>
      </c>
      <c r="U1606" s="166">
        <v>0</v>
      </c>
      <c r="V1606" s="166">
        <v>0</v>
      </c>
      <c r="W1606" s="166">
        <v>0</v>
      </c>
      <c r="X1606" s="166">
        <v>0</v>
      </c>
      <c r="Y1606" s="166">
        <v>0</v>
      </c>
      <c r="Z1606" s="166">
        <v>0</v>
      </c>
      <c r="AA1606" s="166">
        <v>0</v>
      </c>
      <c r="AB1606" s="166">
        <v>0</v>
      </c>
      <c r="AC1606" s="166">
        <v>0</v>
      </c>
      <c r="AD1606" s="166">
        <v>0</v>
      </c>
      <c r="AE1606" s="166">
        <v>0</v>
      </c>
      <c r="AF1606" s="166">
        <v>0</v>
      </c>
      <c r="AG1606" s="166">
        <v>0</v>
      </c>
      <c r="AH1606" s="166">
        <v>0</v>
      </c>
      <c r="AI1606" s="166">
        <v>0</v>
      </c>
      <c r="AJ1606" s="166">
        <v>0</v>
      </c>
      <c r="AK1606" s="166">
        <v>0</v>
      </c>
      <c r="AL1606" s="166">
        <v>0</v>
      </c>
      <c r="AM1606" s="166">
        <v>0</v>
      </c>
      <c r="AN1606" s="166">
        <v>0</v>
      </c>
      <c r="AO1606" s="166">
        <v>0</v>
      </c>
      <c r="AP1606" s="166">
        <v>0</v>
      </c>
      <c r="AQ1606" s="166">
        <v>0</v>
      </c>
      <c r="AR1606" s="166">
        <v>0</v>
      </c>
      <c r="AS1606" s="166">
        <v>0</v>
      </c>
      <c r="AT1606" s="166">
        <v>0</v>
      </c>
      <c r="AU1606" s="166">
        <v>0</v>
      </c>
      <c r="AV1606" s="166">
        <v>0</v>
      </c>
      <c r="AW1606" s="166">
        <v>0</v>
      </c>
      <c r="AX1606" s="166">
        <v>0</v>
      </c>
      <c r="AY1606" s="166">
        <v>0</v>
      </c>
      <c r="AZ1606" s="166">
        <v>0</v>
      </c>
      <c r="BA1606" s="166">
        <v>0</v>
      </c>
      <c r="BB1606" s="166">
        <v>0</v>
      </c>
      <c r="BC1606" s="166">
        <v>0</v>
      </c>
      <c r="BD1606" s="166">
        <v>0</v>
      </c>
      <c r="BE1606" s="166">
        <v>0</v>
      </c>
      <c r="BF1606" s="166">
        <v>0</v>
      </c>
      <c r="BG1606" s="166">
        <v>0</v>
      </c>
      <c r="BH1606" s="166">
        <v>0</v>
      </c>
      <c r="BI1606" s="166">
        <v>0</v>
      </c>
      <c r="BJ1606" s="166">
        <v>0</v>
      </c>
      <c r="BK1606" s="166">
        <v>0</v>
      </c>
      <c r="BL1606" s="166">
        <v>0</v>
      </c>
      <c r="BM1606" s="166">
        <v>0</v>
      </c>
      <c r="BN1606" s="166">
        <v>0</v>
      </c>
      <c r="BO1606" s="166">
        <v>0</v>
      </c>
      <c r="BP1606" s="166">
        <v>0</v>
      </c>
      <c r="BQ1606" s="166">
        <v>0</v>
      </c>
      <c r="BR1606" s="166">
        <v>10015379.9097855</v>
      </c>
      <c r="BS1606" s="166">
        <v>10015379.9097855</v>
      </c>
      <c r="BT1606" s="168">
        <v>0</v>
      </c>
      <c r="BU1606" s="166">
        <v>0</v>
      </c>
      <c r="BV1606" s="166">
        <v>0</v>
      </c>
      <c r="BW1606" s="166">
        <v>0</v>
      </c>
      <c r="BX1606" s="166">
        <v>0</v>
      </c>
      <c r="BY1606" s="166">
        <v>0</v>
      </c>
      <c r="BZ1606" s="166">
        <v>0</v>
      </c>
      <c r="CA1606" s="166">
        <v>0</v>
      </c>
      <c r="CB1606" s="166">
        <v>0</v>
      </c>
      <c r="CC1606" s="166">
        <v>0</v>
      </c>
      <c r="CD1606" s="166">
        <v>0</v>
      </c>
      <c r="CE1606" s="166">
        <v>0</v>
      </c>
      <c r="CF1606" s="166">
        <v>0</v>
      </c>
      <c r="CG1606" s="166">
        <v>0</v>
      </c>
      <c r="CH1606" s="166">
        <v>0</v>
      </c>
      <c r="CI1606" s="166">
        <v>0</v>
      </c>
      <c r="CJ1606" s="166">
        <v>0</v>
      </c>
      <c r="CK1606" s="166">
        <v>0</v>
      </c>
      <c r="CL1606" s="166">
        <v>0</v>
      </c>
      <c r="CM1606" s="166">
        <v>0</v>
      </c>
      <c r="CN1606" s="166">
        <v>0</v>
      </c>
      <c r="CO1606" s="166">
        <v>0</v>
      </c>
      <c r="CP1606" s="166">
        <v>0</v>
      </c>
      <c r="CQ1606" s="166">
        <v>0</v>
      </c>
      <c r="CR1606" s="166">
        <v>0</v>
      </c>
      <c r="CS1606" s="166">
        <v>0</v>
      </c>
      <c r="CT1606" s="166">
        <v>0</v>
      </c>
      <c r="CU1606" s="166">
        <v>0</v>
      </c>
      <c r="CV1606" s="166">
        <v>0</v>
      </c>
      <c r="CW1606" s="166">
        <v>0</v>
      </c>
      <c r="CX1606" s="166">
        <v>0</v>
      </c>
      <c r="CY1606" s="166">
        <v>0</v>
      </c>
      <c r="CZ1606" s="166">
        <v>0</v>
      </c>
    </row>
    <row r="1607" spans="1:104" x14ac:dyDescent="0.2">
      <c r="A1607" s="167" t="s">
        <v>574</v>
      </c>
      <c r="B1607" s="166">
        <v>3132873.08117883</v>
      </c>
      <c r="C1607" s="166">
        <v>3132873.08117883</v>
      </c>
      <c r="D1607" s="166">
        <v>0</v>
      </c>
      <c r="E1607" s="166">
        <v>0</v>
      </c>
      <c r="F1607" s="166">
        <v>0</v>
      </c>
      <c r="G1607" s="166">
        <v>0</v>
      </c>
      <c r="H1607" s="166">
        <v>0</v>
      </c>
      <c r="I1607" s="166">
        <v>0</v>
      </c>
      <c r="J1607" s="166">
        <v>0</v>
      </c>
      <c r="K1607" s="166">
        <v>0</v>
      </c>
      <c r="L1607" s="166">
        <v>0</v>
      </c>
      <c r="M1607" s="166">
        <v>0</v>
      </c>
      <c r="N1607" s="166">
        <v>0</v>
      </c>
      <c r="O1607" s="166">
        <v>0</v>
      </c>
      <c r="P1607" s="166">
        <v>0</v>
      </c>
      <c r="Q1607" s="166">
        <v>0</v>
      </c>
      <c r="R1607" s="166">
        <v>0</v>
      </c>
      <c r="S1607" s="166">
        <v>0</v>
      </c>
      <c r="T1607" s="166">
        <v>0</v>
      </c>
      <c r="U1607" s="166">
        <v>0</v>
      </c>
      <c r="V1607" s="166">
        <v>0</v>
      </c>
      <c r="W1607" s="166">
        <v>0</v>
      </c>
      <c r="X1607" s="166">
        <v>0</v>
      </c>
      <c r="Y1607" s="166">
        <v>0</v>
      </c>
      <c r="Z1607" s="166">
        <v>0</v>
      </c>
      <c r="AA1607" s="166">
        <v>0</v>
      </c>
      <c r="AB1607" s="166">
        <v>0</v>
      </c>
      <c r="AC1607" s="166">
        <v>0</v>
      </c>
      <c r="AD1607" s="166">
        <v>0</v>
      </c>
      <c r="AE1607" s="166">
        <v>0</v>
      </c>
      <c r="AF1607" s="166">
        <v>0</v>
      </c>
      <c r="AG1607" s="166">
        <v>0</v>
      </c>
      <c r="AH1607" s="166">
        <v>0</v>
      </c>
      <c r="AI1607" s="166">
        <v>0</v>
      </c>
      <c r="AJ1607" s="166">
        <v>0</v>
      </c>
      <c r="AK1607" s="166">
        <v>0</v>
      </c>
      <c r="AL1607" s="166">
        <v>0</v>
      </c>
      <c r="AM1607" s="166">
        <v>0</v>
      </c>
      <c r="AN1607" s="166">
        <v>0</v>
      </c>
      <c r="AO1607" s="166">
        <v>0</v>
      </c>
      <c r="AP1607" s="166">
        <v>0</v>
      </c>
      <c r="AQ1607" s="166">
        <v>0</v>
      </c>
      <c r="AR1607" s="166">
        <v>0</v>
      </c>
      <c r="AS1607" s="166">
        <v>0</v>
      </c>
      <c r="AT1607" s="166">
        <v>0</v>
      </c>
      <c r="AU1607" s="166">
        <v>0</v>
      </c>
      <c r="AV1607" s="166">
        <v>0</v>
      </c>
      <c r="AW1607" s="166">
        <v>0</v>
      </c>
      <c r="AX1607" s="166">
        <v>0</v>
      </c>
      <c r="AY1607" s="166">
        <v>0</v>
      </c>
      <c r="AZ1607" s="166">
        <v>0</v>
      </c>
      <c r="BA1607" s="166">
        <v>0</v>
      </c>
      <c r="BB1607" s="166">
        <v>0</v>
      </c>
      <c r="BC1607" s="166">
        <v>0</v>
      </c>
      <c r="BD1607" s="166">
        <v>0</v>
      </c>
      <c r="BE1607" s="166">
        <v>0</v>
      </c>
      <c r="BF1607" s="166">
        <v>0</v>
      </c>
      <c r="BG1607" s="166">
        <v>0</v>
      </c>
      <c r="BH1607" s="166">
        <v>0</v>
      </c>
      <c r="BI1607" s="166">
        <v>0</v>
      </c>
      <c r="BJ1607" s="166">
        <v>0</v>
      </c>
      <c r="BK1607" s="166">
        <v>0</v>
      </c>
      <c r="BL1607" s="166">
        <v>0</v>
      </c>
      <c r="BM1607" s="166">
        <v>0</v>
      </c>
      <c r="BN1607" s="166">
        <v>0</v>
      </c>
      <c r="BO1607" s="166">
        <v>0</v>
      </c>
      <c r="BP1607" s="166">
        <v>0</v>
      </c>
      <c r="BQ1607" s="166">
        <v>0</v>
      </c>
      <c r="BR1607" s="166">
        <v>3132873.08117883</v>
      </c>
      <c r="BS1607" s="166">
        <v>3132873.08117883</v>
      </c>
      <c r="BT1607" s="168">
        <v>0</v>
      </c>
      <c r="BU1607" s="166">
        <v>0</v>
      </c>
      <c r="BV1607" s="166">
        <v>0</v>
      </c>
      <c r="BW1607" s="166">
        <v>0</v>
      </c>
      <c r="BX1607" s="166">
        <v>0</v>
      </c>
      <c r="BY1607" s="166">
        <v>0</v>
      </c>
      <c r="BZ1607" s="166">
        <v>0</v>
      </c>
      <c r="CA1607" s="166">
        <v>0</v>
      </c>
      <c r="CB1607" s="166">
        <v>0</v>
      </c>
      <c r="CC1607" s="166">
        <v>0</v>
      </c>
      <c r="CD1607" s="166">
        <v>0</v>
      </c>
      <c r="CE1607" s="166">
        <v>0</v>
      </c>
      <c r="CF1607" s="166">
        <v>0</v>
      </c>
      <c r="CG1607" s="166">
        <v>0</v>
      </c>
      <c r="CH1607" s="166">
        <v>0</v>
      </c>
      <c r="CI1607" s="166">
        <v>0</v>
      </c>
      <c r="CJ1607" s="166">
        <v>0</v>
      </c>
      <c r="CK1607" s="166">
        <v>0</v>
      </c>
      <c r="CL1607" s="166">
        <v>0</v>
      </c>
      <c r="CM1607" s="166">
        <v>0</v>
      </c>
      <c r="CN1607" s="166">
        <v>0</v>
      </c>
      <c r="CO1607" s="166">
        <v>0</v>
      </c>
      <c r="CP1607" s="166">
        <v>0</v>
      </c>
      <c r="CQ1607" s="166">
        <v>0</v>
      </c>
      <c r="CR1607" s="166">
        <v>0</v>
      </c>
      <c r="CS1607" s="166">
        <v>0</v>
      </c>
      <c r="CT1607" s="166">
        <v>0</v>
      </c>
      <c r="CU1607" s="166">
        <v>0</v>
      </c>
      <c r="CV1607" s="166">
        <v>0</v>
      </c>
      <c r="CW1607" s="166">
        <v>0</v>
      </c>
      <c r="CX1607" s="166">
        <v>0</v>
      </c>
      <c r="CY1607" s="166">
        <v>0</v>
      </c>
      <c r="CZ1607" s="166">
        <v>0</v>
      </c>
    </row>
    <row r="1608" spans="1:104" x14ac:dyDescent="0.2">
      <c r="A1608" s="167" t="s">
        <v>575</v>
      </c>
      <c r="B1608" s="166">
        <v>20065582.460265499</v>
      </c>
      <c r="C1608" s="166">
        <v>20065582.460265499</v>
      </c>
      <c r="D1608" s="166">
        <v>0</v>
      </c>
      <c r="E1608" s="166">
        <v>0</v>
      </c>
      <c r="F1608" s="166">
        <v>0</v>
      </c>
      <c r="G1608" s="166">
        <v>0</v>
      </c>
      <c r="H1608" s="166">
        <v>0</v>
      </c>
      <c r="I1608" s="166">
        <v>0</v>
      </c>
      <c r="J1608" s="166">
        <v>0</v>
      </c>
      <c r="K1608" s="166">
        <v>0</v>
      </c>
      <c r="L1608" s="166">
        <v>0</v>
      </c>
      <c r="M1608" s="166">
        <v>0</v>
      </c>
      <c r="N1608" s="166">
        <v>0</v>
      </c>
      <c r="O1608" s="166">
        <v>0</v>
      </c>
      <c r="P1608" s="166">
        <v>0</v>
      </c>
      <c r="Q1608" s="166">
        <v>0</v>
      </c>
      <c r="R1608" s="166">
        <v>0</v>
      </c>
      <c r="S1608" s="166">
        <v>0</v>
      </c>
      <c r="T1608" s="166">
        <v>0</v>
      </c>
      <c r="U1608" s="166">
        <v>0</v>
      </c>
      <c r="V1608" s="166">
        <v>0</v>
      </c>
      <c r="W1608" s="166">
        <v>0</v>
      </c>
      <c r="X1608" s="166">
        <v>0</v>
      </c>
      <c r="Y1608" s="166">
        <v>0</v>
      </c>
      <c r="Z1608" s="166">
        <v>0</v>
      </c>
      <c r="AA1608" s="166">
        <v>0</v>
      </c>
      <c r="AB1608" s="166">
        <v>0</v>
      </c>
      <c r="AC1608" s="166">
        <v>0</v>
      </c>
      <c r="AD1608" s="166">
        <v>0</v>
      </c>
      <c r="AE1608" s="166">
        <v>0</v>
      </c>
      <c r="AF1608" s="166">
        <v>0</v>
      </c>
      <c r="AG1608" s="166">
        <v>0</v>
      </c>
      <c r="AH1608" s="166">
        <v>0</v>
      </c>
      <c r="AI1608" s="166">
        <v>0</v>
      </c>
      <c r="AJ1608" s="166">
        <v>0</v>
      </c>
      <c r="AK1608" s="166">
        <v>0</v>
      </c>
      <c r="AL1608" s="166">
        <v>0</v>
      </c>
      <c r="AM1608" s="166">
        <v>0</v>
      </c>
      <c r="AN1608" s="166">
        <v>0</v>
      </c>
      <c r="AO1608" s="166">
        <v>0</v>
      </c>
      <c r="AP1608" s="166">
        <v>0</v>
      </c>
      <c r="AQ1608" s="166">
        <v>0</v>
      </c>
      <c r="AR1608" s="166">
        <v>0</v>
      </c>
      <c r="AS1608" s="166">
        <v>0</v>
      </c>
      <c r="AT1608" s="166">
        <v>0</v>
      </c>
      <c r="AU1608" s="166">
        <v>0</v>
      </c>
      <c r="AV1608" s="166">
        <v>0</v>
      </c>
      <c r="AW1608" s="166">
        <v>0</v>
      </c>
      <c r="AX1608" s="166">
        <v>0</v>
      </c>
      <c r="AY1608" s="166">
        <v>0</v>
      </c>
      <c r="AZ1608" s="166">
        <v>0</v>
      </c>
      <c r="BA1608" s="166">
        <v>0</v>
      </c>
      <c r="BB1608" s="166">
        <v>0</v>
      </c>
      <c r="BC1608" s="166">
        <v>0</v>
      </c>
      <c r="BD1608" s="166">
        <v>0</v>
      </c>
      <c r="BE1608" s="166">
        <v>0</v>
      </c>
      <c r="BF1608" s="166">
        <v>0</v>
      </c>
      <c r="BG1608" s="166">
        <v>0</v>
      </c>
      <c r="BH1608" s="166">
        <v>0</v>
      </c>
      <c r="BI1608" s="166">
        <v>0</v>
      </c>
      <c r="BJ1608" s="166">
        <v>0</v>
      </c>
      <c r="BK1608" s="166">
        <v>0</v>
      </c>
      <c r="BL1608" s="166">
        <v>0</v>
      </c>
      <c r="BM1608" s="166">
        <v>0</v>
      </c>
      <c r="BN1608" s="166">
        <v>0</v>
      </c>
      <c r="BO1608" s="166">
        <v>0</v>
      </c>
      <c r="BP1608" s="166">
        <v>0</v>
      </c>
      <c r="BQ1608" s="166">
        <v>0</v>
      </c>
      <c r="BR1608" s="166">
        <v>20065582.460265499</v>
      </c>
      <c r="BS1608" s="166">
        <v>20065582.460265499</v>
      </c>
      <c r="BT1608" s="168">
        <v>0</v>
      </c>
      <c r="BU1608" s="166">
        <v>0</v>
      </c>
      <c r="BV1608" s="166">
        <v>0</v>
      </c>
      <c r="BW1608" s="166">
        <v>0</v>
      </c>
      <c r="BX1608" s="166">
        <v>0</v>
      </c>
      <c r="BY1608" s="166">
        <v>0</v>
      </c>
      <c r="BZ1608" s="166">
        <v>0</v>
      </c>
      <c r="CA1608" s="166">
        <v>0</v>
      </c>
      <c r="CB1608" s="166">
        <v>0</v>
      </c>
      <c r="CC1608" s="166">
        <v>0</v>
      </c>
      <c r="CD1608" s="166">
        <v>0</v>
      </c>
      <c r="CE1608" s="166">
        <v>0</v>
      </c>
      <c r="CF1608" s="166">
        <v>0</v>
      </c>
      <c r="CG1608" s="166">
        <v>0</v>
      </c>
      <c r="CH1608" s="166">
        <v>0</v>
      </c>
      <c r="CI1608" s="166">
        <v>0</v>
      </c>
      <c r="CJ1608" s="166">
        <v>0</v>
      </c>
      <c r="CK1608" s="166">
        <v>0</v>
      </c>
      <c r="CL1608" s="166">
        <v>0</v>
      </c>
      <c r="CM1608" s="166">
        <v>0</v>
      </c>
      <c r="CN1608" s="166">
        <v>0</v>
      </c>
      <c r="CO1608" s="166">
        <v>0</v>
      </c>
      <c r="CP1608" s="166">
        <v>0</v>
      </c>
      <c r="CQ1608" s="166">
        <v>0</v>
      </c>
      <c r="CR1608" s="166">
        <v>0</v>
      </c>
      <c r="CS1608" s="166">
        <v>0</v>
      </c>
      <c r="CT1608" s="166">
        <v>0</v>
      </c>
      <c r="CU1608" s="166">
        <v>0</v>
      </c>
      <c r="CV1608" s="166">
        <v>0</v>
      </c>
      <c r="CW1608" s="166">
        <v>0</v>
      </c>
      <c r="CX1608" s="166">
        <v>0</v>
      </c>
      <c r="CY1608" s="166">
        <v>0</v>
      </c>
      <c r="CZ1608" s="166">
        <v>0</v>
      </c>
    </row>
    <row r="1609" spans="1:104" x14ac:dyDescent="0.2">
      <c r="A1609" s="167" t="s">
        <v>576</v>
      </c>
      <c r="B1609" s="166">
        <v>0</v>
      </c>
      <c r="C1609" s="166">
        <v>0</v>
      </c>
      <c r="D1609" s="166">
        <v>0</v>
      </c>
      <c r="E1609" s="166">
        <v>0</v>
      </c>
      <c r="F1609" s="166">
        <v>0</v>
      </c>
      <c r="G1609" s="166">
        <v>0</v>
      </c>
      <c r="H1609" s="166">
        <v>0</v>
      </c>
      <c r="I1609" s="166">
        <v>0</v>
      </c>
      <c r="J1609" s="166">
        <v>0</v>
      </c>
      <c r="K1609" s="166">
        <v>0</v>
      </c>
      <c r="L1609" s="166">
        <v>0</v>
      </c>
      <c r="M1609" s="166">
        <v>0</v>
      </c>
      <c r="N1609" s="166">
        <v>0</v>
      </c>
      <c r="O1609" s="166">
        <v>0</v>
      </c>
      <c r="P1609" s="166">
        <v>0</v>
      </c>
      <c r="Q1609" s="166">
        <v>0</v>
      </c>
      <c r="R1609" s="166">
        <v>0</v>
      </c>
      <c r="S1609" s="166">
        <v>0</v>
      </c>
      <c r="T1609" s="166">
        <v>0</v>
      </c>
      <c r="U1609" s="166">
        <v>0</v>
      </c>
      <c r="V1609" s="166">
        <v>0</v>
      </c>
      <c r="W1609" s="166">
        <v>0</v>
      </c>
      <c r="X1609" s="166">
        <v>0</v>
      </c>
      <c r="Y1609" s="166">
        <v>0</v>
      </c>
      <c r="Z1609" s="166">
        <v>0</v>
      </c>
      <c r="AA1609" s="166">
        <v>0</v>
      </c>
      <c r="AB1609" s="166">
        <v>0</v>
      </c>
      <c r="AC1609" s="166">
        <v>0</v>
      </c>
      <c r="AD1609" s="166">
        <v>0</v>
      </c>
      <c r="AE1609" s="166">
        <v>0</v>
      </c>
      <c r="AF1609" s="166">
        <v>0</v>
      </c>
      <c r="AG1609" s="166">
        <v>0</v>
      </c>
      <c r="AH1609" s="166">
        <v>0</v>
      </c>
      <c r="AI1609" s="166">
        <v>0</v>
      </c>
      <c r="AJ1609" s="166">
        <v>0</v>
      </c>
      <c r="AK1609" s="166">
        <v>0</v>
      </c>
      <c r="AL1609" s="166">
        <v>0</v>
      </c>
      <c r="AM1609" s="166">
        <v>0</v>
      </c>
      <c r="AN1609" s="166">
        <v>0</v>
      </c>
      <c r="AO1609" s="166">
        <v>0</v>
      </c>
      <c r="AP1609" s="166">
        <v>0</v>
      </c>
      <c r="AQ1609" s="166">
        <v>0</v>
      </c>
      <c r="AR1609" s="166">
        <v>0</v>
      </c>
      <c r="AS1609" s="166">
        <v>0</v>
      </c>
      <c r="AT1609" s="166">
        <v>0</v>
      </c>
      <c r="AU1609" s="166">
        <v>0</v>
      </c>
      <c r="AV1609" s="166">
        <v>0</v>
      </c>
      <c r="AW1609" s="166">
        <v>0</v>
      </c>
      <c r="AX1609" s="166">
        <v>0</v>
      </c>
      <c r="AY1609" s="166">
        <v>0</v>
      </c>
      <c r="AZ1609" s="166">
        <v>0</v>
      </c>
      <c r="BA1609" s="166">
        <v>0</v>
      </c>
      <c r="BB1609" s="166">
        <v>0</v>
      </c>
      <c r="BC1609" s="166">
        <v>0</v>
      </c>
      <c r="BD1609" s="166">
        <v>0</v>
      </c>
      <c r="BE1609" s="166">
        <v>0</v>
      </c>
      <c r="BF1609" s="166">
        <v>0</v>
      </c>
      <c r="BG1609" s="166">
        <v>0</v>
      </c>
      <c r="BH1609" s="166">
        <v>0</v>
      </c>
      <c r="BI1609" s="166">
        <v>0</v>
      </c>
      <c r="BJ1609" s="166">
        <v>0</v>
      </c>
      <c r="BK1609" s="166">
        <v>0</v>
      </c>
      <c r="BL1609" s="166">
        <v>0</v>
      </c>
      <c r="BM1609" s="166">
        <v>0</v>
      </c>
      <c r="BN1609" s="166">
        <v>0</v>
      </c>
      <c r="BO1609" s="166">
        <v>0</v>
      </c>
      <c r="BP1609" s="166">
        <v>0</v>
      </c>
      <c r="BQ1609" s="166">
        <v>0</v>
      </c>
      <c r="BR1609" s="166">
        <v>0</v>
      </c>
      <c r="BS1609" s="166">
        <v>0</v>
      </c>
      <c r="BT1609" s="168">
        <v>0</v>
      </c>
      <c r="BU1609" s="166">
        <v>0</v>
      </c>
      <c r="BV1609" s="166">
        <v>0</v>
      </c>
      <c r="BW1609" s="166">
        <v>0</v>
      </c>
      <c r="BX1609" s="166">
        <v>0</v>
      </c>
      <c r="BY1609" s="166">
        <v>0</v>
      </c>
      <c r="BZ1609" s="166">
        <v>0</v>
      </c>
      <c r="CA1609" s="166">
        <v>0</v>
      </c>
      <c r="CB1609" s="166">
        <v>0</v>
      </c>
      <c r="CC1609" s="166">
        <v>0</v>
      </c>
      <c r="CD1609" s="166">
        <v>0</v>
      </c>
      <c r="CE1609" s="166">
        <v>0</v>
      </c>
      <c r="CF1609" s="166">
        <v>0</v>
      </c>
      <c r="CG1609" s="166">
        <v>0</v>
      </c>
      <c r="CH1609" s="166">
        <v>0</v>
      </c>
      <c r="CI1609" s="166">
        <v>0</v>
      </c>
      <c r="CJ1609" s="166">
        <v>0</v>
      </c>
      <c r="CK1609" s="166">
        <v>0</v>
      </c>
      <c r="CL1609" s="166">
        <v>0</v>
      </c>
      <c r="CM1609" s="166">
        <v>0</v>
      </c>
      <c r="CN1609" s="166">
        <v>0</v>
      </c>
      <c r="CO1609" s="166">
        <v>0</v>
      </c>
      <c r="CP1609" s="166">
        <v>0</v>
      </c>
      <c r="CQ1609" s="166">
        <v>0</v>
      </c>
      <c r="CR1609" s="166">
        <v>0</v>
      </c>
      <c r="CS1609" s="166">
        <v>0</v>
      </c>
      <c r="CT1609" s="166">
        <v>0</v>
      </c>
      <c r="CU1609" s="166">
        <v>0</v>
      </c>
      <c r="CV1609" s="166">
        <v>0</v>
      </c>
      <c r="CW1609" s="166">
        <v>0</v>
      </c>
      <c r="CX1609" s="166">
        <v>0</v>
      </c>
      <c r="CY1609" s="166">
        <v>0</v>
      </c>
      <c r="CZ1609" s="166">
        <v>0</v>
      </c>
    </row>
    <row r="1610" spans="1:104" x14ac:dyDescent="0.2">
      <c r="A1610" s="177" t="s">
        <v>577</v>
      </c>
      <c r="B1610" s="166">
        <v>116316879.41645899</v>
      </c>
      <c r="C1610" s="166">
        <v>116316879.41645899</v>
      </c>
      <c r="D1610" s="166">
        <v>0</v>
      </c>
      <c r="E1610" s="166">
        <v>0</v>
      </c>
      <c r="F1610" s="166">
        <v>0</v>
      </c>
      <c r="G1610" s="166">
        <v>0</v>
      </c>
      <c r="H1610" s="166">
        <v>0</v>
      </c>
      <c r="I1610" s="166">
        <v>0</v>
      </c>
      <c r="J1610" s="166">
        <v>0</v>
      </c>
      <c r="K1610" s="166">
        <v>0</v>
      </c>
      <c r="L1610" s="166">
        <v>0</v>
      </c>
      <c r="M1610" s="166">
        <v>0</v>
      </c>
      <c r="N1610" s="166">
        <v>0</v>
      </c>
      <c r="O1610" s="166">
        <v>0</v>
      </c>
      <c r="P1610" s="166">
        <v>0</v>
      </c>
      <c r="Q1610" s="166">
        <v>0</v>
      </c>
      <c r="R1610" s="166">
        <v>0</v>
      </c>
      <c r="S1610" s="166">
        <v>0</v>
      </c>
      <c r="T1610" s="166">
        <v>0</v>
      </c>
      <c r="U1610" s="166">
        <v>0</v>
      </c>
      <c r="V1610" s="166">
        <v>0</v>
      </c>
      <c r="W1610" s="166">
        <v>0</v>
      </c>
      <c r="X1610" s="166">
        <v>0</v>
      </c>
      <c r="Y1610" s="166">
        <v>0</v>
      </c>
      <c r="Z1610" s="166">
        <v>0</v>
      </c>
      <c r="AA1610" s="166">
        <v>0</v>
      </c>
      <c r="AB1610" s="166">
        <v>0</v>
      </c>
      <c r="AC1610" s="166">
        <v>0</v>
      </c>
      <c r="AD1610" s="166">
        <v>0</v>
      </c>
      <c r="AE1610" s="166">
        <v>0</v>
      </c>
      <c r="AF1610" s="166">
        <v>0</v>
      </c>
      <c r="AG1610" s="166">
        <v>0</v>
      </c>
      <c r="AH1610" s="166">
        <v>0</v>
      </c>
      <c r="AI1610" s="166">
        <v>0</v>
      </c>
      <c r="AJ1610" s="166">
        <v>0</v>
      </c>
      <c r="AK1610" s="166">
        <v>0</v>
      </c>
      <c r="AL1610" s="166">
        <v>0</v>
      </c>
      <c r="AM1610" s="166">
        <v>0</v>
      </c>
      <c r="AN1610" s="166">
        <v>0</v>
      </c>
      <c r="AO1610" s="166">
        <v>0</v>
      </c>
      <c r="AP1610" s="166">
        <v>0</v>
      </c>
      <c r="AQ1610" s="166">
        <v>0</v>
      </c>
      <c r="AR1610" s="166">
        <v>0</v>
      </c>
      <c r="AS1610" s="166">
        <v>0</v>
      </c>
      <c r="AT1610" s="166">
        <v>0</v>
      </c>
      <c r="AU1610" s="166">
        <v>0</v>
      </c>
      <c r="AV1610" s="166">
        <v>0</v>
      </c>
      <c r="AW1610" s="166">
        <v>0</v>
      </c>
      <c r="AX1610" s="166">
        <v>0</v>
      </c>
      <c r="AY1610" s="166">
        <v>0</v>
      </c>
      <c r="AZ1610" s="166">
        <v>0</v>
      </c>
      <c r="BA1610" s="166">
        <v>0</v>
      </c>
      <c r="BB1610" s="166">
        <v>0</v>
      </c>
      <c r="BC1610" s="166">
        <v>0</v>
      </c>
      <c r="BD1610" s="166">
        <v>0</v>
      </c>
      <c r="BE1610" s="166">
        <v>0</v>
      </c>
      <c r="BF1610" s="166">
        <v>0</v>
      </c>
      <c r="BG1610" s="166">
        <v>0</v>
      </c>
      <c r="BH1610" s="166">
        <v>0</v>
      </c>
      <c r="BI1610" s="166">
        <v>0</v>
      </c>
      <c r="BJ1610" s="166">
        <v>0</v>
      </c>
      <c r="BK1610" s="166">
        <v>0</v>
      </c>
      <c r="BL1610" s="166">
        <v>0</v>
      </c>
      <c r="BM1610" s="166">
        <v>0</v>
      </c>
      <c r="BN1610" s="166">
        <v>0</v>
      </c>
      <c r="BO1610" s="166">
        <v>0</v>
      </c>
      <c r="BP1610" s="166">
        <v>0</v>
      </c>
      <c r="BQ1610" s="166">
        <v>0</v>
      </c>
      <c r="BR1610" s="166">
        <v>116316879.41645899</v>
      </c>
      <c r="BS1610" s="166">
        <v>116316879.41645899</v>
      </c>
      <c r="BT1610" s="168">
        <v>0</v>
      </c>
      <c r="BU1610" s="166">
        <v>0</v>
      </c>
      <c r="BV1610" s="166">
        <v>0</v>
      </c>
      <c r="BW1610" s="166">
        <v>0</v>
      </c>
      <c r="BX1610" s="166">
        <v>0</v>
      </c>
      <c r="BY1610" s="166">
        <v>0</v>
      </c>
      <c r="BZ1610" s="166">
        <v>0</v>
      </c>
      <c r="CA1610" s="166">
        <v>0</v>
      </c>
      <c r="CB1610" s="166">
        <v>0</v>
      </c>
      <c r="CC1610" s="166">
        <v>0</v>
      </c>
      <c r="CD1610" s="166">
        <v>0</v>
      </c>
      <c r="CE1610" s="166">
        <v>0</v>
      </c>
      <c r="CF1610" s="166">
        <v>0</v>
      </c>
      <c r="CG1610" s="166">
        <v>0</v>
      </c>
      <c r="CH1610" s="166">
        <v>0</v>
      </c>
      <c r="CI1610" s="166">
        <v>0</v>
      </c>
      <c r="CJ1610" s="166">
        <v>0</v>
      </c>
      <c r="CK1610" s="166">
        <v>0</v>
      </c>
      <c r="CL1610" s="166">
        <v>0</v>
      </c>
      <c r="CM1610" s="166">
        <v>0</v>
      </c>
      <c r="CN1610" s="166">
        <v>0</v>
      </c>
      <c r="CO1610" s="166">
        <v>0</v>
      </c>
      <c r="CP1610" s="166">
        <v>0</v>
      </c>
      <c r="CQ1610" s="166">
        <v>0</v>
      </c>
      <c r="CR1610" s="166">
        <v>0</v>
      </c>
      <c r="CS1610" s="166">
        <v>0</v>
      </c>
      <c r="CT1610" s="166">
        <v>0</v>
      </c>
      <c r="CU1610" s="166">
        <v>0</v>
      </c>
      <c r="CV1610" s="166">
        <v>0</v>
      </c>
      <c r="CW1610" s="166">
        <v>0</v>
      </c>
      <c r="CX1610" s="166">
        <v>0</v>
      </c>
      <c r="CY1610" s="166">
        <v>0</v>
      </c>
      <c r="CZ1610" s="166">
        <v>0</v>
      </c>
    </row>
    <row r="1611" spans="1:104" x14ac:dyDescent="0.2">
      <c r="A1611" s="167" t="s">
        <v>578</v>
      </c>
      <c r="B1611" s="166">
        <v>0</v>
      </c>
      <c r="C1611" s="166">
        <v>0</v>
      </c>
      <c r="D1611" s="166">
        <v>0</v>
      </c>
      <c r="E1611" s="166">
        <v>0</v>
      </c>
      <c r="F1611" s="166">
        <v>0</v>
      </c>
      <c r="G1611" s="166">
        <v>0</v>
      </c>
      <c r="H1611" s="166">
        <v>0</v>
      </c>
      <c r="I1611" s="166">
        <v>0</v>
      </c>
      <c r="J1611" s="166">
        <v>0</v>
      </c>
      <c r="K1611" s="166">
        <v>0</v>
      </c>
      <c r="L1611" s="166">
        <v>0</v>
      </c>
      <c r="M1611" s="166">
        <v>0</v>
      </c>
      <c r="N1611" s="166">
        <v>0</v>
      </c>
      <c r="O1611" s="166">
        <v>0</v>
      </c>
      <c r="P1611" s="166">
        <v>0</v>
      </c>
      <c r="Q1611" s="166">
        <v>0</v>
      </c>
      <c r="R1611" s="166">
        <v>0</v>
      </c>
      <c r="S1611" s="166">
        <v>0</v>
      </c>
      <c r="T1611" s="166">
        <v>0</v>
      </c>
      <c r="U1611" s="166">
        <v>0</v>
      </c>
      <c r="V1611" s="166">
        <v>0</v>
      </c>
      <c r="W1611" s="166">
        <v>0</v>
      </c>
      <c r="X1611" s="166">
        <v>0</v>
      </c>
      <c r="Y1611" s="166">
        <v>0</v>
      </c>
      <c r="Z1611" s="166">
        <v>0</v>
      </c>
      <c r="AA1611" s="166">
        <v>0</v>
      </c>
      <c r="AB1611" s="166">
        <v>0</v>
      </c>
      <c r="AC1611" s="166">
        <v>0</v>
      </c>
      <c r="AD1611" s="166">
        <v>0</v>
      </c>
      <c r="AE1611" s="166">
        <v>0</v>
      </c>
      <c r="AF1611" s="166">
        <v>0</v>
      </c>
      <c r="AG1611" s="166">
        <v>0</v>
      </c>
      <c r="AH1611" s="166">
        <v>0</v>
      </c>
      <c r="AI1611" s="166">
        <v>0</v>
      </c>
      <c r="AJ1611" s="166">
        <v>0</v>
      </c>
      <c r="AK1611" s="166">
        <v>0</v>
      </c>
      <c r="AL1611" s="166">
        <v>0</v>
      </c>
      <c r="AM1611" s="166">
        <v>0</v>
      </c>
      <c r="AN1611" s="166">
        <v>0</v>
      </c>
      <c r="AO1611" s="166">
        <v>0</v>
      </c>
      <c r="AP1611" s="166">
        <v>0</v>
      </c>
      <c r="AQ1611" s="166">
        <v>0</v>
      </c>
      <c r="AR1611" s="166">
        <v>0</v>
      </c>
      <c r="AS1611" s="166">
        <v>0</v>
      </c>
      <c r="AT1611" s="166">
        <v>0</v>
      </c>
      <c r="AU1611" s="166">
        <v>0</v>
      </c>
      <c r="AV1611" s="166">
        <v>0</v>
      </c>
      <c r="AW1611" s="166">
        <v>0</v>
      </c>
      <c r="AX1611" s="166">
        <v>0</v>
      </c>
      <c r="AY1611" s="166">
        <v>0</v>
      </c>
      <c r="AZ1611" s="166">
        <v>0</v>
      </c>
      <c r="BA1611" s="166">
        <v>0</v>
      </c>
      <c r="BB1611" s="166">
        <v>0</v>
      </c>
      <c r="BC1611" s="166">
        <v>0</v>
      </c>
      <c r="BD1611" s="166">
        <v>0</v>
      </c>
      <c r="BE1611" s="166">
        <v>0</v>
      </c>
      <c r="BF1611" s="166">
        <v>0</v>
      </c>
      <c r="BG1611" s="166">
        <v>0</v>
      </c>
      <c r="BH1611" s="166">
        <v>0</v>
      </c>
      <c r="BI1611" s="166">
        <v>0</v>
      </c>
      <c r="BJ1611" s="166">
        <v>0</v>
      </c>
      <c r="BK1611" s="166">
        <v>0</v>
      </c>
      <c r="BL1611" s="166">
        <v>0</v>
      </c>
      <c r="BM1611" s="166">
        <v>0</v>
      </c>
      <c r="BN1611" s="166">
        <v>0</v>
      </c>
      <c r="BO1611" s="166">
        <v>0</v>
      </c>
      <c r="BP1611" s="166">
        <v>0</v>
      </c>
      <c r="BQ1611" s="166">
        <v>0</v>
      </c>
      <c r="BR1611" s="166">
        <v>0</v>
      </c>
      <c r="BS1611" s="166">
        <v>0</v>
      </c>
      <c r="BT1611" s="168">
        <v>0</v>
      </c>
      <c r="BU1611" s="166">
        <v>0</v>
      </c>
      <c r="BV1611" s="166">
        <v>0</v>
      </c>
      <c r="BW1611" s="166">
        <v>0</v>
      </c>
      <c r="BX1611" s="166">
        <v>0</v>
      </c>
      <c r="BY1611" s="166">
        <v>0</v>
      </c>
      <c r="BZ1611" s="166">
        <v>0</v>
      </c>
      <c r="CA1611" s="166">
        <v>0</v>
      </c>
      <c r="CB1611" s="166">
        <v>0</v>
      </c>
      <c r="CC1611" s="166">
        <v>0</v>
      </c>
      <c r="CD1611" s="166">
        <v>0</v>
      </c>
      <c r="CE1611" s="166">
        <v>0</v>
      </c>
      <c r="CF1611" s="166">
        <v>0</v>
      </c>
      <c r="CG1611" s="166">
        <v>0</v>
      </c>
      <c r="CH1611" s="166">
        <v>0</v>
      </c>
      <c r="CI1611" s="166">
        <v>0</v>
      </c>
      <c r="CJ1611" s="166">
        <v>0</v>
      </c>
      <c r="CK1611" s="166">
        <v>0</v>
      </c>
      <c r="CL1611" s="166">
        <v>0</v>
      </c>
      <c r="CM1611" s="166">
        <v>0</v>
      </c>
      <c r="CN1611" s="166">
        <v>0</v>
      </c>
      <c r="CO1611" s="166">
        <v>0</v>
      </c>
      <c r="CP1611" s="166">
        <v>0</v>
      </c>
      <c r="CQ1611" s="166">
        <v>0</v>
      </c>
      <c r="CR1611" s="166">
        <v>0</v>
      </c>
      <c r="CS1611" s="166">
        <v>0</v>
      </c>
      <c r="CT1611" s="166">
        <v>0</v>
      </c>
      <c r="CU1611" s="166">
        <v>0</v>
      </c>
      <c r="CV1611" s="166">
        <v>0</v>
      </c>
      <c r="CW1611" s="166">
        <v>0</v>
      </c>
      <c r="CX1611" s="166">
        <v>0</v>
      </c>
      <c r="CY1611" s="166">
        <v>0</v>
      </c>
      <c r="CZ1611" s="166">
        <v>0</v>
      </c>
    </row>
    <row r="1612" spans="1:104" x14ac:dyDescent="0.2">
      <c r="A1612" s="167" t="s">
        <v>579</v>
      </c>
      <c r="B1612" s="166">
        <v>88002.159999999902</v>
      </c>
      <c r="C1612" s="166">
        <v>88002.159999999902</v>
      </c>
      <c r="D1612" s="166">
        <v>0</v>
      </c>
      <c r="E1612" s="166">
        <v>0</v>
      </c>
      <c r="F1612" s="166">
        <v>0</v>
      </c>
      <c r="G1612" s="166">
        <v>0</v>
      </c>
      <c r="H1612" s="166">
        <v>0</v>
      </c>
      <c r="I1612" s="166">
        <v>0</v>
      </c>
      <c r="J1612" s="166">
        <v>0</v>
      </c>
      <c r="K1612" s="166">
        <v>0</v>
      </c>
      <c r="L1612" s="166">
        <v>0</v>
      </c>
      <c r="M1612" s="166">
        <v>0</v>
      </c>
      <c r="N1612" s="166">
        <v>0</v>
      </c>
      <c r="O1612" s="166">
        <v>0</v>
      </c>
      <c r="P1612" s="166">
        <v>0</v>
      </c>
      <c r="Q1612" s="166">
        <v>0</v>
      </c>
      <c r="R1612" s="166">
        <v>0</v>
      </c>
      <c r="S1612" s="166">
        <v>0</v>
      </c>
      <c r="T1612" s="166">
        <v>0</v>
      </c>
      <c r="U1612" s="166">
        <v>0</v>
      </c>
      <c r="V1612" s="166">
        <v>0</v>
      </c>
      <c r="W1612" s="166">
        <v>0</v>
      </c>
      <c r="X1612" s="166">
        <v>0</v>
      </c>
      <c r="Y1612" s="166">
        <v>0</v>
      </c>
      <c r="Z1612" s="166">
        <v>0</v>
      </c>
      <c r="AA1612" s="166">
        <v>0</v>
      </c>
      <c r="AB1612" s="166">
        <v>0</v>
      </c>
      <c r="AC1612" s="166">
        <v>0</v>
      </c>
      <c r="AD1612" s="166">
        <v>0</v>
      </c>
      <c r="AE1612" s="166">
        <v>0</v>
      </c>
      <c r="AF1612" s="166">
        <v>0</v>
      </c>
      <c r="AG1612" s="166">
        <v>0</v>
      </c>
      <c r="AH1612" s="166">
        <v>0</v>
      </c>
      <c r="AI1612" s="166">
        <v>0</v>
      </c>
      <c r="AJ1612" s="166">
        <v>0</v>
      </c>
      <c r="AK1612" s="166">
        <v>0</v>
      </c>
      <c r="AL1612" s="166">
        <v>0</v>
      </c>
      <c r="AM1612" s="166">
        <v>0</v>
      </c>
      <c r="AN1612" s="166">
        <v>0</v>
      </c>
      <c r="AO1612" s="166">
        <v>0</v>
      </c>
      <c r="AP1612" s="166">
        <v>0</v>
      </c>
      <c r="AQ1612" s="166">
        <v>0</v>
      </c>
      <c r="AR1612" s="166">
        <v>0</v>
      </c>
      <c r="AS1612" s="166">
        <v>0</v>
      </c>
      <c r="AT1612" s="166">
        <v>0</v>
      </c>
      <c r="AU1612" s="166">
        <v>0</v>
      </c>
      <c r="AV1612" s="166">
        <v>0</v>
      </c>
      <c r="AW1612" s="166">
        <v>0</v>
      </c>
      <c r="AX1612" s="166">
        <v>0</v>
      </c>
      <c r="AY1612" s="166">
        <v>0</v>
      </c>
      <c r="AZ1612" s="166">
        <v>0</v>
      </c>
      <c r="BA1612" s="166">
        <v>0</v>
      </c>
      <c r="BB1612" s="166">
        <v>0</v>
      </c>
      <c r="BC1612" s="166">
        <v>0</v>
      </c>
      <c r="BD1612" s="166">
        <v>0</v>
      </c>
      <c r="BE1612" s="166">
        <v>0</v>
      </c>
      <c r="BF1612" s="166">
        <v>0</v>
      </c>
      <c r="BG1612" s="166">
        <v>0</v>
      </c>
      <c r="BH1612" s="166">
        <v>0</v>
      </c>
      <c r="BI1612" s="166">
        <v>0</v>
      </c>
      <c r="BJ1612" s="166">
        <v>0</v>
      </c>
      <c r="BK1612" s="166">
        <v>0</v>
      </c>
      <c r="BL1612" s="166">
        <v>0</v>
      </c>
      <c r="BM1612" s="166">
        <v>0</v>
      </c>
      <c r="BN1612" s="166">
        <v>0</v>
      </c>
      <c r="BO1612" s="166">
        <v>0</v>
      </c>
      <c r="BP1612" s="166">
        <v>0</v>
      </c>
      <c r="BQ1612" s="166">
        <v>0</v>
      </c>
      <c r="BR1612" s="166">
        <v>88002.159999999902</v>
      </c>
      <c r="BS1612" s="166">
        <v>88002.159999999902</v>
      </c>
      <c r="BT1612" s="168">
        <v>0</v>
      </c>
      <c r="BU1612" s="166">
        <v>0</v>
      </c>
      <c r="BV1612" s="166">
        <v>0</v>
      </c>
      <c r="BW1612" s="166">
        <v>0</v>
      </c>
      <c r="BX1612" s="166">
        <v>0</v>
      </c>
      <c r="BY1612" s="166">
        <v>0</v>
      </c>
      <c r="BZ1612" s="166">
        <v>0</v>
      </c>
      <c r="CA1612" s="166">
        <v>0</v>
      </c>
      <c r="CB1612" s="166">
        <v>0</v>
      </c>
      <c r="CC1612" s="166">
        <v>0</v>
      </c>
      <c r="CD1612" s="166">
        <v>0</v>
      </c>
      <c r="CE1612" s="166">
        <v>0</v>
      </c>
      <c r="CF1612" s="166">
        <v>0</v>
      </c>
      <c r="CG1612" s="166">
        <v>0</v>
      </c>
      <c r="CH1612" s="166">
        <v>0</v>
      </c>
      <c r="CI1612" s="166">
        <v>0</v>
      </c>
      <c r="CJ1612" s="166">
        <v>0</v>
      </c>
      <c r="CK1612" s="166">
        <v>0</v>
      </c>
      <c r="CL1612" s="166">
        <v>0</v>
      </c>
      <c r="CM1612" s="166">
        <v>0</v>
      </c>
      <c r="CN1612" s="166">
        <v>0</v>
      </c>
      <c r="CO1612" s="166">
        <v>0</v>
      </c>
      <c r="CP1612" s="166">
        <v>0</v>
      </c>
      <c r="CQ1612" s="166">
        <v>0</v>
      </c>
      <c r="CR1612" s="166">
        <v>0</v>
      </c>
      <c r="CS1612" s="166">
        <v>0</v>
      </c>
      <c r="CT1612" s="166">
        <v>0</v>
      </c>
      <c r="CU1612" s="166">
        <v>0</v>
      </c>
      <c r="CV1612" s="166">
        <v>0</v>
      </c>
      <c r="CW1612" s="166">
        <v>0</v>
      </c>
      <c r="CX1612" s="166">
        <v>0</v>
      </c>
      <c r="CY1612" s="166">
        <v>0</v>
      </c>
      <c r="CZ1612" s="166">
        <v>0</v>
      </c>
    </row>
    <row r="1613" spans="1:104" x14ac:dyDescent="0.2">
      <c r="A1613" s="167" t="s">
        <v>580</v>
      </c>
      <c r="B1613" s="166">
        <v>815195.22</v>
      </c>
      <c r="C1613" s="166">
        <v>815195.22</v>
      </c>
      <c r="D1613" s="166">
        <v>0</v>
      </c>
      <c r="E1613" s="166">
        <v>0</v>
      </c>
      <c r="F1613" s="166">
        <v>0</v>
      </c>
      <c r="G1613" s="166">
        <v>0</v>
      </c>
      <c r="H1613" s="166">
        <v>0</v>
      </c>
      <c r="I1613" s="166">
        <v>0</v>
      </c>
      <c r="J1613" s="166">
        <v>0</v>
      </c>
      <c r="K1613" s="166">
        <v>0</v>
      </c>
      <c r="L1613" s="166">
        <v>0</v>
      </c>
      <c r="M1613" s="166">
        <v>0</v>
      </c>
      <c r="N1613" s="166">
        <v>0</v>
      </c>
      <c r="O1613" s="166">
        <v>0</v>
      </c>
      <c r="P1613" s="166">
        <v>0</v>
      </c>
      <c r="Q1613" s="166">
        <v>0</v>
      </c>
      <c r="R1613" s="166">
        <v>0</v>
      </c>
      <c r="S1613" s="166">
        <v>0</v>
      </c>
      <c r="T1613" s="166">
        <v>0</v>
      </c>
      <c r="U1613" s="166">
        <v>0</v>
      </c>
      <c r="V1613" s="166">
        <v>0</v>
      </c>
      <c r="W1613" s="166">
        <v>0</v>
      </c>
      <c r="X1613" s="166">
        <v>0</v>
      </c>
      <c r="Y1613" s="166">
        <v>0</v>
      </c>
      <c r="Z1613" s="166">
        <v>0</v>
      </c>
      <c r="AA1613" s="166">
        <v>0</v>
      </c>
      <c r="AB1613" s="166">
        <v>0</v>
      </c>
      <c r="AC1613" s="166">
        <v>0</v>
      </c>
      <c r="AD1613" s="166">
        <v>0</v>
      </c>
      <c r="AE1613" s="166">
        <v>0</v>
      </c>
      <c r="AF1613" s="166">
        <v>0</v>
      </c>
      <c r="AG1613" s="166">
        <v>0</v>
      </c>
      <c r="AH1613" s="166">
        <v>0</v>
      </c>
      <c r="AI1613" s="166">
        <v>0</v>
      </c>
      <c r="AJ1613" s="166">
        <v>0</v>
      </c>
      <c r="AK1613" s="166">
        <v>0</v>
      </c>
      <c r="AL1613" s="166">
        <v>0</v>
      </c>
      <c r="AM1613" s="166">
        <v>0</v>
      </c>
      <c r="AN1613" s="166">
        <v>0</v>
      </c>
      <c r="AO1613" s="166">
        <v>0</v>
      </c>
      <c r="AP1613" s="166">
        <v>0</v>
      </c>
      <c r="AQ1613" s="166">
        <v>0</v>
      </c>
      <c r="AR1613" s="166">
        <v>0</v>
      </c>
      <c r="AS1613" s="166">
        <v>0</v>
      </c>
      <c r="AT1613" s="166">
        <v>0</v>
      </c>
      <c r="AU1613" s="166">
        <v>0</v>
      </c>
      <c r="AV1613" s="166">
        <v>0</v>
      </c>
      <c r="AW1613" s="166">
        <v>0</v>
      </c>
      <c r="AX1613" s="166">
        <v>0</v>
      </c>
      <c r="AY1613" s="166">
        <v>0</v>
      </c>
      <c r="AZ1613" s="166">
        <v>0</v>
      </c>
      <c r="BA1613" s="166">
        <v>0</v>
      </c>
      <c r="BB1613" s="166">
        <v>0</v>
      </c>
      <c r="BC1613" s="166">
        <v>0</v>
      </c>
      <c r="BD1613" s="166">
        <v>0</v>
      </c>
      <c r="BE1613" s="166">
        <v>0</v>
      </c>
      <c r="BF1613" s="166">
        <v>0</v>
      </c>
      <c r="BG1613" s="166">
        <v>0</v>
      </c>
      <c r="BH1613" s="166">
        <v>0</v>
      </c>
      <c r="BI1613" s="166">
        <v>0</v>
      </c>
      <c r="BJ1613" s="166">
        <v>0</v>
      </c>
      <c r="BK1613" s="166">
        <v>0</v>
      </c>
      <c r="BL1613" s="166">
        <v>0</v>
      </c>
      <c r="BM1613" s="166">
        <v>0</v>
      </c>
      <c r="BN1613" s="166">
        <v>0</v>
      </c>
      <c r="BO1613" s="166">
        <v>0</v>
      </c>
      <c r="BP1613" s="166">
        <v>0</v>
      </c>
      <c r="BQ1613" s="166">
        <v>0</v>
      </c>
      <c r="BR1613" s="166">
        <v>815195.22</v>
      </c>
      <c r="BS1613" s="166">
        <v>815195.22</v>
      </c>
      <c r="BT1613" s="168">
        <v>0</v>
      </c>
      <c r="BU1613" s="166">
        <v>0</v>
      </c>
      <c r="BV1613" s="166">
        <v>0</v>
      </c>
      <c r="BW1613" s="166">
        <v>0</v>
      </c>
      <c r="BX1613" s="166">
        <v>0</v>
      </c>
      <c r="BY1613" s="166">
        <v>0</v>
      </c>
      <c r="BZ1613" s="166">
        <v>0</v>
      </c>
      <c r="CA1613" s="166">
        <v>0</v>
      </c>
      <c r="CB1613" s="166">
        <v>0</v>
      </c>
      <c r="CC1613" s="166">
        <v>0</v>
      </c>
      <c r="CD1613" s="166">
        <v>0</v>
      </c>
      <c r="CE1613" s="166">
        <v>0</v>
      </c>
      <c r="CF1613" s="166">
        <v>0</v>
      </c>
      <c r="CG1613" s="166">
        <v>0</v>
      </c>
      <c r="CH1613" s="166">
        <v>0</v>
      </c>
      <c r="CI1613" s="166">
        <v>0</v>
      </c>
      <c r="CJ1613" s="166">
        <v>0</v>
      </c>
      <c r="CK1613" s="166">
        <v>0</v>
      </c>
      <c r="CL1613" s="166">
        <v>0</v>
      </c>
      <c r="CM1613" s="166">
        <v>0</v>
      </c>
      <c r="CN1613" s="166">
        <v>0</v>
      </c>
      <c r="CO1613" s="166">
        <v>0</v>
      </c>
      <c r="CP1613" s="166">
        <v>0</v>
      </c>
      <c r="CQ1613" s="166">
        <v>0</v>
      </c>
      <c r="CR1613" s="166">
        <v>0</v>
      </c>
      <c r="CS1613" s="166">
        <v>0</v>
      </c>
      <c r="CT1613" s="166">
        <v>0</v>
      </c>
      <c r="CU1613" s="166">
        <v>0</v>
      </c>
      <c r="CV1613" s="166">
        <v>0</v>
      </c>
      <c r="CW1613" s="166">
        <v>0</v>
      </c>
      <c r="CX1613" s="166">
        <v>0</v>
      </c>
      <c r="CY1613" s="166">
        <v>0</v>
      </c>
      <c r="CZ1613" s="166">
        <v>0</v>
      </c>
    </row>
    <row r="1614" spans="1:104" x14ac:dyDescent="0.2">
      <c r="A1614" s="167" t="s">
        <v>581</v>
      </c>
      <c r="B1614" s="166">
        <v>53647944.119999997</v>
      </c>
      <c r="C1614" s="166">
        <v>53647944.119999997</v>
      </c>
      <c r="D1614" s="166">
        <v>0</v>
      </c>
      <c r="E1614" s="166">
        <v>0</v>
      </c>
      <c r="F1614" s="166">
        <v>0</v>
      </c>
      <c r="G1614" s="166">
        <v>0</v>
      </c>
      <c r="H1614" s="166">
        <v>0</v>
      </c>
      <c r="I1614" s="166">
        <v>0</v>
      </c>
      <c r="J1614" s="166">
        <v>0</v>
      </c>
      <c r="K1614" s="166">
        <v>0</v>
      </c>
      <c r="L1614" s="166">
        <v>0</v>
      </c>
      <c r="M1614" s="166">
        <v>0</v>
      </c>
      <c r="N1614" s="166">
        <v>0</v>
      </c>
      <c r="O1614" s="166">
        <v>0</v>
      </c>
      <c r="P1614" s="166">
        <v>0</v>
      </c>
      <c r="Q1614" s="166">
        <v>0</v>
      </c>
      <c r="R1614" s="166">
        <v>0</v>
      </c>
      <c r="S1614" s="166">
        <v>0</v>
      </c>
      <c r="T1614" s="166">
        <v>0</v>
      </c>
      <c r="U1614" s="166">
        <v>0</v>
      </c>
      <c r="V1614" s="166">
        <v>0</v>
      </c>
      <c r="W1614" s="166">
        <v>0</v>
      </c>
      <c r="X1614" s="166">
        <v>0</v>
      </c>
      <c r="Y1614" s="166">
        <v>0</v>
      </c>
      <c r="Z1614" s="166">
        <v>0</v>
      </c>
      <c r="AA1614" s="166">
        <v>0</v>
      </c>
      <c r="AB1614" s="166">
        <v>0</v>
      </c>
      <c r="AC1614" s="166">
        <v>0</v>
      </c>
      <c r="AD1614" s="166">
        <v>0</v>
      </c>
      <c r="AE1614" s="166">
        <v>0</v>
      </c>
      <c r="AF1614" s="166">
        <v>0</v>
      </c>
      <c r="AG1614" s="166">
        <v>0</v>
      </c>
      <c r="AH1614" s="166">
        <v>0</v>
      </c>
      <c r="AI1614" s="166">
        <v>0</v>
      </c>
      <c r="AJ1614" s="166">
        <v>0</v>
      </c>
      <c r="AK1614" s="166">
        <v>0</v>
      </c>
      <c r="AL1614" s="166">
        <v>0</v>
      </c>
      <c r="AM1614" s="166">
        <v>0</v>
      </c>
      <c r="AN1614" s="166">
        <v>0</v>
      </c>
      <c r="AO1614" s="166">
        <v>0</v>
      </c>
      <c r="AP1614" s="166">
        <v>0</v>
      </c>
      <c r="AQ1614" s="166">
        <v>0</v>
      </c>
      <c r="AR1614" s="166">
        <v>0</v>
      </c>
      <c r="AS1614" s="166">
        <v>0</v>
      </c>
      <c r="AT1614" s="166">
        <v>0</v>
      </c>
      <c r="AU1614" s="166">
        <v>0</v>
      </c>
      <c r="AV1614" s="166">
        <v>0</v>
      </c>
      <c r="AW1614" s="166">
        <v>0</v>
      </c>
      <c r="AX1614" s="166">
        <v>0</v>
      </c>
      <c r="AY1614" s="166">
        <v>0</v>
      </c>
      <c r="AZ1614" s="166">
        <v>0</v>
      </c>
      <c r="BA1614" s="166">
        <v>0</v>
      </c>
      <c r="BB1614" s="166">
        <v>0</v>
      </c>
      <c r="BC1614" s="166">
        <v>0</v>
      </c>
      <c r="BD1614" s="166">
        <v>0</v>
      </c>
      <c r="BE1614" s="166">
        <v>0</v>
      </c>
      <c r="BF1614" s="166">
        <v>0</v>
      </c>
      <c r="BG1614" s="166">
        <v>0</v>
      </c>
      <c r="BH1614" s="166">
        <v>0</v>
      </c>
      <c r="BI1614" s="166">
        <v>0</v>
      </c>
      <c r="BJ1614" s="166">
        <v>0</v>
      </c>
      <c r="BK1614" s="166">
        <v>0</v>
      </c>
      <c r="BL1614" s="166">
        <v>0</v>
      </c>
      <c r="BM1614" s="166">
        <v>0</v>
      </c>
      <c r="BN1614" s="166">
        <v>0</v>
      </c>
      <c r="BO1614" s="166">
        <v>0</v>
      </c>
      <c r="BP1614" s="166">
        <v>0</v>
      </c>
      <c r="BQ1614" s="166">
        <v>0</v>
      </c>
      <c r="BR1614" s="166">
        <v>53647944.119999997</v>
      </c>
      <c r="BS1614" s="166">
        <v>53647944.119999997</v>
      </c>
      <c r="BT1614" s="168">
        <v>0</v>
      </c>
      <c r="BU1614" s="166">
        <v>0</v>
      </c>
      <c r="BV1614" s="166">
        <v>0</v>
      </c>
      <c r="BW1614" s="166">
        <v>0</v>
      </c>
      <c r="BX1614" s="166">
        <v>0</v>
      </c>
      <c r="BY1614" s="166">
        <v>0</v>
      </c>
      <c r="BZ1614" s="166">
        <v>0</v>
      </c>
      <c r="CA1614" s="166">
        <v>0</v>
      </c>
      <c r="CB1614" s="166">
        <v>0</v>
      </c>
      <c r="CC1614" s="166">
        <v>0</v>
      </c>
      <c r="CD1614" s="166">
        <v>0</v>
      </c>
      <c r="CE1614" s="166">
        <v>0</v>
      </c>
      <c r="CF1614" s="166">
        <v>0</v>
      </c>
      <c r="CG1614" s="166">
        <v>0</v>
      </c>
      <c r="CH1614" s="166">
        <v>0</v>
      </c>
      <c r="CI1614" s="166">
        <v>0</v>
      </c>
      <c r="CJ1614" s="166">
        <v>0</v>
      </c>
      <c r="CK1614" s="166">
        <v>0</v>
      </c>
      <c r="CL1614" s="166">
        <v>0</v>
      </c>
      <c r="CM1614" s="166">
        <v>0</v>
      </c>
      <c r="CN1614" s="166">
        <v>0</v>
      </c>
      <c r="CO1614" s="166">
        <v>0</v>
      </c>
      <c r="CP1614" s="166">
        <v>0</v>
      </c>
      <c r="CQ1614" s="166">
        <v>0</v>
      </c>
      <c r="CR1614" s="166">
        <v>0</v>
      </c>
      <c r="CS1614" s="166">
        <v>0</v>
      </c>
      <c r="CT1614" s="166">
        <v>0</v>
      </c>
      <c r="CU1614" s="166">
        <v>0</v>
      </c>
      <c r="CV1614" s="166">
        <v>0</v>
      </c>
      <c r="CW1614" s="166">
        <v>0</v>
      </c>
      <c r="CX1614" s="166">
        <v>0</v>
      </c>
      <c r="CY1614" s="166">
        <v>0</v>
      </c>
      <c r="CZ1614" s="166">
        <v>0</v>
      </c>
    </row>
    <row r="1615" spans="1:104" x14ac:dyDescent="0.2">
      <c r="A1615" s="167" t="s">
        <v>582</v>
      </c>
      <c r="B1615" s="166">
        <v>32736801.969999999</v>
      </c>
      <c r="C1615" s="166">
        <v>32736801.969999999</v>
      </c>
      <c r="D1615" s="166">
        <v>0</v>
      </c>
      <c r="E1615" s="166">
        <v>0</v>
      </c>
      <c r="F1615" s="166">
        <v>0</v>
      </c>
      <c r="G1615" s="166">
        <v>0</v>
      </c>
      <c r="H1615" s="166">
        <v>0</v>
      </c>
      <c r="I1615" s="166">
        <v>0</v>
      </c>
      <c r="J1615" s="166">
        <v>0</v>
      </c>
      <c r="K1615" s="166">
        <v>0</v>
      </c>
      <c r="L1615" s="166">
        <v>0</v>
      </c>
      <c r="M1615" s="166">
        <v>0</v>
      </c>
      <c r="N1615" s="166">
        <v>0</v>
      </c>
      <c r="O1615" s="166">
        <v>0</v>
      </c>
      <c r="P1615" s="166">
        <v>0</v>
      </c>
      <c r="Q1615" s="166">
        <v>0</v>
      </c>
      <c r="R1615" s="166">
        <v>0</v>
      </c>
      <c r="S1615" s="166">
        <v>0</v>
      </c>
      <c r="T1615" s="166">
        <v>0</v>
      </c>
      <c r="U1615" s="166">
        <v>0</v>
      </c>
      <c r="V1615" s="166">
        <v>0</v>
      </c>
      <c r="W1615" s="166">
        <v>0</v>
      </c>
      <c r="X1615" s="166">
        <v>0</v>
      </c>
      <c r="Y1615" s="166">
        <v>0</v>
      </c>
      <c r="Z1615" s="166">
        <v>0</v>
      </c>
      <c r="AA1615" s="166">
        <v>0</v>
      </c>
      <c r="AB1615" s="166">
        <v>0</v>
      </c>
      <c r="AC1615" s="166">
        <v>0</v>
      </c>
      <c r="AD1615" s="166">
        <v>0</v>
      </c>
      <c r="AE1615" s="166">
        <v>0</v>
      </c>
      <c r="AF1615" s="166">
        <v>0</v>
      </c>
      <c r="AG1615" s="166">
        <v>0</v>
      </c>
      <c r="AH1615" s="166">
        <v>0</v>
      </c>
      <c r="AI1615" s="166">
        <v>0</v>
      </c>
      <c r="AJ1615" s="166">
        <v>0</v>
      </c>
      <c r="AK1615" s="166">
        <v>0</v>
      </c>
      <c r="AL1615" s="166">
        <v>0</v>
      </c>
      <c r="AM1615" s="166">
        <v>0</v>
      </c>
      <c r="AN1615" s="166">
        <v>0</v>
      </c>
      <c r="AO1615" s="166">
        <v>0</v>
      </c>
      <c r="AP1615" s="166">
        <v>0</v>
      </c>
      <c r="AQ1615" s="166">
        <v>0</v>
      </c>
      <c r="AR1615" s="166">
        <v>0</v>
      </c>
      <c r="AS1615" s="166">
        <v>0</v>
      </c>
      <c r="AT1615" s="166">
        <v>0</v>
      </c>
      <c r="AU1615" s="166">
        <v>0</v>
      </c>
      <c r="AV1615" s="166">
        <v>0</v>
      </c>
      <c r="AW1615" s="166">
        <v>0</v>
      </c>
      <c r="AX1615" s="166">
        <v>0</v>
      </c>
      <c r="AY1615" s="166">
        <v>0</v>
      </c>
      <c r="AZ1615" s="166">
        <v>0</v>
      </c>
      <c r="BA1615" s="166">
        <v>0</v>
      </c>
      <c r="BB1615" s="166">
        <v>0</v>
      </c>
      <c r="BC1615" s="166">
        <v>0</v>
      </c>
      <c r="BD1615" s="166">
        <v>0</v>
      </c>
      <c r="BE1615" s="166">
        <v>0</v>
      </c>
      <c r="BF1615" s="166">
        <v>0</v>
      </c>
      <c r="BG1615" s="166">
        <v>0</v>
      </c>
      <c r="BH1615" s="166">
        <v>0</v>
      </c>
      <c r="BI1615" s="166">
        <v>0</v>
      </c>
      <c r="BJ1615" s="166">
        <v>0</v>
      </c>
      <c r="BK1615" s="166">
        <v>0</v>
      </c>
      <c r="BL1615" s="166">
        <v>0</v>
      </c>
      <c r="BM1615" s="166">
        <v>0</v>
      </c>
      <c r="BN1615" s="166">
        <v>0</v>
      </c>
      <c r="BO1615" s="166">
        <v>0</v>
      </c>
      <c r="BP1615" s="166">
        <v>0</v>
      </c>
      <c r="BQ1615" s="166">
        <v>0</v>
      </c>
      <c r="BR1615" s="166">
        <v>32736801.969999999</v>
      </c>
      <c r="BS1615" s="166">
        <v>32736801.969999999</v>
      </c>
      <c r="BT1615" s="168">
        <v>0</v>
      </c>
      <c r="BU1615" s="166">
        <v>0</v>
      </c>
      <c r="BV1615" s="166">
        <v>0</v>
      </c>
      <c r="BW1615" s="166">
        <v>0</v>
      </c>
      <c r="BX1615" s="166">
        <v>0</v>
      </c>
      <c r="BY1615" s="166">
        <v>0</v>
      </c>
      <c r="BZ1615" s="166">
        <v>0</v>
      </c>
      <c r="CA1615" s="166">
        <v>0</v>
      </c>
      <c r="CB1615" s="166">
        <v>0</v>
      </c>
      <c r="CC1615" s="166">
        <v>0</v>
      </c>
      <c r="CD1615" s="166">
        <v>0</v>
      </c>
      <c r="CE1615" s="166">
        <v>0</v>
      </c>
      <c r="CF1615" s="166">
        <v>0</v>
      </c>
      <c r="CG1615" s="166">
        <v>0</v>
      </c>
      <c r="CH1615" s="166">
        <v>0</v>
      </c>
      <c r="CI1615" s="166">
        <v>0</v>
      </c>
      <c r="CJ1615" s="166">
        <v>0</v>
      </c>
      <c r="CK1615" s="166">
        <v>0</v>
      </c>
      <c r="CL1615" s="166">
        <v>0</v>
      </c>
      <c r="CM1615" s="166">
        <v>0</v>
      </c>
      <c r="CN1615" s="166">
        <v>0</v>
      </c>
      <c r="CO1615" s="166">
        <v>0</v>
      </c>
      <c r="CP1615" s="166">
        <v>0</v>
      </c>
      <c r="CQ1615" s="166">
        <v>0</v>
      </c>
      <c r="CR1615" s="166">
        <v>0</v>
      </c>
      <c r="CS1615" s="166">
        <v>0</v>
      </c>
      <c r="CT1615" s="166">
        <v>0</v>
      </c>
      <c r="CU1615" s="166">
        <v>0</v>
      </c>
      <c r="CV1615" s="166">
        <v>0</v>
      </c>
      <c r="CW1615" s="166">
        <v>0</v>
      </c>
      <c r="CX1615" s="166">
        <v>0</v>
      </c>
      <c r="CY1615" s="166">
        <v>0</v>
      </c>
      <c r="CZ1615" s="166">
        <v>0</v>
      </c>
    </row>
    <row r="1616" spans="1:104" x14ac:dyDescent="0.2">
      <c r="A1616" s="167" t="s">
        <v>583</v>
      </c>
      <c r="B1616" s="166">
        <v>0</v>
      </c>
      <c r="C1616" s="166">
        <v>0</v>
      </c>
      <c r="D1616" s="166">
        <v>0</v>
      </c>
      <c r="E1616" s="166">
        <v>0</v>
      </c>
      <c r="F1616" s="166">
        <v>0</v>
      </c>
      <c r="G1616" s="166">
        <v>0</v>
      </c>
      <c r="H1616" s="166">
        <v>0</v>
      </c>
      <c r="I1616" s="166">
        <v>0</v>
      </c>
      <c r="J1616" s="166">
        <v>0</v>
      </c>
      <c r="K1616" s="166">
        <v>0</v>
      </c>
      <c r="L1616" s="166">
        <v>0</v>
      </c>
      <c r="M1616" s="166">
        <v>0</v>
      </c>
      <c r="N1616" s="166">
        <v>0</v>
      </c>
      <c r="O1616" s="166">
        <v>0</v>
      </c>
      <c r="P1616" s="166">
        <v>0</v>
      </c>
      <c r="Q1616" s="166">
        <v>0</v>
      </c>
      <c r="R1616" s="166">
        <v>0</v>
      </c>
      <c r="S1616" s="166">
        <v>0</v>
      </c>
      <c r="T1616" s="166">
        <v>0</v>
      </c>
      <c r="U1616" s="166">
        <v>0</v>
      </c>
      <c r="V1616" s="166">
        <v>0</v>
      </c>
      <c r="W1616" s="166">
        <v>0</v>
      </c>
      <c r="X1616" s="166">
        <v>0</v>
      </c>
      <c r="Y1616" s="166">
        <v>0</v>
      </c>
      <c r="Z1616" s="166">
        <v>0</v>
      </c>
      <c r="AA1616" s="166">
        <v>0</v>
      </c>
      <c r="AB1616" s="166">
        <v>0</v>
      </c>
      <c r="AC1616" s="166">
        <v>0</v>
      </c>
      <c r="AD1616" s="166">
        <v>0</v>
      </c>
      <c r="AE1616" s="166">
        <v>0</v>
      </c>
      <c r="AF1616" s="166">
        <v>0</v>
      </c>
      <c r="AG1616" s="166">
        <v>0</v>
      </c>
      <c r="AH1616" s="166">
        <v>0</v>
      </c>
      <c r="AI1616" s="166">
        <v>0</v>
      </c>
      <c r="AJ1616" s="166">
        <v>0</v>
      </c>
      <c r="AK1616" s="166">
        <v>0</v>
      </c>
      <c r="AL1616" s="166">
        <v>0</v>
      </c>
      <c r="AM1616" s="166">
        <v>0</v>
      </c>
      <c r="AN1616" s="166">
        <v>0</v>
      </c>
      <c r="AO1616" s="166">
        <v>0</v>
      </c>
      <c r="AP1616" s="166">
        <v>0</v>
      </c>
      <c r="AQ1616" s="166">
        <v>0</v>
      </c>
      <c r="AR1616" s="166">
        <v>0</v>
      </c>
      <c r="AS1616" s="166">
        <v>0</v>
      </c>
      <c r="AT1616" s="166">
        <v>0</v>
      </c>
      <c r="AU1616" s="166">
        <v>0</v>
      </c>
      <c r="AV1616" s="166">
        <v>0</v>
      </c>
      <c r="AW1616" s="166">
        <v>0</v>
      </c>
      <c r="AX1616" s="166">
        <v>0</v>
      </c>
      <c r="AY1616" s="166">
        <v>0</v>
      </c>
      <c r="AZ1616" s="166">
        <v>0</v>
      </c>
      <c r="BA1616" s="166">
        <v>0</v>
      </c>
      <c r="BB1616" s="166">
        <v>0</v>
      </c>
      <c r="BC1616" s="166">
        <v>0</v>
      </c>
      <c r="BD1616" s="166">
        <v>0</v>
      </c>
      <c r="BE1616" s="166">
        <v>0</v>
      </c>
      <c r="BF1616" s="166">
        <v>0</v>
      </c>
      <c r="BG1616" s="166">
        <v>0</v>
      </c>
      <c r="BH1616" s="166">
        <v>0</v>
      </c>
      <c r="BI1616" s="166">
        <v>0</v>
      </c>
      <c r="BJ1616" s="166">
        <v>0</v>
      </c>
      <c r="BK1616" s="166">
        <v>0</v>
      </c>
      <c r="BL1616" s="166">
        <v>0</v>
      </c>
      <c r="BM1616" s="166">
        <v>0</v>
      </c>
      <c r="BN1616" s="166">
        <v>0</v>
      </c>
      <c r="BO1616" s="166">
        <v>0</v>
      </c>
      <c r="BP1616" s="166">
        <v>0</v>
      </c>
      <c r="BQ1616" s="166">
        <v>0</v>
      </c>
      <c r="BR1616" s="166">
        <v>0</v>
      </c>
      <c r="BS1616" s="166">
        <v>0</v>
      </c>
      <c r="BT1616" s="168">
        <v>0</v>
      </c>
      <c r="BU1616" s="166">
        <v>0</v>
      </c>
      <c r="BV1616" s="166">
        <v>0</v>
      </c>
      <c r="BW1616" s="166">
        <v>0</v>
      </c>
      <c r="BX1616" s="166">
        <v>0</v>
      </c>
      <c r="BY1616" s="166">
        <v>0</v>
      </c>
      <c r="BZ1616" s="166">
        <v>0</v>
      </c>
      <c r="CA1616" s="166">
        <v>0</v>
      </c>
      <c r="CB1616" s="166">
        <v>0</v>
      </c>
      <c r="CC1616" s="166">
        <v>0</v>
      </c>
      <c r="CD1616" s="166">
        <v>0</v>
      </c>
      <c r="CE1616" s="166">
        <v>0</v>
      </c>
      <c r="CF1616" s="166">
        <v>0</v>
      </c>
      <c r="CG1616" s="166">
        <v>0</v>
      </c>
      <c r="CH1616" s="166">
        <v>0</v>
      </c>
      <c r="CI1616" s="166">
        <v>0</v>
      </c>
      <c r="CJ1616" s="166">
        <v>0</v>
      </c>
      <c r="CK1616" s="166">
        <v>0</v>
      </c>
      <c r="CL1616" s="166">
        <v>0</v>
      </c>
      <c r="CM1616" s="166">
        <v>0</v>
      </c>
      <c r="CN1616" s="166">
        <v>0</v>
      </c>
      <c r="CO1616" s="166">
        <v>0</v>
      </c>
      <c r="CP1616" s="166">
        <v>0</v>
      </c>
      <c r="CQ1616" s="166">
        <v>0</v>
      </c>
      <c r="CR1616" s="166">
        <v>0</v>
      </c>
      <c r="CS1616" s="166">
        <v>0</v>
      </c>
      <c r="CT1616" s="166">
        <v>0</v>
      </c>
      <c r="CU1616" s="166">
        <v>0</v>
      </c>
      <c r="CV1616" s="166">
        <v>0</v>
      </c>
      <c r="CW1616" s="166">
        <v>0</v>
      </c>
      <c r="CX1616" s="166">
        <v>0</v>
      </c>
      <c r="CY1616" s="166">
        <v>0</v>
      </c>
      <c r="CZ1616" s="166">
        <v>0</v>
      </c>
    </row>
    <row r="1617" spans="1:104" x14ac:dyDescent="0.2">
      <c r="A1617" s="177" t="s">
        <v>584</v>
      </c>
      <c r="B1617" s="166">
        <v>87287943.469999999</v>
      </c>
      <c r="C1617" s="166">
        <v>87287943.469999999</v>
      </c>
      <c r="D1617" s="166">
        <v>0</v>
      </c>
      <c r="E1617" s="166">
        <v>0</v>
      </c>
      <c r="F1617" s="166">
        <v>0</v>
      </c>
      <c r="G1617" s="166">
        <v>0</v>
      </c>
      <c r="H1617" s="166">
        <v>0</v>
      </c>
      <c r="I1617" s="166">
        <v>0</v>
      </c>
      <c r="J1617" s="166">
        <v>0</v>
      </c>
      <c r="K1617" s="166">
        <v>0</v>
      </c>
      <c r="L1617" s="166">
        <v>0</v>
      </c>
      <c r="M1617" s="166">
        <v>0</v>
      </c>
      <c r="N1617" s="166">
        <v>0</v>
      </c>
      <c r="O1617" s="166">
        <v>0</v>
      </c>
      <c r="P1617" s="166">
        <v>0</v>
      </c>
      <c r="Q1617" s="166">
        <v>0</v>
      </c>
      <c r="R1617" s="166">
        <v>0</v>
      </c>
      <c r="S1617" s="166">
        <v>0</v>
      </c>
      <c r="T1617" s="166">
        <v>0</v>
      </c>
      <c r="U1617" s="166">
        <v>0</v>
      </c>
      <c r="V1617" s="166">
        <v>0</v>
      </c>
      <c r="W1617" s="166">
        <v>0</v>
      </c>
      <c r="X1617" s="166">
        <v>0</v>
      </c>
      <c r="Y1617" s="166">
        <v>0</v>
      </c>
      <c r="Z1617" s="166">
        <v>0</v>
      </c>
      <c r="AA1617" s="166">
        <v>0</v>
      </c>
      <c r="AB1617" s="166">
        <v>0</v>
      </c>
      <c r="AC1617" s="166">
        <v>0</v>
      </c>
      <c r="AD1617" s="166">
        <v>0</v>
      </c>
      <c r="AE1617" s="166">
        <v>0</v>
      </c>
      <c r="AF1617" s="166">
        <v>0</v>
      </c>
      <c r="AG1617" s="166">
        <v>0</v>
      </c>
      <c r="AH1617" s="166">
        <v>0</v>
      </c>
      <c r="AI1617" s="166">
        <v>0</v>
      </c>
      <c r="AJ1617" s="166">
        <v>0</v>
      </c>
      <c r="AK1617" s="166">
        <v>0</v>
      </c>
      <c r="AL1617" s="166">
        <v>0</v>
      </c>
      <c r="AM1617" s="166">
        <v>0</v>
      </c>
      <c r="AN1617" s="166">
        <v>0</v>
      </c>
      <c r="AO1617" s="166">
        <v>0</v>
      </c>
      <c r="AP1617" s="166">
        <v>0</v>
      </c>
      <c r="AQ1617" s="166">
        <v>0</v>
      </c>
      <c r="AR1617" s="166">
        <v>0</v>
      </c>
      <c r="AS1617" s="166">
        <v>0</v>
      </c>
      <c r="AT1617" s="166">
        <v>0</v>
      </c>
      <c r="AU1617" s="166">
        <v>0</v>
      </c>
      <c r="AV1617" s="166">
        <v>0</v>
      </c>
      <c r="AW1617" s="166">
        <v>0</v>
      </c>
      <c r="AX1617" s="166">
        <v>0</v>
      </c>
      <c r="AY1617" s="166">
        <v>0</v>
      </c>
      <c r="AZ1617" s="166">
        <v>0</v>
      </c>
      <c r="BA1617" s="166">
        <v>0</v>
      </c>
      <c r="BB1617" s="166">
        <v>0</v>
      </c>
      <c r="BC1617" s="166">
        <v>0</v>
      </c>
      <c r="BD1617" s="166">
        <v>0</v>
      </c>
      <c r="BE1617" s="166">
        <v>0</v>
      </c>
      <c r="BF1617" s="166">
        <v>0</v>
      </c>
      <c r="BG1617" s="166">
        <v>0</v>
      </c>
      <c r="BH1617" s="166">
        <v>0</v>
      </c>
      <c r="BI1617" s="166">
        <v>0</v>
      </c>
      <c r="BJ1617" s="166">
        <v>0</v>
      </c>
      <c r="BK1617" s="166">
        <v>0</v>
      </c>
      <c r="BL1617" s="166">
        <v>0</v>
      </c>
      <c r="BM1617" s="166">
        <v>0</v>
      </c>
      <c r="BN1617" s="166">
        <v>0</v>
      </c>
      <c r="BO1617" s="166">
        <v>0</v>
      </c>
      <c r="BP1617" s="166">
        <v>0</v>
      </c>
      <c r="BQ1617" s="166">
        <v>0</v>
      </c>
      <c r="BR1617" s="166">
        <v>87287943.469999999</v>
      </c>
      <c r="BS1617" s="166">
        <v>87287943.469999999</v>
      </c>
      <c r="BT1617" s="168">
        <v>0</v>
      </c>
      <c r="BU1617" s="166">
        <v>0</v>
      </c>
      <c r="BV1617" s="166">
        <v>0</v>
      </c>
      <c r="BW1617" s="166">
        <v>0</v>
      </c>
      <c r="BX1617" s="166">
        <v>0</v>
      </c>
      <c r="BY1617" s="166">
        <v>0</v>
      </c>
      <c r="BZ1617" s="166">
        <v>0</v>
      </c>
      <c r="CA1617" s="166">
        <v>0</v>
      </c>
      <c r="CB1617" s="166">
        <v>0</v>
      </c>
      <c r="CC1617" s="166">
        <v>0</v>
      </c>
      <c r="CD1617" s="166">
        <v>0</v>
      </c>
      <c r="CE1617" s="166">
        <v>0</v>
      </c>
      <c r="CF1617" s="166">
        <v>0</v>
      </c>
      <c r="CG1617" s="166">
        <v>0</v>
      </c>
      <c r="CH1617" s="166">
        <v>0</v>
      </c>
      <c r="CI1617" s="166">
        <v>0</v>
      </c>
      <c r="CJ1617" s="166">
        <v>0</v>
      </c>
      <c r="CK1617" s="166">
        <v>0</v>
      </c>
      <c r="CL1617" s="166">
        <v>0</v>
      </c>
      <c r="CM1617" s="166">
        <v>0</v>
      </c>
      <c r="CN1617" s="166">
        <v>0</v>
      </c>
      <c r="CO1617" s="166">
        <v>0</v>
      </c>
      <c r="CP1617" s="166">
        <v>0</v>
      </c>
      <c r="CQ1617" s="166">
        <v>0</v>
      </c>
      <c r="CR1617" s="166">
        <v>0</v>
      </c>
      <c r="CS1617" s="166">
        <v>0</v>
      </c>
      <c r="CT1617" s="166">
        <v>0</v>
      </c>
      <c r="CU1617" s="166">
        <v>0</v>
      </c>
      <c r="CV1617" s="166">
        <v>0</v>
      </c>
      <c r="CW1617" s="166">
        <v>0</v>
      </c>
      <c r="CX1617" s="166">
        <v>0</v>
      </c>
      <c r="CY1617" s="166">
        <v>0</v>
      </c>
      <c r="CZ1617" s="166">
        <v>0</v>
      </c>
    </row>
    <row r="1618" spans="1:104" x14ac:dyDescent="0.2">
      <c r="A1618" s="167" t="s">
        <v>585</v>
      </c>
      <c r="B1618" s="166">
        <v>0</v>
      </c>
      <c r="C1618" s="166">
        <v>0</v>
      </c>
      <c r="D1618" s="166">
        <v>0</v>
      </c>
      <c r="E1618" s="166">
        <v>0</v>
      </c>
      <c r="F1618" s="166">
        <v>0</v>
      </c>
      <c r="G1618" s="166">
        <v>0</v>
      </c>
      <c r="H1618" s="166">
        <v>0</v>
      </c>
      <c r="I1618" s="166">
        <v>0</v>
      </c>
      <c r="J1618" s="166">
        <v>0</v>
      </c>
      <c r="K1618" s="166">
        <v>0</v>
      </c>
      <c r="L1618" s="166">
        <v>0</v>
      </c>
      <c r="M1618" s="166">
        <v>0</v>
      </c>
      <c r="N1618" s="166">
        <v>0</v>
      </c>
      <c r="O1618" s="166">
        <v>0</v>
      </c>
      <c r="P1618" s="166">
        <v>0</v>
      </c>
      <c r="Q1618" s="166">
        <v>0</v>
      </c>
      <c r="R1618" s="166">
        <v>0</v>
      </c>
      <c r="S1618" s="166">
        <v>0</v>
      </c>
      <c r="T1618" s="166">
        <v>0</v>
      </c>
      <c r="U1618" s="166">
        <v>0</v>
      </c>
      <c r="V1618" s="166">
        <v>0</v>
      </c>
      <c r="W1618" s="166">
        <v>0</v>
      </c>
      <c r="X1618" s="166">
        <v>0</v>
      </c>
      <c r="Y1618" s="166">
        <v>0</v>
      </c>
      <c r="Z1618" s="166">
        <v>0</v>
      </c>
      <c r="AA1618" s="166">
        <v>0</v>
      </c>
      <c r="AB1618" s="166">
        <v>0</v>
      </c>
      <c r="AC1618" s="166">
        <v>0</v>
      </c>
      <c r="AD1618" s="166">
        <v>0</v>
      </c>
      <c r="AE1618" s="166">
        <v>0</v>
      </c>
      <c r="AF1618" s="166">
        <v>0</v>
      </c>
      <c r="AG1618" s="166">
        <v>0</v>
      </c>
      <c r="AH1618" s="166">
        <v>0</v>
      </c>
      <c r="AI1618" s="166">
        <v>0</v>
      </c>
      <c r="AJ1618" s="166">
        <v>0</v>
      </c>
      <c r="AK1618" s="166">
        <v>0</v>
      </c>
      <c r="AL1618" s="166">
        <v>0</v>
      </c>
      <c r="AM1618" s="166">
        <v>0</v>
      </c>
      <c r="AN1618" s="166">
        <v>0</v>
      </c>
      <c r="AO1618" s="166">
        <v>0</v>
      </c>
      <c r="AP1618" s="166">
        <v>0</v>
      </c>
      <c r="AQ1618" s="166">
        <v>0</v>
      </c>
      <c r="AR1618" s="166">
        <v>0</v>
      </c>
      <c r="AS1618" s="166">
        <v>0</v>
      </c>
      <c r="AT1618" s="166">
        <v>0</v>
      </c>
      <c r="AU1618" s="166">
        <v>0</v>
      </c>
      <c r="AV1618" s="166">
        <v>0</v>
      </c>
      <c r="AW1618" s="166">
        <v>0</v>
      </c>
      <c r="AX1618" s="166">
        <v>0</v>
      </c>
      <c r="AY1618" s="166">
        <v>0</v>
      </c>
      <c r="AZ1618" s="166">
        <v>0</v>
      </c>
      <c r="BA1618" s="166">
        <v>0</v>
      </c>
      <c r="BB1618" s="166">
        <v>0</v>
      </c>
      <c r="BC1618" s="166">
        <v>0</v>
      </c>
      <c r="BD1618" s="166">
        <v>0</v>
      </c>
      <c r="BE1618" s="166">
        <v>0</v>
      </c>
      <c r="BF1618" s="166">
        <v>0</v>
      </c>
      <c r="BG1618" s="166">
        <v>0</v>
      </c>
      <c r="BH1618" s="166">
        <v>0</v>
      </c>
      <c r="BI1618" s="166">
        <v>0</v>
      </c>
      <c r="BJ1618" s="166">
        <v>0</v>
      </c>
      <c r="BK1618" s="166">
        <v>0</v>
      </c>
      <c r="BL1618" s="166">
        <v>0</v>
      </c>
      <c r="BM1618" s="166">
        <v>0</v>
      </c>
      <c r="BN1618" s="166">
        <v>0</v>
      </c>
      <c r="BO1618" s="166">
        <v>0</v>
      </c>
      <c r="BP1618" s="166">
        <v>0</v>
      </c>
      <c r="BQ1618" s="166">
        <v>0</v>
      </c>
      <c r="BR1618" s="166">
        <v>0</v>
      </c>
      <c r="BS1618" s="166">
        <v>0</v>
      </c>
      <c r="BT1618" s="168">
        <v>0</v>
      </c>
      <c r="BU1618" s="166">
        <v>0</v>
      </c>
      <c r="BV1618" s="166">
        <v>0</v>
      </c>
      <c r="BW1618" s="166">
        <v>0</v>
      </c>
      <c r="BX1618" s="166">
        <v>0</v>
      </c>
      <c r="BY1618" s="166">
        <v>0</v>
      </c>
      <c r="BZ1618" s="166">
        <v>0</v>
      </c>
      <c r="CA1618" s="166">
        <v>0</v>
      </c>
      <c r="CB1618" s="166">
        <v>0</v>
      </c>
      <c r="CC1618" s="166">
        <v>0</v>
      </c>
      <c r="CD1618" s="166">
        <v>0</v>
      </c>
      <c r="CE1618" s="166">
        <v>0</v>
      </c>
      <c r="CF1618" s="166">
        <v>0</v>
      </c>
      <c r="CG1618" s="166">
        <v>0</v>
      </c>
      <c r="CH1618" s="166">
        <v>0</v>
      </c>
      <c r="CI1618" s="166">
        <v>0</v>
      </c>
      <c r="CJ1618" s="166">
        <v>0</v>
      </c>
      <c r="CK1618" s="166">
        <v>0</v>
      </c>
      <c r="CL1618" s="166">
        <v>0</v>
      </c>
      <c r="CM1618" s="166">
        <v>0</v>
      </c>
      <c r="CN1618" s="166">
        <v>0</v>
      </c>
      <c r="CO1618" s="166">
        <v>0</v>
      </c>
      <c r="CP1618" s="166">
        <v>0</v>
      </c>
      <c r="CQ1618" s="166">
        <v>0</v>
      </c>
      <c r="CR1618" s="166">
        <v>0</v>
      </c>
      <c r="CS1618" s="166">
        <v>0</v>
      </c>
      <c r="CT1618" s="166">
        <v>0</v>
      </c>
      <c r="CU1618" s="166">
        <v>0</v>
      </c>
      <c r="CV1618" s="166">
        <v>0</v>
      </c>
      <c r="CW1618" s="166">
        <v>0</v>
      </c>
      <c r="CX1618" s="166">
        <v>0</v>
      </c>
      <c r="CY1618" s="166">
        <v>0</v>
      </c>
      <c r="CZ1618" s="166">
        <v>0</v>
      </c>
    </row>
    <row r="1619" spans="1:104" x14ac:dyDescent="0.2">
      <c r="A1619" s="177" t="s">
        <v>586</v>
      </c>
      <c r="B1619" s="166">
        <v>10493572.1299999</v>
      </c>
      <c r="C1619" s="166">
        <v>10493572.1299999</v>
      </c>
      <c r="D1619" s="166">
        <v>0</v>
      </c>
      <c r="E1619" s="166">
        <v>0</v>
      </c>
      <c r="F1619" s="166">
        <v>0</v>
      </c>
      <c r="G1619" s="166">
        <v>0</v>
      </c>
      <c r="H1619" s="166">
        <v>0</v>
      </c>
      <c r="I1619" s="166">
        <v>0</v>
      </c>
      <c r="J1619" s="166">
        <v>0</v>
      </c>
      <c r="K1619" s="166">
        <v>0</v>
      </c>
      <c r="L1619" s="166">
        <v>0</v>
      </c>
      <c r="M1619" s="166">
        <v>0</v>
      </c>
      <c r="N1619" s="166">
        <v>0</v>
      </c>
      <c r="O1619" s="166">
        <v>0</v>
      </c>
      <c r="P1619" s="166">
        <v>0</v>
      </c>
      <c r="Q1619" s="166">
        <v>0</v>
      </c>
      <c r="R1619" s="166">
        <v>0</v>
      </c>
      <c r="S1619" s="166">
        <v>0</v>
      </c>
      <c r="T1619" s="166">
        <v>0</v>
      </c>
      <c r="U1619" s="166">
        <v>0</v>
      </c>
      <c r="V1619" s="166">
        <v>0</v>
      </c>
      <c r="W1619" s="166">
        <v>0</v>
      </c>
      <c r="X1619" s="166">
        <v>0</v>
      </c>
      <c r="Y1619" s="166">
        <v>0</v>
      </c>
      <c r="Z1619" s="166">
        <v>0</v>
      </c>
      <c r="AA1619" s="166">
        <v>0</v>
      </c>
      <c r="AB1619" s="166">
        <v>0</v>
      </c>
      <c r="AC1619" s="166">
        <v>0</v>
      </c>
      <c r="AD1619" s="166">
        <v>0</v>
      </c>
      <c r="AE1619" s="166">
        <v>0</v>
      </c>
      <c r="AF1619" s="166">
        <v>0</v>
      </c>
      <c r="AG1619" s="166">
        <v>0</v>
      </c>
      <c r="AH1619" s="166">
        <v>0</v>
      </c>
      <c r="AI1619" s="166">
        <v>0</v>
      </c>
      <c r="AJ1619" s="166">
        <v>0</v>
      </c>
      <c r="AK1619" s="166">
        <v>0</v>
      </c>
      <c r="AL1619" s="166">
        <v>0</v>
      </c>
      <c r="AM1619" s="166">
        <v>0</v>
      </c>
      <c r="AN1619" s="166">
        <v>0</v>
      </c>
      <c r="AO1619" s="166">
        <v>0</v>
      </c>
      <c r="AP1619" s="166">
        <v>0</v>
      </c>
      <c r="AQ1619" s="166">
        <v>0</v>
      </c>
      <c r="AR1619" s="166">
        <v>0</v>
      </c>
      <c r="AS1619" s="166">
        <v>0</v>
      </c>
      <c r="AT1619" s="166">
        <v>0</v>
      </c>
      <c r="AU1619" s="166">
        <v>0</v>
      </c>
      <c r="AV1619" s="166">
        <v>0</v>
      </c>
      <c r="AW1619" s="166">
        <v>0</v>
      </c>
      <c r="AX1619" s="166">
        <v>0</v>
      </c>
      <c r="AY1619" s="166">
        <v>0</v>
      </c>
      <c r="AZ1619" s="166">
        <v>0</v>
      </c>
      <c r="BA1619" s="166">
        <v>0</v>
      </c>
      <c r="BB1619" s="166">
        <v>0</v>
      </c>
      <c r="BC1619" s="166">
        <v>0</v>
      </c>
      <c r="BD1619" s="166">
        <v>0</v>
      </c>
      <c r="BE1619" s="166">
        <v>0</v>
      </c>
      <c r="BF1619" s="166">
        <v>0</v>
      </c>
      <c r="BG1619" s="166">
        <v>0</v>
      </c>
      <c r="BH1619" s="166">
        <v>0</v>
      </c>
      <c r="BI1619" s="166">
        <v>0</v>
      </c>
      <c r="BJ1619" s="166">
        <v>0</v>
      </c>
      <c r="BK1619" s="166">
        <v>0</v>
      </c>
      <c r="BL1619" s="166">
        <v>0</v>
      </c>
      <c r="BM1619" s="166">
        <v>0</v>
      </c>
      <c r="BN1619" s="166">
        <v>0</v>
      </c>
      <c r="BO1619" s="166">
        <v>0</v>
      </c>
      <c r="BP1619" s="166">
        <v>0</v>
      </c>
      <c r="BQ1619" s="166">
        <v>0</v>
      </c>
      <c r="BR1619" s="166">
        <v>10493572.1299999</v>
      </c>
      <c r="BS1619" s="166">
        <v>10493572.1299999</v>
      </c>
      <c r="BT1619" s="168">
        <v>0</v>
      </c>
      <c r="BU1619" s="166">
        <v>0</v>
      </c>
      <c r="BV1619" s="166">
        <v>0</v>
      </c>
      <c r="BW1619" s="166">
        <v>0</v>
      </c>
      <c r="BX1619" s="166">
        <v>0</v>
      </c>
      <c r="BY1619" s="166">
        <v>0</v>
      </c>
      <c r="BZ1619" s="166">
        <v>0</v>
      </c>
      <c r="CA1619" s="166">
        <v>0</v>
      </c>
      <c r="CB1619" s="166">
        <v>0</v>
      </c>
      <c r="CC1619" s="166">
        <v>0</v>
      </c>
      <c r="CD1619" s="166">
        <v>0</v>
      </c>
      <c r="CE1619" s="166">
        <v>0</v>
      </c>
      <c r="CF1619" s="166">
        <v>0</v>
      </c>
      <c r="CG1619" s="166">
        <v>0</v>
      </c>
      <c r="CH1619" s="166">
        <v>0</v>
      </c>
      <c r="CI1619" s="166">
        <v>0</v>
      </c>
      <c r="CJ1619" s="166">
        <v>0</v>
      </c>
      <c r="CK1619" s="166">
        <v>0</v>
      </c>
      <c r="CL1619" s="166">
        <v>0</v>
      </c>
      <c r="CM1619" s="166">
        <v>0</v>
      </c>
      <c r="CN1619" s="166">
        <v>0</v>
      </c>
      <c r="CO1619" s="166">
        <v>0</v>
      </c>
      <c r="CP1619" s="166">
        <v>0</v>
      </c>
      <c r="CQ1619" s="166">
        <v>0</v>
      </c>
      <c r="CR1619" s="166">
        <v>0</v>
      </c>
      <c r="CS1619" s="166">
        <v>0</v>
      </c>
      <c r="CT1619" s="166">
        <v>0</v>
      </c>
      <c r="CU1619" s="166">
        <v>0</v>
      </c>
      <c r="CV1619" s="166">
        <v>0</v>
      </c>
      <c r="CW1619" s="166">
        <v>0</v>
      </c>
      <c r="CX1619" s="166">
        <v>0</v>
      </c>
      <c r="CY1619" s="166">
        <v>0</v>
      </c>
      <c r="CZ1619" s="166">
        <v>0</v>
      </c>
    </row>
    <row r="1620" spans="1:104" x14ac:dyDescent="0.2">
      <c r="A1620" s="167" t="s">
        <v>587</v>
      </c>
      <c r="B1620" s="166">
        <v>0</v>
      </c>
      <c r="C1620" s="166">
        <v>0</v>
      </c>
      <c r="D1620" s="166">
        <v>0</v>
      </c>
      <c r="E1620" s="166">
        <v>0</v>
      </c>
      <c r="F1620" s="166">
        <v>0</v>
      </c>
      <c r="G1620" s="166">
        <v>0</v>
      </c>
      <c r="H1620" s="166">
        <v>0</v>
      </c>
      <c r="I1620" s="166">
        <v>0</v>
      </c>
      <c r="J1620" s="166">
        <v>0</v>
      </c>
      <c r="K1620" s="166">
        <v>0</v>
      </c>
      <c r="L1620" s="166">
        <v>0</v>
      </c>
      <c r="M1620" s="166">
        <v>0</v>
      </c>
      <c r="N1620" s="166">
        <v>0</v>
      </c>
      <c r="O1620" s="166">
        <v>0</v>
      </c>
      <c r="P1620" s="166">
        <v>0</v>
      </c>
      <c r="Q1620" s="166">
        <v>0</v>
      </c>
      <c r="R1620" s="166">
        <v>0</v>
      </c>
      <c r="S1620" s="166">
        <v>0</v>
      </c>
      <c r="T1620" s="166">
        <v>0</v>
      </c>
      <c r="U1620" s="166">
        <v>0</v>
      </c>
      <c r="V1620" s="166">
        <v>0</v>
      </c>
      <c r="W1620" s="166">
        <v>0</v>
      </c>
      <c r="X1620" s="166">
        <v>0</v>
      </c>
      <c r="Y1620" s="166">
        <v>0</v>
      </c>
      <c r="Z1620" s="166">
        <v>0</v>
      </c>
      <c r="AA1620" s="166">
        <v>0</v>
      </c>
      <c r="AB1620" s="166">
        <v>0</v>
      </c>
      <c r="AC1620" s="166">
        <v>0</v>
      </c>
      <c r="AD1620" s="166">
        <v>0</v>
      </c>
      <c r="AE1620" s="166">
        <v>0</v>
      </c>
      <c r="AF1620" s="166">
        <v>0</v>
      </c>
      <c r="AG1620" s="166">
        <v>0</v>
      </c>
      <c r="AH1620" s="166">
        <v>0</v>
      </c>
      <c r="AI1620" s="166">
        <v>0</v>
      </c>
      <c r="AJ1620" s="166">
        <v>0</v>
      </c>
      <c r="AK1620" s="166">
        <v>0</v>
      </c>
      <c r="AL1620" s="166">
        <v>0</v>
      </c>
      <c r="AM1620" s="166">
        <v>0</v>
      </c>
      <c r="AN1620" s="166">
        <v>0</v>
      </c>
      <c r="AO1620" s="166">
        <v>0</v>
      </c>
      <c r="AP1620" s="166">
        <v>0</v>
      </c>
      <c r="AQ1620" s="166">
        <v>0</v>
      </c>
      <c r="AR1620" s="166">
        <v>0</v>
      </c>
      <c r="AS1620" s="166">
        <v>0</v>
      </c>
      <c r="AT1620" s="166">
        <v>0</v>
      </c>
      <c r="AU1620" s="166">
        <v>0</v>
      </c>
      <c r="AV1620" s="166">
        <v>0</v>
      </c>
      <c r="AW1620" s="166">
        <v>0</v>
      </c>
      <c r="AX1620" s="166">
        <v>0</v>
      </c>
      <c r="AY1620" s="166">
        <v>0</v>
      </c>
      <c r="AZ1620" s="166">
        <v>0</v>
      </c>
      <c r="BA1620" s="166">
        <v>0</v>
      </c>
      <c r="BB1620" s="166">
        <v>0</v>
      </c>
      <c r="BC1620" s="166">
        <v>0</v>
      </c>
      <c r="BD1620" s="166">
        <v>0</v>
      </c>
      <c r="BE1620" s="166">
        <v>0</v>
      </c>
      <c r="BF1620" s="166">
        <v>0</v>
      </c>
      <c r="BG1620" s="166">
        <v>0</v>
      </c>
      <c r="BH1620" s="166">
        <v>0</v>
      </c>
      <c r="BI1620" s="166">
        <v>0</v>
      </c>
      <c r="BJ1620" s="166">
        <v>0</v>
      </c>
      <c r="BK1620" s="166">
        <v>0</v>
      </c>
      <c r="BL1620" s="166">
        <v>0</v>
      </c>
      <c r="BM1620" s="166">
        <v>0</v>
      </c>
      <c r="BN1620" s="166">
        <v>0</v>
      </c>
      <c r="BO1620" s="166">
        <v>0</v>
      </c>
      <c r="BP1620" s="166">
        <v>0</v>
      </c>
      <c r="BQ1620" s="166">
        <v>0</v>
      </c>
      <c r="BR1620" s="166">
        <v>0</v>
      </c>
      <c r="BS1620" s="166">
        <v>0</v>
      </c>
      <c r="BT1620" s="168">
        <v>0</v>
      </c>
      <c r="BU1620" s="166">
        <v>0</v>
      </c>
      <c r="BV1620" s="166">
        <v>0</v>
      </c>
      <c r="BW1620" s="166">
        <v>0</v>
      </c>
      <c r="BX1620" s="166">
        <v>0</v>
      </c>
      <c r="BY1620" s="166">
        <v>0</v>
      </c>
      <c r="BZ1620" s="166">
        <v>0</v>
      </c>
      <c r="CA1620" s="166">
        <v>0</v>
      </c>
      <c r="CB1620" s="166">
        <v>0</v>
      </c>
      <c r="CC1620" s="166">
        <v>0</v>
      </c>
      <c r="CD1620" s="166">
        <v>0</v>
      </c>
      <c r="CE1620" s="166">
        <v>0</v>
      </c>
      <c r="CF1620" s="166">
        <v>0</v>
      </c>
      <c r="CG1620" s="166">
        <v>0</v>
      </c>
      <c r="CH1620" s="166">
        <v>0</v>
      </c>
      <c r="CI1620" s="166">
        <v>0</v>
      </c>
      <c r="CJ1620" s="166">
        <v>0</v>
      </c>
      <c r="CK1620" s="166">
        <v>0</v>
      </c>
      <c r="CL1620" s="166">
        <v>0</v>
      </c>
      <c r="CM1620" s="166">
        <v>0</v>
      </c>
      <c r="CN1620" s="166">
        <v>0</v>
      </c>
      <c r="CO1620" s="166">
        <v>0</v>
      </c>
      <c r="CP1620" s="166">
        <v>0</v>
      </c>
      <c r="CQ1620" s="166">
        <v>0</v>
      </c>
      <c r="CR1620" s="166">
        <v>0</v>
      </c>
      <c r="CS1620" s="166">
        <v>0</v>
      </c>
      <c r="CT1620" s="166">
        <v>0</v>
      </c>
      <c r="CU1620" s="166">
        <v>0</v>
      </c>
      <c r="CV1620" s="166">
        <v>0</v>
      </c>
      <c r="CW1620" s="166">
        <v>0</v>
      </c>
      <c r="CX1620" s="166">
        <v>0</v>
      </c>
      <c r="CY1620" s="166">
        <v>0</v>
      </c>
      <c r="CZ1620" s="166">
        <v>0</v>
      </c>
    </row>
    <row r="1621" spans="1:104" x14ac:dyDescent="0.2">
      <c r="A1621" s="167" t="s">
        <v>588</v>
      </c>
      <c r="B1621" s="166">
        <v>8023602.5499999998</v>
      </c>
      <c r="C1621" s="166">
        <v>8023602.5499999998</v>
      </c>
      <c r="D1621" s="166">
        <v>0</v>
      </c>
      <c r="E1621" s="166">
        <v>0</v>
      </c>
      <c r="F1621" s="166">
        <v>0</v>
      </c>
      <c r="G1621" s="166">
        <v>0</v>
      </c>
      <c r="H1621" s="166">
        <v>0</v>
      </c>
      <c r="I1621" s="166">
        <v>0</v>
      </c>
      <c r="J1621" s="166">
        <v>0</v>
      </c>
      <c r="K1621" s="166">
        <v>0</v>
      </c>
      <c r="L1621" s="166">
        <v>0</v>
      </c>
      <c r="M1621" s="166">
        <v>0</v>
      </c>
      <c r="N1621" s="166">
        <v>0</v>
      </c>
      <c r="O1621" s="166">
        <v>0</v>
      </c>
      <c r="P1621" s="166">
        <v>0</v>
      </c>
      <c r="Q1621" s="166">
        <v>0</v>
      </c>
      <c r="R1621" s="166">
        <v>0</v>
      </c>
      <c r="S1621" s="166">
        <v>0</v>
      </c>
      <c r="T1621" s="166">
        <v>0</v>
      </c>
      <c r="U1621" s="166">
        <v>0</v>
      </c>
      <c r="V1621" s="166">
        <v>0</v>
      </c>
      <c r="W1621" s="166">
        <v>0</v>
      </c>
      <c r="X1621" s="166">
        <v>0</v>
      </c>
      <c r="Y1621" s="166">
        <v>0</v>
      </c>
      <c r="Z1621" s="166">
        <v>0</v>
      </c>
      <c r="AA1621" s="166">
        <v>0</v>
      </c>
      <c r="AB1621" s="166">
        <v>0</v>
      </c>
      <c r="AC1621" s="166">
        <v>0</v>
      </c>
      <c r="AD1621" s="166">
        <v>0</v>
      </c>
      <c r="AE1621" s="166">
        <v>0</v>
      </c>
      <c r="AF1621" s="166">
        <v>0</v>
      </c>
      <c r="AG1621" s="166">
        <v>0</v>
      </c>
      <c r="AH1621" s="166">
        <v>0</v>
      </c>
      <c r="AI1621" s="166">
        <v>0</v>
      </c>
      <c r="AJ1621" s="166">
        <v>0</v>
      </c>
      <c r="AK1621" s="166">
        <v>0</v>
      </c>
      <c r="AL1621" s="166">
        <v>0</v>
      </c>
      <c r="AM1621" s="166">
        <v>0</v>
      </c>
      <c r="AN1621" s="166">
        <v>0</v>
      </c>
      <c r="AO1621" s="166">
        <v>0</v>
      </c>
      <c r="AP1621" s="166">
        <v>0</v>
      </c>
      <c r="AQ1621" s="166">
        <v>0</v>
      </c>
      <c r="AR1621" s="166">
        <v>0</v>
      </c>
      <c r="AS1621" s="166">
        <v>0</v>
      </c>
      <c r="AT1621" s="166">
        <v>0</v>
      </c>
      <c r="AU1621" s="166">
        <v>0</v>
      </c>
      <c r="AV1621" s="166">
        <v>0</v>
      </c>
      <c r="AW1621" s="166">
        <v>0</v>
      </c>
      <c r="AX1621" s="166">
        <v>0</v>
      </c>
      <c r="AY1621" s="166">
        <v>0</v>
      </c>
      <c r="AZ1621" s="166">
        <v>0</v>
      </c>
      <c r="BA1621" s="166">
        <v>0</v>
      </c>
      <c r="BB1621" s="166">
        <v>0</v>
      </c>
      <c r="BC1621" s="166">
        <v>0</v>
      </c>
      <c r="BD1621" s="166">
        <v>0</v>
      </c>
      <c r="BE1621" s="166">
        <v>0</v>
      </c>
      <c r="BF1621" s="166">
        <v>0</v>
      </c>
      <c r="BG1621" s="166">
        <v>0</v>
      </c>
      <c r="BH1621" s="166">
        <v>0</v>
      </c>
      <c r="BI1621" s="166">
        <v>0</v>
      </c>
      <c r="BJ1621" s="166">
        <v>0</v>
      </c>
      <c r="BK1621" s="166">
        <v>0</v>
      </c>
      <c r="BL1621" s="166">
        <v>0</v>
      </c>
      <c r="BM1621" s="166">
        <v>0</v>
      </c>
      <c r="BN1621" s="166">
        <v>0</v>
      </c>
      <c r="BO1621" s="166">
        <v>0</v>
      </c>
      <c r="BP1621" s="166">
        <v>0</v>
      </c>
      <c r="BQ1621" s="166">
        <v>0</v>
      </c>
      <c r="BR1621" s="166">
        <v>8023602.5499999998</v>
      </c>
      <c r="BS1621" s="166">
        <v>8023602.5499999998</v>
      </c>
      <c r="BT1621" s="168">
        <v>0</v>
      </c>
      <c r="BU1621" s="166">
        <v>0</v>
      </c>
      <c r="BV1621" s="166">
        <v>0</v>
      </c>
      <c r="BW1621" s="166">
        <v>0</v>
      </c>
      <c r="BX1621" s="166">
        <v>0</v>
      </c>
      <c r="BY1621" s="166">
        <v>0</v>
      </c>
      <c r="BZ1621" s="166">
        <v>0</v>
      </c>
      <c r="CA1621" s="166">
        <v>0</v>
      </c>
      <c r="CB1621" s="166">
        <v>0</v>
      </c>
      <c r="CC1621" s="166">
        <v>0</v>
      </c>
      <c r="CD1621" s="166">
        <v>0</v>
      </c>
      <c r="CE1621" s="166">
        <v>0</v>
      </c>
      <c r="CF1621" s="166">
        <v>0</v>
      </c>
      <c r="CG1621" s="166">
        <v>0</v>
      </c>
      <c r="CH1621" s="166">
        <v>0</v>
      </c>
      <c r="CI1621" s="166">
        <v>0</v>
      </c>
      <c r="CJ1621" s="166">
        <v>0</v>
      </c>
      <c r="CK1621" s="166">
        <v>0</v>
      </c>
      <c r="CL1621" s="166">
        <v>0</v>
      </c>
      <c r="CM1621" s="166">
        <v>0</v>
      </c>
      <c r="CN1621" s="166">
        <v>0</v>
      </c>
      <c r="CO1621" s="166">
        <v>0</v>
      </c>
      <c r="CP1621" s="166">
        <v>0</v>
      </c>
      <c r="CQ1621" s="166">
        <v>0</v>
      </c>
      <c r="CR1621" s="166">
        <v>0</v>
      </c>
      <c r="CS1621" s="166">
        <v>0</v>
      </c>
      <c r="CT1621" s="166">
        <v>0</v>
      </c>
      <c r="CU1621" s="166">
        <v>0</v>
      </c>
      <c r="CV1621" s="166">
        <v>0</v>
      </c>
      <c r="CW1621" s="166">
        <v>0</v>
      </c>
      <c r="CX1621" s="166">
        <v>0</v>
      </c>
      <c r="CY1621" s="166">
        <v>0</v>
      </c>
      <c r="CZ1621" s="166">
        <v>0</v>
      </c>
    </row>
    <row r="1622" spans="1:104" x14ac:dyDescent="0.2">
      <c r="A1622" s="167" t="s">
        <v>589</v>
      </c>
      <c r="B1622" s="166">
        <v>0</v>
      </c>
      <c r="C1622" s="166">
        <v>0</v>
      </c>
      <c r="D1622" s="166">
        <v>0</v>
      </c>
      <c r="E1622" s="166">
        <v>0</v>
      </c>
      <c r="F1622" s="166">
        <v>0</v>
      </c>
      <c r="G1622" s="166">
        <v>0</v>
      </c>
      <c r="H1622" s="166">
        <v>0</v>
      </c>
      <c r="I1622" s="166">
        <v>0</v>
      </c>
      <c r="J1622" s="166">
        <v>0</v>
      </c>
      <c r="K1622" s="166">
        <v>0</v>
      </c>
      <c r="L1622" s="166">
        <v>0</v>
      </c>
      <c r="M1622" s="166">
        <v>0</v>
      </c>
      <c r="N1622" s="166">
        <v>0</v>
      </c>
      <c r="O1622" s="166">
        <v>0</v>
      </c>
      <c r="P1622" s="166">
        <v>0</v>
      </c>
      <c r="Q1622" s="166">
        <v>0</v>
      </c>
      <c r="R1622" s="166">
        <v>0</v>
      </c>
      <c r="S1622" s="166">
        <v>0</v>
      </c>
      <c r="T1622" s="166">
        <v>0</v>
      </c>
      <c r="U1622" s="166">
        <v>0</v>
      </c>
      <c r="V1622" s="166">
        <v>0</v>
      </c>
      <c r="W1622" s="166">
        <v>0</v>
      </c>
      <c r="X1622" s="166">
        <v>0</v>
      </c>
      <c r="Y1622" s="166">
        <v>0</v>
      </c>
      <c r="Z1622" s="166">
        <v>0</v>
      </c>
      <c r="AA1622" s="166">
        <v>0</v>
      </c>
      <c r="AB1622" s="166">
        <v>0</v>
      </c>
      <c r="AC1622" s="166">
        <v>0</v>
      </c>
      <c r="AD1622" s="166">
        <v>0</v>
      </c>
      <c r="AE1622" s="166">
        <v>0</v>
      </c>
      <c r="AF1622" s="166">
        <v>0</v>
      </c>
      <c r="AG1622" s="166">
        <v>0</v>
      </c>
      <c r="AH1622" s="166">
        <v>0</v>
      </c>
      <c r="AI1622" s="166">
        <v>0</v>
      </c>
      <c r="AJ1622" s="166">
        <v>0</v>
      </c>
      <c r="AK1622" s="166">
        <v>0</v>
      </c>
      <c r="AL1622" s="166">
        <v>0</v>
      </c>
      <c r="AM1622" s="166">
        <v>0</v>
      </c>
      <c r="AN1622" s="166">
        <v>0</v>
      </c>
      <c r="AO1622" s="166">
        <v>0</v>
      </c>
      <c r="AP1622" s="166">
        <v>0</v>
      </c>
      <c r="AQ1622" s="166">
        <v>0</v>
      </c>
      <c r="AR1622" s="166">
        <v>0</v>
      </c>
      <c r="AS1622" s="166">
        <v>0</v>
      </c>
      <c r="AT1622" s="166">
        <v>0</v>
      </c>
      <c r="AU1622" s="166">
        <v>0</v>
      </c>
      <c r="AV1622" s="166">
        <v>0</v>
      </c>
      <c r="AW1622" s="166">
        <v>0</v>
      </c>
      <c r="AX1622" s="166">
        <v>0</v>
      </c>
      <c r="AY1622" s="166">
        <v>0</v>
      </c>
      <c r="AZ1622" s="166">
        <v>0</v>
      </c>
      <c r="BA1622" s="166">
        <v>0</v>
      </c>
      <c r="BB1622" s="166">
        <v>0</v>
      </c>
      <c r="BC1622" s="166">
        <v>0</v>
      </c>
      <c r="BD1622" s="166">
        <v>0</v>
      </c>
      <c r="BE1622" s="166">
        <v>0</v>
      </c>
      <c r="BF1622" s="166">
        <v>0</v>
      </c>
      <c r="BG1622" s="166">
        <v>0</v>
      </c>
      <c r="BH1622" s="166">
        <v>0</v>
      </c>
      <c r="BI1622" s="166">
        <v>0</v>
      </c>
      <c r="BJ1622" s="166">
        <v>0</v>
      </c>
      <c r="BK1622" s="166">
        <v>0</v>
      </c>
      <c r="BL1622" s="166">
        <v>0</v>
      </c>
      <c r="BM1622" s="166">
        <v>0</v>
      </c>
      <c r="BN1622" s="166">
        <v>0</v>
      </c>
      <c r="BO1622" s="166">
        <v>0</v>
      </c>
      <c r="BP1622" s="166">
        <v>0</v>
      </c>
      <c r="BQ1622" s="166">
        <v>0</v>
      </c>
      <c r="BR1622" s="166">
        <v>0</v>
      </c>
      <c r="BS1622" s="166">
        <v>0</v>
      </c>
      <c r="BT1622" s="168">
        <v>0</v>
      </c>
      <c r="BU1622" s="166">
        <v>0</v>
      </c>
      <c r="BV1622" s="166">
        <v>0</v>
      </c>
      <c r="BW1622" s="166">
        <v>0</v>
      </c>
      <c r="BX1622" s="166">
        <v>0</v>
      </c>
      <c r="BY1622" s="166">
        <v>0</v>
      </c>
      <c r="BZ1622" s="166">
        <v>0</v>
      </c>
      <c r="CA1622" s="166">
        <v>0</v>
      </c>
      <c r="CB1622" s="166">
        <v>0</v>
      </c>
      <c r="CC1622" s="166">
        <v>0</v>
      </c>
      <c r="CD1622" s="166">
        <v>0</v>
      </c>
      <c r="CE1622" s="166">
        <v>0</v>
      </c>
      <c r="CF1622" s="166">
        <v>0</v>
      </c>
      <c r="CG1622" s="166">
        <v>0</v>
      </c>
      <c r="CH1622" s="166">
        <v>0</v>
      </c>
      <c r="CI1622" s="166">
        <v>0</v>
      </c>
      <c r="CJ1622" s="166">
        <v>0</v>
      </c>
      <c r="CK1622" s="166">
        <v>0</v>
      </c>
      <c r="CL1622" s="166">
        <v>0</v>
      </c>
      <c r="CM1622" s="166">
        <v>0</v>
      </c>
      <c r="CN1622" s="166">
        <v>0</v>
      </c>
      <c r="CO1622" s="166">
        <v>0</v>
      </c>
      <c r="CP1622" s="166">
        <v>0</v>
      </c>
      <c r="CQ1622" s="166">
        <v>0</v>
      </c>
      <c r="CR1622" s="166">
        <v>0</v>
      </c>
      <c r="CS1622" s="166">
        <v>0</v>
      </c>
      <c r="CT1622" s="166">
        <v>0</v>
      </c>
      <c r="CU1622" s="166">
        <v>0</v>
      </c>
      <c r="CV1622" s="166">
        <v>0</v>
      </c>
      <c r="CW1622" s="166">
        <v>0</v>
      </c>
      <c r="CX1622" s="166">
        <v>0</v>
      </c>
      <c r="CY1622" s="166">
        <v>0</v>
      </c>
      <c r="CZ1622" s="166">
        <v>0</v>
      </c>
    </row>
    <row r="1623" spans="1:104" x14ac:dyDescent="0.2">
      <c r="A1623" s="177" t="s">
        <v>590</v>
      </c>
      <c r="B1623" s="166">
        <v>8023602.5499999998</v>
      </c>
      <c r="C1623" s="166">
        <v>8023602.5499999998</v>
      </c>
      <c r="D1623" s="166">
        <v>0</v>
      </c>
      <c r="E1623" s="166">
        <v>0</v>
      </c>
      <c r="F1623" s="166">
        <v>0</v>
      </c>
      <c r="G1623" s="166">
        <v>0</v>
      </c>
      <c r="H1623" s="166">
        <v>0</v>
      </c>
      <c r="I1623" s="166">
        <v>0</v>
      </c>
      <c r="J1623" s="166">
        <v>0</v>
      </c>
      <c r="K1623" s="166">
        <v>0</v>
      </c>
      <c r="L1623" s="166">
        <v>0</v>
      </c>
      <c r="M1623" s="166">
        <v>0</v>
      </c>
      <c r="N1623" s="166">
        <v>0</v>
      </c>
      <c r="O1623" s="166">
        <v>0</v>
      </c>
      <c r="P1623" s="166">
        <v>0</v>
      </c>
      <c r="Q1623" s="166">
        <v>0</v>
      </c>
      <c r="R1623" s="166">
        <v>0</v>
      </c>
      <c r="S1623" s="166">
        <v>0</v>
      </c>
      <c r="T1623" s="166">
        <v>0</v>
      </c>
      <c r="U1623" s="166">
        <v>0</v>
      </c>
      <c r="V1623" s="166">
        <v>0</v>
      </c>
      <c r="W1623" s="166">
        <v>0</v>
      </c>
      <c r="X1623" s="166">
        <v>0</v>
      </c>
      <c r="Y1623" s="166">
        <v>0</v>
      </c>
      <c r="Z1623" s="166">
        <v>0</v>
      </c>
      <c r="AA1623" s="166">
        <v>0</v>
      </c>
      <c r="AB1623" s="166">
        <v>0</v>
      </c>
      <c r="AC1623" s="166">
        <v>0</v>
      </c>
      <c r="AD1623" s="166">
        <v>0</v>
      </c>
      <c r="AE1623" s="166">
        <v>0</v>
      </c>
      <c r="AF1623" s="166">
        <v>0</v>
      </c>
      <c r="AG1623" s="166">
        <v>0</v>
      </c>
      <c r="AH1623" s="166">
        <v>0</v>
      </c>
      <c r="AI1623" s="166">
        <v>0</v>
      </c>
      <c r="AJ1623" s="166">
        <v>0</v>
      </c>
      <c r="AK1623" s="166">
        <v>0</v>
      </c>
      <c r="AL1623" s="166">
        <v>0</v>
      </c>
      <c r="AM1623" s="166">
        <v>0</v>
      </c>
      <c r="AN1623" s="166">
        <v>0</v>
      </c>
      <c r="AO1623" s="166">
        <v>0</v>
      </c>
      <c r="AP1623" s="166">
        <v>0</v>
      </c>
      <c r="AQ1623" s="166">
        <v>0</v>
      </c>
      <c r="AR1623" s="166">
        <v>0</v>
      </c>
      <c r="AS1623" s="166">
        <v>0</v>
      </c>
      <c r="AT1623" s="166">
        <v>0</v>
      </c>
      <c r="AU1623" s="166">
        <v>0</v>
      </c>
      <c r="AV1623" s="166">
        <v>0</v>
      </c>
      <c r="AW1623" s="166">
        <v>0</v>
      </c>
      <c r="AX1623" s="166">
        <v>0</v>
      </c>
      <c r="AY1623" s="166">
        <v>0</v>
      </c>
      <c r="AZ1623" s="166">
        <v>0</v>
      </c>
      <c r="BA1623" s="166">
        <v>0</v>
      </c>
      <c r="BB1623" s="166">
        <v>0</v>
      </c>
      <c r="BC1623" s="166">
        <v>0</v>
      </c>
      <c r="BD1623" s="166">
        <v>0</v>
      </c>
      <c r="BE1623" s="166">
        <v>0</v>
      </c>
      <c r="BF1623" s="166">
        <v>0</v>
      </c>
      <c r="BG1623" s="166">
        <v>0</v>
      </c>
      <c r="BH1623" s="166">
        <v>0</v>
      </c>
      <c r="BI1623" s="166">
        <v>0</v>
      </c>
      <c r="BJ1623" s="166">
        <v>0</v>
      </c>
      <c r="BK1623" s="166">
        <v>0</v>
      </c>
      <c r="BL1623" s="166">
        <v>0</v>
      </c>
      <c r="BM1623" s="166">
        <v>0</v>
      </c>
      <c r="BN1623" s="166">
        <v>0</v>
      </c>
      <c r="BO1623" s="166">
        <v>0</v>
      </c>
      <c r="BP1623" s="166">
        <v>0</v>
      </c>
      <c r="BQ1623" s="166">
        <v>0</v>
      </c>
      <c r="BR1623" s="166">
        <v>8023602.5499999998</v>
      </c>
      <c r="BS1623" s="166">
        <v>8023602.5499999998</v>
      </c>
      <c r="BT1623" s="168">
        <v>0</v>
      </c>
      <c r="BU1623" s="166">
        <v>0</v>
      </c>
      <c r="BV1623" s="166">
        <v>0</v>
      </c>
      <c r="BW1623" s="166">
        <v>0</v>
      </c>
      <c r="BX1623" s="166">
        <v>0</v>
      </c>
      <c r="BY1623" s="166">
        <v>0</v>
      </c>
      <c r="BZ1623" s="166">
        <v>0</v>
      </c>
      <c r="CA1623" s="166">
        <v>0</v>
      </c>
      <c r="CB1623" s="166">
        <v>0</v>
      </c>
      <c r="CC1623" s="166">
        <v>0</v>
      </c>
      <c r="CD1623" s="166">
        <v>0</v>
      </c>
      <c r="CE1623" s="166">
        <v>0</v>
      </c>
      <c r="CF1623" s="166">
        <v>0</v>
      </c>
      <c r="CG1623" s="166">
        <v>0</v>
      </c>
      <c r="CH1623" s="166">
        <v>0</v>
      </c>
      <c r="CI1623" s="166">
        <v>0</v>
      </c>
      <c r="CJ1623" s="166">
        <v>0</v>
      </c>
      <c r="CK1623" s="166">
        <v>0</v>
      </c>
      <c r="CL1623" s="166">
        <v>0</v>
      </c>
      <c r="CM1623" s="166">
        <v>0</v>
      </c>
      <c r="CN1623" s="166">
        <v>0</v>
      </c>
      <c r="CO1623" s="166">
        <v>0</v>
      </c>
      <c r="CP1623" s="166">
        <v>0</v>
      </c>
      <c r="CQ1623" s="166">
        <v>0</v>
      </c>
      <c r="CR1623" s="166">
        <v>0</v>
      </c>
      <c r="CS1623" s="166">
        <v>0</v>
      </c>
      <c r="CT1623" s="166">
        <v>0</v>
      </c>
      <c r="CU1623" s="166">
        <v>0</v>
      </c>
      <c r="CV1623" s="166">
        <v>0</v>
      </c>
      <c r="CW1623" s="166">
        <v>0</v>
      </c>
      <c r="CX1623" s="166">
        <v>0</v>
      </c>
      <c r="CY1623" s="166">
        <v>0</v>
      </c>
      <c r="CZ1623" s="166">
        <v>0</v>
      </c>
    </row>
    <row r="1624" spans="1:104" x14ac:dyDescent="0.2">
      <c r="A1624" s="167" t="s">
        <v>591</v>
      </c>
      <c r="B1624" s="166">
        <v>0</v>
      </c>
      <c r="C1624" s="166">
        <v>0</v>
      </c>
      <c r="D1624" s="166">
        <v>0</v>
      </c>
      <c r="E1624" s="166">
        <v>0</v>
      </c>
      <c r="F1624" s="166">
        <v>0</v>
      </c>
      <c r="G1624" s="166">
        <v>0</v>
      </c>
      <c r="H1624" s="166">
        <v>0</v>
      </c>
      <c r="I1624" s="166">
        <v>0</v>
      </c>
      <c r="J1624" s="166">
        <v>0</v>
      </c>
      <c r="K1624" s="166">
        <v>0</v>
      </c>
      <c r="L1624" s="166">
        <v>0</v>
      </c>
      <c r="M1624" s="166">
        <v>0</v>
      </c>
      <c r="N1624" s="166">
        <v>0</v>
      </c>
      <c r="O1624" s="166">
        <v>0</v>
      </c>
      <c r="P1624" s="166">
        <v>0</v>
      </c>
      <c r="Q1624" s="166">
        <v>0</v>
      </c>
      <c r="R1624" s="166">
        <v>0</v>
      </c>
      <c r="S1624" s="166">
        <v>0</v>
      </c>
      <c r="T1624" s="166">
        <v>0</v>
      </c>
      <c r="U1624" s="166">
        <v>0</v>
      </c>
      <c r="V1624" s="166">
        <v>0</v>
      </c>
      <c r="W1624" s="166">
        <v>0</v>
      </c>
      <c r="X1624" s="166">
        <v>0</v>
      </c>
      <c r="Y1624" s="166">
        <v>0</v>
      </c>
      <c r="Z1624" s="166">
        <v>0</v>
      </c>
      <c r="AA1624" s="166">
        <v>0</v>
      </c>
      <c r="AB1624" s="166">
        <v>0</v>
      </c>
      <c r="AC1624" s="166">
        <v>0</v>
      </c>
      <c r="AD1624" s="166">
        <v>0</v>
      </c>
      <c r="AE1624" s="166">
        <v>0</v>
      </c>
      <c r="AF1624" s="166">
        <v>0</v>
      </c>
      <c r="AG1624" s="166">
        <v>0</v>
      </c>
      <c r="AH1624" s="166">
        <v>0</v>
      </c>
      <c r="AI1624" s="166">
        <v>0</v>
      </c>
      <c r="AJ1624" s="166">
        <v>0</v>
      </c>
      <c r="AK1624" s="166">
        <v>0</v>
      </c>
      <c r="AL1624" s="166">
        <v>0</v>
      </c>
      <c r="AM1624" s="166">
        <v>0</v>
      </c>
      <c r="AN1624" s="166">
        <v>0</v>
      </c>
      <c r="AO1624" s="166">
        <v>0</v>
      </c>
      <c r="AP1624" s="166">
        <v>0</v>
      </c>
      <c r="AQ1624" s="166">
        <v>0</v>
      </c>
      <c r="AR1624" s="166">
        <v>0</v>
      </c>
      <c r="AS1624" s="166">
        <v>0</v>
      </c>
      <c r="AT1624" s="166">
        <v>0</v>
      </c>
      <c r="AU1624" s="166">
        <v>0</v>
      </c>
      <c r="AV1624" s="166">
        <v>0</v>
      </c>
      <c r="AW1624" s="166">
        <v>0</v>
      </c>
      <c r="AX1624" s="166">
        <v>0</v>
      </c>
      <c r="AY1624" s="166">
        <v>0</v>
      </c>
      <c r="AZ1624" s="166">
        <v>0</v>
      </c>
      <c r="BA1624" s="166">
        <v>0</v>
      </c>
      <c r="BB1624" s="166">
        <v>0</v>
      </c>
      <c r="BC1624" s="166">
        <v>0</v>
      </c>
      <c r="BD1624" s="166">
        <v>0</v>
      </c>
      <c r="BE1624" s="166">
        <v>0</v>
      </c>
      <c r="BF1624" s="166">
        <v>0</v>
      </c>
      <c r="BG1624" s="166">
        <v>0</v>
      </c>
      <c r="BH1624" s="166">
        <v>0</v>
      </c>
      <c r="BI1624" s="166">
        <v>0</v>
      </c>
      <c r="BJ1624" s="166">
        <v>0</v>
      </c>
      <c r="BK1624" s="166">
        <v>0</v>
      </c>
      <c r="BL1624" s="166">
        <v>0</v>
      </c>
      <c r="BM1624" s="166">
        <v>0</v>
      </c>
      <c r="BN1624" s="166">
        <v>0</v>
      </c>
      <c r="BO1624" s="166">
        <v>0</v>
      </c>
      <c r="BP1624" s="166">
        <v>0</v>
      </c>
      <c r="BQ1624" s="166">
        <v>0</v>
      </c>
      <c r="BR1624" s="166">
        <v>0</v>
      </c>
      <c r="BS1624" s="166">
        <v>0</v>
      </c>
      <c r="BT1624" s="168">
        <v>0</v>
      </c>
      <c r="BU1624" s="166">
        <v>0</v>
      </c>
      <c r="BV1624" s="166">
        <v>0</v>
      </c>
      <c r="BW1624" s="166">
        <v>0</v>
      </c>
      <c r="BX1624" s="166">
        <v>0</v>
      </c>
      <c r="BY1624" s="166">
        <v>0</v>
      </c>
      <c r="BZ1624" s="166">
        <v>0</v>
      </c>
      <c r="CA1624" s="166">
        <v>0</v>
      </c>
      <c r="CB1624" s="166">
        <v>0</v>
      </c>
      <c r="CC1624" s="166">
        <v>0</v>
      </c>
      <c r="CD1624" s="166">
        <v>0</v>
      </c>
      <c r="CE1624" s="166">
        <v>0</v>
      </c>
      <c r="CF1624" s="166">
        <v>0</v>
      </c>
      <c r="CG1624" s="166">
        <v>0</v>
      </c>
      <c r="CH1624" s="166">
        <v>0</v>
      </c>
      <c r="CI1624" s="166">
        <v>0</v>
      </c>
      <c r="CJ1624" s="166">
        <v>0</v>
      </c>
      <c r="CK1624" s="166">
        <v>0</v>
      </c>
      <c r="CL1624" s="166">
        <v>0</v>
      </c>
      <c r="CM1624" s="166">
        <v>0</v>
      </c>
      <c r="CN1624" s="166">
        <v>0</v>
      </c>
      <c r="CO1624" s="166">
        <v>0</v>
      </c>
      <c r="CP1624" s="166">
        <v>0</v>
      </c>
      <c r="CQ1624" s="166">
        <v>0</v>
      </c>
      <c r="CR1624" s="166">
        <v>0</v>
      </c>
      <c r="CS1624" s="166">
        <v>0</v>
      </c>
      <c r="CT1624" s="166">
        <v>0</v>
      </c>
      <c r="CU1624" s="166">
        <v>0</v>
      </c>
      <c r="CV1624" s="166">
        <v>0</v>
      </c>
      <c r="CW1624" s="166">
        <v>0</v>
      </c>
      <c r="CX1624" s="166">
        <v>0</v>
      </c>
      <c r="CY1624" s="166">
        <v>0</v>
      </c>
      <c r="CZ1624" s="166">
        <v>0</v>
      </c>
    </row>
    <row r="1625" spans="1:104" x14ac:dyDescent="0.2">
      <c r="A1625" s="167" t="s">
        <v>592</v>
      </c>
      <c r="B1625" s="166">
        <v>0</v>
      </c>
      <c r="C1625" s="166">
        <v>0</v>
      </c>
      <c r="D1625" s="166">
        <v>0</v>
      </c>
      <c r="E1625" s="166">
        <v>0</v>
      </c>
      <c r="F1625" s="166">
        <v>0</v>
      </c>
      <c r="G1625" s="166">
        <v>0</v>
      </c>
      <c r="H1625" s="166">
        <v>0</v>
      </c>
      <c r="I1625" s="166">
        <v>0</v>
      </c>
      <c r="J1625" s="166">
        <v>0</v>
      </c>
      <c r="K1625" s="166">
        <v>0</v>
      </c>
      <c r="L1625" s="166">
        <v>0</v>
      </c>
      <c r="M1625" s="166">
        <v>0</v>
      </c>
      <c r="N1625" s="166">
        <v>0</v>
      </c>
      <c r="O1625" s="166">
        <v>0</v>
      </c>
      <c r="P1625" s="166">
        <v>0</v>
      </c>
      <c r="Q1625" s="166">
        <v>0</v>
      </c>
      <c r="R1625" s="166">
        <v>0</v>
      </c>
      <c r="S1625" s="166">
        <v>0</v>
      </c>
      <c r="T1625" s="166">
        <v>0</v>
      </c>
      <c r="U1625" s="166">
        <v>0</v>
      </c>
      <c r="V1625" s="166">
        <v>0</v>
      </c>
      <c r="W1625" s="166">
        <v>0</v>
      </c>
      <c r="X1625" s="166">
        <v>0</v>
      </c>
      <c r="Y1625" s="166">
        <v>0</v>
      </c>
      <c r="Z1625" s="166">
        <v>0</v>
      </c>
      <c r="AA1625" s="166">
        <v>0</v>
      </c>
      <c r="AB1625" s="166">
        <v>0</v>
      </c>
      <c r="AC1625" s="166">
        <v>0</v>
      </c>
      <c r="AD1625" s="166">
        <v>0</v>
      </c>
      <c r="AE1625" s="166">
        <v>0</v>
      </c>
      <c r="AF1625" s="166">
        <v>0</v>
      </c>
      <c r="AG1625" s="166">
        <v>0</v>
      </c>
      <c r="AH1625" s="166">
        <v>0</v>
      </c>
      <c r="AI1625" s="166">
        <v>0</v>
      </c>
      <c r="AJ1625" s="166">
        <v>0</v>
      </c>
      <c r="AK1625" s="166">
        <v>0</v>
      </c>
      <c r="AL1625" s="166">
        <v>0</v>
      </c>
      <c r="AM1625" s="166">
        <v>0</v>
      </c>
      <c r="AN1625" s="166">
        <v>0</v>
      </c>
      <c r="AO1625" s="166">
        <v>0</v>
      </c>
      <c r="AP1625" s="166">
        <v>0</v>
      </c>
      <c r="AQ1625" s="166">
        <v>0</v>
      </c>
      <c r="AR1625" s="166">
        <v>0</v>
      </c>
      <c r="AS1625" s="166">
        <v>0</v>
      </c>
      <c r="AT1625" s="166">
        <v>0</v>
      </c>
      <c r="AU1625" s="166">
        <v>0</v>
      </c>
      <c r="AV1625" s="166">
        <v>0</v>
      </c>
      <c r="AW1625" s="166">
        <v>0</v>
      </c>
      <c r="AX1625" s="166">
        <v>0</v>
      </c>
      <c r="AY1625" s="166">
        <v>0</v>
      </c>
      <c r="AZ1625" s="166">
        <v>0</v>
      </c>
      <c r="BA1625" s="166">
        <v>0</v>
      </c>
      <c r="BB1625" s="166">
        <v>0</v>
      </c>
      <c r="BC1625" s="166">
        <v>0</v>
      </c>
      <c r="BD1625" s="166">
        <v>0</v>
      </c>
      <c r="BE1625" s="166">
        <v>0</v>
      </c>
      <c r="BF1625" s="166">
        <v>0</v>
      </c>
      <c r="BG1625" s="166">
        <v>0</v>
      </c>
      <c r="BH1625" s="166">
        <v>0</v>
      </c>
      <c r="BI1625" s="166">
        <v>0</v>
      </c>
      <c r="BJ1625" s="166">
        <v>0</v>
      </c>
      <c r="BK1625" s="166">
        <v>0</v>
      </c>
      <c r="BL1625" s="166">
        <v>0</v>
      </c>
      <c r="BM1625" s="166">
        <v>0</v>
      </c>
      <c r="BN1625" s="166">
        <v>0</v>
      </c>
      <c r="BO1625" s="166">
        <v>0</v>
      </c>
      <c r="BP1625" s="166">
        <v>0</v>
      </c>
      <c r="BQ1625" s="166">
        <v>0</v>
      </c>
      <c r="BR1625" s="166">
        <v>0</v>
      </c>
      <c r="BS1625" s="166">
        <v>0</v>
      </c>
      <c r="BT1625" s="168">
        <v>0</v>
      </c>
      <c r="BU1625" s="166">
        <v>0</v>
      </c>
      <c r="BV1625" s="166">
        <v>0</v>
      </c>
      <c r="BW1625" s="166">
        <v>0</v>
      </c>
      <c r="BX1625" s="166">
        <v>0</v>
      </c>
      <c r="BY1625" s="166">
        <v>0</v>
      </c>
      <c r="BZ1625" s="166">
        <v>0</v>
      </c>
      <c r="CA1625" s="166">
        <v>0</v>
      </c>
      <c r="CB1625" s="166">
        <v>0</v>
      </c>
      <c r="CC1625" s="166">
        <v>0</v>
      </c>
      <c r="CD1625" s="166">
        <v>0</v>
      </c>
      <c r="CE1625" s="166">
        <v>0</v>
      </c>
      <c r="CF1625" s="166">
        <v>0</v>
      </c>
      <c r="CG1625" s="166">
        <v>0</v>
      </c>
      <c r="CH1625" s="166">
        <v>0</v>
      </c>
      <c r="CI1625" s="166">
        <v>0</v>
      </c>
      <c r="CJ1625" s="166">
        <v>0</v>
      </c>
      <c r="CK1625" s="166">
        <v>0</v>
      </c>
      <c r="CL1625" s="166">
        <v>0</v>
      </c>
      <c r="CM1625" s="166">
        <v>0</v>
      </c>
      <c r="CN1625" s="166">
        <v>0</v>
      </c>
      <c r="CO1625" s="166">
        <v>0</v>
      </c>
      <c r="CP1625" s="166">
        <v>0</v>
      </c>
      <c r="CQ1625" s="166">
        <v>0</v>
      </c>
      <c r="CR1625" s="166">
        <v>0</v>
      </c>
      <c r="CS1625" s="166">
        <v>0</v>
      </c>
      <c r="CT1625" s="166">
        <v>0</v>
      </c>
      <c r="CU1625" s="166">
        <v>0</v>
      </c>
      <c r="CV1625" s="166">
        <v>0</v>
      </c>
      <c r="CW1625" s="166">
        <v>0</v>
      </c>
      <c r="CX1625" s="166">
        <v>0</v>
      </c>
      <c r="CY1625" s="166">
        <v>0</v>
      </c>
      <c r="CZ1625" s="166">
        <v>0</v>
      </c>
    </row>
    <row r="1626" spans="1:104" x14ac:dyDescent="0.2">
      <c r="A1626" s="167" t="s">
        <v>593</v>
      </c>
      <c r="B1626" s="166">
        <v>0</v>
      </c>
      <c r="C1626" s="166">
        <v>0</v>
      </c>
      <c r="D1626" s="166">
        <v>0</v>
      </c>
      <c r="E1626" s="166">
        <v>0</v>
      </c>
      <c r="F1626" s="166">
        <v>0</v>
      </c>
      <c r="G1626" s="166">
        <v>0</v>
      </c>
      <c r="H1626" s="166">
        <v>0</v>
      </c>
      <c r="I1626" s="166">
        <v>0</v>
      </c>
      <c r="J1626" s="166">
        <v>0</v>
      </c>
      <c r="K1626" s="166">
        <v>0</v>
      </c>
      <c r="L1626" s="166">
        <v>0</v>
      </c>
      <c r="M1626" s="166">
        <v>0</v>
      </c>
      <c r="N1626" s="166">
        <v>0</v>
      </c>
      <c r="O1626" s="166">
        <v>0</v>
      </c>
      <c r="P1626" s="166">
        <v>0</v>
      </c>
      <c r="Q1626" s="166">
        <v>0</v>
      </c>
      <c r="R1626" s="166">
        <v>0</v>
      </c>
      <c r="S1626" s="166">
        <v>0</v>
      </c>
      <c r="T1626" s="166">
        <v>0</v>
      </c>
      <c r="U1626" s="166">
        <v>0</v>
      </c>
      <c r="V1626" s="166">
        <v>0</v>
      </c>
      <c r="W1626" s="166">
        <v>0</v>
      </c>
      <c r="X1626" s="166">
        <v>0</v>
      </c>
      <c r="Y1626" s="166">
        <v>0</v>
      </c>
      <c r="Z1626" s="166">
        <v>0</v>
      </c>
      <c r="AA1626" s="166">
        <v>0</v>
      </c>
      <c r="AB1626" s="166">
        <v>0</v>
      </c>
      <c r="AC1626" s="166">
        <v>0</v>
      </c>
      <c r="AD1626" s="166">
        <v>0</v>
      </c>
      <c r="AE1626" s="166">
        <v>0</v>
      </c>
      <c r="AF1626" s="166">
        <v>0</v>
      </c>
      <c r="AG1626" s="166">
        <v>0</v>
      </c>
      <c r="AH1626" s="166">
        <v>0</v>
      </c>
      <c r="AI1626" s="166">
        <v>0</v>
      </c>
      <c r="AJ1626" s="166">
        <v>0</v>
      </c>
      <c r="AK1626" s="166">
        <v>0</v>
      </c>
      <c r="AL1626" s="166">
        <v>0</v>
      </c>
      <c r="AM1626" s="166">
        <v>0</v>
      </c>
      <c r="AN1626" s="166">
        <v>0</v>
      </c>
      <c r="AO1626" s="166">
        <v>0</v>
      </c>
      <c r="AP1626" s="166">
        <v>0</v>
      </c>
      <c r="AQ1626" s="166">
        <v>0</v>
      </c>
      <c r="AR1626" s="166">
        <v>0</v>
      </c>
      <c r="AS1626" s="166">
        <v>0</v>
      </c>
      <c r="AT1626" s="166">
        <v>0</v>
      </c>
      <c r="AU1626" s="166">
        <v>0</v>
      </c>
      <c r="AV1626" s="166">
        <v>0</v>
      </c>
      <c r="AW1626" s="166">
        <v>0</v>
      </c>
      <c r="AX1626" s="166">
        <v>0</v>
      </c>
      <c r="AY1626" s="166">
        <v>0</v>
      </c>
      <c r="AZ1626" s="166">
        <v>0</v>
      </c>
      <c r="BA1626" s="166">
        <v>0</v>
      </c>
      <c r="BB1626" s="166">
        <v>0</v>
      </c>
      <c r="BC1626" s="166">
        <v>0</v>
      </c>
      <c r="BD1626" s="166">
        <v>0</v>
      </c>
      <c r="BE1626" s="166">
        <v>0</v>
      </c>
      <c r="BF1626" s="166">
        <v>0</v>
      </c>
      <c r="BG1626" s="166">
        <v>0</v>
      </c>
      <c r="BH1626" s="166">
        <v>0</v>
      </c>
      <c r="BI1626" s="166">
        <v>0</v>
      </c>
      <c r="BJ1626" s="166">
        <v>0</v>
      </c>
      <c r="BK1626" s="166">
        <v>0</v>
      </c>
      <c r="BL1626" s="166">
        <v>0</v>
      </c>
      <c r="BM1626" s="166">
        <v>0</v>
      </c>
      <c r="BN1626" s="166">
        <v>0</v>
      </c>
      <c r="BO1626" s="166">
        <v>0</v>
      </c>
      <c r="BP1626" s="166">
        <v>0</v>
      </c>
      <c r="BQ1626" s="166">
        <v>0</v>
      </c>
      <c r="BR1626" s="166">
        <v>0</v>
      </c>
      <c r="BS1626" s="166">
        <v>0</v>
      </c>
      <c r="BT1626" s="168">
        <v>0</v>
      </c>
      <c r="BU1626" s="166">
        <v>0</v>
      </c>
      <c r="BV1626" s="166">
        <v>0</v>
      </c>
      <c r="BW1626" s="166">
        <v>0</v>
      </c>
      <c r="BX1626" s="166">
        <v>0</v>
      </c>
      <c r="BY1626" s="166">
        <v>0</v>
      </c>
      <c r="BZ1626" s="166">
        <v>0</v>
      </c>
      <c r="CA1626" s="166">
        <v>0</v>
      </c>
      <c r="CB1626" s="166">
        <v>0</v>
      </c>
      <c r="CC1626" s="166">
        <v>0</v>
      </c>
      <c r="CD1626" s="166">
        <v>0</v>
      </c>
      <c r="CE1626" s="166">
        <v>0</v>
      </c>
      <c r="CF1626" s="166">
        <v>0</v>
      </c>
      <c r="CG1626" s="166">
        <v>0</v>
      </c>
      <c r="CH1626" s="166">
        <v>0</v>
      </c>
      <c r="CI1626" s="166">
        <v>0</v>
      </c>
      <c r="CJ1626" s="166">
        <v>0</v>
      </c>
      <c r="CK1626" s="166">
        <v>0</v>
      </c>
      <c r="CL1626" s="166">
        <v>0</v>
      </c>
      <c r="CM1626" s="166">
        <v>0</v>
      </c>
      <c r="CN1626" s="166">
        <v>0</v>
      </c>
      <c r="CO1626" s="166">
        <v>0</v>
      </c>
      <c r="CP1626" s="166">
        <v>0</v>
      </c>
      <c r="CQ1626" s="166">
        <v>0</v>
      </c>
      <c r="CR1626" s="166">
        <v>0</v>
      </c>
      <c r="CS1626" s="166">
        <v>0</v>
      </c>
      <c r="CT1626" s="166">
        <v>0</v>
      </c>
      <c r="CU1626" s="166">
        <v>0</v>
      </c>
      <c r="CV1626" s="166">
        <v>0</v>
      </c>
      <c r="CW1626" s="166">
        <v>0</v>
      </c>
      <c r="CX1626" s="166">
        <v>0</v>
      </c>
      <c r="CY1626" s="166">
        <v>0</v>
      </c>
      <c r="CZ1626" s="166">
        <v>0</v>
      </c>
    </row>
    <row r="1627" spans="1:104" x14ac:dyDescent="0.2">
      <c r="A1627" s="167" t="s">
        <v>594</v>
      </c>
      <c r="B1627" s="166">
        <v>0</v>
      </c>
      <c r="C1627" s="166">
        <v>0</v>
      </c>
      <c r="D1627" s="166">
        <v>0</v>
      </c>
      <c r="E1627" s="166">
        <v>0</v>
      </c>
      <c r="F1627" s="166">
        <v>0</v>
      </c>
      <c r="G1627" s="166">
        <v>0</v>
      </c>
      <c r="H1627" s="166">
        <v>0</v>
      </c>
      <c r="I1627" s="166">
        <v>0</v>
      </c>
      <c r="J1627" s="166">
        <v>0</v>
      </c>
      <c r="K1627" s="166">
        <v>0</v>
      </c>
      <c r="L1627" s="166">
        <v>0</v>
      </c>
      <c r="M1627" s="166">
        <v>0</v>
      </c>
      <c r="N1627" s="166">
        <v>0</v>
      </c>
      <c r="O1627" s="166">
        <v>0</v>
      </c>
      <c r="P1627" s="166">
        <v>0</v>
      </c>
      <c r="Q1627" s="166">
        <v>0</v>
      </c>
      <c r="R1627" s="166">
        <v>0</v>
      </c>
      <c r="S1627" s="166">
        <v>0</v>
      </c>
      <c r="T1627" s="166">
        <v>0</v>
      </c>
      <c r="U1627" s="166">
        <v>0</v>
      </c>
      <c r="V1627" s="166">
        <v>0</v>
      </c>
      <c r="W1627" s="166">
        <v>0</v>
      </c>
      <c r="X1627" s="166">
        <v>0</v>
      </c>
      <c r="Y1627" s="166">
        <v>0</v>
      </c>
      <c r="Z1627" s="166">
        <v>0</v>
      </c>
      <c r="AA1627" s="166">
        <v>0</v>
      </c>
      <c r="AB1627" s="166">
        <v>0</v>
      </c>
      <c r="AC1627" s="166">
        <v>0</v>
      </c>
      <c r="AD1627" s="166">
        <v>0</v>
      </c>
      <c r="AE1627" s="166">
        <v>0</v>
      </c>
      <c r="AF1627" s="166">
        <v>0</v>
      </c>
      <c r="AG1627" s="166">
        <v>0</v>
      </c>
      <c r="AH1627" s="166">
        <v>0</v>
      </c>
      <c r="AI1627" s="166">
        <v>0</v>
      </c>
      <c r="AJ1627" s="166">
        <v>0</v>
      </c>
      <c r="AK1627" s="166">
        <v>0</v>
      </c>
      <c r="AL1627" s="166">
        <v>0</v>
      </c>
      <c r="AM1627" s="166">
        <v>0</v>
      </c>
      <c r="AN1627" s="166">
        <v>0</v>
      </c>
      <c r="AO1627" s="166">
        <v>0</v>
      </c>
      <c r="AP1627" s="166">
        <v>0</v>
      </c>
      <c r="AQ1627" s="166">
        <v>0</v>
      </c>
      <c r="AR1627" s="166">
        <v>0</v>
      </c>
      <c r="AS1627" s="166">
        <v>0</v>
      </c>
      <c r="AT1627" s="166">
        <v>0</v>
      </c>
      <c r="AU1627" s="166">
        <v>0</v>
      </c>
      <c r="AV1627" s="166">
        <v>0</v>
      </c>
      <c r="AW1627" s="166">
        <v>0</v>
      </c>
      <c r="AX1627" s="166">
        <v>0</v>
      </c>
      <c r="AY1627" s="166">
        <v>0</v>
      </c>
      <c r="AZ1627" s="166">
        <v>0</v>
      </c>
      <c r="BA1627" s="166">
        <v>0</v>
      </c>
      <c r="BB1627" s="166">
        <v>0</v>
      </c>
      <c r="BC1627" s="166">
        <v>0</v>
      </c>
      <c r="BD1627" s="166">
        <v>0</v>
      </c>
      <c r="BE1627" s="166">
        <v>0</v>
      </c>
      <c r="BF1627" s="166">
        <v>0</v>
      </c>
      <c r="BG1627" s="166">
        <v>0</v>
      </c>
      <c r="BH1627" s="166">
        <v>0</v>
      </c>
      <c r="BI1627" s="166">
        <v>0</v>
      </c>
      <c r="BJ1627" s="166">
        <v>0</v>
      </c>
      <c r="BK1627" s="166">
        <v>0</v>
      </c>
      <c r="BL1627" s="166">
        <v>0</v>
      </c>
      <c r="BM1627" s="166">
        <v>0</v>
      </c>
      <c r="BN1627" s="166">
        <v>0</v>
      </c>
      <c r="BO1627" s="166">
        <v>0</v>
      </c>
      <c r="BP1627" s="166">
        <v>0</v>
      </c>
      <c r="BQ1627" s="166">
        <v>0</v>
      </c>
      <c r="BR1627" s="166">
        <v>0</v>
      </c>
      <c r="BS1627" s="166">
        <v>0</v>
      </c>
      <c r="BT1627" s="168">
        <v>0</v>
      </c>
      <c r="BU1627" s="166">
        <v>0</v>
      </c>
      <c r="BV1627" s="166">
        <v>0</v>
      </c>
      <c r="BW1627" s="166">
        <v>0</v>
      </c>
      <c r="BX1627" s="166">
        <v>0</v>
      </c>
      <c r="BY1627" s="166">
        <v>0</v>
      </c>
      <c r="BZ1627" s="166">
        <v>0</v>
      </c>
      <c r="CA1627" s="166">
        <v>0</v>
      </c>
      <c r="CB1627" s="166">
        <v>0</v>
      </c>
      <c r="CC1627" s="166">
        <v>0</v>
      </c>
      <c r="CD1627" s="166">
        <v>0</v>
      </c>
      <c r="CE1627" s="166">
        <v>0</v>
      </c>
      <c r="CF1627" s="166">
        <v>0</v>
      </c>
      <c r="CG1627" s="166">
        <v>0</v>
      </c>
      <c r="CH1627" s="166">
        <v>0</v>
      </c>
      <c r="CI1627" s="166">
        <v>0</v>
      </c>
      <c r="CJ1627" s="166">
        <v>0</v>
      </c>
      <c r="CK1627" s="166">
        <v>0</v>
      </c>
      <c r="CL1627" s="166">
        <v>0</v>
      </c>
      <c r="CM1627" s="166">
        <v>0</v>
      </c>
      <c r="CN1627" s="166">
        <v>0</v>
      </c>
      <c r="CO1627" s="166">
        <v>0</v>
      </c>
      <c r="CP1627" s="166">
        <v>0</v>
      </c>
      <c r="CQ1627" s="166">
        <v>0</v>
      </c>
      <c r="CR1627" s="166">
        <v>0</v>
      </c>
      <c r="CS1627" s="166">
        <v>0</v>
      </c>
      <c r="CT1627" s="166">
        <v>0</v>
      </c>
      <c r="CU1627" s="166">
        <v>0</v>
      </c>
      <c r="CV1627" s="166">
        <v>0</v>
      </c>
      <c r="CW1627" s="166">
        <v>0</v>
      </c>
      <c r="CX1627" s="166">
        <v>0</v>
      </c>
      <c r="CY1627" s="166">
        <v>0</v>
      </c>
      <c r="CZ1627" s="166">
        <v>0</v>
      </c>
    </row>
    <row r="1628" spans="1:104" x14ac:dyDescent="0.2">
      <c r="A1628" s="167" t="s">
        <v>595</v>
      </c>
      <c r="B1628" s="166">
        <v>29765773.009999901</v>
      </c>
      <c r="C1628" s="166">
        <v>29765773.009999901</v>
      </c>
      <c r="D1628" s="166">
        <v>0</v>
      </c>
      <c r="E1628" s="166">
        <v>0</v>
      </c>
      <c r="F1628" s="166">
        <v>0</v>
      </c>
      <c r="G1628" s="166">
        <v>0</v>
      </c>
      <c r="H1628" s="166">
        <v>0</v>
      </c>
      <c r="I1628" s="166">
        <v>0</v>
      </c>
      <c r="J1628" s="166">
        <v>0</v>
      </c>
      <c r="K1628" s="166">
        <v>0</v>
      </c>
      <c r="L1628" s="166">
        <v>0</v>
      </c>
      <c r="M1628" s="166">
        <v>0</v>
      </c>
      <c r="N1628" s="166">
        <v>0</v>
      </c>
      <c r="O1628" s="166">
        <v>0</v>
      </c>
      <c r="P1628" s="166">
        <v>0</v>
      </c>
      <c r="Q1628" s="166">
        <v>0</v>
      </c>
      <c r="R1628" s="166">
        <v>0</v>
      </c>
      <c r="S1628" s="166">
        <v>0</v>
      </c>
      <c r="T1628" s="166">
        <v>0</v>
      </c>
      <c r="U1628" s="166">
        <v>0</v>
      </c>
      <c r="V1628" s="166">
        <v>0</v>
      </c>
      <c r="W1628" s="166">
        <v>0</v>
      </c>
      <c r="X1628" s="166">
        <v>0</v>
      </c>
      <c r="Y1628" s="166">
        <v>0</v>
      </c>
      <c r="Z1628" s="166">
        <v>0</v>
      </c>
      <c r="AA1628" s="166">
        <v>0</v>
      </c>
      <c r="AB1628" s="166">
        <v>0</v>
      </c>
      <c r="AC1628" s="166">
        <v>0</v>
      </c>
      <c r="AD1628" s="166">
        <v>0</v>
      </c>
      <c r="AE1628" s="166">
        <v>0</v>
      </c>
      <c r="AF1628" s="166">
        <v>0</v>
      </c>
      <c r="AG1628" s="166">
        <v>0</v>
      </c>
      <c r="AH1628" s="166">
        <v>0</v>
      </c>
      <c r="AI1628" s="166">
        <v>0</v>
      </c>
      <c r="AJ1628" s="166">
        <v>0</v>
      </c>
      <c r="AK1628" s="166">
        <v>0</v>
      </c>
      <c r="AL1628" s="166">
        <v>0</v>
      </c>
      <c r="AM1628" s="166">
        <v>0</v>
      </c>
      <c r="AN1628" s="166">
        <v>0</v>
      </c>
      <c r="AO1628" s="166">
        <v>0</v>
      </c>
      <c r="AP1628" s="166">
        <v>0</v>
      </c>
      <c r="AQ1628" s="166">
        <v>0</v>
      </c>
      <c r="AR1628" s="166">
        <v>0</v>
      </c>
      <c r="AS1628" s="166">
        <v>0</v>
      </c>
      <c r="AT1628" s="166">
        <v>0</v>
      </c>
      <c r="AU1628" s="166">
        <v>0</v>
      </c>
      <c r="AV1628" s="166">
        <v>0</v>
      </c>
      <c r="AW1628" s="166">
        <v>0</v>
      </c>
      <c r="AX1628" s="166">
        <v>0</v>
      </c>
      <c r="AY1628" s="166">
        <v>0</v>
      </c>
      <c r="AZ1628" s="166">
        <v>0</v>
      </c>
      <c r="BA1628" s="166">
        <v>0</v>
      </c>
      <c r="BB1628" s="166">
        <v>0</v>
      </c>
      <c r="BC1628" s="166">
        <v>0</v>
      </c>
      <c r="BD1628" s="166">
        <v>0</v>
      </c>
      <c r="BE1628" s="166">
        <v>0</v>
      </c>
      <c r="BF1628" s="166">
        <v>0</v>
      </c>
      <c r="BG1628" s="166">
        <v>0</v>
      </c>
      <c r="BH1628" s="166">
        <v>0</v>
      </c>
      <c r="BI1628" s="166">
        <v>0</v>
      </c>
      <c r="BJ1628" s="166">
        <v>0</v>
      </c>
      <c r="BK1628" s="166">
        <v>0</v>
      </c>
      <c r="BL1628" s="166">
        <v>0</v>
      </c>
      <c r="BM1628" s="166">
        <v>0</v>
      </c>
      <c r="BN1628" s="166">
        <v>0</v>
      </c>
      <c r="BO1628" s="166">
        <v>0</v>
      </c>
      <c r="BP1628" s="166">
        <v>0</v>
      </c>
      <c r="BQ1628" s="166">
        <v>0</v>
      </c>
      <c r="BR1628" s="166">
        <v>29765773.009999901</v>
      </c>
      <c r="BS1628" s="166">
        <v>29765773.009999901</v>
      </c>
      <c r="BT1628" s="168">
        <v>0</v>
      </c>
      <c r="BU1628" s="166">
        <v>0</v>
      </c>
      <c r="BV1628" s="166">
        <v>0</v>
      </c>
      <c r="BW1628" s="166">
        <v>0</v>
      </c>
      <c r="BX1628" s="166">
        <v>0</v>
      </c>
      <c r="BY1628" s="166">
        <v>0</v>
      </c>
      <c r="BZ1628" s="166">
        <v>0</v>
      </c>
      <c r="CA1628" s="166">
        <v>0</v>
      </c>
      <c r="CB1628" s="166">
        <v>0</v>
      </c>
      <c r="CC1628" s="166">
        <v>0</v>
      </c>
      <c r="CD1628" s="166">
        <v>0</v>
      </c>
      <c r="CE1628" s="166">
        <v>0</v>
      </c>
      <c r="CF1628" s="166">
        <v>0</v>
      </c>
      <c r="CG1628" s="166">
        <v>0</v>
      </c>
      <c r="CH1628" s="166">
        <v>0</v>
      </c>
      <c r="CI1628" s="166">
        <v>0</v>
      </c>
      <c r="CJ1628" s="166">
        <v>0</v>
      </c>
      <c r="CK1628" s="166">
        <v>0</v>
      </c>
      <c r="CL1628" s="166">
        <v>0</v>
      </c>
      <c r="CM1628" s="166">
        <v>0</v>
      </c>
      <c r="CN1628" s="166">
        <v>0</v>
      </c>
      <c r="CO1628" s="166">
        <v>0</v>
      </c>
      <c r="CP1628" s="166">
        <v>0</v>
      </c>
      <c r="CQ1628" s="166">
        <v>0</v>
      </c>
      <c r="CR1628" s="166">
        <v>0</v>
      </c>
      <c r="CS1628" s="166">
        <v>0</v>
      </c>
      <c r="CT1628" s="166">
        <v>0</v>
      </c>
      <c r="CU1628" s="166">
        <v>0</v>
      </c>
      <c r="CV1628" s="166">
        <v>0</v>
      </c>
      <c r="CW1628" s="166">
        <v>0</v>
      </c>
      <c r="CX1628" s="166">
        <v>0</v>
      </c>
      <c r="CY1628" s="166">
        <v>0</v>
      </c>
      <c r="CZ1628" s="166">
        <v>0</v>
      </c>
    </row>
    <row r="1629" spans="1:104" x14ac:dyDescent="0.2">
      <c r="A1629" s="167" t="s">
        <v>596</v>
      </c>
      <c r="B1629" s="166">
        <v>155251257.58285701</v>
      </c>
      <c r="C1629" s="166">
        <v>155251257.58285701</v>
      </c>
      <c r="D1629" s="166">
        <v>0</v>
      </c>
      <c r="E1629" s="166">
        <v>0</v>
      </c>
      <c r="F1629" s="166">
        <v>0</v>
      </c>
      <c r="G1629" s="166">
        <v>0</v>
      </c>
      <c r="H1629" s="166">
        <v>0</v>
      </c>
      <c r="I1629" s="166">
        <v>0</v>
      </c>
      <c r="J1629" s="166">
        <v>0</v>
      </c>
      <c r="K1629" s="166">
        <v>0</v>
      </c>
      <c r="L1629" s="166">
        <v>0</v>
      </c>
      <c r="M1629" s="166">
        <v>0</v>
      </c>
      <c r="N1629" s="166">
        <v>0</v>
      </c>
      <c r="O1629" s="166">
        <v>0</v>
      </c>
      <c r="P1629" s="166">
        <v>0</v>
      </c>
      <c r="Q1629" s="166">
        <v>0</v>
      </c>
      <c r="R1629" s="166">
        <v>0</v>
      </c>
      <c r="S1629" s="166">
        <v>0</v>
      </c>
      <c r="T1629" s="166">
        <v>0</v>
      </c>
      <c r="U1629" s="166">
        <v>0</v>
      </c>
      <c r="V1629" s="166">
        <v>0</v>
      </c>
      <c r="W1629" s="166">
        <v>0</v>
      </c>
      <c r="X1629" s="166">
        <v>0</v>
      </c>
      <c r="Y1629" s="166">
        <v>0</v>
      </c>
      <c r="Z1629" s="166">
        <v>0</v>
      </c>
      <c r="AA1629" s="166">
        <v>0</v>
      </c>
      <c r="AB1629" s="166">
        <v>0</v>
      </c>
      <c r="AC1629" s="166">
        <v>0</v>
      </c>
      <c r="AD1629" s="166">
        <v>0</v>
      </c>
      <c r="AE1629" s="166">
        <v>0</v>
      </c>
      <c r="AF1629" s="166">
        <v>0</v>
      </c>
      <c r="AG1629" s="166">
        <v>0</v>
      </c>
      <c r="AH1629" s="166">
        <v>0</v>
      </c>
      <c r="AI1629" s="166">
        <v>0</v>
      </c>
      <c r="AJ1629" s="166">
        <v>0</v>
      </c>
      <c r="AK1629" s="166">
        <v>0</v>
      </c>
      <c r="AL1629" s="166">
        <v>0</v>
      </c>
      <c r="AM1629" s="166">
        <v>0</v>
      </c>
      <c r="AN1629" s="166">
        <v>0</v>
      </c>
      <c r="AO1629" s="166">
        <v>0</v>
      </c>
      <c r="AP1629" s="166">
        <v>0</v>
      </c>
      <c r="AQ1629" s="166">
        <v>0</v>
      </c>
      <c r="AR1629" s="166">
        <v>0</v>
      </c>
      <c r="AS1629" s="166">
        <v>0</v>
      </c>
      <c r="AT1629" s="166">
        <v>0</v>
      </c>
      <c r="AU1629" s="166">
        <v>0</v>
      </c>
      <c r="AV1629" s="166">
        <v>0</v>
      </c>
      <c r="AW1629" s="166">
        <v>0</v>
      </c>
      <c r="AX1629" s="166">
        <v>0</v>
      </c>
      <c r="AY1629" s="166">
        <v>0</v>
      </c>
      <c r="AZ1629" s="166">
        <v>0</v>
      </c>
      <c r="BA1629" s="166">
        <v>0</v>
      </c>
      <c r="BB1629" s="166">
        <v>0</v>
      </c>
      <c r="BC1629" s="166">
        <v>0</v>
      </c>
      <c r="BD1629" s="166">
        <v>0</v>
      </c>
      <c r="BE1629" s="166">
        <v>0</v>
      </c>
      <c r="BF1629" s="166">
        <v>0</v>
      </c>
      <c r="BG1629" s="166">
        <v>0</v>
      </c>
      <c r="BH1629" s="166">
        <v>0</v>
      </c>
      <c r="BI1629" s="166">
        <v>0</v>
      </c>
      <c r="BJ1629" s="166">
        <v>0</v>
      </c>
      <c r="BK1629" s="166">
        <v>0</v>
      </c>
      <c r="BL1629" s="166">
        <v>0</v>
      </c>
      <c r="BM1629" s="166">
        <v>0</v>
      </c>
      <c r="BN1629" s="166">
        <v>0</v>
      </c>
      <c r="BO1629" s="166">
        <v>0</v>
      </c>
      <c r="BP1629" s="166">
        <v>0</v>
      </c>
      <c r="BQ1629" s="166">
        <v>0</v>
      </c>
      <c r="BR1629" s="166">
        <v>155251257.58285701</v>
      </c>
      <c r="BS1629" s="166">
        <v>155251257.58285701</v>
      </c>
      <c r="BT1629" s="168">
        <v>0</v>
      </c>
      <c r="BU1629" s="166">
        <v>0</v>
      </c>
      <c r="BV1629" s="166">
        <v>0</v>
      </c>
      <c r="BW1629" s="166">
        <v>0</v>
      </c>
      <c r="BX1629" s="166">
        <v>0</v>
      </c>
      <c r="BY1629" s="166">
        <v>0</v>
      </c>
      <c r="BZ1629" s="166">
        <v>0</v>
      </c>
      <c r="CA1629" s="166">
        <v>0</v>
      </c>
      <c r="CB1629" s="166">
        <v>0</v>
      </c>
      <c r="CC1629" s="166">
        <v>0</v>
      </c>
      <c r="CD1629" s="166">
        <v>0</v>
      </c>
      <c r="CE1629" s="166">
        <v>0</v>
      </c>
      <c r="CF1629" s="166">
        <v>0</v>
      </c>
      <c r="CG1629" s="166">
        <v>0</v>
      </c>
      <c r="CH1629" s="166">
        <v>0</v>
      </c>
      <c r="CI1629" s="166">
        <v>0</v>
      </c>
      <c r="CJ1629" s="166">
        <v>0</v>
      </c>
      <c r="CK1629" s="166">
        <v>0</v>
      </c>
      <c r="CL1629" s="166">
        <v>0</v>
      </c>
      <c r="CM1629" s="166">
        <v>0</v>
      </c>
      <c r="CN1629" s="166">
        <v>0</v>
      </c>
      <c r="CO1629" s="166">
        <v>0</v>
      </c>
      <c r="CP1629" s="166">
        <v>0</v>
      </c>
      <c r="CQ1629" s="166">
        <v>0</v>
      </c>
      <c r="CR1629" s="166">
        <v>0</v>
      </c>
      <c r="CS1629" s="166">
        <v>0</v>
      </c>
      <c r="CT1629" s="166">
        <v>0</v>
      </c>
      <c r="CU1629" s="166">
        <v>0</v>
      </c>
      <c r="CV1629" s="166">
        <v>0</v>
      </c>
      <c r="CW1629" s="166">
        <v>0</v>
      </c>
      <c r="CX1629" s="166">
        <v>0</v>
      </c>
      <c r="CY1629" s="166">
        <v>0</v>
      </c>
      <c r="CZ1629" s="166">
        <v>0</v>
      </c>
    </row>
    <row r="1630" spans="1:104" x14ac:dyDescent="0.2">
      <c r="A1630" s="167" t="s">
        <v>597</v>
      </c>
      <c r="B1630" s="166">
        <v>0</v>
      </c>
      <c r="C1630" s="166">
        <v>0</v>
      </c>
      <c r="D1630" s="166">
        <v>0</v>
      </c>
      <c r="E1630" s="166">
        <v>0</v>
      </c>
      <c r="F1630" s="166">
        <v>0</v>
      </c>
      <c r="G1630" s="166">
        <v>0</v>
      </c>
      <c r="H1630" s="166">
        <v>0</v>
      </c>
      <c r="I1630" s="166">
        <v>0</v>
      </c>
      <c r="J1630" s="166">
        <v>0</v>
      </c>
      <c r="K1630" s="166">
        <v>0</v>
      </c>
      <c r="L1630" s="166">
        <v>0</v>
      </c>
      <c r="M1630" s="166">
        <v>0</v>
      </c>
      <c r="N1630" s="166">
        <v>0</v>
      </c>
      <c r="O1630" s="166">
        <v>0</v>
      </c>
      <c r="P1630" s="166">
        <v>0</v>
      </c>
      <c r="Q1630" s="166">
        <v>0</v>
      </c>
      <c r="R1630" s="166">
        <v>0</v>
      </c>
      <c r="S1630" s="166">
        <v>0</v>
      </c>
      <c r="T1630" s="166">
        <v>0</v>
      </c>
      <c r="U1630" s="166">
        <v>0</v>
      </c>
      <c r="V1630" s="166">
        <v>0</v>
      </c>
      <c r="W1630" s="166">
        <v>0</v>
      </c>
      <c r="X1630" s="166">
        <v>0</v>
      </c>
      <c r="Y1630" s="166">
        <v>0</v>
      </c>
      <c r="Z1630" s="166">
        <v>0</v>
      </c>
      <c r="AA1630" s="166">
        <v>0</v>
      </c>
      <c r="AB1630" s="166">
        <v>0</v>
      </c>
      <c r="AC1630" s="166">
        <v>0</v>
      </c>
      <c r="AD1630" s="166">
        <v>0</v>
      </c>
      <c r="AE1630" s="166">
        <v>0</v>
      </c>
      <c r="AF1630" s="166">
        <v>0</v>
      </c>
      <c r="AG1630" s="166">
        <v>0</v>
      </c>
      <c r="AH1630" s="166">
        <v>0</v>
      </c>
      <c r="AI1630" s="166">
        <v>0</v>
      </c>
      <c r="AJ1630" s="166">
        <v>0</v>
      </c>
      <c r="AK1630" s="166">
        <v>0</v>
      </c>
      <c r="AL1630" s="166">
        <v>0</v>
      </c>
      <c r="AM1630" s="166">
        <v>0</v>
      </c>
      <c r="AN1630" s="166">
        <v>0</v>
      </c>
      <c r="AO1630" s="166">
        <v>0</v>
      </c>
      <c r="AP1630" s="166">
        <v>0</v>
      </c>
      <c r="AQ1630" s="166">
        <v>0</v>
      </c>
      <c r="AR1630" s="166">
        <v>0</v>
      </c>
      <c r="AS1630" s="166">
        <v>0</v>
      </c>
      <c r="AT1630" s="166">
        <v>0</v>
      </c>
      <c r="AU1630" s="166">
        <v>0</v>
      </c>
      <c r="AV1630" s="166">
        <v>0</v>
      </c>
      <c r="AW1630" s="166">
        <v>0</v>
      </c>
      <c r="AX1630" s="166">
        <v>0</v>
      </c>
      <c r="AY1630" s="166">
        <v>0</v>
      </c>
      <c r="AZ1630" s="166">
        <v>0</v>
      </c>
      <c r="BA1630" s="166">
        <v>0</v>
      </c>
      <c r="BB1630" s="166">
        <v>0</v>
      </c>
      <c r="BC1630" s="166">
        <v>0</v>
      </c>
      <c r="BD1630" s="166">
        <v>0</v>
      </c>
      <c r="BE1630" s="166">
        <v>0</v>
      </c>
      <c r="BF1630" s="166">
        <v>0</v>
      </c>
      <c r="BG1630" s="166">
        <v>0</v>
      </c>
      <c r="BH1630" s="166">
        <v>0</v>
      </c>
      <c r="BI1630" s="166">
        <v>0</v>
      </c>
      <c r="BJ1630" s="166">
        <v>0</v>
      </c>
      <c r="BK1630" s="166">
        <v>0</v>
      </c>
      <c r="BL1630" s="166">
        <v>0</v>
      </c>
      <c r="BM1630" s="166">
        <v>0</v>
      </c>
      <c r="BN1630" s="166">
        <v>0</v>
      </c>
      <c r="BO1630" s="166">
        <v>0</v>
      </c>
      <c r="BP1630" s="166">
        <v>0</v>
      </c>
      <c r="BQ1630" s="166">
        <v>0</v>
      </c>
      <c r="BR1630" s="166">
        <v>0</v>
      </c>
      <c r="BS1630" s="166">
        <v>0</v>
      </c>
      <c r="BT1630" s="168">
        <v>0</v>
      </c>
      <c r="BU1630" s="166">
        <v>0</v>
      </c>
      <c r="BV1630" s="166">
        <v>0</v>
      </c>
      <c r="BW1630" s="166">
        <v>0</v>
      </c>
      <c r="BX1630" s="166">
        <v>0</v>
      </c>
      <c r="BY1630" s="166">
        <v>0</v>
      </c>
      <c r="BZ1630" s="166">
        <v>0</v>
      </c>
      <c r="CA1630" s="166">
        <v>0</v>
      </c>
      <c r="CB1630" s="166">
        <v>0</v>
      </c>
      <c r="CC1630" s="166">
        <v>0</v>
      </c>
      <c r="CD1630" s="166">
        <v>0</v>
      </c>
      <c r="CE1630" s="166">
        <v>0</v>
      </c>
      <c r="CF1630" s="166">
        <v>0</v>
      </c>
      <c r="CG1630" s="166">
        <v>0</v>
      </c>
      <c r="CH1630" s="166">
        <v>0</v>
      </c>
      <c r="CI1630" s="166">
        <v>0</v>
      </c>
      <c r="CJ1630" s="166">
        <v>0</v>
      </c>
      <c r="CK1630" s="166">
        <v>0</v>
      </c>
      <c r="CL1630" s="166">
        <v>0</v>
      </c>
      <c r="CM1630" s="166">
        <v>0</v>
      </c>
      <c r="CN1630" s="166">
        <v>0</v>
      </c>
      <c r="CO1630" s="166">
        <v>0</v>
      </c>
      <c r="CP1630" s="166">
        <v>0</v>
      </c>
      <c r="CQ1630" s="166">
        <v>0</v>
      </c>
      <c r="CR1630" s="166">
        <v>0</v>
      </c>
      <c r="CS1630" s="166">
        <v>0</v>
      </c>
      <c r="CT1630" s="166">
        <v>0</v>
      </c>
      <c r="CU1630" s="166">
        <v>0</v>
      </c>
      <c r="CV1630" s="166">
        <v>0</v>
      </c>
      <c r="CW1630" s="166">
        <v>0</v>
      </c>
      <c r="CX1630" s="166">
        <v>0</v>
      </c>
      <c r="CY1630" s="166">
        <v>0</v>
      </c>
      <c r="CZ1630" s="166">
        <v>0</v>
      </c>
    </row>
    <row r="1631" spans="1:104" x14ac:dyDescent="0.2">
      <c r="A1631" s="167" t="s">
        <v>598</v>
      </c>
      <c r="B1631" s="166">
        <v>0</v>
      </c>
      <c r="C1631" s="166">
        <v>0</v>
      </c>
      <c r="D1631" s="166">
        <v>0</v>
      </c>
      <c r="E1631" s="166">
        <v>0</v>
      </c>
      <c r="F1631" s="166">
        <v>0</v>
      </c>
      <c r="G1631" s="166">
        <v>0</v>
      </c>
      <c r="H1631" s="166">
        <v>0</v>
      </c>
      <c r="I1631" s="166">
        <v>0</v>
      </c>
      <c r="J1631" s="166">
        <v>0</v>
      </c>
      <c r="K1631" s="166">
        <v>0</v>
      </c>
      <c r="L1631" s="166">
        <v>0</v>
      </c>
      <c r="M1631" s="166">
        <v>0</v>
      </c>
      <c r="N1631" s="166">
        <v>0</v>
      </c>
      <c r="O1631" s="166">
        <v>0</v>
      </c>
      <c r="P1631" s="166">
        <v>0</v>
      </c>
      <c r="Q1631" s="166">
        <v>0</v>
      </c>
      <c r="R1631" s="166">
        <v>0</v>
      </c>
      <c r="S1631" s="166">
        <v>0</v>
      </c>
      <c r="T1631" s="166">
        <v>0</v>
      </c>
      <c r="U1631" s="166">
        <v>0</v>
      </c>
      <c r="V1631" s="166">
        <v>0</v>
      </c>
      <c r="W1631" s="166">
        <v>0</v>
      </c>
      <c r="X1631" s="166">
        <v>0</v>
      </c>
      <c r="Y1631" s="166">
        <v>0</v>
      </c>
      <c r="Z1631" s="166">
        <v>0</v>
      </c>
      <c r="AA1631" s="166">
        <v>0</v>
      </c>
      <c r="AB1631" s="166">
        <v>0</v>
      </c>
      <c r="AC1631" s="166">
        <v>0</v>
      </c>
      <c r="AD1631" s="166">
        <v>0</v>
      </c>
      <c r="AE1631" s="166">
        <v>0</v>
      </c>
      <c r="AF1631" s="166">
        <v>0</v>
      </c>
      <c r="AG1631" s="166">
        <v>0</v>
      </c>
      <c r="AH1631" s="166">
        <v>0</v>
      </c>
      <c r="AI1631" s="166">
        <v>0</v>
      </c>
      <c r="AJ1631" s="166">
        <v>0</v>
      </c>
      <c r="AK1631" s="166">
        <v>0</v>
      </c>
      <c r="AL1631" s="166">
        <v>0</v>
      </c>
      <c r="AM1631" s="166">
        <v>0</v>
      </c>
      <c r="AN1631" s="166">
        <v>0</v>
      </c>
      <c r="AO1631" s="166">
        <v>0</v>
      </c>
      <c r="AP1631" s="166">
        <v>0</v>
      </c>
      <c r="AQ1631" s="166">
        <v>0</v>
      </c>
      <c r="AR1631" s="166">
        <v>0</v>
      </c>
      <c r="AS1631" s="166">
        <v>0</v>
      </c>
      <c r="AT1631" s="166">
        <v>0</v>
      </c>
      <c r="AU1631" s="166">
        <v>0</v>
      </c>
      <c r="AV1631" s="166">
        <v>0</v>
      </c>
      <c r="AW1631" s="166">
        <v>0</v>
      </c>
      <c r="AX1631" s="166">
        <v>0</v>
      </c>
      <c r="AY1631" s="166">
        <v>0</v>
      </c>
      <c r="AZ1631" s="166">
        <v>0</v>
      </c>
      <c r="BA1631" s="166">
        <v>0</v>
      </c>
      <c r="BB1631" s="166">
        <v>0</v>
      </c>
      <c r="BC1631" s="166">
        <v>0</v>
      </c>
      <c r="BD1631" s="166">
        <v>0</v>
      </c>
      <c r="BE1631" s="166">
        <v>0</v>
      </c>
      <c r="BF1631" s="166">
        <v>0</v>
      </c>
      <c r="BG1631" s="166">
        <v>0</v>
      </c>
      <c r="BH1631" s="166">
        <v>0</v>
      </c>
      <c r="BI1631" s="166">
        <v>0</v>
      </c>
      <c r="BJ1631" s="166">
        <v>0</v>
      </c>
      <c r="BK1631" s="166">
        <v>0</v>
      </c>
      <c r="BL1631" s="166">
        <v>0</v>
      </c>
      <c r="BM1631" s="166">
        <v>0</v>
      </c>
      <c r="BN1631" s="166">
        <v>0</v>
      </c>
      <c r="BO1631" s="166">
        <v>0</v>
      </c>
      <c r="BP1631" s="166">
        <v>0</v>
      </c>
      <c r="BQ1631" s="166">
        <v>0</v>
      </c>
      <c r="BR1631" s="166">
        <v>0</v>
      </c>
      <c r="BS1631" s="166">
        <v>0</v>
      </c>
      <c r="BT1631" s="168">
        <v>0</v>
      </c>
      <c r="BU1631" s="166">
        <v>0</v>
      </c>
      <c r="BV1631" s="166">
        <v>0</v>
      </c>
      <c r="BW1631" s="166">
        <v>0</v>
      </c>
      <c r="BX1631" s="166">
        <v>0</v>
      </c>
      <c r="BY1631" s="166">
        <v>0</v>
      </c>
      <c r="BZ1631" s="166">
        <v>0</v>
      </c>
      <c r="CA1631" s="166">
        <v>0</v>
      </c>
      <c r="CB1631" s="166">
        <v>0</v>
      </c>
      <c r="CC1631" s="166">
        <v>0</v>
      </c>
      <c r="CD1631" s="166">
        <v>0</v>
      </c>
      <c r="CE1631" s="166">
        <v>0</v>
      </c>
      <c r="CF1631" s="166">
        <v>0</v>
      </c>
      <c r="CG1631" s="166">
        <v>0</v>
      </c>
      <c r="CH1631" s="166">
        <v>0</v>
      </c>
      <c r="CI1631" s="166">
        <v>0</v>
      </c>
      <c r="CJ1631" s="166">
        <v>0</v>
      </c>
      <c r="CK1631" s="166">
        <v>0</v>
      </c>
      <c r="CL1631" s="166">
        <v>0</v>
      </c>
      <c r="CM1631" s="166">
        <v>0</v>
      </c>
      <c r="CN1631" s="166">
        <v>0</v>
      </c>
      <c r="CO1631" s="166">
        <v>0</v>
      </c>
      <c r="CP1631" s="166">
        <v>0</v>
      </c>
      <c r="CQ1631" s="166">
        <v>0</v>
      </c>
      <c r="CR1631" s="166">
        <v>0</v>
      </c>
      <c r="CS1631" s="166">
        <v>0</v>
      </c>
      <c r="CT1631" s="166">
        <v>0</v>
      </c>
      <c r="CU1631" s="166">
        <v>0</v>
      </c>
      <c r="CV1631" s="166">
        <v>0</v>
      </c>
      <c r="CW1631" s="166">
        <v>0</v>
      </c>
      <c r="CX1631" s="166">
        <v>0</v>
      </c>
      <c r="CY1631" s="166">
        <v>0</v>
      </c>
      <c r="CZ1631" s="166">
        <v>0</v>
      </c>
    </row>
    <row r="1632" spans="1:104" x14ac:dyDescent="0.2">
      <c r="A1632" s="167" t="s">
        <v>599</v>
      </c>
      <c r="B1632" s="166">
        <v>0</v>
      </c>
      <c r="C1632" s="166">
        <v>0</v>
      </c>
      <c r="D1632" s="166">
        <v>0</v>
      </c>
      <c r="E1632" s="166">
        <v>0</v>
      </c>
      <c r="F1632" s="166">
        <v>0</v>
      </c>
      <c r="G1632" s="166">
        <v>0</v>
      </c>
      <c r="H1632" s="166">
        <v>0</v>
      </c>
      <c r="I1632" s="166">
        <v>0</v>
      </c>
      <c r="J1632" s="166">
        <v>0</v>
      </c>
      <c r="K1632" s="166">
        <v>0</v>
      </c>
      <c r="L1632" s="166">
        <v>0</v>
      </c>
      <c r="M1632" s="166">
        <v>0</v>
      </c>
      <c r="N1632" s="166">
        <v>0</v>
      </c>
      <c r="O1632" s="166">
        <v>0</v>
      </c>
      <c r="P1632" s="166">
        <v>0</v>
      </c>
      <c r="Q1632" s="166">
        <v>0</v>
      </c>
      <c r="R1632" s="166">
        <v>0</v>
      </c>
      <c r="S1632" s="166">
        <v>0</v>
      </c>
      <c r="T1632" s="166">
        <v>0</v>
      </c>
      <c r="U1632" s="166">
        <v>0</v>
      </c>
      <c r="V1632" s="166">
        <v>0</v>
      </c>
      <c r="W1632" s="166">
        <v>0</v>
      </c>
      <c r="X1632" s="166">
        <v>0</v>
      </c>
      <c r="Y1632" s="166">
        <v>0</v>
      </c>
      <c r="Z1632" s="166">
        <v>0</v>
      </c>
      <c r="AA1632" s="166">
        <v>0</v>
      </c>
      <c r="AB1632" s="166">
        <v>0</v>
      </c>
      <c r="AC1632" s="166">
        <v>0</v>
      </c>
      <c r="AD1632" s="166">
        <v>0</v>
      </c>
      <c r="AE1632" s="166">
        <v>0</v>
      </c>
      <c r="AF1632" s="166">
        <v>0</v>
      </c>
      <c r="AG1632" s="166">
        <v>0</v>
      </c>
      <c r="AH1632" s="166">
        <v>0</v>
      </c>
      <c r="AI1632" s="166">
        <v>0</v>
      </c>
      <c r="AJ1632" s="166">
        <v>0</v>
      </c>
      <c r="AK1632" s="166">
        <v>0</v>
      </c>
      <c r="AL1632" s="166">
        <v>0</v>
      </c>
      <c r="AM1632" s="166">
        <v>0</v>
      </c>
      <c r="AN1632" s="166">
        <v>0</v>
      </c>
      <c r="AO1632" s="166">
        <v>0</v>
      </c>
      <c r="AP1632" s="166">
        <v>0</v>
      </c>
      <c r="AQ1632" s="166">
        <v>0</v>
      </c>
      <c r="AR1632" s="166">
        <v>0</v>
      </c>
      <c r="AS1632" s="166">
        <v>0</v>
      </c>
      <c r="AT1632" s="166">
        <v>0</v>
      </c>
      <c r="AU1632" s="166">
        <v>0</v>
      </c>
      <c r="AV1632" s="166">
        <v>0</v>
      </c>
      <c r="AW1632" s="166">
        <v>0</v>
      </c>
      <c r="AX1632" s="166">
        <v>0</v>
      </c>
      <c r="AY1632" s="166">
        <v>0</v>
      </c>
      <c r="AZ1632" s="166">
        <v>0</v>
      </c>
      <c r="BA1632" s="166">
        <v>0</v>
      </c>
      <c r="BB1632" s="166">
        <v>0</v>
      </c>
      <c r="BC1632" s="166">
        <v>0</v>
      </c>
      <c r="BD1632" s="166">
        <v>0</v>
      </c>
      <c r="BE1632" s="166">
        <v>0</v>
      </c>
      <c r="BF1632" s="166">
        <v>0</v>
      </c>
      <c r="BG1632" s="166">
        <v>0</v>
      </c>
      <c r="BH1632" s="166">
        <v>0</v>
      </c>
      <c r="BI1632" s="166">
        <v>0</v>
      </c>
      <c r="BJ1632" s="166">
        <v>0</v>
      </c>
      <c r="BK1632" s="166">
        <v>0</v>
      </c>
      <c r="BL1632" s="166">
        <v>0</v>
      </c>
      <c r="BM1632" s="166">
        <v>0</v>
      </c>
      <c r="BN1632" s="166">
        <v>0</v>
      </c>
      <c r="BO1632" s="166">
        <v>0</v>
      </c>
      <c r="BP1632" s="166">
        <v>0</v>
      </c>
      <c r="BQ1632" s="166">
        <v>0</v>
      </c>
      <c r="BR1632" s="166">
        <v>0</v>
      </c>
      <c r="BS1632" s="166">
        <v>0</v>
      </c>
      <c r="BT1632" s="168">
        <v>0</v>
      </c>
      <c r="BU1632" s="166">
        <v>0</v>
      </c>
      <c r="BV1632" s="166">
        <v>0</v>
      </c>
      <c r="BW1632" s="166">
        <v>0</v>
      </c>
      <c r="BX1632" s="166">
        <v>0</v>
      </c>
      <c r="BY1632" s="166">
        <v>0</v>
      </c>
      <c r="BZ1632" s="166">
        <v>0</v>
      </c>
      <c r="CA1632" s="166">
        <v>0</v>
      </c>
      <c r="CB1632" s="166">
        <v>0</v>
      </c>
      <c r="CC1632" s="166">
        <v>0</v>
      </c>
      <c r="CD1632" s="166">
        <v>0</v>
      </c>
      <c r="CE1632" s="166">
        <v>0</v>
      </c>
      <c r="CF1632" s="166">
        <v>0</v>
      </c>
      <c r="CG1632" s="166">
        <v>0</v>
      </c>
      <c r="CH1632" s="166">
        <v>0</v>
      </c>
      <c r="CI1632" s="166">
        <v>0</v>
      </c>
      <c r="CJ1632" s="166">
        <v>0</v>
      </c>
      <c r="CK1632" s="166">
        <v>0</v>
      </c>
      <c r="CL1632" s="166">
        <v>0</v>
      </c>
      <c r="CM1632" s="166">
        <v>0</v>
      </c>
      <c r="CN1632" s="166">
        <v>0</v>
      </c>
      <c r="CO1632" s="166">
        <v>0</v>
      </c>
      <c r="CP1632" s="166">
        <v>0</v>
      </c>
      <c r="CQ1632" s="166">
        <v>0</v>
      </c>
      <c r="CR1632" s="166">
        <v>0</v>
      </c>
      <c r="CS1632" s="166">
        <v>0</v>
      </c>
      <c r="CT1632" s="166">
        <v>0</v>
      </c>
      <c r="CU1632" s="166">
        <v>0</v>
      </c>
      <c r="CV1632" s="166">
        <v>0</v>
      </c>
      <c r="CW1632" s="166">
        <v>0</v>
      </c>
      <c r="CX1632" s="166">
        <v>0</v>
      </c>
      <c r="CY1632" s="166">
        <v>0</v>
      </c>
      <c r="CZ1632" s="166">
        <v>0</v>
      </c>
    </row>
    <row r="1633" spans="1:104" x14ac:dyDescent="0.2">
      <c r="A1633" s="167" t="s">
        <v>600</v>
      </c>
      <c r="B1633" s="166">
        <v>0</v>
      </c>
      <c r="C1633" s="166">
        <v>0</v>
      </c>
      <c r="D1633" s="166">
        <v>0</v>
      </c>
      <c r="E1633" s="166">
        <v>0</v>
      </c>
      <c r="F1633" s="166">
        <v>0</v>
      </c>
      <c r="G1633" s="166">
        <v>0</v>
      </c>
      <c r="H1633" s="166">
        <v>0</v>
      </c>
      <c r="I1633" s="166">
        <v>0</v>
      </c>
      <c r="J1633" s="166">
        <v>0</v>
      </c>
      <c r="K1633" s="166">
        <v>0</v>
      </c>
      <c r="L1633" s="166">
        <v>0</v>
      </c>
      <c r="M1633" s="166">
        <v>0</v>
      </c>
      <c r="N1633" s="166">
        <v>0</v>
      </c>
      <c r="O1633" s="166">
        <v>0</v>
      </c>
      <c r="P1633" s="166">
        <v>0</v>
      </c>
      <c r="Q1633" s="166">
        <v>0</v>
      </c>
      <c r="R1633" s="166">
        <v>0</v>
      </c>
      <c r="S1633" s="166">
        <v>0</v>
      </c>
      <c r="T1633" s="166">
        <v>0</v>
      </c>
      <c r="U1633" s="166">
        <v>0</v>
      </c>
      <c r="V1633" s="166">
        <v>0</v>
      </c>
      <c r="W1633" s="166">
        <v>0</v>
      </c>
      <c r="X1633" s="166">
        <v>0</v>
      </c>
      <c r="Y1633" s="166">
        <v>0</v>
      </c>
      <c r="Z1633" s="166">
        <v>0</v>
      </c>
      <c r="AA1633" s="166">
        <v>0</v>
      </c>
      <c r="AB1633" s="166">
        <v>0</v>
      </c>
      <c r="AC1633" s="166">
        <v>0</v>
      </c>
      <c r="AD1633" s="166">
        <v>0</v>
      </c>
      <c r="AE1633" s="166">
        <v>0</v>
      </c>
      <c r="AF1633" s="166">
        <v>0</v>
      </c>
      <c r="AG1633" s="166">
        <v>0</v>
      </c>
      <c r="AH1633" s="166">
        <v>0</v>
      </c>
      <c r="AI1633" s="166">
        <v>0</v>
      </c>
      <c r="AJ1633" s="166">
        <v>0</v>
      </c>
      <c r="AK1633" s="166">
        <v>0</v>
      </c>
      <c r="AL1633" s="166">
        <v>0</v>
      </c>
      <c r="AM1633" s="166">
        <v>0</v>
      </c>
      <c r="AN1633" s="166">
        <v>0</v>
      </c>
      <c r="AO1633" s="166">
        <v>0</v>
      </c>
      <c r="AP1633" s="166">
        <v>0</v>
      </c>
      <c r="AQ1633" s="166">
        <v>0</v>
      </c>
      <c r="AR1633" s="166">
        <v>0</v>
      </c>
      <c r="AS1633" s="166">
        <v>0</v>
      </c>
      <c r="AT1633" s="166">
        <v>0</v>
      </c>
      <c r="AU1633" s="166">
        <v>0</v>
      </c>
      <c r="AV1633" s="166">
        <v>0</v>
      </c>
      <c r="AW1633" s="166">
        <v>0</v>
      </c>
      <c r="AX1633" s="166">
        <v>0</v>
      </c>
      <c r="AY1633" s="166">
        <v>0</v>
      </c>
      <c r="AZ1633" s="166">
        <v>0</v>
      </c>
      <c r="BA1633" s="166">
        <v>0</v>
      </c>
      <c r="BB1633" s="166">
        <v>0</v>
      </c>
      <c r="BC1633" s="166">
        <v>0</v>
      </c>
      <c r="BD1633" s="166">
        <v>0</v>
      </c>
      <c r="BE1633" s="166">
        <v>0</v>
      </c>
      <c r="BF1633" s="166">
        <v>0</v>
      </c>
      <c r="BG1633" s="166">
        <v>0</v>
      </c>
      <c r="BH1633" s="166">
        <v>0</v>
      </c>
      <c r="BI1633" s="166">
        <v>0</v>
      </c>
      <c r="BJ1633" s="166">
        <v>0</v>
      </c>
      <c r="BK1633" s="166">
        <v>0</v>
      </c>
      <c r="BL1633" s="166">
        <v>0</v>
      </c>
      <c r="BM1633" s="166">
        <v>0</v>
      </c>
      <c r="BN1633" s="166">
        <v>0</v>
      </c>
      <c r="BO1633" s="166">
        <v>0</v>
      </c>
      <c r="BP1633" s="166">
        <v>0</v>
      </c>
      <c r="BQ1633" s="166">
        <v>0</v>
      </c>
      <c r="BR1633" s="166">
        <v>0</v>
      </c>
      <c r="BS1633" s="166">
        <v>0</v>
      </c>
      <c r="BT1633" s="168">
        <v>0</v>
      </c>
      <c r="BU1633" s="166">
        <v>0</v>
      </c>
      <c r="BV1633" s="166">
        <v>0</v>
      </c>
      <c r="BW1633" s="166">
        <v>0</v>
      </c>
      <c r="BX1633" s="166">
        <v>0</v>
      </c>
      <c r="BY1633" s="166">
        <v>0</v>
      </c>
      <c r="BZ1633" s="166">
        <v>0</v>
      </c>
      <c r="CA1633" s="166">
        <v>0</v>
      </c>
      <c r="CB1633" s="166">
        <v>0</v>
      </c>
      <c r="CC1633" s="166">
        <v>0</v>
      </c>
      <c r="CD1633" s="166">
        <v>0</v>
      </c>
      <c r="CE1633" s="166">
        <v>0</v>
      </c>
      <c r="CF1633" s="166">
        <v>0</v>
      </c>
      <c r="CG1633" s="166">
        <v>0</v>
      </c>
      <c r="CH1633" s="166">
        <v>0</v>
      </c>
      <c r="CI1633" s="166">
        <v>0</v>
      </c>
      <c r="CJ1633" s="166">
        <v>0</v>
      </c>
      <c r="CK1633" s="166">
        <v>0</v>
      </c>
      <c r="CL1633" s="166">
        <v>0</v>
      </c>
      <c r="CM1633" s="166">
        <v>0</v>
      </c>
      <c r="CN1633" s="166">
        <v>0</v>
      </c>
      <c r="CO1633" s="166">
        <v>0</v>
      </c>
      <c r="CP1633" s="166">
        <v>0</v>
      </c>
      <c r="CQ1633" s="166">
        <v>0</v>
      </c>
      <c r="CR1633" s="166">
        <v>0</v>
      </c>
      <c r="CS1633" s="166">
        <v>0</v>
      </c>
      <c r="CT1633" s="166">
        <v>0</v>
      </c>
      <c r="CU1633" s="166">
        <v>0</v>
      </c>
      <c r="CV1633" s="166">
        <v>0</v>
      </c>
      <c r="CW1633" s="166">
        <v>0</v>
      </c>
      <c r="CX1633" s="166">
        <v>0</v>
      </c>
      <c r="CY1633" s="166">
        <v>0</v>
      </c>
      <c r="CZ1633" s="166">
        <v>0</v>
      </c>
    </row>
    <row r="1634" spans="1:104" x14ac:dyDescent="0.2">
      <c r="A1634" s="167" t="s">
        <v>601</v>
      </c>
      <c r="B1634" s="166">
        <v>0</v>
      </c>
      <c r="C1634" s="166">
        <v>0</v>
      </c>
      <c r="D1634" s="166">
        <v>0</v>
      </c>
      <c r="E1634" s="166">
        <v>0</v>
      </c>
      <c r="F1634" s="166">
        <v>0</v>
      </c>
      <c r="G1634" s="166">
        <v>0</v>
      </c>
      <c r="H1634" s="166">
        <v>0</v>
      </c>
      <c r="I1634" s="166">
        <v>0</v>
      </c>
      <c r="J1634" s="166">
        <v>0</v>
      </c>
      <c r="K1634" s="166">
        <v>0</v>
      </c>
      <c r="L1634" s="166">
        <v>0</v>
      </c>
      <c r="M1634" s="166">
        <v>0</v>
      </c>
      <c r="N1634" s="166">
        <v>0</v>
      </c>
      <c r="O1634" s="166">
        <v>0</v>
      </c>
      <c r="P1634" s="166">
        <v>0</v>
      </c>
      <c r="Q1634" s="166">
        <v>0</v>
      </c>
      <c r="R1634" s="166">
        <v>0</v>
      </c>
      <c r="S1634" s="166">
        <v>0</v>
      </c>
      <c r="T1634" s="166">
        <v>0</v>
      </c>
      <c r="U1634" s="166">
        <v>0</v>
      </c>
      <c r="V1634" s="166">
        <v>0</v>
      </c>
      <c r="W1634" s="166">
        <v>0</v>
      </c>
      <c r="X1634" s="166">
        <v>0</v>
      </c>
      <c r="Y1634" s="166">
        <v>0</v>
      </c>
      <c r="Z1634" s="166">
        <v>0</v>
      </c>
      <c r="AA1634" s="166">
        <v>0</v>
      </c>
      <c r="AB1634" s="166">
        <v>0</v>
      </c>
      <c r="AC1634" s="166">
        <v>0</v>
      </c>
      <c r="AD1634" s="166">
        <v>0</v>
      </c>
      <c r="AE1634" s="166">
        <v>0</v>
      </c>
      <c r="AF1634" s="166">
        <v>0</v>
      </c>
      <c r="AG1634" s="166">
        <v>0</v>
      </c>
      <c r="AH1634" s="166">
        <v>0</v>
      </c>
      <c r="AI1634" s="166">
        <v>0</v>
      </c>
      <c r="AJ1634" s="166">
        <v>0</v>
      </c>
      <c r="AK1634" s="166">
        <v>0</v>
      </c>
      <c r="AL1634" s="166">
        <v>0</v>
      </c>
      <c r="AM1634" s="166">
        <v>0</v>
      </c>
      <c r="AN1634" s="166">
        <v>0</v>
      </c>
      <c r="AO1634" s="166">
        <v>0</v>
      </c>
      <c r="AP1634" s="166">
        <v>0</v>
      </c>
      <c r="AQ1634" s="166">
        <v>0</v>
      </c>
      <c r="AR1634" s="166">
        <v>0</v>
      </c>
      <c r="AS1634" s="166">
        <v>0</v>
      </c>
      <c r="AT1634" s="166">
        <v>0</v>
      </c>
      <c r="AU1634" s="166">
        <v>0</v>
      </c>
      <c r="AV1634" s="166">
        <v>0</v>
      </c>
      <c r="AW1634" s="166">
        <v>0</v>
      </c>
      <c r="AX1634" s="166">
        <v>0</v>
      </c>
      <c r="AY1634" s="166">
        <v>0</v>
      </c>
      <c r="AZ1634" s="166">
        <v>0</v>
      </c>
      <c r="BA1634" s="166">
        <v>0</v>
      </c>
      <c r="BB1634" s="166">
        <v>0</v>
      </c>
      <c r="BC1634" s="166">
        <v>0</v>
      </c>
      <c r="BD1634" s="166">
        <v>0</v>
      </c>
      <c r="BE1634" s="166">
        <v>0</v>
      </c>
      <c r="BF1634" s="166">
        <v>0</v>
      </c>
      <c r="BG1634" s="166">
        <v>0</v>
      </c>
      <c r="BH1634" s="166">
        <v>0</v>
      </c>
      <c r="BI1634" s="166">
        <v>0</v>
      </c>
      <c r="BJ1634" s="166">
        <v>0</v>
      </c>
      <c r="BK1634" s="166">
        <v>0</v>
      </c>
      <c r="BL1634" s="166">
        <v>0</v>
      </c>
      <c r="BM1634" s="166">
        <v>0</v>
      </c>
      <c r="BN1634" s="166">
        <v>0</v>
      </c>
      <c r="BO1634" s="166">
        <v>0</v>
      </c>
      <c r="BP1634" s="166">
        <v>0</v>
      </c>
      <c r="BQ1634" s="166">
        <v>0</v>
      </c>
      <c r="BR1634" s="166">
        <v>0</v>
      </c>
      <c r="BS1634" s="166">
        <v>0</v>
      </c>
      <c r="BT1634" s="168">
        <v>0</v>
      </c>
      <c r="BU1634" s="166">
        <v>0</v>
      </c>
      <c r="BV1634" s="166">
        <v>0</v>
      </c>
      <c r="BW1634" s="166">
        <v>0</v>
      </c>
      <c r="BX1634" s="166">
        <v>0</v>
      </c>
      <c r="BY1634" s="166">
        <v>0</v>
      </c>
      <c r="BZ1634" s="166">
        <v>0</v>
      </c>
      <c r="CA1634" s="166">
        <v>0</v>
      </c>
      <c r="CB1634" s="166">
        <v>0</v>
      </c>
      <c r="CC1634" s="166">
        <v>0</v>
      </c>
      <c r="CD1634" s="166">
        <v>0</v>
      </c>
      <c r="CE1634" s="166">
        <v>0</v>
      </c>
      <c r="CF1634" s="166">
        <v>0</v>
      </c>
      <c r="CG1634" s="166">
        <v>0</v>
      </c>
      <c r="CH1634" s="166">
        <v>0</v>
      </c>
      <c r="CI1634" s="166">
        <v>0</v>
      </c>
      <c r="CJ1634" s="166">
        <v>0</v>
      </c>
      <c r="CK1634" s="166">
        <v>0</v>
      </c>
      <c r="CL1634" s="166">
        <v>0</v>
      </c>
      <c r="CM1634" s="166">
        <v>0</v>
      </c>
      <c r="CN1634" s="166">
        <v>0</v>
      </c>
      <c r="CO1634" s="166">
        <v>0</v>
      </c>
      <c r="CP1634" s="166">
        <v>0</v>
      </c>
      <c r="CQ1634" s="166">
        <v>0</v>
      </c>
      <c r="CR1634" s="166">
        <v>0</v>
      </c>
      <c r="CS1634" s="166">
        <v>0</v>
      </c>
      <c r="CT1634" s="166">
        <v>0</v>
      </c>
      <c r="CU1634" s="166">
        <v>0</v>
      </c>
      <c r="CV1634" s="166">
        <v>0</v>
      </c>
      <c r="CW1634" s="166">
        <v>0</v>
      </c>
      <c r="CX1634" s="166">
        <v>0</v>
      </c>
      <c r="CY1634" s="166">
        <v>0</v>
      </c>
      <c r="CZ1634" s="166">
        <v>0</v>
      </c>
    </row>
    <row r="1635" spans="1:104" x14ac:dyDescent="0.2">
      <c r="A1635" s="177" t="s">
        <v>602</v>
      </c>
      <c r="B1635" s="166">
        <v>185017030.592857</v>
      </c>
      <c r="C1635" s="166">
        <v>185017030.592857</v>
      </c>
      <c r="D1635" s="166">
        <v>0</v>
      </c>
      <c r="E1635" s="166">
        <v>0</v>
      </c>
      <c r="F1635" s="166">
        <v>0</v>
      </c>
      <c r="G1635" s="166">
        <v>0</v>
      </c>
      <c r="H1635" s="166">
        <v>0</v>
      </c>
      <c r="I1635" s="166">
        <v>0</v>
      </c>
      <c r="J1635" s="166">
        <v>0</v>
      </c>
      <c r="K1635" s="166">
        <v>0</v>
      </c>
      <c r="L1635" s="166">
        <v>0</v>
      </c>
      <c r="M1635" s="166">
        <v>0</v>
      </c>
      <c r="N1635" s="166">
        <v>0</v>
      </c>
      <c r="O1635" s="166">
        <v>0</v>
      </c>
      <c r="P1635" s="166">
        <v>0</v>
      </c>
      <c r="Q1635" s="166">
        <v>0</v>
      </c>
      <c r="R1635" s="166">
        <v>0</v>
      </c>
      <c r="S1635" s="166">
        <v>0</v>
      </c>
      <c r="T1635" s="166">
        <v>0</v>
      </c>
      <c r="U1635" s="166">
        <v>0</v>
      </c>
      <c r="V1635" s="166">
        <v>0</v>
      </c>
      <c r="W1635" s="166">
        <v>0</v>
      </c>
      <c r="X1635" s="166">
        <v>0</v>
      </c>
      <c r="Y1635" s="166">
        <v>0</v>
      </c>
      <c r="Z1635" s="166">
        <v>0</v>
      </c>
      <c r="AA1635" s="166">
        <v>0</v>
      </c>
      <c r="AB1635" s="166">
        <v>0</v>
      </c>
      <c r="AC1635" s="166">
        <v>0</v>
      </c>
      <c r="AD1635" s="166">
        <v>0</v>
      </c>
      <c r="AE1635" s="166">
        <v>0</v>
      </c>
      <c r="AF1635" s="166">
        <v>0</v>
      </c>
      <c r="AG1635" s="166">
        <v>0</v>
      </c>
      <c r="AH1635" s="166">
        <v>0</v>
      </c>
      <c r="AI1635" s="166">
        <v>0</v>
      </c>
      <c r="AJ1635" s="166">
        <v>0</v>
      </c>
      <c r="AK1635" s="166">
        <v>0</v>
      </c>
      <c r="AL1635" s="166">
        <v>0</v>
      </c>
      <c r="AM1635" s="166">
        <v>0</v>
      </c>
      <c r="AN1635" s="166">
        <v>0</v>
      </c>
      <c r="AO1635" s="166">
        <v>0</v>
      </c>
      <c r="AP1635" s="166">
        <v>0</v>
      </c>
      <c r="AQ1635" s="166">
        <v>0</v>
      </c>
      <c r="AR1635" s="166">
        <v>0</v>
      </c>
      <c r="AS1635" s="166">
        <v>0</v>
      </c>
      <c r="AT1635" s="166">
        <v>0</v>
      </c>
      <c r="AU1635" s="166">
        <v>0</v>
      </c>
      <c r="AV1635" s="166">
        <v>0</v>
      </c>
      <c r="AW1635" s="166">
        <v>0</v>
      </c>
      <c r="AX1635" s="166">
        <v>0</v>
      </c>
      <c r="AY1635" s="166">
        <v>0</v>
      </c>
      <c r="AZ1635" s="166">
        <v>0</v>
      </c>
      <c r="BA1635" s="166">
        <v>0</v>
      </c>
      <c r="BB1635" s="166">
        <v>0</v>
      </c>
      <c r="BC1635" s="166">
        <v>0</v>
      </c>
      <c r="BD1635" s="166">
        <v>0</v>
      </c>
      <c r="BE1635" s="166">
        <v>0</v>
      </c>
      <c r="BF1635" s="166">
        <v>0</v>
      </c>
      <c r="BG1635" s="166">
        <v>0</v>
      </c>
      <c r="BH1635" s="166">
        <v>0</v>
      </c>
      <c r="BI1635" s="166">
        <v>0</v>
      </c>
      <c r="BJ1635" s="166">
        <v>0</v>
      </c>
      <c r="BK1635" s="166">
        <v>0</v>
      </c>
      <c r="BL1635" s="166">
        <v>0</v>
      </c>
      <c r="BM1635" s="166">
        <v>0</v>
      </c>
      <c r="BN1635" s="166">
        <v>0</v>
      </c>
      <c r="BO1635" s="166">
        <v>0</v>
      </c>
      <c r="BP1635" s="166">
        <v>0</v>
      </c>
      <c r="BQ1635" s="166">
        <v>0</v>
      </c>
      <c r="BR1635" s="166">
        <v>185017030.592857</v>
      </c>
      <c r="BS1635" s="166">
        <v>185017030.592857</v>
      </c>
      <c r="BT1635" s="168">
        <v>0</v>
      </c>
      <c r="BU1635" s="166">
        <v>0</v>
      </c>
      <c r="BV1635" s="166">
        <v>0</v>
      </c>
      <c r="BW1635" s="166">
        <v>0</v>
      </c>
      <c r="BX1635" s="166">
        <v>0</v>
      </c>
      <c r="BY1635" s="166">
        <v>0</v>
      </c>
      <c r="BZ1635" s="166">
        <v>0</v>
      </c>
      <c r="CA1635" s="166">
        <v>0</v>
      </c>
      <c r="CB1635" s="166">
        <v>0</v>
      </c>
      <c r="CC1635" s="166">
        <v>0</v>
      </c>
      <c r="CD1635" s="166">
        <v>0</v>
      </c>
      <c r="CE1635" s="166">
        <v>0</v>
      </c>
      <c r="CF1635" s="166">
        <v>0</v>
      </c>
      <c r="CG1635" s="166">
        <v>0</v>
      </c>
      <c r="CH1635" s="166">
        <v>0</v>
      </c>
      <c r="CI1635" s="166">
        <v>0</v>
      </c>
      <c r="CJ1635" s="166">
        <v>0</v>
      </c>
      <c r="CK1635" s="166">
        <v>0</v>
      </c>
      <c r="CL1635" s="166">
        <v>0</v>
      </c>
      <c r="CM1635" s="166">
        <v>0</v>
      </c>
      <c r="CN1635" s="166">
        <v>0</v>
      </c>
      <c r="CO1635" s="166">
        <v>0</v>
      </c>
      <c r="CP1635" s="166">
        <v>0</v>
      </c>
      <c r="CQ1635" s="166">
        <v>0</v>
      </c>
      <c r="CR1635" s="166">
        <v>0</v>
      </c>
      <c r="CS1635" s="166">
        <v>0</v>
      </c>
      <c r="CT1635" s="166">
        <v>0</v>
      </c>
      <c r="CU1635" s="166">
        <v>0</v>
      </c>
      <c r="CV1635" s="166">
        <v>0</v>
      </c>
      <c r="CW1635" s="166">
        <v>0</v>
      </c>
      <c r="CX1635" s="166">
        <v>0</v>
      </c>
      <c r="CY1635" s="166">
        <v>0</v>
      </c>
      <c r="CZ1635" s="166">
        <v>0</v>
      </c>
    </row>
    <row r="1636" spans="1:104" x14ac:dyDescent="0.2">
      <c r="A1636" s="167" t="s">
        <v>603</v>
      </c>
      <c r="B1636" s="166">
        <v>0</v>
      </c>
      <c r="C1636" s="166">
        <v>0</v>
      </c>
      <c r="D1636" s="166">
        <v>0</v>
      </c>
      <c r="E1636" s="166">
        <v>0</v>
      </c>
      <c r="F1636" s="166">
        <v>0</v>
      </c>
      <c r="G1636" s="166">
        <v>0</v>
      </c>
      <c r="H1636" s="166">
        <v>0</v>
      </c>
      <c r="I1636" s="166">
        <v>0</v>
      </c>
      <c r="J1636" s="166">
        <v>0</v>
      </c>
      <c r="K1636" s="166">
        <v>0</v>
      </c>
      <c r="L1636" s="166">
        <v>0</v>
      </c>
      <c r="M1636" s="166">
        <v>0</v>
      </c>
      <c r="N1636" s="166">
        <v>0</v>
      </c>
      <c r="O1636" s="166">
        <v>0</v>
      </c>
      <c r="P1636" s="166">
        <v>0</v>
      </c>
      <c r="Q1636" s="166">
        <v>0</v>
      </c>
      <c r="R1636" s="166">
        <v>0</v>
      </c>
      <c r="S1636" s="166">
        <v>0</v>
      </c>
      <c r="T1636" s="166">
        <v>0</v>
      </c>
      <c r="U1636" s="166">
        <v>0</v>
      </c>
      <c r="V1636" s="166">
        <v>0</v>
      </c>
      <c r="W1636" s="166">
        <v>0</v>
      </c>
      <c r="X1636" s="166">
        <v>0</v>
      </c>
      <c r="Y1636" s="166">
        <v>0</v>
      </c>
      <c r="Z1636" s="166">
        <v>0</v>
      </c>
      <c r="AA1636" s="166">
        <v>0</v>
      </c>
      <c r="AB1636" s="166">
        <v>0</v>
      </c>
      <c r="AC1636" s="166">
        <v>0</v>
      </c>
      <c r="AD1636" s="166">
        <v>0</v>
      </c>
      <c r="AE1636" s="166">
        <v>0</v>
      </c>
      <c r="AF1636" s="166">
        <v>0</v>
      </c>
      <c r="AG1636" s="166">
        <v>0</v>
      </c>
      <c r="AH1636" s="166">
        <v>0</v>
      </c>
      <c r="AI1636" s="166">
        <v>0</v>
      </c>
      <c r="AJ1636" s="166">
        <v>0</v>
      </c>
      <c r="AK1636" s="166">
        <v>0</v>
      </c>
      <c r="AL1636" s="166">
        <v>0</v>
      </c>
      <c r="AM1636" s="166">
        <v>0</v>
      </c>
      <c r="AN1636" s="166">
        <v>0</v>
      </c>
      <c r="AO1636" s="166">
        <v>0</v>
      </c>
      <c r="AP1636" s="166">
        <v>0</v>
      </c>
      <c r="AQ1636" s="166">
        <v>0</v>
      </c>
      <c r="AR1636" s="166">
        <v>0</v>
      </c>
      <c r="AS1636" s="166">
        <v>0</v>
      </c>
      <c r="AT1636" s="166">
        <v>0</v>
      </c>
      <c r="AU1636" s="166">
        <v>0</v>
      </c>
      <c r="AV1636" s="166">
        <v>0</v>
      </c>
      <c r="AW1636" s="166">
        <v>0</v>
      </c>
      <c r="AX1636" s="166">
        <v>0</v>
      </c>
      <c r="AY1636" s="166">
        <v>0</v>
      </c>
      <c r="AZ1636" s="166">
        <v>0</v>
      </c>
      <c r="BA1636" s="166">
        <v>0</v>
      </c>
      <c r="BB1636" s="166">
        <v>0</v>
      </c>
      <c r="BC1636" s="166">
        <v>0</v>
      </c>
      <c r="BD1636" s="166">
        <v>0</v>
      </c>
      <c r="BE1636" s="166">
        <v>0</v>
      </c>
      <c r="BF1636" s="166">
        <v>0</v>
      </c>
      <c r="BG1636" s="166">
        <v>0</v>
      </c>
      <c r="BH1636" s="166">
        <v>0</v>
      </c>
      <c r="BI1636" s="166">
        <v>0</v>
      </c>
      <c r="BJ1636" s="166">
        <v>0</v>
      </c>
      <c r="BK1636" s="166">
        <v>0</v>
      </c>
      <c r="BL1636" s="166">
        <v>0</v>
      </c>
      <c r="BM1636" s="166">
        <v>0</v>
      </c>
      <c r="BN1636" s="166">
        <v>0</v>
      </c>
      <c r="BO1636" s="166">
        <v>0</v>
      </c>
      <c r="BP1636" s="166">
        <v>0</v>
      </c>
      <c r="BQ1636" s="166">
        <v>0</v>
      </c>
      <c r="BR1636" s="166">
        <v>0</v>
      </c>
      <c r="BS1636" s="166">
        <v>0</v>
      </c>
      <c r="BT1636" s="168">
        <v>0</v>
      </c>
      <c r="BU1636" s="166">
        <v>0</v>
      </c>
      <c r="BV1636" s="166">
        <v>0</v>
      </c>
      <c r="BW1636" s="166">
        <v>0</v>
      </c>
      <c r="BX1636" s="166">
        <v>0</v>
      </c>
      <c r="BY1636" s="166">
        <v>0</v>
      </c>
      <c r="BZ1636" s="166">
        <v>0</v>
      </c>
      <c r="CA1636" s="166">
        <v>0</v>
      </c>
      <c r="CB1636" s="166">
        <v>0</v>
      </c>
      <c r="CC1636" s="166">
        <v>0</v>
      </c>
      <c r="CD1636" s="166">
        <v>0</v>
      </c>
      <c r="CE1636" s="166">
        <v>0</v>
      </c>
      <c r="CF1636" s="166">
        <v>0</v>
      </c>
      <c r="CG1636" s="166">
        <v>0</v>
      </c>
      <c r="CH1636" s="166">
        <v>0</v>
      </c>
      <c r="CI1636" s="166">
        <v>0</v>
      </c>
      <c r="CJ1636" s="166">
        <v>0</v>
      </c>
      <c r="CK1636" s="166">
        <v>0</v>
      </c>
      <c r="CL1636" s="166">
        <v>0</v>
      </c>
      <c r="CM1636" s="166">
        <v>0</v>
      </c>
      <c r="CN1636" s="166">
        <v>0</v>
      </c>
      <c r="CO1636" s="166">
        <v>0</v>
      </c>
      <c r="CP1636" s="166">
        <v>0</v>
      </c>
      <c r="CQ1636" s="166">
        <v>0</v>
      </c>
      <c r="CR1636" s="166">
        <v>0</v>
      </c>
      <c r="CS1636" s="166">
        <v>0</v>
      </c>
      <c r="CT1636" s="166">
        <v>0</v>
      </c>
      <c r="CU1636" s="166">
        <v>0</v>
      </c>
      <c r="CV1636" s="166">
        <v>0</v>
      </c>
      <c r="CW1636" s="166">
        <v>0</v>
      </c>
      <c r="CX1636" s="166">
        <v>0</v>
      </c>
      <c r="CY1636" s="166">
        <v>0</v>
      </c>
      <c r="CZ1636" s="166">
        <v>0</v>
      </c>
    </row>
    <row r="1637" spans="1:104" x14ac:dyDescent="0.2">
      <c r="A1637" s="177" t="s">
        <v>604</v>
      </c>
      <c r="B1637" s="166">
        <v>595495250.19699204</v>
      </c>
      <c r="C1637" s="166">
        <v>595495250.19699204</v>
      </c>
      <c r="D1637" s="166">
        <v>0</v>
      </c>
      <c r="E1637" s="166">
        <v>0</v>
      </c>
      <c r="F1637" s="166">
        <v>0</v>
      </c>
      <c r="G1637" s="166">
        <v>0</v>
      </c>
      <c r="H1637" s="166">
        <v>0</v>
      </c>
      <c r="I1637" s="166">
        <v>0</v>
      </c>
      <c r="J1637" s="166">
        <v>0</v>
      </c>
      <c r="K1637" s="166">
        <v>0</v>
      </c>
      <c r="L1637" s="166">
        <v>0</v>
      </c>
      <c r="M1637" s="166">
        <v>0</v>
      </c>
      <c r="N1637" s="166">
        <v>0</v>
      </c>
      <c r="O1637" s="166">
        <v>0</v>
      </c>
      <c r="P1637" s="166">
        <v>0</v>
      </c>
      <c r="Q1637" s="166">
        <v>0</v>
      </c>
      <c r="R1637" s="166">
        <v>0</v>
      </c>
      <c r="S1637" s="166">
        <v>0</v>
      </c>
      <c r="T1637" s="166">
        <v>0</v>
      </c>
      <c r="U1637" s="166">
        <v>0</v>
      </c>
      <c r="V1637" s="166">
        <v>0</v>
      </c>
      <c r="W1637" s="166">
        <v>0</v>
      </c>
      <c r="X1637" s="166">
        <v>0</v>
      </c>
      <c r="Y1637" s="166">
        <v>0</v>
      </c>
      <c r="Z1637" s="166">
        <v>0</v>
      </c>
      <c r="AA1637" s="166">
        <v>0</v>
      </c>
      <c r="AB1637" s="166">
        <v>0</v>
      </c>
      <c r="AC1637" s="166">
        <v>0</v>
      </c>
      <c r="AD1637" s="166">
        <v>0</v>
      </c>
      <c r="AE1637" s="166">
        <v>0</v>
      </c>
      <c r="AF1637" s="166">
        <v>0</v>
      </c>
      <c r="AG1637" s="166">
        <v>0</v>
      </c>
      <c r="AH1637" s="166">
        <v>0</v>
      </c>
      <c r="AI1637" s="166">
        <v>0</v>
      </c>
      <c r="AJ1637" s="166">
        <v>0</v>
      </c>
      <c r="AK1637" s="166">
        <v>0</v>
      </c>
      <c r="AL1637" s="166">
        <v>0</v>
      </c>
      <c r="AM1637" s="166">
        <v>0</v>
      </c>
      <c r="AN1637" s="166">
        <v>0</v>
      </c>
      <c r="AO1637" s="166">
        <v>0</v>
      </c>
      <c r="AP1637" s="166">
        <v>0</v>
      </c>
      <c r="AQ1637" s="166">
        <v>0</v>
      </c>
      <c r="AR1637" s="166">
        <v>0</v>
      </c>
      <c r="AS1637" s="166">
        <v>0</v>
      </c>
      <c r="AT1637" s="166">
        <v>0</v>
      </c>
      <c r="AU1637" s="166">
        <v>0</v>
      </c>
      <c r="AV1637" s="166">
        <v>0</v>
      </c>
      <c r="AW1637" s="166">
        <v>0</v>
      </c>
      <c r="AX1637" s="166">
        <v>0</v>
      </c>
      <c r="AY1637" s="166">
        <v>0</v>
      </c>
      <c r="AZ1637" s="166">
        <v>0</v>
      </c>
      <c r="BA1637" s="166">
        <v>0</v>
      </c>
      <c r="BB1637" s="166">
        <v>0</v>
      </c>
      <c r="BC1637" s="166">
        <v>0</v>
      </c>
      <c r="BD1637" s="166">
        <v>0</v>
      </c>
      <c r="BE1637" s="166">
        <v>0</v>
      </c>
      <c r="BF1637" s="166">
        <v>0</v>
      </c>
      <c r="BG1637" s="166">
        <v>0</v>
      </c>
      <c r="BH1637" s="166">
        <v>0</v>
      </c>
      <c r="BI1637" s="166">
        <v>0</v>
      </c>
      <c r="BJ1637" s="166">
        <v>0</v>
      </c>
      <c r="BK1637" s="166">
        <v>0</v>
      </c>
      <c r="BL1637" s="166">
        <v>0</v>
      </c>
      <c r="BM1637" s="166">
        <v>0</v>
      </c>
      <c r="BN1637" s="166">
        <v>0</v>
      </c>
      <c r="BO1637" s="166">
        <v>0</v>
      </c>
      <c r="BP1637" s="166">
        <v>0</v>
      </c>
      <c r="BQ1637" s="166">
        <v>0</v>
      </c>
      <c r="BR1637" s="166">
        <v>595495250.19699204</v>
      </c>
      <c r="BS1637" s="166">
        <v>595495250.19699204</v>
      </c>
      <c r="BT1637" s="168">
        <v>0</v>
      </c>
      <c r="BU1637" s="166">
        <v>0</v>
      </c>
      <c r="BV1637" s="166">
        <v>0</v>
      </c>
      <c r="BW1637" s="166">
        <v>0</v>
      </c>
      <c r="BX1637" s="166">
        <v>0</v>
      </c>
      <c r="BY1637" s="166">
        <v>0</v>
      </c>
      <c r="BZ1637" s="166">
        <v>0</v>
      </c>
      <c r="CA1637" s="166">
        <v>0</v>
      </c>
      <c r="CB1637" s="166">
        <v>0</v>
      </c>
      <c r="CC1637" s="166">
        <v>0</v>
      </c>
      <c r="CD1637" s="166">
        <v>0</v>
      </c>
      <c r="CE1637" s="166">
        <v>0</v>
      </c>
      <c r="CF1637" s="166">
        <v>0</v>
      </c>
      <c r="CG1637" s="166">
        <v>0</v>
      </c>
      <c r="CH1637" s="166">
        <v>0</v>
      </c>
      <c r="CI1637" s="166">
        <v>0</v>
      </c>
      <c r="CJ1637" s="166">
        <v>0</v>
      </c>
      <c r="CK1637" s="166">
        <v>0</v>
      </c>
      <c r="CL1637" s="166">
        <v>0</v>
      </c>
      <c r="CM1637" s="166">
        <v>0</v>
      </c>
      <c r="CN1637" s="166">
        <v>0</v>
      </c>
      <c r="CO1637" s="166">
        <v>0</v>
      </c>
      <c r="CP1637" s="166">
        <v>0</v>
      </c>
      <c r="CQ1637" s="166">
        <v>0</v>
      </c>
      <c r="CR1637" s="166">
        <v>0</v>
      </c>
      <c r="CS1637" s="166">
        <v>0</v>
      </c>
      <c r="CT1637" s="166">
        <v>0</v>
      </c>
      <c r="CU1637" s="166">
        <v>0</v>
      </c>
      <c r="CV1637" s="166">
        <v>0</v>
      </c>
      <c r="CW1637" s="166">
        <v>0</v>
      </c>
      <c r="CX1637" s="166">
        <v>0</v>
      </c>
      <c r="CY1637" s="166">
        <v>0</v>
      </c>
      <c r="CZ1637" s="166">
        <v>0</v>
      </c>
    </row>
    <row r="1638" spans="1:104" x14ac:dyDescent="0.2">
      <c r="A1638" s="167" t="s">
        <v>605</v>
      </c>
      <c r="B1638" s="166">
        <v>0</v>
      </c>
      <c r="C1638" s="166">
        <v>0</v>
      </c>
      <c r="D1638" s="166">
        <v>0</v>
      </c>
      <c r="E1638" s="166">
        <v>0</v>
      </c>
      <c r="F1638" s="166">
        <v>0</v>
      </c>
      <c r="G1638" s="166">
        <v>0</v>
      </c>
      <c r="H1638" s="166">
        <v>0</v>
      </c>
      <c r="I1638" s="166">
        <v>0</v>
      </c>
      <c r="J1638" s="166">
        <v>0</v>
      </c>
      <c r="K1638" s="166">
        <v>0</v>
      </c>
      <c r="L1638" s="166">
        <v>0</v>
      </c>
      <c r="M1638" s="166">
        <v>0</v>
      </c>
      <c r="N1638" s="166">
        <v>0</v>
      </c>
      <c r="O1638" s="166">
        <v>0</v>
      </c>
      <c r="P1638" s="166">
        <v>0</v>
      </c>
      <c r="Q1638" s="166">
        <v>0</v>
      </c>
      <c r="R1638" s="166">
        <v>0</v>
      </c>
      <c r="S1638" s="166">
        <v>0</v>
      </c>
      <c r="T1638" s="166">
        <v>0</v>
      </c>
      <c r="U1638" s="166">
        <v>0</v>
      </c>
      <c r="V1638" s="166">
        <v>0</v>
      </c>
      <c r="W1638" s="166">
        <v>0</v>
      </c>
      <c r="X1638" s="166">
        <v>0</v>
      </c>
      <c r="Y1638" s="166">
        <v>0</v>
      </c>
      <c r="Z1638" s="166">
        <v>0</v>
      </c>
      <c r="AA1638" s="166">
        <v>0</v>
      </c>
      <c r="AB1638" s="166">
        <v>0</v>
      </c>
      <c r="AC1638" s="166">
        <v>0</v>
      </c>
      <c r="AD1638" s="166">
        <v>0</v>
      </c>
      <c r="AE1638" s="166">
        <v>0</v>
      </c>
      <c r="AF1638" s="166">
        <v>0</v>
      </c>
      <c r="AG1638" s="166">
        <v>0</v>
      </c>
      <c r="AH1638" s="166">
        <v>0</v>
      </c>
      <c r="AI1638" s="166">
        <v>0</v>
      </c>
      <c r="AJ1638" s="166">
        <v>0</v>
      </c>
      <c r="AK1638" s="166">
        <v>0</v>
      </c>
      <c r="AL1638" s="166">
        <v>0</v>
      </c>
      <c r="AM1638" s="166">
        <v>0</v>
      </c>
      <c r="AN1638" s="166">
        <v>0</v>
      </c>
      <c r="AO1638" s="166">
        <v>0</v>
      </c>
      <c r="AP1638" s="166">
        <v>0</v>
      </c>
      <c r="AQ1638" s="166">
        <v>0</v>
      </c>
      <c r="AR1638" s="166">
        <v>0</v>
      </c>
      <c r="AS1638" s="166">
        <v>0</v>
      </c>
      <c r="AT1638" s="166">
        <v>0</v>
      </c>
      <c r="AU1638" s="166">
        <v>0</v>
      </c>
      <c r="AV1638" s="166">
        <v>0</v>
      </c>
      <c r="AW1638" s="166">
        <v>0</v>
      </c>
      <c r="AX1638" s="166">
        <v>0</v>
      </c>
      <c r="AY1638" s="166">
        <v>0</v>
      </c>
      <c r="AZ1638" s="166">
        <v>0</v>
      </c>
      <c r="BA1638" s="166">
        <v>0</v>
      </c>
      <c r="BB1638" s="166">
        <v>0</v>
      </c>
      <c r="BC1638" s="166">
        <v>0</v>
      </c>
      <c r="BD1638" s="166">
        <v>0</v>
      </c>
      <c r="BE1638" s="166">
        <v>0</v>
      </c>
      <c r="BF1638" s="166">
        <v>0</v>
      </c>
      <c r="BG1638" s="166">
        <v>0</v>
      </c>
      <c r="BH1638" s="166">
        <v>0</v>
      </c>
      <c r="BI1638" s="166">
        <v>0</v>
      </c>
      <c r="BJ1638" s="166">
        <v>0</v>
      </c>
      <c r="BK1638" s="166">
        <v>0</v>
      </c>
      <c r="BL1638" s="166">
        <v>0</v>
      </c>
      <c r="BM1638" s="166">
        <v>0</v>
      </c>
      <c r="BN1638" s="166">
        <v>0</v>
      </c>
      <c r="BO1638" s="166">
        <v>0</v>
      </c>
      <c r="BP1638" s="166">
        <v>0</v>
      </c>
      <c r="BQ1638" s="166">
        <v>0</v>
      </c>
      <c r="BR1638" s="166">
        <v>0</v>
      </c>
      <c r="BS1638" s="166">
        <v>0</v>
      </c>
      <c r="BT1638" s="168">
        <v>0</v>
      </c>
      <c r="BU1638" s="166">
        <v>0</v>
      </c>
      <c r="BV1638" s="166">
        <v>0</v>
      </c>
      <c r="BW1638" s="166">
        <v>0</v>
      </c>
      <c r="BX1638" s="166">
        <v>0</v>
      </c>
      <c r="BY1638" s="166">
        <v>0</v>
      </c>
      <c r="BZ1638" s="166">
        <v>0</v>
      </c>
      <c r="CA1638" s="166">
        <v>0</v>
      </c>
      <c r="CB1638" s="166">
        <v>0</v>
      </c>
      <c r="CC1638" s="166">
        <v>0</v>
      </c>
      <c r="CD1638" s="166">
        <v>0</v>
      </c>
      <c r="CE1638" s="166">
        <v>0</v>
      </c>
      <c r="CF1638" s="166">
        <v>0</v>
      </c>
      <c r="CG1638" s="166">
        <v>0</v>
      </c>
      <c r="CH1638" s="166">
        <v>0</v>
      </c>
      <c r="CI1638" s="166">
        <v>0</v>
      </c>
      <c r="CJ1638" s="166">
        <v>0</v>
      </c>
      <c r="CK1638" s="166">
        <v>0</v>
      </c>
      <c r="CL1638" s="166">
        <v>0</v>
      </c>
      <c r="CM1638" s="166">
        <v>0</v>
      </c>
      <c r="CN1638" s="166">
        <v>0</v>
      </c>
      <c r="CO1638" s="166">
        <v>0</v>
      </c>
      <c r="CP1638" s="166">
        <v>0</v>
      </c>
      <c r="CQ1638" s="166">
        <v>0</v>
      </c>
      <c r="CR1638" s="166">
        <v>0</v>
      </c>
      <c r="CS1638" s="166">
        <v>0</v>
      </c>
      <c r="CT1638" s="166">
        <v>0</v>
      </c>
      <c r="CU1638" s="166">
        <v>0</v>
      </c>
      <c r="CV1638" s="166">
        <v>0</v>
      </c>
      <c r="CW1638" s="166">
        <v>0</v>
      </c>
      <c r="CX1638" s="166">
        <v>0</v>
      </c>
      <c r="CY1638" s="166">
        <v>0</v>
      </c>
      <c r="CZ1638" s="166">
        <v>0</v>
      </c>
    </row>
    <row r="1639" spans="1:104" x14ac:dyDescent="0.2">
      <c r="A1639" s="167" t="s">
        <v>606</v>
      </c>
    </row>
    <row r="1640" spans="1:104" x14ac:dyDescent="0.2">
      <c r="A1640" s="167" t="s">
        <v>607</v>
      </c>
      <c r="B1640" s="166">
        <v>25949785.708602399</v>
      </c>
      <c r="C1640" s="166">
        <v>25949785.708602399</v>
      </c>
      <c r="D1640" s="166">
        <v>0</v>
      </c>
      <c r="E1640" s="166">
        <v>0</v>
      </c>
      <c r="F1640" s="166">
        <v>0</v>
      </c>
      <c r="G1640" s="166">
        <v>0</v>
      </c>
      <c r="H1640" s="166">
        <v>0</v>
      </c>
      <c r="I1640" s="166">
        <v>0</v>
      </c>
      <c r="J1640" s="166">
        <v>0</v>
      </c>
      <c r="K1640" s="166">
        <v>0</v>
      </c>
      <c r="L1640" s="166">
        <v>0</v>
      </c>
      <c r="M1640" s="166">
        <v>0</v>
      </c>
      <c r="N1640" s="166">
        <v>0</v>
      </c>
      <c r="O1640" s="166">
        <v>0</v>
      </c>
      <c r="P1640" s="166">
        <v>0</v>
      </c>
      <c r="Q1640" s="166">
        <v>0</v>
      </c>
      <c r="R1640" s="166">
        <v>0</v>
      </c>
      <c r="S1640" s="166">
        <v>0</v>
      </c>
      <c r="T1640" s="166">
        <v>0</v>
      </c>
      <c r="U1640" s="166">
        <v>0</v>
      </c>
      <c r="V1640" s="166">
        <v>0</v>
      </c>
      <c r="W1640" s="166">
        <v>0</v>
      </c>
      <c r="X1640" s="166">
        <v>0</v>
      </c>
      <c r="Y1640" s="166">
        <v>0</v>
      </c>
      <c r="Z1640" s="166">
        <v>0</v>
      </c>
      <c r="AA1640" s="166">
        <v>0</v>
      </c>
      <c r="AB1640" s="166">
        <v>0</v>
      </c>
      <c r="AC1640" s="166">
        <v>0</v>
      </c>
      <c r="AD1640" s="166">
        <v>0</v>
      </c>
      <c r="AE1640" s="166">
        <v>0</v>
      </c>
      <c r="AF1640" s="166">
        <v>0</v>
      </c>
      <c r="AG1640" s="166">
        <v>0</v>
      </c>
      <c r="AH1640" s="166">
        <v>0</v>
      </c>
      <c r="AI1640" s="166">
        <v>0</v>
      </c>
      <c r="AJ1640" s="166">
        <v>0</v>
      </c>
      <c r="AK1640" s="166">
        <v>0</v>
      </c>
      <c r="AL1640" s="166">
        <v>0</v>
      </c>
      <c r="AM1640" s="166">
        <v>0</v>
      </c>
      <c r="AN1640" s="166">
        <v>0</v>
      </c>
      <c r="AO1640" s="166">
        <v>0</v>
      </c>
      <c r="AP1640" s="166">
        <v>0</v>
      </c>
      <c r="AQ1640" s="166">
        <v>0</v>
      </c>
      <c r="AR1640" s="166">
        <v>0</v>
      </c>
      <c r="AS1640" s="166">
        <v>0</v>
      </c>
      <c r="AT1640" s="166">
        <v>0</v>
      </c>
      <c r="AU1640" s="166">
        <v>0</v>
      </c>
      <c r="AV1640" s="166">
        <v>0</v>
      </c>
      <c r="AW1640" s="166">
        <v>0</v>
      </c>
      <c r="AX1640" s="166">
        <v>0</v>
      </c>
      <c r="AY1640" s="166">
        <v>0</v>
      </c>
      <c r="AZ1640" s="166">
        <v>0</v>
      </c>
      <c r="BA1640" s="166">
        <v>0</v>
      </c>
      <c r="BB1640" s="166">
        <v>0</v>
      </c>
      <c r="BC1640" s="166">
        <v>0</v>
      </c>
      <c r="BD1640" s="166">
        <v>0</v>
      </c>
      <c r="BE1640" s="166">
        <v>0</v>
      </c>
      <c r="BF1640" s="166">
        <v>0</v>
      </c>
      <c r="BG1640" s="166">
        <v>0</v>
      </c>
      <c r="BH1640" s="166">
        <v>0</v>
      </c>
      <c r="BI1640" s="166">
        <v>0</v>
      </c>
      <c r="BJ1640" s="166">
        <v>0</v>
      </c>
      <c r="BK1640" s="166">
        <v>0</v>
      </c>
      <c r="BL1640" s="166">
        <v>0</v>
      </c>
      <c r="BM1640" s="166">
        <v>0</v>
      </c>
      <c r="BN1640" s="166">
        <v>0</v>
      </c>
      <c r="BO1640" s="166">
        <v>0</v>
      </c>
      <c r="BP1640" s="166">
        <v>0</v>
      </c>
      <c r="BQ1640" s="166">
        <v>0</v>
      </c>
      <c r="BR1640" s="166">
        <v>25949785.708602399</v>
      </c>
      <c r="BS1640" s="166">
        <v>25949785.708602399</v>
      </c>
      <c r="BT1640" s="168">
        <v>0</v>
      </c>
      <c r="BU1640" s="166">
        <v>451072.33631932602</v>
      </c>
      <c r="BV1640" s="166">
        <v>25949737.147245299</v>
      </c>
      <c r="BW1640" s="166">
        <v>0</v>
      </c>
      <c r="BX1640" s="166">
        <v>0</v>
      </c>
      <c r="BY1640" s="166">
        <v>0</v>
      </c>
      <c r="BZ1640" s="166">
        <v>0</v>
      </c>
      <c r="CA1640" s="166">
        <v>0</v>
      </c>
      <c r="CB1640" s="166">
        <v>0</v>
      </c>
      <c r="CC1640" s="166">
        <v>0</v>
      </c>
      <c r="CD1640" s="166">
        <v>0</v>
      </c>
      <c r="CE1640" s="166">
        <v>0</v>
      </c>
      <c r="CF1640" s="166">
        <v>0</v>
      </c>
      <c r="CG1640" s="166">
        <v>0</v>
      </c>
      <c r="CH1640" s="166">
        <v>0</v>
      </c>
      <c r="CI1640" s="166">
        <v>0</v>
      </c>
      <c r="CJ1640" s="166">
        <v>0</v>
      </c>
      <c r="CK1640" s="166">
        <v>0</v>
      </c>
      <c r="CL1640" s="166">
        <v>0</v>
      </c>
      <c r="CM1640" s="166">
        <v>0</v>
      </c>
      <c r="CN1640" s="166">
        <v>0</v>
      </c>
      <c r="CO1640" s="166">
        <v>0</v>
      </c>
      <c r="CP1640" s="166">
        <v>0</v>
      </c>
      <c r="CQ1640" s="166">
        <v>0</v>
      </c>
      <c r="CR1640" s="166">
        <v>0</v>
      </c>
      <c r="CS1640" s="166">
        <v>0</v>
      </c>
      <c r="CT1640" s="166">
        <v>0</v>
      </c>
      <c r="CU1640" s="166">
        <v>0</v>
      </c>
      <c r="CV1640" s="166">
        <v>0</v>
      </c>
      <c r="CW1640" s="166">
        <v>0</v>
      </c>
      <c r="CX1640" s="166">
        <v>0</v>
      </c>
      <c r="CY1640" s="166">
        <v>25949737.147245299</v>
      </c>
      <c r="CZ1640" s="166">
        <v>25949737.147245299</v>
      </c>
    </row>
    <row r="1641" spans="1:104" x14ac:dyDescent="0.2">
      <c r="A1641" s="167" t="s">
        <v>608</v>
      </c>
      <c r="B1641" s="166">
        <v>7785374.9415248903</v>
      </c>
      <c r="C1641" s="166">
        <v>7785374.9415248903</v>
      </c>
      <c r="D1641" s="166">
        <v>0</v>
      </c>
      <c r="E1641" s="166">
        <v>0</v>
      </c>
      <c r="F1641" s="166">
        <v>0</v>
      </c>
      <c r="G1641" s="166">
        <v>0</v>
      </c>
      <c r="H1641" s="166">
        <v>0</v>
      </c>
      <c r="I1641" s="166">
        <v>0</v>
      </c>
      <c r="J1641" s="166">
        <v>0</v>
      </c>
      <c r="K1641" s="166">
        <v>0</v>
      </c>
      <c r="L1641" s="166">
        <v>0</v>
      </c>
      <c r="M1641" s="166">
        <v>0</v>
      </c>
      <c r="N1641" s="166">
        <v>0</v>
      </c>
      <c r="O1641" s="166">
        <v>0</v>
      </c>
      <c r="P1641" s="166">
        <v>0</v>
      </c>
      <c r="Q1641" s="166">
        <v>0</v>
      </c>
      <c r="R1641" s="166">
        <v>0</v>
      </c>
      <c r="S1641" s="166">
        <v>0</v>
      </c>
      <c r="T1641" s="166">
        <v>0</v>
      </c>
      <c r="U1641" s="166">
        <v>0</v>
      </c>
      <c r="V1641" s="166">
        <v>0</v>
      </c>
      <c r="W1641" s="166">
        <v>0</v>
      </c>
      <c r="X1641" s="166">
        <v>0</v>
      </c>
      <c r="Y1641" s="166">
        <v>0</v>
      </c>
      <c r="Z1641" s="166">
        <v>0</v>
      </c>
      <c r="AA1641" s="166">
        <v>0</v>
      </c>
      <c r="AB1641" s="166">
        <v>0</v>
      </c>
      <c r="AC1641" s="166">
        <v>0</v>
      </c>
      <c r="AD1641" s="166">
        <v>0</v>
      </c>
      <c r="AE1641" s="166">
        <v>0</v>
      </c>
      <c r="AF1641" s="166">
        <v>0</v>
      </c>
      <c r="AG1641" s="166">
        <v>0</v>
      </c>
      <c r="AH1641" s="166">
        <v>0</v>
      </c>
      <c r="AI1641" s="166">
        <v>0</v>
      </c>
      <c r="AJ1641" s="166">
        <v>0</v>
      </c>
      <c r="AK1641" s="166">
        <v>0</v>
      </c>
      <c r="AL1641" s="166">
        <v>0</v>
      </c>
      <c r="AM1641" s="166">
        <v>0</v>
      </c>
      <c r="AN1641" s="166">
        <v>0</v>
      </c>
      <c r="AO1641" s="166">
        <v>0</v>
      </c>
      <c r="AP1641" s="166">
        <v>0</v>
      </c>
      <c r="AQ1641" s="166">
        <v>0</v>
      </c>
      <c r="AR1641" s="166">
        <v>0</v>
      </c>
      <c r="AS1641" s="166">
        <v>0</v>
      </c>
      <c r="AT1641" s="166">
        <v>0</v>
      </c>
      <c r="AU1641" s="166">
        <v>0</v>
      </c>
      <c r="AV1641" s="166">
        <v>0</v>
      </c>
      <c r="AW1641" s="166">
        <v>0</v>
      </c>
      <c r="AX1641" s="166">
        <v>0</v>
      </c>
      <c r="AY1641" s="166">
        <v>0</v>
      </c>
      <c r="AZ1641" s="166">
        <v>0</v>
      </c>
      <c r="BA1641" s="166">
        <v>0</v>
      </c>
      <c r="BB1641" s="166">
        <v>0</v>
      </c>
      <c r="BC1641" s="166">
        <v>0</v>
      </c>
      <c r="BD1641" s="166">
        <v>0</v>
      </c>
      <c r="BE1641" s="166">
        <v>0</v>
      </c>
      <c r="BF1641" s="166">
        <v>0</v>
      </c>
      <c r="BG1641" s="166">
        <v>0</v>
      </c>
      <c r="BH1641" s="166">
        <v>0</v>
      </c>
      <c r="BI1641" s="166">
        <v>0</v>
      </c>
      <c r="BJ1641" s="166">
        <v>0</v>
      </c>
      <c r="BK1641" s="166">
        <v>0</v>
      </c>
      <c r="BL1641" s="166">
        <v>0</v>
      </c>
      <c r="BM1641" s="166">
        <v>0</v>
      </c>
      <c r="BN1641" s="166">
        <v>0</v>
      </c>
      <c r="BO1641" s="166">
        <v>0</v>
      </c>
      <c r="BP1641" s="166">
        <v>0</v>
      </c>
      <c r="BQ1641" s="166">
        <v>0</v>
      </c>
      <c r="BR1641" s="166">
        <v>7785374.9415248903</v>
      </c>
      <c r="BS1641" s="166">
        <v>7785374.9415248996</v>
      </c>
      <c r="BT1641" s="168">
        <v>0</v>
      </c>
      <c r="BU1641" s="166">
        <v>630967.82521539705</v>
      </c>
      <c r="BV1641" s="166">
        <v>7408193.1358502898</v>
      </c>
      <c r="BW1641" s="166">
        <v>0</v>
      </c>
      <c r="BX1641" s="166">
        <v>0</v>
      </c>
      <c r="BY1641" s="166">
        <v>0</v>
      </c>
      <c r="BZ1641" s="166">
        <v>0</v>
      </c>
      <c r="CA1641" s="166">
        <v>0</v>
      </c>
      <c r="CB1641" s="166">
        <v>0</v>
      </c>
      <c r="CC1641" s="166">
        <v>0</v>
      </c>
      <c r="CD1641" s="166">
        <v>0</v>
      </c>
      <c r="CE1641" s="166">
        <v>0</v>
      </c>
      <c r="CF1641" s="166">
        <v>0</v>
      </c>
      <c r="CG1641" s="166">
        <v>0</v>
      </c>
      <c r="CH1641" s="166">
        <v>0</v>
      </c>
      <c r="CI1641" s="166">
        <v>0</v>
      </c>
      <c r="CJ1641" s="166">
        <v>0</v>
      </c>
      <c r="CK1641" s="166">
        <v>0</v>
      </c>
      <c r="CL1641" s="166">
        <v>0</v>
      </c>
      <c r="CM1641" s="166">
        <v>0</v>
      </c>
      <c r="CN1641" s="166">
        <v>0</v>
      </c>
      <c r="CO1641" s="166">
        <v>0</v>
      </c>
      <c r="CP1641" s="166">
        <v>0</v>
      </c>
      <c r="CQ1641" s="166">
        <v>0</v>
      </c>
      <c r="CR1641" s="166">
        <v>0</v>
      </c>
      <c r="CS1641" s="166">
        <v>0</v>
      </c>
      <c r="CT1641" s="166">
        <v>0</v>
      </c>
      <c r="CU1641" s="166">
        <v>0</v>
      </c>
      <c r="CV1641" s="166">
        <v>0</v>
      </c>
      <c r="CW1641" s="166">
        <v>0</v>
      </c>
      <c r="CX1641" s="166">
        <v>0</v>
      </c>
      <c r="CY1641" s="166">
        <v>7408193.1358502898</v>
      </c>
      <c r="CZ1641" s="166">
        <v>7408193.1358502898</v>
      </c>
    </row>
    <row r="1642" spans="1:104" x14ac:dyDescent="0.2">
      <c r="A1642" s="167" t="s">
        <v>609</v>
      </c>
      <c r="B1642" s="166">
        <v>6643535.6433821097</v>
      </c>
      <c r="C1642" s="166">
        <v>6643535.6433821097</v>
      </c>
      <c r="D1642" s="166">
        <v>0</v>
      </c>
      <c r="E1642" s="166">
        <v>0</v>
      </c>
      <c r="F1642" s="166">
        <v>0</v>
      </c>
      <c r="G1642" s="166">
        <v>0</v>
      </c>
      <c r="H1642" s="166">
        <v>0</v>
      </c>
      <c r="I1642" s="166">
        <v>0</v>
      </c>
      <c r="J1642" s="166">
        <v>0</v>
      </c>
      <c r="K1642" s="166">
        <v>0</v>
      </c>
      <c r="L1642" s="166">
        <v>0</v>
      </c>
      <c r="M1642" s="166">
        <v>0</v>
      </c>
      <c r="N1642" s="166">
        <v>0</v>
      </c>
      <c r="O1642" s="166">
        <v>0</v>
      </c>
      <c r="P1642" s="166">
        <v>0</v>
      </c>
      <c r="Q1642" s="166">
        <v>0</v>
      </c>
      <c r="R1642" s="166">
        <v>0</v>
      </c>
      <c r="S1642" s="166">
        <v>0</v>
      </c>
      <c r="T1642" s="166">
        <v>0</v>
      </c>
      <c r="U1642" s="166">
        <v>0</v>
      </c>
      <c r="V1642" s="166">
        <v>0</v>
      </c>
      <c r="W1642" s="166">
        <v>0</v>
      </c>
      <c r="X1642" s="166">
        <v>0</v>
      </c>
      <c r="Y1642" s="166">
        <v>0</v>
      </c>
      <c r="Z1642" s="166">
        <v>0</v>
      </c>
      <c r="AA1642" s="166">
        <v>0</v>
      </c>
      <c r="AB1642" s="166">
        <v>0</v>
      </c>
      <c r="AC1642" s="166">
        <v>0</v>
      </c>
      <c r="AD1642" s="166">
        <v>0</v>
      </c>
      <c r="AE1642" s="166">
        <v>0</v>
      </c>
      <c r="AF1642" s="166">
        <v>0</v>
      </c>
      <c r="AG1642" s="166">
        <v>0</v>
      </c>
      <c r="AH1642" s="166">
        <v>0</v>
      </c>
      <c r="AI1642" s="166">
        <v>0</v>
      </c>
      <c r="AJ1642" s="166">
        <v>0</v>
      </c>
      <c r="AK1642" s="166">
        <v>0</v>
      </c>
      <c r="AL1642" s="166">
        <v>0</v>
      </c>
      <c r="AM1642" s="166">
        <v>0</v>
      </c>
      <c r="AN1642" s="166">
        <v>0</v>
      </c>
      <c r="AO1642" s="166">
        <v>0</v>
      </c>
      <c r="AP1642" s="166">
        <v>0</v>
      </c>
      <c r="AQ1642" s="166">
        <v>0</v>
      </c>
      <c r="AR1642" s="166">
        <v>0</v>
      </c>
      <c r="AS1642" s="166">
        <v>0</v>
      </c>
      <c r="AT1642" s="166">
        <v>0</v>
      </c>
      <c r="AU1642" s="166">
        <v>0</v>
      </c>
      <c r="AV1642" s="166">
        <v>0</v>
      </c>
      <c r="AW1642" s="166">
        <v>0</v>
      </c>
      <c r="AX1642" s="166">
        <v>0</v>
      </c>
      <c r="AY1642" s="166">
        <v>0</v>
      </c>
      <c r="AZ1642" s="166">
        <v>0</v>
      </c>
      <c r="BA1642" s="166">
        <v>0</v>
      </c>
      <c r="BB1642" s="166">
        <v>0</v>
      </c>
      <c r="BC1642" s="166">
        <v>0</v>
      </c>
      <c r="BD1642" s="166">
        <v>0</v>
      </c>
      <c r="BE1642" s="166">
        <v>0</v>
      </c>
      <c r="BF1642" s="166">
        <v>0</v>
      </c>
      <c r="BG1642" s="166">
        <v>0</v>
      </c>
      <c r="BH1642" s="166">
        <v>0</v>
      </c>
      <c r="BI1642" s="166">
        <v>0</v>
      </c>
      <c r="BJ1642" s="166">
        <v>0</v>
      </c>
      <c r="BK1642" s="166">
        <v>0</v>
      </c>
      <c r="BL1642" s="166">
        <v>0</v>
      </c>
      <c r="BM1642" s="166">
        <v>0</v>
      </c>
      <c r="BN1642" s="166">
        <v>0</v>
      </c>
      <c r="BO1642" s="166">
        <v>0</v>
      </c>
      <c r="BP1642" s="166">
        <v>0</v>
      </c>
      <c r="BQ1642" s="166">
        <v>0</v>
      </c>
      <c r="BR1642" s="166">
        <v>6643535.6433821097</v>
      </c>
      <c r="BS1642" s="166">
        <v>6643535.6433821097</v>
      </c>
      <c r="BT1642" s="168">
        <v>0</v>
      </c>
      <c r="BU1642" s="166">
        <v>620734.46986446204</v>
      </c>
      <c r="BV1642" s="166">
        <v>6486326.5659053</v>
      </c>
      <c r="BW1642" s="166">
        <v>0</v>
      </c>
      <c r="BX1642" s="166">
        <v>0</v>
      </c>
      <c r="BY1642" s="166">
        <v>0</v>
      </c>
      <c r="BZ1642" s="166">
        <v>0</v>
      </c>
      <c r="CA1642" s="166">
        <v>0</v>
      </c>
      <c r="CB1642" s="166">
        <v>0</v>
      </c>
      <c r="CC1642" s="166">
        <v>0</v>
      </c>
      <c r="CD1642" s="166">
        <v>0</v>
      </c>
      <c r="CE1642" s="166">
        <v>0</v>
      </c>
      <c r="CF1642" s="166">
        <v>0</v>
      </c>
      <c r="CG1642" s="166">
        <v>0</v>
      </c>
      <c r="CH1642" s="166">
        <v>0</v>
      </c>
      <c r="CI1642" s="166">
        <v>0</v>
      </c>
      <c r="CJ1642" s="166">
        <v>0</v>
      </c>
      <c r="CK1642" s="166">
        <v>0</v>
      </c>
      <c r="CL1642" s="166">
        <v>0</v>
      </c>
      <c r="CM1642" s="166">
        <v>0</v>
      </c>
      <c r="CN1642" s="166">
        <v>0</v>
      </c>
      <c r="CO1642" s="166">
        <v>0</v>
      </c>
      <c r="CP1642" s="166">
        <v>0</v>
      </c>
      <c r="CQ1642" s="166">
        <v>0</v>
      </c>
      <c r="CR1642" s="166">
        <v>0</v>
      </c>
      <c r="CS1642" s="166">
        <v>0</v>
      </c>
      <c r="CT1642" s="166">
        <v>0</v>
      </c>
      <c r="CU1642" s="166">
        <v>0</v>
      </c>
      <c r="CV1642" s="166">
        <v>0</v>
      </c>
      <c r="CW1642" s="166">
        <v>0</v>
      </c>
      <c r="CX1642" s="166">
        <v>0</v>
      </c>
      <c r="CY1642" s="166">
        <v>6486326.5659053</v>
      </c>
      <c r="CZ1642" s="166">
        <v>6486326.5659053</v>
      </c>
    </row>
    <row r="1643" spans="1:104" x14ac:dyDescent="0.2">
      <c r="A1643" s="167" t="s">
        <v>610</v>
      </c>
      <c r="B1643" s="166">
        <v>105936342.068307</v>
      </c>
      <c r="C1643" s="166">
        <v>105936342.068307</v>
      </c>
      <c r="D1643" s="166">
        <v>0</v>
      </c>
      <c r="E1643" s="166">
        <v>0</v>
      </c>
      <c r="F1643" s="166">
        <v>0</v>
      </c>
      <c r="G1643" s="166">
        <v>0</v>
      </c>
      <c r="H1643" s="166">
        <v>0</v>
      </c>
      <c r="I1643" s="166">
        <v>0</v>
      </c>
      <c r="J1643" s="166">
        <v>0</v>
      </c>
      <c r="K1643" s="166">
        <v>0</v>
      </c>
      <c r="L1643" s="166">
        <v>0</v>
      </c>
      <c r="M1643" s="166">
        <v>0</v>
      </c>
      <c r="N1643" s="166">
        <v>0</v>
      </c>
      <c r="O1643" s="166">
        <v>0</v>
      </c>
      <c r="P1643" s="166">
        <v>0</v>
      </c>
      <c r="Q1643" s="166">
        <v>0</v>
      </c>
      <c r="R1643" s="166">
        <v>0</v>
      </c>
      <c r="S1643" s="166">
        <v>0</v>
      </c>
      <c r="T1643" s="166">
        <v>0</v>
      </c>
      <c r="U1643" s="166">
        <v>0</v>
      </c>
      <c r="V1643" s="166">
        <v>0</v>
      </c>
      <c r="W1643" s="166">
        <v>0</v>
      </c>
      <c r="X1643" s="166">
        <v>0</v>
      </c>
      <c r="Y1643" s="166">
        <v>0</v>
      </c>
      <c r="Z1643" s="166">
        <v>0</v>
      </c>
      <c r="AA1643" s="166">
        <v>0</v>
      </c>
      <c r="AB1643" s="166">
        <v>0</v>
      </c>
      <c r="AC1643" s="166">
        <v>0</v>
      </c>
      <c r="AD1643" s="166">
        <v>0</v>
      </c>
      <c r="AE1643" s="166">
        <v>0</v>
      </c>
      <c r="AF1643" s="166">
        <v>0</v>
      </c>
      <c r="AG1643" s="166">
        <v>0</v>
      </c>
      <c r="AH1643" s="166">
        <v>0</v>
      </c>
      <c r="AI1643" s="166">
        <v>0</v>
      </c>
      <c r="AJ1643" s="166">
        <v>0</v>
      </c>
      <c r="AK1643" s="166">
        <v>0</v>
      </c>
      <c r="AL1643" s="166">
        <v>0</v>
      </c>
      <c r="AM1643" s="166">
        <v>0</v>
      </c>
      <c r="AN1643" s="166">
        <v>0</v>
      </c>
      <c r="AO1643" s="166">
        <v>0</v>
      </c>
      <c r="AP1643" s="166">
        <v>0</v>
      </c>
      <c r="AQ1643" s="166">
        <v>0</v>
      </c>
      <c r="AR1643" s="166">
        <v>0</v>
      </c>
      <c r="AS1643" s="166">
        <v>0</v>
      </c>
      <c r="AT1643" s="166">
        <v>0</v>
      </c>
      <c r="AU1643" s="166">
        <v>0</v>
      </c>
      <c r="AV1643" s="166">
        <v>0</v>
      </c>
      <c r="AW1643" s="166">
        <v>0</v>
      </c>
      <c r="AX1643" s="166">
        <v>0</v>
      </c>
      <c r="AY1643" s="166">
        <v>0</v>
      </c>
      <c r="AZ1643" s="166">
        <v>0</v>
      </c>
      <c r="BA1643" s="166">
        <v>0</v>
      </c>
      <c r="BB1643" s="166">
        <v>0</v>
      </c>
      <c r="BC1643" s="166">
        <v>0</v>
      </c>
      <c r="BD1643" s="166">
        <v>0</v>
      </c>
      <c r="BE1643" s="166">
        <v>0</v>
      </c>
      <c r="BF1643" s="166">
        <v>0</v>
      </c>
      <c r="BG1643" s="166">
        <v>0</v>
      </c>
      <c r="BH1643" s="166">
        <v>0</v>
      </c>
      <c r="BI1643" s="166">
        <v>0</v>
      </c>
      <c r="BJ1643" s="166">
        <v>0</v>
      </c>
      <c r="BK1643" s="166">
        <v>0</v>
      </c>
      <c r="BL1643" s="166">
        <v>0</v>
      </c>
      <c r="BM1643" s="166">
        <v>0</v>
      </c>
      <c r="BN1643" s="166">
        <v>0</v>
      </c>
      <c r="BO1643" s="166">
        <v>0</v>
      </c>
      <c r="BP1643" s="166">
        <v>0</v>
      </c>
      <c r="BQ1643" s="166">
        <v>0</v>
      </c>
      <c r="BR1643" s="166">
        <v>105936342.068307</v>
      </c>
      <c r="BS1643" s="166">
        <v>105936342.068307</v>
      </c>
      <c r="BT1643" s="168">
        <v>0</v>
      </c>
      <c r="BU1643" s="166">
        <v>7290475.1527117798</v>
      </c>
      <c r="BV1643" s="166">
        <v>105935840.439963</v>
      </c>
      <c r="BW1643" s="166">
        <v>0</v>
      </c>
      <c r="BX1643" s="166">
        <v>0</v>
      </c>
      <c r="BY1643" s="166">
        <v>0</v>
      </c>
      <c r="BZ1643" s="166">
        <v>0</v>
      </c>
      <c r="CA1643" s="166">
        <v>0</v>
      </c>
      <c r="CB1643" s="166">
        <v>0</v>
      </c>
      <c r="CC1643" s="166">
        <v>0</v>
      </c>
      <c r="CD1643" s="166">
        <v>0</v>
      </c>
      <c r="CE1643" s="166">
        <v>0</v>
      </c>
      <c r="CF1643" s="166">
        <v>0</v>
      </c>
      <c r="CG1643" s="166">
        <v>0</v>
      </c>
      <c r="CH1643" s="166">
        <v>0</v>
      </c>
      <c r="CI1643" s="166">
        <v>0</v>
      </c>
      <c r="CJ1643" s="166">
        <v>0</v>
      </c>
      <c r="CK1643" s="166">
        <v>0</v>
      </c>
      <c r="CL1643" s="166">
        <v>0</v>
      </c>
      <c r="CM1643" s="166">
        <v>0</v>
      </c>
      <c r="CN1643" s="166">
        <v>0</v>
      </c>
      <c r="CO1643" s="166">
        <v>0</v>
      </c>
      <c r="CP1643" s="166">
        <v>0</v>
      </c>
      <c r="CQ1643" s="166">
        <v>0</v>
      </c>
      <c r="CR1643" s="166">
        <v>0</v>
      </c>
      <c r="CS1643" s="166">
        <v>0</v>
      </c>
      <c r="CT1643" s="166">
        <v>0</v>
      </c>
      <c r="CU1643" s="166">
        <v>0</v>
      </c>
      <c r="CV1643" s="166">
        <v>0</v>
      </c>
      <c r="CW1643" s="166">
        <v>0</v>
      </c>
      <c r="CX1643" s="166">
        <v>0</v>
      </c>
      <c r="CY1643" s="166">
        <v>105935840.439963</v>
      </c>
      <c r="CZ1643" s="166">
        <v>105935840.439963</v>
      </c>
    </row>
    <row r="1644" spans="1:104" x14ac:dyDescent="0.2">
      <c r="A1644" s="167" t="s">
        <v>611</v>
      </c>
      <c r="B1644" s="166">
        <v>6572041.1281747902</v>
      </c>
      <c r="C1644" s="166">
        <v>6572041.1281747902</v>
      </c>
      <c r="D1644" s="166">
        <v>0</v>
      </c>
      <c r="E1644" s="166">
        <v>0</v>
      </c>
      <c r="F1644" s="166">
        <v>0</v>
      </c>
      <c r="G1644" s="166">
        <v>0</v>
      </c>
      <c r="H1644" s="166">
        <v>0</v>
      </c>
      <c r="I1644" s="166">
        <v>0</v>
      </c>
      <c r="J1644" s="166">
        <v>0</v>
      </c>
      <c r="K1644" s="166">
        <v>0</v>
      </c>
      <c r="L1644" s="166">
        <v>0</v>
      </c>
      <c r="M1644" s="166">
        <v>0</v>
      </c>
      <c r="N1644" s="166">
        <v>0</v>
      </c>
      <c r="O1644" s="166">
        <v>0</v>
      </c>
      <c r="P1644" s="166">
        <v>0</v>
      </c>
      <c r="Q1644" s="166">
        <v>0</v>
      </c>
      <c r="R1644" s="166">
        <v>0</v>
      </c>
      <c r="S1644" s="166">
        <v>0</v>
      </c>
      <c r="T1644" s="166">
        <v>0</v>
      </c>
      <c r="U1644" s="166">
        <v>0</v>
      </c>
      <c r="V1644" s="166">
        <v>0</v>
      </c>
      <c r="W1644" s="166">
        <v>0</v>
      </c>
      <c r="X1644" s="166">
        <v>0</v>
      </c>
      <c r="Y1644" s="166">
        <v>0</v>
      </c>
      <c r="Z1644" s="166">
        <v>0</v>
      </c>
      <c r="AA1644" s="166">
        <v>0</v>
      </c>
      <c r="AB1644" s="166">
        <v>0</v>
      </c>
      <c r="AC1644" s="166">
        <v>0</v>
      </c>
      <c r="AD1644" s="166">
        <v>0</v>
      </c>
      <c r="AE1644" s="166">
        <v>0</v>
      </c>
      <c r="AF1644" s="166">
        <v>0</v>
      </c>
      <c r="AG1644" s="166">
        <v>0</v>
      </c>
      <c r="AH1644" s="166">
        <v>0</v>
      </c>
      <c r="AI1644" s="166">
        <v>0</v>
      </c>
      <c r="AJ1644" s="166">
        <v>0</v>
      </c>
      <c r="AK1644" s="166">
        <v>0</v>
      </c>
      <c r="AL1644" s="166">
        <v>0</v>
      </c>
      <c r="AM1644" s="166">
        <v>0</v>
      </c>
      <c r="AN1644" s="166">
        <v>0</v>
      </c>
      <c r="AO1644" s="166">
        <v>0</v>
      </c>
      <c r="AP1644" s="166">
        <v>0</v>
      </c>
      <c r="AQ1644" s="166">
        <v>0</v>
      </c>
      <c r="AR1644" s="166">
        <v>0</v>
      </c>
      <c r="AS1644" s="166">
        <v>0</v>
      </c>
      <c r="AT1644" s="166">
        <v>0</v>
      </c>
      <c r="AU1644" s="166">
        <v>0</v>
      </c>
      <c r="AV1644" s="166">
        <v>0</v>
      </c>
      <c r="AW1644" s="166">
        <v>0</v>
      </c>
      <c r="AX1644" s="166">
        <v>0</v>
      </c>
      <c r="AY1644" s="166">
        <v>0</v>
      </c>
      <c r="AZ1644" s="166">
        <v>0</v>
      </c>
      <c r="BA1644" s="166">
        <v>0</v>
      </c>
      <c r="BB1644" s="166">
        <v>0</v>
      </c>
      <c r="BC1644" s="166">
        <v>0</v>
      </c>
      <c r="BD1644" s="166">
        <v>0</v>
      </c>
      <c r="BE1644" s="166">
        <v>0</v>
      </c>
      <c r="BF1644" s="166">
        <v>0</v>
      </c>
      <c r="BG1644" s="166">
        <v>0</v>
      </c>
      <c r="BH1644" s="166">
        <v>0</v>
      </c>
      <c r="BI1644" s="166">
        <v>0</v>
      </c>
      <c r="BJ1644" s="166">
        <v>0</v>
      </c>
      <c r="BK1644" s="166">
        <v>0</v>
      </c>
      <c r="BL1644" s="166">
        <v>0</v>
      </c>
      <c r="BM1644" s="166">
        <v>0</v>
      </c>
      <c r="BN1644" s="166">
        <v>0</v>
      </c>
      <c r="BO1644" s="166">
        <v>0</v>
      </c>
      <c r="BP1644" s="166">
        <v>0</v>
      </c>
      <c r="BQ1644" s="166">
        <v>0</v>
      </c>
      <c r="BR1644" s="166">
        <v>6572041.1281747902</v>
      </c>
      <c r="BS1644" s="166">
        <v>6572041.1281747902</v>
      </c>
      <c r="BT1644" s="168">
        <v>0</v>
      </c>
      <c r="BU1644" s="166">
        <v>298532.00654143398</v>
      </c>
      <c r="BV1644" s="166">
        <v>6117488.1278821202</v>
      </c>
      <c r="BW1644" s="166">
        <v>0</v>
      </c>
      <c r="BX1644" s="166">
        <v>0</v>
      </c>
      <c r="BY1644" s="166">
        <v>0</v>
      </c>
      <c r="BZ1644" s="166">
        <v>0</v>
      </c>
      <c r="CA1644" s="166">
        <v>0</v>
      </c>
      <c r="CB1644" s="166">
        <v>0</v>
      </c>
      <c r="CC1644" s="166">
        <v>0</v>
      </c>
      <c r="CD1644" s="166">
        <v>0</v>
      </c>
      <c r="CE1644" s="166">
        <v>0</v>
      </c>
      <c r="CF1644" s="166">
        <v>0</v>
      </c>
      <c r="CG1644" s="166">
        <v>0</v>
      </c>
      <c r="CH1644" s="166">
        <v>0</v>
      </c>
      <c r="CI1644" s="166">
        <v>0</v>
      </c>
      <c r="CJ1644" s="166">
        <v>0</v>
      </c>
      <c r="CK1644" s="166">
        <v>0</v>
      </c>
      <c r="CL1644" s="166">
        <v>0</v>
      </c>
      <c r="CM1644" s="166">
        <v>0</v>
      </c>
      <c r="CN1644" s="166">
        <v>0</v>
      </c>
      <c r="CO1644" s="166">
        <v>0</v>
      </c>
      <c r="CP1644" s="166">
        <v>0</v>
      </c>
      <c r="CQ1644" s="166">
        <v>0</v>
      </c>
      <c r="CR1644" s="166">
        <v>0</v>
      </c>
      <c r="CS1644" s="166">
        <v>0</v>
      </c>
      <c r="CT1644" s="166">
        <v>0</v>
      </c>
      <c r="CU1644" s="166">
        <v>0</v>
      </c>
      <c r="CV1644" s="166">
        <v>0</v>
      </c>
      <c r="CW1644" s="166">
        <v>0</v>
      </c>
      <c r="CX1644" s="166">
        <v>0</v>
      </c>
      <c r="CY1644" s="166">
        <v>6117488.1278821202</v>
      </c>
      <c r="CZ1644" s="166">
        <v>6117488.1278821202</v>
      </c>
    </row>
    <row r="1645" spans="1:104" x14ac:dyDescent="0.2">
      <c r="A1645" s="167" t="s">
        <v>612</v>
      </c>
      <c r="B1645" s="166">
        <v>3829195.9581212802</v>
      </c>
      <c r="C1645" s="166">
        <v>3829195.9581212802</v>
      </c>
      <c r="D1645" s="166">
        <v>0</v>
      </c>
      <c r="E1645" s="166">
        <v>0</v>
      </c>
      <c r="F1645" s="166">
        <v>0</v>
      </c>
      <c r="G1645" s="166">
        <v>0</v>
      </c>
      <c r="H1645" s="166">
        <v>0</v>
      </c>
      <c r="I1645" s="166">
        <v>0</v>
      </c>
      <c r="J1645" s="166">
        <v>0</v>
      </c>
      <c r="K1645" s="166">
        <v>0</v>
      </c>
      <c r="L1645" s="166">
        <v>0</v>
      </c>
      <c r="M1645" s="166">
        <v>0</v>
      </c>
      <c r="N1645" s="166">
        <v>0</v>
      </c>
      <c r="O1645" s="166">
        <v>0</v>
      </c>
      <c r="P1645" s="166">
        <v>0</v>
      </c>
      <c r="Q1645" s="166">
        <v>0</v>
      </c>
      <c r="R1645" s="166">
        <v>0</v>
      </c>
      <c r="S1645" s="166">
        <v>0</v>
      </c>
      <c r="T1645" s="166">
        <v>0</v>
      </c>
      <c r="U1645" s="166">
        <v>0</v>
      </c>
      <c r="V1645" s="166">
        <v>0</v>
      </c>
      <c r="W1645" s="166">
        <v>0</v>
      </c>
      <c r="X1645" s="166">
        <v>0</v>
      </c>
      <c r="Y1645" s="166">
        <v>0</v>
      </c>
      <c r="Z1645" s="166">
        <v>0</v>
      </c>
      <c r="AA1645" s="166">
        <v>0</v>
      </c>
      <c r="AB1645" s="166">
        <v>0</v>
      </c>
      <c r="AC1645" s="166">
        <v>0</v>
      </c>
      <c r="AD1645" s="166">
        <v>0</v>
      </c>
      <c r="AE1645" s="166">
        <v>0</v>
      </c>
      <c r="AF1645" s="166">
        <v>0</v>
      </c>
      <c r="AG1645" s="166">
        <v>0</v>
      </c>
      <c r="AH1645" s="166">
        <v>0</v>
      </c>
      <c r="AI1645" s="166">
        <v>0</v>
      </c>
      <c r="AJ1645" s="166">
        <v>0</v>
      </c>
      <c r="AK1645" s="166">
        <v>0</v>
      </c>
      <c r="AL1645" s="166">
        <v>0</v>
      </c>
      <c r="AM1645" s="166">
        <v>0</v>
      </c>
      <c r="AN1645" s="166">
        <v>0</v>
      </c>
      <c r="AO1645" s="166">
        <v>0</v>
      </c>
      <c r="AP1645" s="166">
        <v>0</v>
      </c>
      <c r="AQ1645" s="166">
        <v>0</v>
      </c>
      <c r="AR1645" s="166">
        <v>0</v>
      </c>
      <c r="AS1645" s="166">
        <v>0</v>
      </c>
      <c r="AT1645" s="166">
        <v>0</v>
      </c>
      <c r="AU1645" s="166">
        <v>0</v>
      </c>
      <c r="AV1645" s="166">
        <v>0</v>
      </c>
      <c r="AW1645" s="166">
        <v>0</v>
      </c>
      <c r="AX1645" s="166">
        <v>0</v>
      </c>
      <c r="AY1645" s="166">
        <v>0</v>
      </c>
      <c r="AZ1645" s="166">
        <v>0</v>
      </c>
      <c r="BA1645" s="166">
        <v>0</v>
      </c>
      <c r="BB1645" s="166">
        <v>0</v>
      </c>
      <c r="BC1645" s="166">
        <v>0</v>
      </c>
      <c r="BD1645" s="166">
        <v>0</v>
      </c>
      <c r="BE1645" s="166">
        <v>0</v>
      </c>
      <c r="BF1645" s="166">
        <v>0</v>
      </c>
      <c r="BG1645" s="166">
        <v>0</v>
      </c>
      <c r="BH1645" s="166">
        <v>0</v>
      </c>
      <c r="BI1645" s="166">
        <v>0</v>
      </c>
      <c r="BJ1645" s="166">
        <v>0</v>
      </c>
      <c r="BK1645" s="166">
        <v>0</v>
      </c>
      <c r="BL1645" s="166">
        <v>0</v>
      </c>
      <c r="BM1645" s="166">
        <v>0</v>
      </c>
      <c r="BN1645" s="166">
        <v>0</v>
      </c>
      <c r="BO1645" s="166">
        <v>0</v>
      </c>
      <c r="BP1645" s="166">
        <v>0</v>
      </c>
      <c r="BQ1645" s="166">
        <v>0</v>
      </c>
      <c r="BR1645" s="166">
        <v>3829195.9581212802</v>
      </c>
      <c r="BS1645" s="166">
        <v>3829195.9581212802</v>
      </c>
      <c r="BT1645" s="168">
        <v>0</v>
      </c>
      <c r="BU1645" s="166">
        <v>279770.640767137</v>
      </c>
      <c r="BV1645" s="166">
        <v>3769215.1109983302</v>
      </c>
      <c r="BW1645" s="166">
        <v>0</v>
      </c>
      <c r="BX1645" s="166">
        <v>0</v>
      </c>
      <c r="BY1645" s="166">
        <v>0</v>
      </c>
      <c r="BZ1645" s="166">
        <v>0</v>
      </c>
      <c r="CA1645" s="166">
        <v>0</v>
      </c>
      <c r="CB1645" s="166">
        <v>0</v>
      </c>
      <c r="CC1645" s="166">
        <v>0</v>
      </c>
      <c r="CD1645" s="166">
        <v>0</v>
      </c>
      <c r="CE1645" s="166">
        <v>0</v>
      </c>
      <c r="CF1645" s="166">
        <v>0</v>
      </c>
      <c r="CG1645" s="166">
        <v>0</v>
      </c>
      <c r="CH1645" s="166">
        <v>0</v>
      </c>
      <c r="CI1645" s="166">
        <v>0</v>
      </c>
      <c r="CJ1645" s="166">
        <v>0</v>
      </c>
      <c r="CK1645" s="166">
        <v>0</v>
      </c>
      <c r="CL1645" s="166">
        <v>0</v>
      </c>
      <c r="CM1645" s="166">
        <v>0</v>
      </c>
      <c r="CN1645" s="166">
        <v>0</v>
      </c>
      <c r="CO1645" s="166">
        <v>0</v>
      </c>
      <c r="CP1645" s="166">
        <v>0</v>
      </c>
      <c r="CQ1645" s="166">
        <v>0</v>
      </c>
      <c r="CR1645" s="166">
        <v>0</v>
      </c>
      <c r="CS1645" s="166">
        <v>0</v>
      </c>
      <c r="CT1645" s="166">
        <v>0</v>
      </c>
      <c r="CU1645" s="166">
        <v>0</v>
      </c>
      <c r="CV1645" s="166">
        <v>0</v>
      </c>
      <c r="CW1645" s="166">
        <v>0</v>
      </c>
      <c r="CX1645" s="166">
        <v>0</v>
      </c>
      <c r="CY1645" s="166">
        <v>3769215.1109983302</v>
      </c>
      <c r="CZ1645" s="166">
        <v>3769215.1109983302</v>
      </c>
    </row>
    <row r="1646" spans="1:104" x14ac:dyDescent="0.2">
      <c r="A1646" s="167" t="s">
        <v>613</v>
      </c>
      <c r="B1646" s="166">
        <v>156716275.44811201</v>
      </c>
      <c r="C1646" s="166">
        <v>156716275.44811201</v>
      </c>
      <c r="D1646" s="166">
        <v>0</v>
      </c>
      <c r="E1646" s="166">
        <v>0</v>
      </c>
      <c r="F1646" s="166">
        <v>0</v>
      </c>
      <c r="G1646" s="166">
        <v>0</v>
      </c>
      <c r="H1646" s="166">
        <v>0</v>
      </c>
      <c r="I1646" s="166">
        <v>0</v>
      </c>
      <c r="J1646" s="166">
        <v>0</v>
      </c>
      <c r="K1646" s="166">
        <v>0</v>
      </c>
      <c r="L1646" s="166">
        <v>0</v>
      </c>
      <c r="M1646" s="166">
        <v>0</v>
      </c>
      <c r="N1646" s="166">
        <v>0</v>
      </c>
      <c r="O1646" s="166">
        <v>0</v>
      </c>
      <c r="P1646" s="166">
        <v>0</v>
      </c>
      <c r="Q1646" s="166">
        <v>0</v>
      </c>
      <c r="R1646" s="166">
        <v>0</v>
      </c>
      <c r="S1646" s="166">
        <v>0</v>
      </c>
      <c r="T1646" s="166">
        <v>0</v>
      </c>
      <c r="U1646" s="166">
        <v>0</v>
      </c>
      <c r="V1646" s="166">
        <v>0</v>
      </c>
      <c r="W1646" s="166">
        <v>0</v>
      </c>
      <c r="X1646" s="166">
        <v>0</v>
      </c>
      <c r="Y1646" s="166">
        <v>0</v>
      </c>
      <c r="Z1646" s="166">
        <v>0</v>
      </c>
      <c r="AA1646" s="166">
        <v>0</v>
      </c>
      <c r="AB1646" s="166">
        <v>0</v>
      </c>
      <c r="AC1646" s="166">
        <v>0</v>
      </c>
      <c r="AD1646" s="166">
        <v>0</v>
      </c>
      <c r="AE1646" s="166">
        <v>0</v>
      </c>
      <c r="AF1646" s="166">
        <v>0</v>
      </c>
      <c r="AG1646" s="166">
        <v>0</v>
      </c>
      <c r="AH1646" s="166">
        <v>0</v>
      </c>
      <c r="AI1646" s="166">
        <v>0</v>
      </c>
      <c r="AJ1646" s="166">
        <v>0</v>
      </c>
      <c r="AK1646" s="166">
        <v>0</v>
      </c>
      <c r="AL1646" s="166">
        <v>0</v>
      </c>
      <c r="AM1646" s="166">
        <v>0</v>
      </c>
      <c r="AN1646" s="166">
        <v>0</v>
      </c>
      <c r="AO1646" s="166">
        <v>0</v>
      </c>
      <c r="AP1646" s="166">
        <v>0</v>
      </c>
      <c r="AQ1646" s="166">
        <v>0</v>
      </c>
      <c r="AR1646" s="166">
        <v>0</v>
      </c>
      <c r="AS1646" s="166">
        <v>0</v>
      </c>
      <c r="AT1646" s="166">
        <v>0</v>
      </c>
      <c r="AU1646" s="166">
        <v>0</v>
      </c>
      <c r="AV1646" s="166">
        <v>0</v>
      </c>
      <c r="AW1646" s="166">
        <v>0</v>
      </c>
      <c r="AX1646" s="166">
        <v>0</v>
      </c>
      <c r="AY1646" s="166">
        <v>0</v>
      </c>
      <c r="AZ1646" s="166">
        <v>0</v>
      </c>
      <c r="BA1646" s="166">
        <v>0</v>
      </c>
      <c r="BB1646" s="166">
        <v>0</v>
      </c>
      <c r="BC1646" s="166">
        <v>0</v>
      </c>
      <c r="BD1646" s="166">
        <v>0</v>
      </c>
      <c r="BE1646" s="166">
        <v>0</v>
      </c>
      <c r="BF1646" s="166">
        <v>0</v>
      </c>
      <c r="BG1646" s="166">
        <v>0</v>
      </c>
      <c r="BH1646" s="166">
        <v>0</v>
      </c>
      <c r="BI1646" s="166">
        <v>0</v>
      </c>
      <c r="BJ1646" s="166">
        <v>0</v>
      </c>
      <c r="BK1646" s="166">
        <v>0</v>
      </c>
      <c r="BL1646" s="166">
        <v>0</v>
      </c>
      <c r="BM1646" s="166">
        <v>0</v>
      </c>
      <c r="BN1646" s="166">
        <v>0</v>
      </c>
      <c r="BO1646" s="166">
        <v>0</v>
      </c>
      <c r="BP1646" s="166">
        <v>0</v>
      </c>
      <c r="BQ1646" s="166">
        <v>0</v>
      </c>
      <c r="BR1646" s="166">
        <v>156716275.44811201</v>
      </c>
      <c r="BS1646" s="166">
        <v>156716275.44811201</v>
      </c>
      <c r="BT1646" s="168">
        <v>0</v>
      </c>
      <c r="BU1646" s="166">
        <v>9571552.4314195402</v>
      </c>
      <c r="BV1646" s="166">
        <v>155666800.52784401</v>
      </c>
      <c r="BW1646" s="166">
        <v>0</v>
      </c>
      <c r="BX1646" s="166">
        <v>0</v>
      </c>
      <c r="BY1646" s="166">
        <v>0</v>
      </c>
      <c r="BZ1646" s="166">
        <v>0</v>
      </c>
      <c r="CA1646" s="166">
        <v>0</v>
      </c>
      <c r="CB1646" s="166">
        <v>0</v>
      </c>
      <c r="CC1646" s="166">
        <v>0</v>
      </c>
      <c r="CD1646" s="166">
        <v>0</v>
      </c>
      <c r="CE1646" s="166">
        <v>0</v>
      </c>
      <c r="CF1646" s="166">
        <v>0</v>
      </c>
      <c r="CG1646" s="166">
        <v>0</v>
      </c>
      <c r="CH1646" s="166">
        <v>0</v>
      </c>
      <c r="CI1646" s="166">
        <v>0</v>
      </c>
      <c r="CJ1646" s="166">
        <v>0</v>
      </c>
      <c r="CK1646" s="166">
        <v>0</v>
      </c>
      <c r="CL1646" s="166">
        <v>0</v>
      </c>
      <c r="CM1646" s="166">
        <v>0</v>
      </c>
      <c r="CN1646" s="166">
        <v>0</v>
      </c>
      <c r="CO1646" s="166">
        <v>0</v>
      </c>
      <c r="CP1646" s="166">
        <v>0</v>
      </c>
      <c r="CQ1646" s="166">
        <v>0</v>
      </c>
      <c r="CR1646" s="166">
        <v>0</v>
      </c>
      <c r="CS1646" s="166">
        <v>0</v>
      </c>
      <c r="CT1646" s="166">
        <v>0</v>
      </c>
      <c r="CU1646" s="166">
        <v>0</v>
      </c>
      <c r="CV1646" s="166">
        <v>0</v>
      </c>
      <c r="CW1646" s="166">
        <v>0</v>
      </c>
      <c r="CX1646" s="166">
        <v>0</v>
      </c>
      <c r="CY1646" s="166">
        <v>155666800.52784401</v>
      </c>
      <c r="CZ1646" s="166">
        <v>155666800.52784401</v>
      </c>
    </row>
    <row r="1647" spans="1:104" x14ac:dyDescent="0.2">
      <c r="A1647" s="167" t="s">
        <v>614</v>
      </c>
      <c r="B1647" s="166">
        <v>0</v>
      </c>
      <c r="C1647" s="166">
        <v>0</v>
      </c>
      <c r="D1647" s="166">
        <v>0</v>
      </c>
      <c r="E1647" s="166">
        <v>0</v>
      </c>
      <c r="F1647" s="166">
        <v>0</v>
      </c>
      <c r="G1647" s="166">
        <v>0</v>
      </c>
      <c r="H1647" s="166">
        <v>0</v>
      </c>
      <c r="I1647" s="166">
        <v>0</v>
      </c>
      <c r="J1647" s="166">
        <v>0</v>
      </c>
      <c r="K1647" s="166">
        <v>0</v>
      </c>
      <c r="L1647" s="166">
        <v>0</v>
      </c>
      <c r="M1647" s="166">
        <v>0</v>
      </c>
      <c r="N1647" s="166">
        <v>0</v>
      </c>
      <c r="O1647" s="166">
        <v>0</v>
      </c>
      <c r="P1647" s="166">
        <v>0</v>
      </c>
      <c r="Q1647" s="166">
        <v>0</v>
      </c>
      <c r="R1647" s="166">
        <v>0</v>
      </c>
      <c r="S1647" s="166">
        <v>0</v>
      </c>
      <c r="T1647" s="166">
        <v>0</v>
      </c>
      <c r="U1647" s="166">
        <v>0</v>
      </c>
      <c r="V1647" s="166">
        <v>0</v>
      </c>
      <c r="W1647" s="166">
        <v>0</v>
      </c>
      <c r="X1647" s="166">
        <v>0</v>
      </c>
      <c r="Y1647" s="166">
        <v>0</v>
      </c>
      <c r="Z1647" s="166">
        <v>0</v>
      </c>
      <c r="AA1647" s="166">
        <v>0</v>
      </c>
      <c r="AB1647" s="166">
        <v>0</v>
      </c>
      <c r="AC1647" s="166">
        <v>0</v>
      </c>
      <c r="AD1647" s="166">
        <v>0</v>
      </c>
      <c r="AE1647" s="166">
        <v>0</v>
      </c>
      <c r="AF1647" s="166">
        <v>0</v>
      </c>
      <c r="AG1647" s="166">
        <v>0</v>
      </c>
      <c r="AH1647" s="166">
        <v>0</v>
      </c>
      <c r="AI1647" s="166">
        <v>0</v>
      </c>
      <c r="AJ1647" s="166">
        <v>0</v>
      </c>
      <c r="AK1647" s="166">
        <v>0</v>
      </c>
      <c r="AL1647" s="166">
        <v>0</v>
      </c>
      <c r="AM1647" s="166">
        <v>0</v>
      </c>
      <c r="AN1647" s="166">
        <v>0</v>
      </c>
      <c r="AO1647" s="166">
        <v>0</v>
      </c>
      <c r="AP1647" s="166">
        <v>0</v>
      </c>
      <c r="AQ1647" s="166">
        <v>0</v>
      </c>
      <c r="AR1647" s="166">
        <v>0</v>
      </c>
      <c r="AS1647" s="166">
        <v>0</v>
      </c>
      <c r="AT1647" s="166">
        <v>0</v>
      </c>
      <c r="AU1647" s="166">
        <v>0</v>
      </c>
      <c r="AV1647" s="166">
        <v>0</v>
      </c>
      <c r="AW1647" s="166">
        <v>0</v>
      </c>
      <c r="AX1647" s="166">
        <v>0</v>
      </c>
      <c r="AY1647" s="166">
        <v>0</v>
      </c>
      <c r="AZ1647" s="166">
        <v>0</v>
      </c>
      <c r="BA1647" s="166">
        <v>0</v>
      </c>
      <c r="BB1647" s="166">
        <v>0</v>
      </c>
      <c r="BC1647" s="166">
        <v>0</v>
      </c>
      <c r="BD1647" s="166">
        <v>0</v>
      </c>
      <c r="BE1647" s="166">
        <v>0</v>
      </c>
      <c r="BF1647" s="166">
        <v>0</v>
      </c>
      <c r="BG1647" s="166">
        <v>0</v>
      </c>
      <c r="BH1647" s="166">
        <v>0</v>
      </c>
      <c r="BI1647" s="166">
        <v>0</v>
      </c>
      <c r="BJ1647" s="166">
        <v>0</v>
      </c>
      <c r="BK1647" s="166">
        <v>0</v>
      </c>
      <c r="BL1647" s="166">
        <v>0</v>
      </c>
      <c r="BM1647" s="166">
        <v>0</v>
      </c>
      <c r="BN1647" s="166">
        <v>0</v>
      </c>
      <c r="BO1647" s="166">
        <v>0</v>
      </c>
      <c r="BP1647" s="166">
        <v>0</v>
      </c>
      <c r="BQ1647" s="166">
        <v>0</v>
      </c>
      <c r="BR1647" s="166">
        <v>0</v>
      </c>
      <c r="BS1647" s="166">
        <v>0</v>
      </c>
      <c r="BT1647" s="168">
        <v>0</v>
      </c>
      <c r="BU1647" s="166">
        <v>0</v>
      </c>
      <c r="BV1647" s="166">
        <v>0</v>
      </c>
      <c r="BW1647" s="166">
        <v>0</v>
      </c>
      <c r="BX1647" s="166">
        <v>0</v>
      </c>
      <c r="BY1647" s="166">
        <v>0</v>
      </c>
      <c r="BZ1647" s="166">
        <v>0</v>
      </c>
      <c r="CA1647" s="166">
        <v>0</v>
      </c>
      <c r="CB1647" s="166">
        <v>0</v>
      </c>
      <c r="CC1647" s="166">
        <v>0</v>
      </c>
      <c r="CD1647" s="166">
        <v>0</v>
      </c>
      <c r="CE1647" s="166">
        <v>0</v>
      </c>
      <c r="CF1647" s="166">
        <v>0</v>
      </c>
      <c r="CG1647" s="166">
        <v>0</v>
      </c>
      <c r="CH1647" s="166">
        <v>0</v>
      </c>
      <c r="CI1647" s="166">
        <v>0</v>
      </c>
      <c r="CJ1647" s="166">
        <v>0</v>
      </c>
      <c r="CK1647" s="166">
        <v>0</v>
      </c>
      <c r="CL1647" s="166">
        <v>0</v>
      </c>
      <c r="CM1647" s="166">
        <v>0</v>
      </c>
      <c r="CN1647" s="166">
        <v>0</v>
      </c>
      <c r="CO1647" s="166">
        <v>0</v>
      </c>
      <c r="CP1647" s="166">
        <v>0</v>
      </c>
      <c r="CQ1647" s="166">
        <v>0</v>
      </c>
      <c r="CR1647" s="166">
        <v>0</v>
      </c>
      <c r="CS1647" s="166">
        <v>0</v>
      </c>
      <c r="CT1647" s="166">
        <v>0</v>
      </c>
      <c r="CU1647" s="166">
        <v>0</v>
      </c>
      <c r="CV1647" s="166">
        <v>0</v>
      </c>
      <c r="CW1647" s="166">
        <v>0</v>
      </c>
      <c r="CX1647" s="166">
        <v>0</v>
      </c>
      <c r="CY1647" s="166">
        <v>0</v>
      </c>
      <c r="CZ1647" s="166">
        <v>0</v>
      </c>
    </row>
    <row r="1648" spans="1:104" x14ac:dyDescent="0.2">
      <c r="A1648" s="167" t="s">
        <v>615</v>
      </c>
      <c r="B1648" s="166">
        <v>222117.26068053101</v>
      </c>
      <c r="C1648" s="166">
        <v>222117.26068053101</v>
      </c>
      <c r="D1648" s="166">
        <v>0</v>
      </c>
      <c r="E1648" s="166">
        <v>0</v>
      </c>
      <c r="F1648" s="166">
        <v>0</v>
      </c>
      <c r="G1648" s="166">
        <v>0</v>
      </c>
      <c r="H1648" s="166">
        <v>0</v>
      </c>
      <c r="I1648" s="166">
        <v>0</v>
      </c>
      <c r="J1648" s="166">
        <v>0</v>
      </c>
      <c r="K1648" s="166">
        <v>0</v>
      </c>
      <c r="L1648" s="166">
        <v>0</v>
      </c>
      <c r="M1648" s="166">
        <v>0</v>
      </c>
      <c r="N1648" s="166">
        <v>0</v>
      </c>
      <c r="O1648" s="166">
        <v>0</v>
      </c>
      <c r="P1648" s="166">
        <v>0</v>
      </c>
      <c r="Q1648" s="166">
        <v>0</v>
      </c>
      <c r="R1648" s="166">
        <v>0</v>
      </c>
      <c r="S1648" s="166">
        <v>0</v>
      </c>
      <c r="T1648" s="166">
        <v>0</v>
      </c>
      <c r="U1648" s="166">
        <v>0</v>
      </c>
      <c r="V1648" s="166">
        <v>0</v>
      </c>
      <c r="W1648" s="166">
        <v>0</v>
      </c>
      <c r="X1648" s="166">
        <v>0</v>
      </c>
      <c r="Y1648" s="166">
        <v>0</v>
      </c>
      <c r="Z1648" s="166">
        <v>0</v>
      </c>
      <c r="AA1648" s="166">
        <v>0</v>
      </c>
      <c r="AB1648" s="166">
        <v>0</v>
      </c>
      <c r="AC1648" s="166">
        <v>0</v>
      </c>
      <c r="AD1648" s="166">
        <v>0</v>
      </c>
      <c r="AE1648" s="166">
        <v>0</v>
      </c>
      <c r="AF1648" s="166">
        <v>0</v>
      </c>
      <c r="AG1648" s="166">
        <v>0</v>
      </c>
      <c r="AH1648" s="166">
        <v>0</v>
      </c>
      <c r="AI1648" s="166">
        <v>0</v>
      </c>
      <c r="AJ1648" s="166">
        <v>0</v>
      </c>
      <c r="AK1648" s="166">
        <v>0</v>
      </c>
      <c r="AL1648" s="166">
        <v>0</v>
      </c>
      <c r="AM1648" s="166">
        <v>0</v>
      </c>
      <c r="AN1648" s="166">
        <v>0</v>
      </c>
      <c r="AO1648" s="166">
        <v>0</v>
      </c>
      <c r="AP1648" s="166">
        <v>0</v>
      </c>
      <c r="AQ1648" s="166">
        <v>0</v>
      </c>
      <c r="AR1648" s="166">
        <v>0</v>
      </c>
      <c r="AS1648" s="166">
        <v>0</v>
      </c>
      <c r="AT1648" s="166">
        <v>0</v>
      </c>
      <c r="AU1648" s="166">
        <v>0</v>
      </c>
      <c r="AV1648" s="166">
        <v>0</v>
      </c>
      <c r="AW1648" s="166">
        <v>0</v>
      </c>
      <c r="AX1648" s="166">
        <v>0</v>
      </c>
      <c r="AY1648" s="166">
        <v>0</v>
      </c>
      <c r="AZ1648" s="166">
        <v>0</v>
      </c>
      <c r="BA1648" s="166">
        <v>0</v>
      </c>
      <c r="BB1648" s="166">
        <v>0</v>
      </c>
      <c r="BC1648" s="166">
        <v>0</v>
      </c>
      <c r="BD1648" s="166">
        <v>0</v>
      </c>
      <c r="BE1648" s="166">
        <v>0</v>
      </c>
      <c r="BF1648" s="166">
        <v>0</v>
      </c>
      <c r="BG1648" s="166">
        <v>0</v>
      </c>
      <c r="BH1648" s="166">
        <v>0</v>
      </c>
      <c r="BI1648" s="166">
        <v>0</v>
      </c>
      <c r="BJ1648" s="166">
        <v>0</v>
      </c>
      <c r="BK1648" s="166">
        <v>0</v>
      </c>
      <c r="BL1648" s="166">
        <v>0</v>
      </c>
      <c r="BM1648" s="166">
        <v>0</v>
      </c>
      <c r="BN1648" s="166">
        <v>0</v>
      </c>
      <c r="BO1648" s="166">
        <v>0</v>
      </c>
      <c r="BP1648" s="166">
        <v>0</v>
      </c>
      <c r="BQ1648" s="166">
        <v>0</v>
      </c>
      <c r="BR1648" s="166">
        <v>222117.26068053101</v>
      </c>
      <c r="BS1648" s="166">
        <v>222117.26068053101</v>
      </c>
      <c r="BT1648" s="168">
        <v>0</v>
      </c>
      <c r="BU1648" s="166">
        <v>8604.8209109747004</v>
      </c>
      <c r="BV1648" s="166">
        <v>222116.845019464</v>
      </c>
      <c r="BW1648" s="166">
        <v>0</v>
      </c>
      <c r="BX1648" s="166">
        <v>0</v>
      </c>
      <c r="BY1648" s="166">
        <v>0</v>
      </c>
      <c r="BZ1648" s="166">
        <v>0</v>
      </c>
      <c r="CA1648" s="166">
        <v>0</v>
      </c>
      <c r="CB1648" s="166">
        <v>0</v>
      </c>
      <c r="CC1648" s="166">
        <v>0</v>
      </c>
      <c r="CD1648" s="166">
        <v>0</v>
      </c>
      <c r="CE1648" s="166">
        <v>0</v>
      </c>
      <c r="CF1648" s="166">
        <v>0</v>
      </c>
      <c r="CG1648" s="166">
        <v>0</v>
      </c>
      <c r="CH1648" s="166">
        <v>0</v>
      </c>
      <c r="CI1648" s="166">
        <v>0</v>
      </c>
      <c r="CJ1648" s="166">
        <v>0</v>
      </c>
      <c r="CK1648" s="166">
        <v>0</v>
      </c>
      <c r="CL1648" s="166">
        <v>0</v>
      </c>
      <c r="CM1648" s="166">
        <v>0</v>
      </c>
      <c r="CN1648" s="166">
        <v>0</v>
      </c>
      <c r="CO1648" s="166">
        <v>0</v>
      </c>
      <c r="CP1648" s="166">
        <v>0</v>
      </c>
      <c r="CQ1648" s="166">
        <v>0</v>
      </c>
      <c r="CR1648" s="166">
        <v>0</v>
      </c>
      <c r="CS1648" s="166">
        <v>0</v>
      </c>
      <c r="CT1648" s="166">
        <v>0</v>
      </c>
      <c r="CU1648" s="166">
        <v>0</v>
      </c>
      <c r="CV1648" s="166">
        <v>0</v>
      </c>
      <c r="CW1648" s="166">
        <v>0</v>
      </c>
      <c r="CX1648" s="166">
        <v>0</v>
      </c>
      <c r="CY1648" s="166">
        <v>222116.845019464</v>
      </c>
      <c r="CZ1648" s="166">
        <v>222116.845019464</v>
      </c>
    </row>
    <row r="1649" spans="1:104" x14ac:dyDescent="0.2">
      <c r="A1649" s="167" t="s">
        <v>616</v>
      </c>
      <c r="B1649" s="166">
        <v>7022.5798619676598</v>
      </c>
      <c r="C1649" s="166">
        <v>7022.5798619676598</v>
      </c>
      <c r="D1649" s="166">
        <v>0</v>
      </c>
      <c r="E1649" s="166">
        <v>0</v>
      </c>
      <c r="F1649" s="166">
        <v>0</v>
      </c>
      <c r="G1649" s="166">
        <v>0</v>
      </c>
      <c r="H1649" s="166">
        <v>0</v>
      </c>
      <c r="I1649" s="166">
        <v>0</v>
      </c>
      <c r="J1649" s="166">
        <v>0</v>
      </c>
      <c r="K1649" s="166">
        <v>0</v>
      </c>
      <c r="L1649" s="166">
        <v>0</v>
      </c>
      <c r="M1649" s="166">
        <v>0</v>
      </c>
      <c r="N1649" s="166">
        <v>0</v>
      </c>
      <c r="O1649" s="166">
        <v>0</v>
      </c>
      <c r="P1649" s="166">
        <v>0</v>
      </c>
      <c r="Q1649" s="166">
        <v>0</v>
      </c>
      <c r="R1649" s="166">
        <v>0</v>
      </c>
      <c r="S1649" s="166">
        <v>0</v>
      </c>
      <c r="T1649" s="166">
        <v>0</v>
      </c>
      <c r="U1649" s="166">
        <v>0</v>
      </c>
      <c r="V1649" s="166">
        <v>0</v>
      </c>
      <c r="W1649" s="166">
        <v>0</v>
      </c>
      <c r="X1649" s="166">
        <v>0</v>
      </c>
      <c r="Y1649" s="166">
        <v>0</v>
      </c>
      <c r="Z1649" s="166">
        <v>0</v>
      </c>
      <c r="AA1649" s="166">
        <v>0</v>
      </c>
      <c r="AB1649" s="166">
        <v>0</v>
      </c>
      <c r="AC1649" s="166">
        <v>0</v>
      </c>
      <c r="AD1649" s="166">
        <v>0</v>
      </c>
      <c r="AE1649" s="166">
        <v>0</v>
      </c>
      <c r="AF1649" s="166">
        <v>0</v>
      </c>
      <c r="AG1649" s="166">
        <v>0</v>
      </c>
      <c r="AH1649" s="166">
        <v>0</v>
      </c>
      <c r="AI1649" s="166">
        <v>0</v>
      </c>
      <c r="AJ1649" s="166">
        <v>0</v>
      </c>
      <c r="AK1649" s="166">
        <v>0</v>
      </c>
      <c r="AL1649" s="166">
        <v>0</v>
      </c>
      <c r="AM1649" s="166">
        <v>0</v>
      </c>
      <c r="AN1649" s="166">
        <v>0</v>
      </c>
      <c r="AO1649" s="166">
        <v>0</v>
      </c>
      <c r="AP1649" s="166">
        <v>0</v>
      </c>
      <c r="AQ1649" s="166">
        <v>0</v>
      </c>
      <c r="AR1649" s="166">
        <v>0</v>
      </c>
      <c r="AS1649" s="166">
        <v>0</v>
      </c>
      <c r="AT1649" s="166">
        <v>0</v>
      </c>
      <c r="AU1649" s="166">
        <v>0</v>
      </c>
      <c r="AV1649" s="166">
        <v>0</v>
      </c>
      <c r="AW1649" s="166">
        <v>0</v>
      </c>
      <c r="AX1649" s="166">
        <v>0</v>
      </c>
      <c r="AY1649" s="166">
        <v>0</v>
      </c>
      <c r="AZ1649" s="166">
        <v>0</v>
      </c>
      <c r="BA1649" s="166">
        <v>0</v>
      </c>
      <c r="BB1649" s="166">
        <v>0</v>
      </c>
      <c r="BC1649" s="166">
        <v>0</v>
      </c>
      <c r="BD1649" s="166">
        <v>0</v>
      </c>
      <c r="BE1649" s="166">
        <v>0</v>
      </c>
      <c r="BF1649" s="166">
        <v>0</v>
      </c>
      <c r="BG1649" s="166">
        <v>0</v>
      </c>
      <c r="BH1649" s="166">
        <v>0</v>
      </c>
      <c r="BI1649" s="166">
        <v>0</v>
      </c>
      <c r="BJ1649" s="166">
        <v>0</v>
      </c>
      <c r="BK1649" s="166">
        <v>0</v>
      </c>
      <c r="BL1649" s="166">
        <v>0</v>
      </c>
      <c r="BM1649" s="166">
        <v>0</v>
      </c>
      <c r="BN1649" s="166">
        <v>0</v>
      </c>
      <c r="BO1649" s="166">
        <v>0</v>
      </c>
      <c r="BP1649" s="166">
        <v>0</v>
      </c>
      <c r="BQ1649" s="166">
        <v>0</v>
      </c>
      <c r="BR1649" s="166">
        <v>7022.5798619676598</v>
      </c>
      <c r="BS1649" s="166">
        <v>7022.5798619676598</v>
      </c>
      <c r="BT1649" s="168">
        <v>0</v>
      </c>
      <c r="BU1649" s="166">
        <v>258.87480804386701</v>
      </c>
      <c r="BV1649" s="166">
        <v>6682.35355652626</v>
      </c>
      <c r="BW1649" s="166">
        <v>0</v>
      </c>
      <c r="BX1649" s="166">
        <v>0</v>
      </c>
      <c r="BY1649" s="166">
        <v>0</v>
      </c>
      <c r="BZ1649" s="166">
        <v>0</v>
      </c>
      <c r="CA1649" s="166">
        <v>0</v>
      </c>
      <c r="CB1649" s="166">
        <v>0</v>
      </c>
      <c r="CC1649" s="166">
        <v>0</v>
      </c>
      <c r="CD1649" s="166">
        <v>0</v>
      </c>
      <c r="CE1649" s="166">
        <v>0</v>
      </c>
      <c r="CF1649" s="166">
        <v>0</v>
      </c>
      <c r="CG1649" s="166">
        <v>0</v>
      </c>
      <c r="CH1649" s="166">
        <v>0</v>
      </c>
      <c r="CI1649" s="166">
        <v>0</v>
      </c>
      <c r="CJ1649" s="166">
        <v>0</v>
      </c>
      <c r="CK1649" s="166">
        <v>0</v>
      </c>
      <c r="CL1649" s="166">
        <v>0</v>
      </c>
      <c r="CM1649" s="166">
        <v>0</v>
      </c>
      <c r="CN1649" s="166">
        <v>0</v>
      </c>
      <c r="CO1649" s="166">
        <v>0</v>
      </c>
      <c r="CP1649" s="166">
        <v>0</v>
      </c>
      <c r="CQ1649" s="166">
        <v>0</v>
      </c>
      <c r="CR1649" s="166">
        <v>0</v>
      </c>
      <c r="CS1649" s="166">
        <v>0</v>
      </c>
      <c r="CT1649" s="166">
        <v>0</v>
      </c>
      <c r="CU1649" s="166">
        <v>0</v>
      </c>
      <c r="CV1649" s="166">
        <v>0</v>
      </c>
      <c r="CW1649" s="166">
        <v>0</v>
      </c>
      <c r="CX1649" s="166">
        <v>0</v>
      </c>
      <c r="CY1649" s="166">
        <v>6682.35355652626</v>
      </c>
      <c r="CZ1649" s="166">
        <v>6682.35355652626</v>
      </c>
    </row>
    <row r="1650" spans="1:104" x14ac:dyDescent="0.2">
      <c r="A1650" s="167" t="s">
        <v>617</v>
      </c>
      <c r="B1650" s="166">
        <v>50659.679287687897</v>
      </c>
      <c r="C1650" s="166">
        <v>50659.679287687897</v>
      </c>
      <c r="D1650" s="166">
        <v>0</v>
      </c>
      <c r="E1650" s="166">
        <v>0</v>
      </c>
      <c r="F1650" s="166">
        <v>0</v>
      </c>
      <c r="G1650" s="166">
        <v>0</v>
      </c>
      <c r="H1650" s="166">
        <v>0</v>
      </c>
      <c r="I1650" s="166">
        <v>0</v>
      </c>
      <c r="J1650" s="166">
        <v>0</v>
      </c>
      <c r="K1650" s="166">
        <v>0</v>
      </c>
      <c r="L1650" s="166">
        <v>0</v>
      </c>
      <c r="M1650" s="166">
        <v>0</v>
      </c>
      <c r="N1650" s="166">
        <v>0</v>
      </c>
      <c r="O1650" s="166">
        <v>0</v>
      </c>
      <c r="P1650" s="166">
        <v>0</v>
      </c>
      <c r="Q1650" s="166">
        <v>0</v>
      </c>
      <c r="R1650" s="166">
        <v>0</v>
      </c>
      <c r="S1650" s="166">
        <v>0</v>
      </c>
      <c r="T1650" s="166">
        <v>0</v>
      </c>
      <c r="U1650" s="166">
        <v>0</v>
      </c>
      <c r="V1650" s="166">
        <v>0</v>
      </c>
      <c r="W1650" s="166">
        <v>0</v>
      </c>
      <c r="X1650" s="166">
        <v>0</v>
      </c>
      <c r="Y1650" s="166">
        <v>0</v>
      </c>
      <c r="Z1650" s="166">
        <v>0</v>
      </c>
      <c r="AA1650" s="166">
        <v>0</v>
      </c>
      <c r="AB1650" s="166">
        <v>0</v>
      </c>
      <c r="AC1650" s="166">
        <v>0</v>
      </c>
      <c r="AD1650" s="166">
        <v>0</v>
      </c>
      <c r="AE1650" s="166">
        <v>0</v>
      </c>
      <c r="AF1650" s="166">
        <v>0</v>
      </c>
      <c r="AG1650" s="166">
        <v>0</v>
      </c>
      <c r="AH1650" s="166">
        <v>0</v>
      </c>
      <c r="AI1650" s="166">
        <v>0</v>
      </c>
      <c r="AJ1650" s="166">
        <v>0</v>
      </c>
      <c r="AK1650" s="166">
        <v>0</v>
      </c>
      <c r="AL1650" s="166">
        <v>0</v>
      </c>
      <c r="AM1650" s="166">
        <v>0</v>
      </c>
      <c r="AN1650" s="166">
        <v>0</v>
      </c>
      <c r="AO1650" s="166">
        <v>0</v>
      </c>
      <c r="AP1650" s="166">
        <v>0</v>
      </c>
      <c r="AQ1650" s="166">
        <v>0</v>
      </c>
      <c r="AR1650" s="166">
        <v>0</v>
      </c>
      <c r="AS1650" s="166">
        <v>0</v>
      </c>
      <c r="AT1650" s="166">
        <v>0</v>
      </c>
      <c r="AU1650" s="166">
        <v>0</v>
      </c>
      <c r="AV1650" s="166">
        <v>0</v>
      </c>
      <c r="AW1650" s="166">
        <v>0</v>
      </c>
      <c r="AX1650" s="166">
        <v>0</v>
      </c>
      <c r="AY1650" s="166">
        <v>0</v>
      </c>
      <c r="AZ1650" s="166">
        <v>0</v>
      </c>
      <c r="BA1650" s="166">
        <v>0</v>
      </c>
      <c r="BB1650" s="166">
        <v>0</v>
      </c>
      <c r="BC1650" s="166">
        <v>0</v>
      </c>
      <c r="BD1650" s="166">
        <v>0</v>
      </c>
      <c r="BE1650" s="166">
        <v>0</v>
      </c>
      <c r="BF1650" s="166">
        <v>0</v>
      </c>
      <c r="BG1650" s="166">
        <v>0</v>
      </c>
      <c r="BH1650" s="166">
        <v>0</v>
      </c>
      <c r="BI1650" s="166">
        <v>0</v>
      </c>
      <c r="BJ1650" s="166">
        <v>0</v>
      </c>
      <c r="BK1650" s="166">
        <v>0</v>
      </c>
      <c r="BL1650" s="166">
        <v>0</v>
      </c>
      <c r="BM1650" s="166">
        <v>0</v>
      </c>
      <c r="BN1650" s="166">
        <v>0</v>
      </c>
      <c r="BO1650" s="166">
        <v>0</v>
      </c>
      <c r="BP1650" s="166">
        <v>0</v>
      </c>
      <c r="BQ1650" s="166">
        <v>0</v>
      </c>
      <c r="BR1650" s="166">
        <v>50659.679287687897</v>
      </c>
      <c r="BS1650" s="166">
        <v>50659.679287687897</v>
      </c>
      <c r="BT1650" s="168">
        <v>0</v>
      </c>
      <c r="BU1650" s="166">
        <v>1916.11829178926</v>
      </c>
      <c r="BV1650" s="166">
        <v>49460.895707137402</v>
      </c>
      <c r="BW1650" s="166">
        <v>0</v>
      </c>
      <c r="BX1650" s="166">
        <v>0</v>
      </c>
      <c r="BY1650" s="166">
        <v>0</v>
      </c>
      <c r="BZ1650" s="166">
        <v>0</v>
      </c>
      <c r="CA1650" s="166">
        <v>0</v>
      </c>
      <c r="CB1650" s="166">
        <v>0</v>
      </c>
      <c r="CC1650" s="166">
        <v>0</v>
      </c>
      <c r="CD1650" s="166">
        <v>0</v>
      </c>
      <c r="CE1650" s="166">
        <v>0</v>
      </c>
      <c r="CF1650" s="166">
        <v>0</v>
      </c>
      <c r="CG1650" s="166">
        <v>0</v>
      </c>
      <c r="CH1650" s="166">
        <v>0</v>
      </c>
      <c r="CI1650" s="166">
        <v>0</v>
      </c>
      <c r="CJ1650" s="166">
        <v>0</v>
      </c>
      <c r="CK1650" s="166">
        <v>0</v>
      </c>
      <c r="CL1650" s="166">
        <v>0</v>
      </c>
      <c r="CM1650" s="166">
        <v>0</v>
      </c>
      <c r="CN1650" s="166">
        <v>0</v>
      </c>
      <c r="CO1650" s="166">
        <v>0</v>
      </c>
      <c r="CP1650" s="166">
        <v>0</v>
      </c>
      <c r="CQ1650" s="166">
        <v>0</v>
      </c>
      <c r="CR1650" s="166">
        <v>0</v>
      </c>
      <c r="CS1650" s="166">
        <v>0</v>
      </c>
      <c r="CT1650" s="166">
        <v>0</v>
      </c>
      <c r="CU1650" s="166">
        <v>0</v>
      </c>
      <c r="CV1650" s="166">
        <v>0</v>
      </c>
      <c r="CW1650" s="166">
        <v>0</v>
      </c>
      <c r="CX1650" s="166">
        <v>0</v>
      </c>
      <c r="CY1650" s="166">
        <v>49460.895707137402</v>
      </c>
      <c r="CZ1650" s="166">
        <v>49460.895707137402</v>
      </c>
    </row>
    <row r="1651" spans="1:104" x14ac:dyDescent="0.2">
      <c r="A1651" s="167" t="s">
        <v>618</v>
      </c>
      <c r="B1651" s="166">
        <v>31360147.069733799</v>
      </c>
      <c r="C1651" s="166">
        <v>31360147.069733799</v>
      </c>
      <c r="D1651" s="166">
        <v>0</v>
      </c>
      <c r="E1651" s="166">
        <v>0</v>
      </c>
      <c r="F1651" s="166">
        <v>0</v>
      </c>
      <c r="G1651" s="166">
        <v>0</v>
      </c>
      <c r="H1651" s="166">
        <v>0</v>
      </c>
      <c r="I1651" s="166">
        <v>0</v>
      </c>
      <c r="J1651" s="166">
        <v>0</v>
      </c>
      <c r="K1651" s="166">
        <v>0</v>
      </c>
      <c r="L1651" s="166">
        <v>0</v>
      </c>
      <c r="M1651" s="166">
        <v>0</v>
      </c>
      <c r="N1651" s="166">
        <v>0</v>
      </c>
      <c r="O1651" s="166">
        <v>0</v>
      </c>
      <c r="P1651" s="166">
        <v>0</v>
      </c>
      <c r="Q1651" s="166">
        <v>0</v>
      </c>
      <c r="R1651" s="166">
        <v>0</v>
      </c>
      <c r="S1651" s="166">
        <v>0</v>
      </c>
      <c r="T1651" s="166">
        <v>0</v>
      </c>
      <c r="U1651" s="166">
        <v>0</v>
      </c>
      <c r="V1651" s="166">
        <v>0</v>
      </c>
      <c r="W1651" s="166">
        <v>0</v>
      </c>
      <c r="X1651" s="166">
        <v>0</v>
      </c>
      <c r="Y1651" s="166">
        <v>0</v>
      </c>
      <c r="Z1651" s="166">
        <v>0</v>
      </c>
      <c r="AA1651" s="166">
        <v>0</v>
      </c>
      <c r="AB1651" s="166">
        <v>0</v>
      </c>
      <c r="AC1651" s="166">
        <v>0</v>
      </c>
      <c r="AD1651" s="166">
        <v>0</v>
      </c>
      <c r="AE1651" s="166">
        <v>0</v>
      </c>
      <c r="AF1651" s="166">
        <v>0</v>
      </c>
      <c r="AG1651" s="166">
        <v>0</v>
      </c>
      <c r="AH1651" s="166">
        <v>0</v>
      </c>
      <c r="AI1651" s="166">
        <v>0</v>
      </c>
      <c r="AJ1651" s="166">
        <v>0</v>
      </c>
      <c r="AK1651" s="166">
        <v>0</v>
      </c>
      <c r="AL1651" s="166">
        <v>0</v>
      </c>
      <c r="AM1651" s="166">
        <v>0</v>
      </c>
      <c r="AN1651" s="166">
        <v>0</v>
      </c>
      <c r="AO1651" s="166">
        <v>0</v>
      </c>
      <c r="AP1651" s="166">
        <v>0</v>
      </c>
      <c r="AQ1651" s="166">
        <v>0</v>
      </c>
      <c r="AR1651" s="166">
        <v>0</v>
      </c>
      <c r="AS1651" s="166">
        <v>0</v>
      </c>
      <c r="AT1651" s="166">
        <v>0</v>
      </c>
      <c r="AU1651" s="166">
        <v>0</v>
      </c>
      <c r="AV1651" s="166">
        <v>0</v>
      </c>
      <c r="AW1651" s="166">
        <v>0</v>
      </c>
      <c r="AX1651" s="166">
        <v>0</v>
      </c>
      <c r="AY1651" s="166">
        <v>0</v>
      </c>
      <c r="AZ1651" s="166">
        <v>0</v>
      </c>
      <c r="BA1651" s="166">
        <v>0</v>
      </c>
      <c r="BB1651" s="166">
        <v>0</v>
      </c>
      <c r="BC1651" s="166">
        <v>0</v>
      </c>
      <c r="BD1651" s="166">
        <v>0</v>
      </c>
      <c r="BE1651" s="166">
        <v>0</v>
      </c>
      <c r="BF1651" s="166">
        <v>0</v>
      </c>
      <c r="BG1651" s="166">
        <v>0</v>
      </c>
      <c r="BH1651" s="166">
        <v>0</v>
      </c>
      <c r="BI1651" s="166">
        <v>0</v>
      </c>
      <c r="BJ1651" s="166">
        <v>0</v>
      </c>
      <c r="BK1651" s="166">
        <v>0</v>
      </c>
      <c r="BL1651" s="166">
        <v>0</v>
      </c>
      <c r="BM1651" s="166">
        <v>0</v>
      </c>
      <c r="BN1651" s="166">
        <v>0</v>
      </c>
      <c r="BO1651" s="166">
        <v>0</v>
      </c>
      <c r="BP1651" s="166">
        <v>0</v>
      </c>
      <c r="BQ1651" s="166">
        <v>0</v>
      </c>
      <c r="BR1651" s="166">
        <v>31360147.069733799</v>
      </c>
      <c r="BS1651" s="166">
        <v>31360147.069733799</v>
      </c>
      <c r="BT1651" s="168">
        <v>0</v>
      </c>
      <c r="BU1651" s="166">
        <v>1853417.36228536</v>
      </c>
      <c r="BV1651" s="166">
        <v>22242702.704591099</v>
      </c>
      <c r="BW1651" s="166">
        <v>0</v>
      </c>
      <c r="BX1651" s="166">
        <v>0</v>
      </c>
      <c r="BY1651" s="166">
        <v>0</v>
      </c>
      <c r="BZ1651" s="166">
        <v>0</v>
      </c>
      <c r="CA1651" s="166">
        <v>0</v>
      </c>
      <c r="CB1651" s="166">
        <v>0</v>
      </c>
      <c r="CC1651" s="166">
        <v>0</v>
      </c>
      <c r="CD1651" s="166">
        <v>0</v>
      </c>
      <c r="CE1651" s="166">
        <v>0</v>
      </c>
      <c r="CF1651" s="166">
        <v>0</v>
      </c>
      <c r="CG1651" s="166">
        <v>0</v>
      </c>
      <c r="CH1651" s="166">
        <v>0</v>
      </c>
      <c r="CI1651" s="166">
        <v>0</v>
      </c>
      <c r="CJ1651" s="166">
        <v>0</v>
      </c>
      <c r="CK1651" s="166">
        <v>0</v>
      </c>
      <c r="CL1651" s="166">
        <v>0</v>
      </c>
      <c r="CM1651" s="166">
        <v>0</v>
      </c>
      <c r="CN1651" s="166">
        <v>0</v>
      </c>
      <c r="CO1651" s="166">
        <v>0</v>
      </c>
      <c r="CP1651" s="166">
        <v>0</v>
      </c>
      <c r="CQ1651" s="166">
        <v>0</v>
      </c>
      <c r="CR1651" s="166">
        <v>0</v>
      </c>
      <c r="CS1651" s="166">
        <v>0</v>
      </c>
      <c r="CT1651" s="166">
        <v>0</v>
      </c>
      <c r="CU1651" s="166">
        <v>0</v>
      </c>
      <c r="CV1651" s="166">
        <v>0</v>
      </c>
      <c r="CW1651" s="166">
        <v>0</v>
      </c>
      <c r="CX1651" s="166">
        <v>0</v>
      </c>
      <c r="CY1651" s="166">
        <v>22242702.704591099</v>
      </c>
      <c r="CZ1651" s="166">
        <v>22242702.704591099</v>
      </c>
    </row>
    <row r="1652" spans="1:104" x14ac:dyDescent="0.2">
      <c r="A1652" s="167" t="s">
        <v>619</v>
      </c>
      <c r="B1652" s="166">
        <v>31639946.589563999</v>
      </c>
      <c r="C1652" s="166">
        <v>31639946.589563999</v>
      </c>
      <c r="D1652" s="166">
        <v>0</v>
      </c>
      <c r="E1652" s="166">
        <v>0</v>
      </c>
      <c r="F1652" s="166">
        <v>0</v>
      </c>
      <c r="G1652" s="166">
        <v>0</v>
      </c>
      <c r="H1652" s="166">
        <v>0</v>
      </c>
      <c r="I1652" s="166">
        <v>0</v>
      </c>
      <c r="J1652" s="166">
        <v>0</v>
      </c>
      <c r="K1652" s="166">
        <v>0</v>
      </c>
      <c r="L1652" s="166">
        <v>0</v>
      </c>
      <c r="M1652" s="166">
        <v>0</v>
      </c>
      <c r="N1652" s="166">
        <v>0</v>
      </c>
      <c r="O1652" s="166">
        <v>0</v>
      </c>
      <c r="P1652" s="166">
        <v>0</v>
      </c>
      <c r="Q1652" s="166">
        <v>0</v>
      </c>
      <c r="R1652" s="166">
        <v>0</v>
      </c>
      <c r="S1652" s="166">
        <v>0</v>
      </c>
      <c r="T1652" s="166">
        <v>0</v>
      </c>
      <c r="U1652" s="166">
        <v>0</v>
      </c>
      <c r="V1652" s="166">
        <v>0</v>
      </c>
      <c r="W1652" s="166">
        <v>0</v>
      </c>
      <c r="X1652" s="166">
        <v>0</v>
      </c>
      <c r="Y1652" s="166">
        <v>0</v>
      </c>
      <c r="Z1652" s="166">
        <v>0</v>
      </c>
      <c r="AA1652" s="166">
        <v>0</v>
      </c>
      <c r="AB1652" s="166">
        <v>0</v>
      </c>
      <c r="AC1652" s="166">
        <v>0</v>
      </c>
      <c r="AD1652" s="166">
        <v>0</v>
      </c>
      <c r="AE1652" s="166">
        <v>0</v>
      </c>
      <c r="AF1652" s="166">
        <v>0</v>
      </c>
      <c r="AG1652" s="166">
        <v>0</v>
      </c>
      <c r="AH1652" s="166">
        <v>0</v>
      </c>
      <c r="AI1652" s="166">
        <v>0</v>
      </c>
      <c r="AJ1652" s="166">
        <v>0</v>
      </c>
      <c r="AK1652" s="166">
        <v>0</v>
      </c>
      <c r="AL1652" s="166">
        <v>0</v>
      </c>
      <c r="AM1652" s="166">
        <v>0</v>
      </c>
      <c r="AN1652" s="166">
        <v>0</v>
      </c>
      <c r="AO1652" s="166">
        <v>0</v>
      </c>
      <c r="AP1652" s="166">
        <v>0</v>
      </c>
      <c r="AQ1652" s="166">
        <v>0</v>
      </c>
      <c r="AR1652" s="166">
        <v>0</v>
      </c>
      <c r="AS1652" s="166">
        <v>0</v>
      </c>
      <c r="AT1652" s="166">
        <v>0</v>
      </c>
      <c r="AU1652" s="166">
        <v>0</v>
      </c>
      <c r="AV1652" s="166">
        <v>0</v>
      </c>
      <c r="AW1652" s="166">
        <v>0</v>
      </c>
      <c r="AX1652" s="166">
        <v>0</v>
      </c>
      <c r="AY1652" s="166">
        <v>0</v>
      </c>
      <c r="AZ1652" s="166">
        <v>0</v>
      </c>
      <c r="BA1652" s="166">
        <v>0</v>
      </c>
      <c r="BB1652" s="166">
        <v>0</v>
      </c>
      <c r="BC1652" s="166">
        <v>0</v>
      </c>
      <c r="BD1652" s="166">
        <v>0</v>
      </c>
      <c r="BE1652" s="166">
        <v>0</v>
      </c>
      <c r="BF1652" s="166">
        <v>0</v>
      </c>
      <c r="BG1652" s="166">
        <v>0</v>
      </c>
      <c r="BH1652" s="166">
        <v>0</v>
      </c>
      <c r="BI1652" s="166">
        <v>0</v>
      </c>
      <c r="BJ1652" s="166">
        <v>0</v>
      </c>
      <c r="BK1652" s="166">
        <v>0</v>
      </c>
      <c r="BL1652" s="166">
        <v>0</v>
      </c>
      <c r="BM1652" s="166">
        <v>0</v>
      </c>
      <c r="BN1652" s="166">
        <v>0</v>
      </c>
      <c r="BO1652" s="166">
        <v>0</v>
      </c>
      <c r="BP1652" s="166">
        <v>0</v>
      </c>
      <c r="BQ1652" s="166">
        <v>0</v>
      </c>
      <c r="BR1652" s="166">
        <v>31639946.589563999</v>
      </c>
      <c r="BS1652" s="166">
        <v>31639946.589563999</v>
      </c>
      <c r="BT1652" s="168">
        <v>0</v>
      </c>
      <c r="BU1652" s="166">
        <v>1864197.1762961701</v>
      </c>
      <c r="BV1652" s="166">
        <v>22520962.7988743</v>
      </c>
      <c r="BW1652" s="166">
        <v>0</v>
      </c>
      <c r="BX1652" s="166">
        <v>0</v>
      </c>
      <c r="BY1652" s="166">
        <v>0</v>
      </c>
      <c r="BZ1652" s="166">
        <v>0</v>
      </c>
      <c r="CA1652" s="166">
        <v>0</v>
      </c>
      <c r="CB1652" s="166">
        <v>0</v>
      </c>
      <c r="CC1652" s="166">
        <v>0</v>
      </c>
      <c r="CD1652" s="166">
        <v>0</v>
      </c>
      <c r="CE1652" s="166">
        <v>0</v>
      </c>
      <c r="CF1652" s="166">
        <v>0</v>
      </c>
      <c r="CG1652" s="166">
        <v>0</v>
      </c>
      <c r="CH1652" s="166">
        <v>0</v>
      </c>
      <c r="CI1652" s="166">
        <v>0</v>
      </c>
      <c r="CJ1652" s="166">
        <v>0</v>
      </c>
      <c r="CK1652" s="166">
        <v>0</v>
      </c>
      <c r="CL1652" s="166">
        <v>0</v>
      </c>
      <c r="CM1652" s="166">
        <v>0</v>
      </c>
      <c r="CN1652" s="166">
        <v>0</v>
      </c>
      <c r="CO1652" s="166">
        <v>0</v>
      </c>
      <c r="CP1652" s="166">
        <v>0</v>
      </c>
      <c r="CQ1652" s="166">
        <v>0</v>
      </c>
      <c r="CR1652" s="166">
        <v>0</v>
      </c>
      <c r="CS1652" s="166">
        <v>0</v>
      </c>
      <c r="CT1652" s="166">
        <v>0</v>
      </c>
      <c r="CU1652" s="166">
        <v>0</v>
      </c>
      <c r="CV1652" s="166">
        <v>0</v>
      </c>
      <c r="CW1652" s="166">
        <v>0</v>
      </c>
      <c r="CX1652" s="166">
        <v>0</v>
      </c>
      <c r="CY1652" s="166">
        <v>22520962.7988743</v>
      </c>
      <c r="CZ1652" s="166">
        <v>22520962.7988743</v>
      </c>
    </row>
    <row r="1653" spans="1:104" x14ac:dyDescent="0.2">
      <c r="A1653" s="167" t="s">
        <v>620</v>
      </c>
      <c r="B1653" s="166">
        <v>0</v>
      </c>
      <c r="C1653" s="166">
        <v>0</v>
      </c>
      <c r="D1653" s="166">
        <v>0</v>
      </c>
      <c r="E1653" s="166">
        <v>0</v>
      </c>
      <c r="F1653" s="166">
        <v>0</v>
      </c>
      <c r="G1653" s="166">
        <v>0</v>
      </c>
      <c r="H1653" s="166">
        <v>0</v>
      </c>
      <c r="I1653" s="166">
        <v>0</v>
      </c>
      <c r="J1653" s="166">
        <v>0</v>
      </c>
      <c r="K1653" s="166">
        <v>0</v>
      </c>
      <c r="L1653" s="166">
        <v>0</v>
      </c>
      <c r="M1653" s="166">
        <v>0</v>
      </c>
      <c r="N1653" s="166">
        <v>0</v>
      </c>
      <c r="O1653" s="166">
        <v>0</v>
      </c>
      <c r="P1653" s="166">
        <v>0</v>
      </c>
      <c r="Q1653" s="166">
        <v>0</v>
      </c>
      <c r="R1653" s="166">
        <v>0</v>
      </c>
      <c r="S1653" s="166">
        <v>0</v>
      </c>
      <c r="T1653" s="166">
        <v>0</v>
      </c>
      <c r="U1653" s="166">
        <v>0</v>
      </c>
      <c r="V1653" s="166">
        <v>0</v>
      </c>
      <c r="W1653" s="166">
        <v>0</v>
      </c>
      <c r="X1653" s="166">
        <v>0</v>
      </c>
      <c r="Y1653" s="166">
        <v>0</v>
      </c>
      <c r="Z1653" s="166">
        <v>0</v>
      </c>
      <c r="AA1653" s="166">
        <v>0</v>
      </c>
      <c r="AB1653" s="166">
        <v>0</v>
      </c>
      <c r="AC1653" s="166">
        <v>0</v>
      </c>
      <c r="AD1653" s="166">
        <v>0</v>
      </c>
      <c r="AE1653" s="166">
        <v>0</v>
      </c>
      <c r="AF1653" s="166">
        <v>0</v>
      </c>
      <c r="AG1653" s="166">
        <v>0</v>
      </c>
      <c r="AH1653" s="166">
        <v>0</v>
      </c>
      <c r="AI1653" s="166">
        <v>0</v>
      </c>
      <c r="AJ1653" s="166">
        <v>0</v>
      </c>
      <c r="AK1653" s="166">
        <v>0</v>
      </c>
      <c r="AL1653" s="166">
        <v>0</v>
      </c>
      <c r="AM1653" s="166">
        <v>0</v>
      </c>
      <c r="AN1653" s="166">
        <v>0</v>
      </c>
      <c r="AO1653" s="166">
        <v>0</v>
      </c>
      <c r="AP1653" s="166">
        <v>0</v>
      </c>
      <c r="AQ1653" s="166">
        <v>0</v>
      </c>
      <c r="AR1653" s="166">
        <v>0</v>
      </c>
      <c r="AS1653" s="166">
        <v>0</v>
      </c>
      <c r="AT1653" s="166">
        <v>0</v>
      </c>
      <c r="AU1653" s="166">
        <v>0</v>
      </c>
      <c r="AV1653" s="166">
        <v>0</v>
      </c>
      <c r="AW1653" s="166">
        <v>0</v>
      </c>
      <c r="AX1653" s="166">
        <v>0</v>
      </c>
      <c r="AY1653" s="166">
        <v>0</v>
      </c>
      <c r="AZ1653" s="166">
        <v>0</v>
      </c>
      <c r="BA1653" s="166">
        <v>0</v>
      </c>
      <c r="BB1653" s="166">
        <v>0</v>
      </c>
      <c r="BC1653" s="166">
        <v>0</v>
      </c>
      <c r="BD1653" s="166">
        <v>0</v>
      </c>
      <c r="BE1653" s="166">
        <v>0</v>
      </c>
      <c r="BF1653" s="166">
        <v>0</v>
      </c>
      <c r="BG1653" s="166">
        <v>0</v>
      </c>
      <c r="BH1653" s="166">
        <v>0</v>
      </c>
      <c r="BI1653" s="166">
        <v>0</v>
      </c>
      <c r="BJ1653" s="166">
        <v>0</v>
      </c>
      <c r="BK1653" s="166">
        <v>0</v>
      </c>
      <c r="BL1653" s="166">
        <v>0</v>
      </c>
      <c r="BM1653" s="166">
        <v>0</v>
      </c>
      <c r="BN1653" s="166">
        <v>0</v>
      </c>
      <c r="BO1653" s="166">
        <v>0</v>
      </c>
      <c r="BP1653" s="166">
        <v>0</v>
      </c>
      <c r="BQ1653" s="166">
        <v>0</v>
      </c>
      <c r="BR1653" s="166">
        <v>0</v>
      </c>
      <c r="BS1653" s="166">
        <v>0</v>
      </c>
      <c r="BT1653" s="168">
        <v>0</v>
      </c>
      <c r="BU1653" s="166">
        <v>0</v>
      </c>
      <c r="BV1653" s="166">
        <v>0</v>
      </c>
      <c r="BW1653" s="166">
        <v>0</v>
      </c>
      <c r="BX1653" s="166">
        <v>0</v>
      </c>
      <c r="BY1653" s="166">
        <v>0</v>
      </c>
      <c r="BZ1653" s="166">
        <v>0</v>
      </c>
      <c r="CA1653" s="166">
        <v>0</v>
      </c>
      <c r="CB1653" s="166">
        <v>0</v>
      </c>
      <c r="CC1653" s="166">
        <v>0</v>
      </c>
      <c r="CD1653" s="166">
        <v>0</v>
      </c>
      <c r="CE1653" s="166">
        <v>0</v>
      </c>
      <c r="CF1653" s="166">
        <v>0</v>
      </c>
      <c r="CG1653" s="166">
        <v>0</v>
      </c>
      <c r="CH1653" s="166">
        <v>0</v>
      </c>
      <c r="CI1653" s="166">
        <v>0</v>
      </c>
      <c r="CJ1653" s="166">
        <v>0</v>
      </c>
      <c r="CK1653" s="166">
        <v>0</v>
      </c>
      <c r="CL1653" s="166">
        <v>0</v>
      </c>
      <c r="CM1653" s="166">
        <v>0</v>
      </c>
      <c r="CN1653" s="166">
        <v>0</v>
      </c>
      <c r="CO1653" s="166">
        <v>0</v>
      </c>
      <c r="CP1653" s="166">
        <v>0</v>
      </c>
      <c r="CQ1653" s="166">
        <v>0</v>
      </c>
      <c r="CR1653" s="166">
        <v>0</v>
      </c>
      <c r="CS1653" s="166">
        <v>0</v>
      </c>
      <c r="CT1653" s="166">
        <v>0</v>
      </c>
      <c r="CU1653" s="166">
        <v>0</v>
      </c>
      <c r="CV1653" s="166">
        <v>0</v>
      </c>
      <c r="CW1653" s="166">
        <v>0</v>
      </c>
      <c r="CX1653" s="166">
        <v>0</v>
      </c>
      <c r="CY1653" s="166">
        <v>0</v>
      </c>
      <c r="CZ1653" s="166">
        <v>0</v>
      </c>
    </row>
    <row r="1654" spans="1:104" x14ac:dyDescent="0.2">
      <c r="A1654" s="167" t="s">
        <v>621</v>
      </c>
      <c r="B1654" s="166">
        <v>57953622.861577697</v>
      </c>
      <c r="C1654" s="166">
        <v>57953622.861577697</v>
      </c>
      <c r="D1654" s="166">
        <v>0</v>
      </c>
      <c r="E1654" s="166">
        <v>0</v>
      </c>
      <c r="F1654" s="166">
        <v>0</v>
      </c>
      <c r="G1654" s="166">
        <v>0</v>
      </c>
      <c r="H1654" s="166">
        <v>0</v>
      </c>
      <c r="I1654" s="166">
        <v>0</v>
      </c>
      <c r="J1654" s="166">
        <v>0</v>
      </c>
      <c r="K1654" s="166">
        <v>0</v>
      </c>
      <c r="L1654" s="166">
        <v>0</v>
      </c>
      <c r="M1654" s="166">
        <v>0</v>
      </c>
      <c r="N1654" s="166">
        <v>0</v>
      </c>
      <c r="O1654" s="166">
        <v>0</v>
      </c>
      <c r="P1654" s="166">
        <v>0</v>
      </c>
      <c r="Q1654" s="166">
        <v>0</v>
      </c>
      <c r="R1654" s="166">
        <v>0</v>
      </c>
      <c r="S1654" s="166">
        <v>0</v>
      </c>
      <c r="T1654" s="166">
        <v>0</v>
      </c>
      <c r="U1654" s="166">
        <v>0</v>
      </c>
      <c r="V1654" s="166">
        <v>0</v>
      </c>
      <c r="W1654" s="166">
        <v>0</v>
      </c>
      <c r="X1654" s="166">
        <v>0</v>
      </c>
      <c r="Y1654" s="166">
        <v>0</v>
      </c>
      <c r="Z1654" s="166">
        <v>0</v>
      </c>
      <c r="AA1654" s="166">
        <v>0</v>
      </c>
      <c r="AB1654" s="166">
        <v>0</v>
      </c>
      <c r="AC1654" s="166">
        <v>0</v>
      </c>
      <c r="AD1654" s="166">
        <v>0</v>
      </c>
      <c r="AE1654" s="166">
        <v>0</v>
      </c>
      <c r="AF1654" s="166">
        <v>0</v>
      </c>
      <c r="AG1654" s="166">
        <v>0</v>
      </c>
      <c r="AH1654" s="166">
        <v>0</v>
      </c>
      <c r="AI1654" s="166">
        <v>0</v>
      </c>
      <c r="AJ1654" s="166">
        <v>0</v>
      </c>
      <c r="AK1654" s="166">
        <v>0</v>
      </c>
      <c r="AL1654" s="166">
        <v>0</v>
      </c>
      <c r="AM1654" s="166">
        <v>0</v>
      </c>
      <c r="AN1654" s="166">
        <v>0</v>
      </c>
      <c r="AO1654" s="166">
        <v>0</v>
      </c>
      <c r="AP1654" s="166">
        <v>0</v>
      </c>
      <c r="AQ1654" s="166">
        <v>0</v>
      </c>
      <c r="AR1654" s="166">
        <v>0</v>
      </c>
      <c r="AS1654" s="166">
        <v>0</v>
      </c>
      <c r="AT1654" s="166">
        <v>0</v>
      </c>
      <c r="AU1654" s="166">
        <v>0</v>
      </c>
      <c r="AV1654" s="166">
        <v>0</v>
      </c>
      <c r="AW1654" s="166">
        <v>0</v>
      </c>
      <c r="AX1654" s="166">
        <v>0</v>
      </c>
      <c r="AY1654" s="166">
        <v>0</v>
      </c>
      <c r="AZ1654" s="166">
        <v>0</v>
      </c>
      <c r="BA1654" s="166">
        <v>0</v>
      </c>
      <c r="BB1654" s="166">
        <v>0</v>
      </c>
      <c r="BC1654" s="166">
        <v>0</v>
      </c>
      <c r="BD1654" s="166">
        <v>0</v>
      </c>
      <c r="BE1654" s="166">
        <v>0</v>
      </c>
      <c r="BF1654" s="166">
        <v>0</v>
      </c>
      <c r="BG1654" s="166">
        <v>0</v>
      </c>
      <c r="BH1654" s="166">
        <v>0</v>
      </c>
      <c r="BI1654" s="166">
        <v>0</v>
      </c>
      <c r="BJ1654" s="166">
        <v>0</v>
      </c>
      <c r="BK1654" s="166">
        <v>0</v>
      </c>
      <c r="BL1654" s="166">
        <v>0</v>
      </c>
      <c r="BM1654" s="166">
        <v>0</v>
      </c>
      <c r="BN1654" s="166">
        <v>0</v>
      </c>
      <c r="BO1654" s="166">
        <v>0</v>
      </c>
      <c r="BP1654" s="166">
        <v>0</v>
      </c>
      <c r="BQ1654" s="166">
        <v>0</v>
      </c>
      <c r="BR1654" s="166">
        <v>57953622.861577697</v>
      </c>
      <c r="BS1654" s="166">
        <v>57953622.861577697</v>
      </c>
      <c r="BT1654" s="168">
        <v>0</v>
      </c>
      <c r="BU1654" s="166">
        <v>5082693.4983390598</v>
      </c>
      <c r="BV1654" s="166">
        <v>57953622.861577697</v>
      </c>
      <c r="BW1654" s="166">
        <v>0</v>
      </c>
      <c r="BX1654" s="166">
        <v>0</v>
      </c>
      <c r="BY1654" s="166">
        <v>0</v>
      </c>
      <c r="BZ1654" s="166">
        <v>0</v>
      </c>
      <c r="CA1654" s="166">
        <v>0</v>
      </c>
      <c r="CB1654" s="166">
        <v>0</v>
      </c>
      <c r="CC1654" s="166">
        <v>0</v>
      </c>
      <c r="CD1654" s="166">
        <v>0</v>
      </c>
      <c r="CE1654" s="166">
        <v>0</v>
      </c>
      <c r="CF1654" s="166">
        <v>0</v>
      </c>
      <c r="CG1654" s="166">
        <v>0</v>
      </c>
      <c r="CH1654" s="166">
        <v>0</v>
      </c>
      <c r="CI1654" s="166">
        <v>0</v>
      </c>
      <c r="CJ1654" s="166">
        <v>0</v>
      </c>
      <c r="CK1654" s="166">
        <v>0</v>
      </c>
      <c r="CL1654" s="166">
        <v>0</v>
      </c>
      <c r="CM1654" s="166">
        <v>0</v>
      </c>
      <c r="CN1654" s="166">
        <v>0</v>
      </c>
      <c r="CO1654" s="166">
        <v>0</v>
      </c>
      <c r="CP1654" s="166">
        <v>0</v>
      </c>
      <c r="CQ1654" s="166">
        <v>0</v>
      </c>
      <c r="CR1654" s="166">
        <v>0</v>
      </c>
      <c r="CS1654" s="166">
        <v>0</v>
      </c>
      <c r="CT1654" s="166">
        <v>0</v>
      </c>
      <c r="CU1654" s="166">
        <v>0</v>
      </c>
      <c r="CV1654" s="166">
        <v>0</v>
      </c>
      <c r="CW1654" s="166">
        <v>0</v>
      </c>
      <c r="CX1654" s="166">
        <v>0</v>
      </c>
      <c r="CY1654" s="166">
        <v>57953622.861577697</v>
      </c>
      <c r="CZ1654" s="166">
        <v>57953622.861577697</v>
      </c>
    </row>
    <row r="1655" spans="1:104" x14ac:dyDescent="0.2">
      <c r="A1655" s="167" t="s">
        <v>622</v>
      </c>
      <c r="B1655" s="166">
        <v>25670139.309512001</v>
      </c>
      <c r="C1655" s="166">
        <v>25670139.309512001</v>
      </c>
      <c r="D1655" s="166">
        <v>0</v>
      </c>
      <c r="E1655" s="166">
        <v>0</v>
      </c>
      <c r="F1655" s="166">
        <v>0</v>
      </c>
      <c r="G1655" s="166">
        <v>0</v>
      </c>
      <c r="H1655" s="166">
        <v>0</v>
      </c>
      <c r="I1655" s="166">
        <v>0</v>
      </c>
      <c r="J1655" s="166">
        <v>0</v>
      </c>
      <c r="K1655" s="166">
        <v>0</v>
      </c>
      <c r="L1655" s="166">
        <v>0</v>
      </c>
      <c r="M1655" s="166">
        <v>0</v>
      </c>
      <c r="N1655" s="166">
        <v>0</v>
      </c>
      <c r="O1655" s="166">
        <v>0</v>
      </c>
      <c r="P1655" s="166">
        <v>0</v>
      </c>
      <c r="Q1655" s="166">
        <v>0</v>
      </c>
      <c r="R1655" s="166">
        <v>0</v>
      </c>
      <c r="S1655" s="166">
        <v>0</v>
      </c>
      <c r="T1655" s="166">
        <v>0</v>
      </c>
      <c r="U1655" s="166">
        <v>0</v>
      </c>
      <c r="V1655" s="166">
        <v>0</v>
      </c>
      <c r="W1655" s="166">
        <v>0</v>
      </c>
      <c r="X1655" s="166">
        <v>0</v>
      </c>
      <c r="Y1655" s="166">
        <v>0</v>
      </c>
      <c r="Z1655" s="166">
        <v>0</v>
      </c>
      <c r="AA1655" s="166">
        <v>0</v>
      </c>
      <c r="AB1655" s="166">
        <v>0</v>
      </c>
      <c r="AC1655" s="166">
        <v>0</v>
      </c>
      <c r="AD1655" s="166">
        <v>0</v>
      </c>
      <c r="AE1655" s="166">
        <v>0</v>
      </c>
      <c r="AF1655" s="166">
        <v>0</v>
      </c>
      <c r="AG1655" s="166">
        <v>0</v>
      </c>
      <c r="AH1655" s="166">
        <v>0</v>
      </c>
      <c r="AI1655" s="166">
        <v>0</v>
      </c>
      <c r="AJ1655" s="166">
        <v>0</v>
      </c>
      <c r="AK1655" s="166">
        <v>0</v>
      </c>
      <c r="AL1655" s="166">
        <v>0</v>
      </c>
      <c r="AM1655" s="166">
        <v>0</v>
      </c>
      <c r="AN1655" s="166">
        <v>0</v>
      </c>
      <c r="AO1655" s="166">
        <v>0</v>
      </c>
      <c r="AP1655" s="166">
        <v>0</v>
      </c>
      <c r="AQ1655" s="166">
        <v>0</v>
      </c>
      <c r="AR1655" s="166">
        <v>0</v>
      </c>
      <c r="AS1655" s="166">
        <v>0</v>
      </c>
      <c r="AT1655" s="166">
        <v>0</v>
      </c>
      <c r="AU1655" s="166">
        <v>0</v>
      </c>
      <c r="AV1655" s="166">
        <v>0</v>
      </c>
      <c r="AW1655" s="166">
        <v>0</v>
      </c>
      <c r="AX1655" s="166">
        <v>0</v>
      </c>
      <c r="AY1655" s="166">
        <v>0</v>
      </c>
      <c r="AZ1655" s="166">
        <v>0</v>
      </c>
      <c r="BA1655" s="166">
        <v>0</v>
      </c>
      <c r="BB1655" s="166">
        <v>0</v>
      </c>
      <c r="BC1655" s="166">
        <v>0</v>
      </c>
      <c r="BD1655" s="166">
        <v>0</v>
      </c>
      <c r="BE1655" s="166">
        <v>0</v>
      </c>
      <c r="BF1655" s="166">
        <v>0</v>
      </c>
      <c r="BG1655" s="166">
        <v>0</v>
      </c>
      <c r="BH1655" s="166">
        <v>0</v>
      </c>
      <c r="BI1655" s="166">
        <v>0</v>
      </c>
      <c r="BJ1655" s="166">
        <v>0</v>
      </c>
      <c r="BK1655" s="166">
        <v>0</v>
      </c>
      <c r="BL1655" s="166">
        <v>0</v>
      </c>
      <c r="BM1655" s="166">
        <v>0</v>
      </c>
      <c r="BN1655" s="166">
        <v>0</v>
      </c>
      <c r="BO1655" s="166">
        <v>0</v>
      </c>
      <c r="BP1655" s="166">
        <v>0</v>
      </c>
      <c r="BQ1655" s="166">
        <v>0</v>
      </c>
      <c r="BR1655" s="166">
        <v>25670139.309512001</v>
      </c>
      <c r="BS1655" s="166">
        <v>25670139.309512001</v>
      </c>
      <c r="BT1655" s="168">
        <v>0</v>
      </c>
      <c r="BU1655" s="166">
        <v>2303879.3498076298</v>
      </c>
      <c r="BV1655" s="166">
        <v>25670139.309512001</v>
      </c>
      <c r="BW1655" s="166">
        <v>0</v>
      </c>
      <c r="BX1655" s="166">
        <v>0</v>
      </c>
      <c r="BY1655" s="166">
        <v>0</v>
      </c>
      <c r="BZ1655" s="166">
        <v>0</v>
      </c>
      <c r="CA1655" s="166">
        <v>0</v>
      </c>
      <c r="CB1655" s="166">
        <v>0</v>
      </c>
      <c r="CC1655" s="166">
        <v>0</v>
      </c>
      <c r="CD1655" s="166">
        <v>0</v>
      </c>
      <c r="CE1655" s="166">
        <v>0</v>
      </c>
      <c r="CF1655" s="166">
        <v>0</v>
      </c>
      <c r="CG1655" s="166">
        <v>0</v>
      </c>
      <c r="CH1655" s="166">
        <v>0</v>
      </c>
      <c r="CI1655" s="166">
        <v>0</v>
      </c>
      <c r="CJ1655" s="166">
        <v>0</v>
      </c>
      <c r="CK1655" s="166">
        <v>0</v>
      </c>
      <c r="CL1655" s="166">
        <v>0</v>
      </c>
      <c r="CM1655" s="166">
        <v>0</v>
      </c>
      <c r="CN1655" s="166">
        <v>0</v>
      </c>
      <c r="CO1655" s="166">
        <v>0</v>
      </c>
      <c r="CP1655" s="166">
        <v>0</v>
      </c>
      <c r="CQ1655" s="166">
        <v>0</v>
      </c>
      <c r="CR1655" s="166">
        <v>0</v>
      </c>
      <c r="CS1655" s="166">
        <v>0</v>
      </c>
      <c r="CT1655" s="166">
        <v>0</v>
      </c>
      <c r="CU1655" s="166">
        <v>0</v>
      </c>
      <c r="CV1655" s="166">
        <v>0</v>
      </c>
      <c r="CW1655" s="166">
        <v>0</v>
      </c>
      <c r="CX1655" s="166">
        <v>0</v>
      </c>
      <c r="CY1655" s="166">
        <v>25670139.309512001</v>
      </c>
      <c r="CZ1655" s="166">
        <v>25670139.309512001</v>
      </c>
    </row>
    <row r="1656" spans="1:104" x14ac:dyDescent="0.2">
      <c r="A1656" s="167" t="s">
        <v>623</v>
      </c>
      <c r="B1656" s="166">
        <v>10151975.089748699</v>
      </c>
      <c r="C1656" s="166">
        <v>10151975.089748699</v>
      </c>
      <c r="D1656" s="166">
        <v>0</v>
      </c>
      <c r="E1656" s="166">
        <v>0</v>
      </c>
      <c r="F1656" s="166">
        <v>0</v>
      </c>
      <c r="G1656" s="166">
        <v>0</v>
      </c>
      <c r="H1656" s="166">
        <v>0</v>
      </c>
      <c r="I1656" s="166">
        <v>0</v>
      </c>
      <c r="J1656" s="166">
        <v>0</v>
      </c>
      <c r="K1656" s="166">
        <v>0</v>
      </c>
      <c r="L1656" s="166">
        <v>0</v>
      </c>
      <c r="M1656" s="166">
        <v>0</v>
      </c>
      <c r="N1656" s="166">
        <v>0</v>
      </c>
      <c r="O1656" s="166">
        <v>0</v>
      </c>
      <c r="P1656" s="166">
        <v>0</v>
      </c>
      <c r="Q1656" s="166">
        <v>0</v>
      </c>
      <c r="R1656" s="166">
        <v>0</v>
      </c>
      <c r="S1656" s="166">
        <v>0</v>
      </c>
      <c r="T1656" s="166">
        <v>0</v>
      </c>
      <c r="U1656" s="166">
        <v>0</v>
      </c>
      <c r="V1656" s="166">
        <v>0</v>
      </c>
      <c r="W1656" s="166">
        <v>0</v>
      </c>
      <c r="X1656" s="166">
        <v>0</v>
      </c>
      <c r="Y1656" s="166">
        <v>0</v>
      </c>
      <c r="Z1656" s="166">
        <v>0</v>
      </c>
      <c r="AA1656" s="166">
        <v>0</v>
      </c>
      <c r="AB1656" s="166">
        <v>0</v>
      </c>
      <c r="AC1656" s="166">
        <v>0</v>
      </c>
      <c r="AD1656" s="166">
        <v>0</v>
      </c>
      <c r="AE1656" s="166">
        <v>0</v>
      </c>
      <c r="AF1656" s="166">
        <v>0</v>
      </c>
      <c r="AG1656" s="166">
        <v>0</v>
      </c>
      <c r="AH1656" s="166">
        <v>0</v>
      </c>
      <c r="AI1656" s="166">
        <v>0</v>
      </c>
      <c r="AJ1656" s="166">
        <v>0</v>
      </c>
      <c r="AK1656" s="166">
        <v>0</v>
      </c>
      <c r="AL1656" s="166">
        <v>0</v>
      </c>
      <c r="AM1656" s="166">
        <v>0</v>
      </c>
      <c r="AN1656" s="166">
        <v>0</v>
      </c>
      <c r="AO1656" s="166">
        <v>0</v>
      </c>
      <c r="AP1656" s="166">
        <v>0</v>
      </c>
      <c r="AQ1656" s="166">
        <v>0</v>
      </c>
      <c r="AR1656" s="166">
        <v>0</v>
      </c>
      <c r="AS1656" s="166">
        <v>0</v>
      </c>
      <c r="AT1656" s="166">
        <v>0</v>
      </c>
      <c r="AU1656" s="166">
        <v>0</v>
      </c>
      <c r="AV1656" s="166">
        <v>0</v>
      </c>
      <c r="AW1656" s="166">
        <v>0</v>
      </c>
      <c r="AX1656" s="166">
        <v>0</v>
      </c>
      <c r="AY1656" s="166">
        <v>0</v>
      </c>
      <c r="AZ1656" s="166">
        <v>0</v>
      </c>
      <c r="BA1656" s="166">
        <v>0</v>
      </c>
      <c r="BB1656" s="166">
        <v>0</v>
      </c>
      <c r="BC1656" s="166">
        <v>0</v>
      </c>
      <c r="BD1656" s="166">
        <v>0</v>
      </c>
      <c r="BE1656" s="166">
        <v>0</v>
      </c>
      <c r="BF1656" s="166">
        <v>0</v>
      </c>
      <c r="BG1656" s="166">
        <v>0</v>
      </c>
      <c r="BH1656" s="166">
        <v>0</v>
      </c>
      <c r="BI1656" s="166">
        <v>0</v>
      </c>
      <c r="BJ1656" s="166">
        <v>0</v>
      </c>
      <c r="BK1656" s="166">
        <v>0</v>
      </c>
      <c r="BL1656" s="166">
        <v>0</v>
      </c>
      <c r="BM1656" s="166">
        <v>0</v>
      </c>
      <c r="BN1656" s="166">
        <v>0</v>
      </c>
      <c r="BO1656" s="166">
        <v>0</v>
      </c>
      <c r="BP1656" s="166">
        <v>0</v>
      </c>
      <c r="BQ1656" s="166">
        <v>0</v>
      </c>
      <c r="BR1656" s="166">
        <v>10151975.089748699</v>
      </c>
      <c r="BS1656" s="166">
        <v>10151975.089748699</v>
      </c>
      <c r="BT1656" s="168">
        <v>0</v>
      </c>
      <c r="BU1656" s="166">
        <v>848640.98890758096</v>
      </c>
      <c r="BV1656" s="166">
        <v>10120479.252342099</v>
      </c>
      <c r="BW1656" s="166">
        <v>0</v>
      </c>
      <c r="BX1656" s="166">
        <v>0</v>
      </c>
      <c r="BY1656" s="166">
        <v>0</v>
      </c>
      <c r="BZ1656" s="166">
        <v>0</v>
      </c>
      <c r="CA1656" s="166">
        <v>0</v>
      </c>
      <c r="CB1656" s="166">
        <v>0</v>
      </c>
      <c r="CC1656" s="166">
        <v>0</v>
      </c>
      <c r="CD1656" s="166">
        <v>0</v>
      </c>
      <c r="CE1656" s="166">
        <v>0</v>
      </c>
      <c r="CF1656" s="166">
        <v>0</v>
      </c>
      <c r="CG1656" s="166">
        <v>0</v>
      </c>
      <c r="CH1656" s="166">
        <v>0</v>
      </c>
      <c r="CI1656" s="166">
        <v>0</v>
      </c>
      <c r="CJ1656" s="166">
        <v>0</v>
      </c>
      <c r="CK1656" s="166">
        <v>0</v>
      </c>
      <c r="CL1656" s="166">
        <v>0</v>
      </c>
      <c r="CM1656" s="166">
        <v>0</v>
      </c>
      <c r="CN1656" s="166">
        <v>0</v>
      </c>
      <c r="CO1656" s="166">
        <v>0</v>
      </c>
      <c r="CP1656" s="166">
        <v>0</v>
      </c>
      <c r="CQ1656" s="166">
        <v>0</v>
      </c>
      <c r="CR1656" s="166">
        <v>0</v>
      </c>
      <c r="CS1656" s="166">
        <v>0</v>
      </c>
      <c r="CT1656" s="166">
        <v>0</v>
      </c>
      <c r="CU1656" s="166">
        <v>0</v>
      </c>
      <c r="CV1656" s="166">
        <v>0</v>
      </c>
      <c r="CW1656" s="166">
        <v>0</v>
      </c>
      <c r="CX1656" s="166">
        <v>0</v>
      </c>
      <c r="CY1656" s="166">
        <v>10120479.252342099</v>
      </c>
      <c r="CZ1656" s="166">
        <v>10120479.252342099</v>
      </c>
    </row>
    <row r="1657" spans="1:104" x14ac:dyDescent="0.2">
      <c r="A1657" s="167" t="s">
        <v>624</v>
      </c>
      <c r="B1657" s="166">
        <v>3206610.6391616501</v>
      </c>
      <c r="C1657" s="166">
        <v>3206610.6391616501</v>
      </c>
      <c r="D1657" s="166">
        <v>0</v>
      </c>
      <c r="E1657" s="166">
        <v>0</v>
      </c>
      <c r="F1657" s="166">
        <v>0</v>
      </c>
      <c r="G1657" s="166">
        <v>0</v>
      </c>
      <c r="H1657" s="166">
        <v>0</v>
      </c>
      <c r="I1657" s="166">
        <v>0</v>
      </c>
      <c r="J1657" s="166">
        <v>0</v>
      </c>
      <c r="K1657" s="166">
        <v>0</v>
      </c>
      <c r="L1657" s="166">
        <v>0</v>
      </c>
      <c r="M1657" s="166">
        <v>0</v>
      </c>
      <c r="N1657" s="166">
        <v>0</v>
      </c>
      <c r="O1657" s="166">
        <v>0</v>
      </c>
      <c r="P1657" s="166">
        <v>0</v>
      </c>
      <c r="Q1657" s="166">
        <v>0</v>
      </c>
      <c r="R1657" s="166">
        <v>0</v>
      </c>
      <c r="S1657" s="166">
        <v>0</v>
      </c>
      <c r="T1657" s="166">
        <v>0</v>
      </c>
      <c r="U1657" s="166">
        <v>0</v>
      </c>
      <c r="V1657" s="166">
        <v>0</v>
      </c>
      <c r="W1657" s="166">
        <v>0</v>
      </c>
      <c r="X1657" s="166">
        <v>0</v>
      </c>
      <c r="Y1657" s="166">
        <v>0</v>
      </c>
      <c r="Z1657" s="166">
        <v>0</v>
      </c>
      <c r="AA1657" s="166">
        <v>0</v>
      </c>
      <c r="AB1657" s="166">
        <v>0</v>
      </c>
      <c r="AC1657" s="166">
        <v>0</v>
      </c>
      <c r="AD1657" s="166">
        <v>0</v>
      </c>
      <c r="AE1657" s="166">
        <v>0</v>
      </c>
      <c r="AF1657" s="166">
        <v>0</v>
      </c>
      <c r="AG1657" s="166">
        <v>0</v>
      </c>
      <c r="AH1657" s="166">
        <v>0</v>
      </c>
      <c r="AI1657" s="166">
        <v>0</v>
      </c>
      <c r="AJ1657" s="166">
        <v>0</v>
      </c>
      <c r="AK1657" s="166">
        <v>0</v>
      </c>
      <c r="AL1657" s="166">
        <v>0</v>
      </c>
      <c r="AM1657" s="166">
        <v>0</v>
      </c>
      <c r="AN1657" s="166">
        <v>0</v>
      </c>
      <c r="AO1657" s="166">
        <v>0</v>
      </c>
      <c r="AP1657" s="166">
        <v>0</v>
      </c>
      <c r="AQ1657" s="166">
        <v>0</v>
      </c>
      <c r="AR1657" s="166">
        <v>0</v>
      </c>
      <c r="AS1657" s="166">
        <v>0</v>
      </c>
      <c r="AT1657" s="166">
        <v>0</v>
      </c>
      <c r="AU1657" s="166">
        <v>0</v>
      </c>
      <c r="AV1657" s="166">
        <v>0</v>
      </c>
      <c r="AW1657" s="166">
        <v>0</v>
      </c>
      <c r="AX1657" s="166">
        <v>0</v>
      </c>
      <c r="AY1657" s="166">
        <v>0</v>
      </c>
      <c r="AZ1657" s="166">
        <v>0</v>
      </c>
      <c r="BA1657" s="166">
        <v>0</v>
      </c>
      <c r="BB1657" s="166">
        <v>0</v>
      </c>
      <c r="BC1657" s="166">
        <v>0</v>
      </c>
      <c r="BD1657" s="166">
        <v>0</v>
      </c>
      <c r="BE1657" s="166">
        <v>0</v>
      </c>
      <c r="BF1657" s="166">
        <v>0</v>
      </c>
      <c r="BG1657" s="166">
        <v>0</v>
      </c>
      <c r="BH1657" s="166">
        <v>0</v>
      </c>
      <c r="BI1657" s="166">
        <v>0</v>
      </c>
      <c r="BJ1657" s="166">
        <v>0</v>
      </c>
      <c r="BK1657" s="166">
        <v>0</v>
      </c>
      <c r="BL1657" s="166">
        <v>0</v>
      </c>
      <c r="BM1657" s="166">
        <v>0</v>
      </c>
      <c r="BN1657" s="166">
        <v>0</v>
      </c>
      <c r="BO1657" s="166">
        <v>0</v>
      </c>
      <c r="BP1657" s="166">
        <v>0</v>
      </c>
      <c r="BQ1657" s="166">
        <v>0</v>
      </c>
      <c r="BR1657" s="166">
        <v>3206610.6391616501</v>
      </c>
      <c r="BS1657" s="166">
        <v>3206610.6391616501</v>
      </c>
      <c r="BT1657" s="168">
        <v>0</v>
      </c>
      <c r="BU1657" s="166">
        <v>262555.47251396201</v>
      </c>
      <c r="BV1657" s="166">
        <v>3166560.0722785201</v>
      </c>
      <c r="BW1657" s="166">
        <v>0</v>
      </c>
      <c r="BX1657" s="166">
        <v>0</v>
      </c>
      <c r="BY1657" s="166">
        <v>0</v>
      </c>
      <c r="BZ1657" s="166">
        <v>0</v>
      </c>
      <c r="CA1657" s="166">
        <v>0</v>
      </c>
      <c r="CB1657" s="166">
        <v>0</v>
      </c>
      <c r="CC1657" s="166">
        <v>0</v>
      </c>
      <c r="CD1657" s="166">
        <v>0</v>
      </c>
      <c r="CE1657" s="166">
        <v>0</v>
      </c>
      <c r="CF1657" s="166">
        <v>0</v>
      </c>
      <c r="CG1657" s="166">
        <v>0</v>
      </c>
      <c r="CH1657" s="166">
        <v>0</v>
      </c>
      <c r="CI1657" s="166">
        <v>0</v>
      </c>
      <c r="CJ1657" s="166">
        <v>0</v>
      </c>
      <c r="CK1657" s="166">
        <v>0</v>
      </c>
      <c r="CL1657" s="166">
        <v>0</v>
      </c>
      <c r="CM1657" s="166">
        <v>0</v>
      </c>
      <c r="CN1657" s="166">
        <v>0</v>
      </c>
      <c r="CO1657" s="166">
        <v>0</v>
      </c>
      <c r="CP1657" s="166">
        <v>0</v>
      </c>
      <c r="CQ1657" s="166">
        <v>0</v>
      </c>
      <c r="CR1657" s="166">
        <v>0</v>
      </c>
      <c r="CS1657" s="166">
        <v>0</v>
      </c>
      <c r="CT1657" s="166">
        <v>0</v>
      </c>
      <c r="CU1657" s="166">
        <v>0</v>
      </c>
      <c r="CV1657" s="166">
        <v>0</v>
      </c>
      <c r="CW1657" s="166">
        <v>0</v>
      </c>
      <c r="CX1657" s="166">
        <v>0</v>
      </c>
      <c r="CY1657" s="166">
        <v>3166560.0722785201</v>
      </c>
      <c r="CZ1657" s="166">
        <v>3166560.0722785201</v>
      </c>
    </row>
    <row r="1658" spans="1:104" x14ac:dyDescent="0.2">
      <c r="A1658" s="167" t="s">
        <v>625</v>
      </c>
      <c r="B1658" s="166">
        <v>20246300.469999801</v>
      </c>
      <c r="C1658" s="166">
        <v>20246300.469999801</v>
      </c>
      <c r="D1658" s="166">
        <v>0</v>
      </c>
      <c r="E1658" s="166">
        <v>0</v>
      </c>
      <c r="F1658" s="166">
        <v>0</v>
      </c>
      <c r="G1658" s="166">
        <v>0</v>
      </c>
      <c r="H1658" s="166">
        <v>0</v>
      </c>
      <c r="I1658" s="166">
        <v>0</v>
      </c>
      <c r="J1658" s="166">
        <v>0</v>
      </c>
      <c r="K1658" s="166">
        <v>0</v>
      </c>
      <c r="L1658" s="166">
        <v>0</v>
      </c>
      <c r="M1658" s="166">
        <v>0</v>
      </c>
      <c r="N1658" s="166">
        <v>0</v>
      </c>
      <c r="O1658" s="166">
        <v>0</v>
      </c>
      <c r="P1658" s="166">
        <v>0</v>
      </c>
      <c r="Q1658" s="166">
        <v>0</v>
      </c>
      <c r="R1658" s="166">
        <v>0</v>
      </c>
      <c r="S1658" s="166">
        <v>0</v>
      </c>
      <c r="T1658" s="166">
        <v>0</v>
      </c>
      <c r="U1658" s="166">
        <v>0</v>
      </c>
      <c r="V1658" s="166">
        <v>0</v>
      </c>
      <c r="W1658" s="166">
        <v>0</v>
      </c>
      <c r="X1658" s="166">
        <v>0</v>
      </c>
      <c r="Y1658" s="166">
        <v>0</v>
      </c>
      <c r="Z1658" s="166">
        <v>0</v>
      </c>
      <c r="AA1658" s="166">
        <v>0</v>
      </c>
      <c r="AB1658" s="166">
        <v>0</v>
      </c>
      <c r="AC1658" s="166">
        <v>0</v>
      </c>
      <c r="AD1658" s="166">
        <v>0</v>
      </c>
      <c r="AE1658" s="166">
        <v>0</v>
      </c>
      <c r="AF1658" s="166">
        <v>0</v>
      </c>
      <c r="AG1658" s="166">
        <v>0</v>
      </c>
      <c r="AH1658" s="166">
        <v>0</v>
      </c>
      <c r="AI1658" s="166">
        <v>0</v>
      </c>
      <c r="AJ1658" s="166">
        <v>0</v>
      </c>
      <c r="AK1658" s="166">
        <v>0</v>
      </c>
      <c r="AL1658" s="166">
        <v>0</v>
      </c>
      <c r="AM1658" s="166">
        <v>0</v>
      </c>
      <c r="AN1658" s="166">
        <v>0</v>
      </c>
      <c r="AO1658" s="166">
        <v>0</v>
      </c>
      <c r="AP1658" s="166">
        <v>0</v>
      </c>
      <c r="AQ1658" s="166">
        <v>0</v>
      </c>
      <c r="AR1658" s="166">
        <v>0</v>
      </c>
      <c r="AS1658" s="166">
        <v>0</v>
      </c>
      <c r="AT1658" s="166">
        <v>0</v>
      </c>
      <c r="AU1658" s="166">
        <v>0</v>
      </c>
      <c r="AV1658" s="166">
        <v>0</v>
      </c>
      <c r="AW1658" s="166">
        <v>0</v>
      </c>
      <c r="AX1658" s="166">
        <v>0</v>
      </c>
      <c r="AY1658" s="166">
        <v>0</v>
      </c>
      <c r="AZ1658" s="166">
        <v>0</v>
      </c>
      <c r="BA1658" s="166">
        <v>0</v>
      </c>
      <c r="BB1658" s="166">
        <v>0</v>
      </c>
      <c r="BC1658" s="166">
        <v>0</v>
      </c>
      <c r="BD1658" s="166">
        <v>0</v>
      </c>
      <c r="BE1658" s="166">
        <v>0</v>
      </c>
      <c r="BF1658" s="166">
        <v>0</v>
      </c>
      <c r="BG1658" s="166">
        <v>0</v>
      </c>
      <c r="BH1658" s="166">
        <v>0</v>
      </c>
      <c r="BI1658" s="166">
        <v>0</v>
      </c>
      <c r="BJ1658" s="166">
        <v>0</v>
      </c>
      <c r="BK1658" s="166">
        <v>0</v>
      </c>
      <c r="BL1658" s="166">
        <v>0</v>
      </c>
      <c r="BM1658" s="166">
        <v>0</v>
      </c>
      <c r="BN1658" s="166">
        <v>0</v>
      </c>
      <c r="BO1658" s="166">
        <v>0</v>
      </c>
      <c r="BP1658" s="166">
        <v>0</v>
      </c>
      <c r="BQ1658" s="166">
        <v>0</v>
      </c>
      <c r="BR1658" s="166">
        <v>20246300.469999801</v>
      </c>
      <c r="BS1658" s="166">
        <v>20246300.469999801</v>
      </c>
      <c r="BT1658" s="168">
        <v>0</v>
      </c>
      <c r="BU1658" s="166">
        <v>2623118.5417090901</v>
      </c>
      <c r="BV1658" s="166">
        <v>20246300.469999801</v>
      </c>
      <c r="BW1658" s="166">
        <v>0</v>
      </c>
      <c r="BX1658" s="166">
        <v>0</v>
      </c>
      <c r="BY1658" s="166">
        <v>0</v>
      </c>
      <c r="BZ1658" s="166">
        <v>0</v>
      </c>
      <c r="CA1658" s="166">
        <v>0</v>
      </c>
      <c r="CB1658" s="166">
        <v>0</v>
      </c>
      <c r="CC1658" s="166">
        <v>0</v>
      </c>
      <c r="CD1658" s="166">
        <v>0</v>
      </c>
      <c r="CE1658" s="166">
        <v>0</v>
      </c>
      <c r="CF1658" s="166">
        <v>0</v>
      </c>
      <c r="CG1658" s="166">
        <v>0</v>
      </c>
      <c r="CH1658" s="166">
        <v>0</v>
      </c>
      <c r="CI1658" s="166">
        <v>0</v>
      </c>
      <c r="CJ1658" s="166">
        <v>0</v>
      </c>
      <c r="CK1658" s="166">
        <v>0</v>
      </c>
      <c r="CL1658" s="166">
        <v>0</v>
      </c>
      <c r="CM1658" s="166">
        <v>0</v>
      </c>
      <c r="CN1658" s="166">
        <v>0</v>
      </c>
      <c r="CO1658" s="166">
        <v>0</v>
      </c>
      <c r="CP1658" s="166">
        <v>0</v>
      </c>
      <c r="CQ1658" s="166">
        <v>0</v>
      </c>
      <c r="CR1658" s="166">
        <v>0</v>
      </c>
      <c r="CS1658" s="166">
        <v>0</v>
      </c>
      <c r="CT1658" s="166">
        <v>0</v>
      </c>
      <c r="CU1658" s="166">
        <v>0</v>
      </c>
      <c r="CV1658" s="166">
        <v>0</v>
      </c>
      <c r="CW1658" s="166">
        <v>0</v>
      </c>
      <c r="CX1658" s="166">
        <v>0</v>
      </c>
      <c r="CY1658" s="166">
        <v>20246300.469999801</v>
      </c>
      <c r="CZ1658" s="166">
        <v>20246300.469999801</v>
      </c>
    </row>
    <row r="1659" spans="1:104" x14ac:dyDescent="0.2">
      <c r="A1659" s="167" t="s">
        <v>626</v>
      </c>
      <c r="B1659" s="166">
        <v>0</v>
      </c>
      <c r="C1659" s="166">
        <v>0</v>
      </c>
      <c r="D1659" s="166">
        <v>0</v>
      </c>
      <c r="E1659" s="166">
        <v>0</v>
      </c>
      <c r="F1659" s="166">
        <v>0</v>
      </c>
      <c r="G1659" s="166">
        <v>0</v>
      </c>
      <c r="H1659" s="166">
        <v>0</v>
      </c>
      <c r="I1659" s="166">
        <v>0</v>
      </c>
      <c r="J1659" s="166">
        <v>0</v>
      </c>
      <c r="K1659" s="166">
        <v>0</v>
      </c>
      <c r="L1659" s="166">
        <v>0</v>
      </c>
      <c r="M1659" s="166">
        <v>0</v>
      </c>
      <c r="N1659" s="166">
        <v>0</v>
      </c>
      <c r="O1659" s="166">
        <v>0</v>
      </c>
      <c r="P1659" s="166">
        <v>0</v>
      </c>
      <c r="Q1659" s="166">
        <v>0</v>
      </c>
      <c r="R1659" s="166">
        <v>0</v>
      </c>
      <c r="S1659" s="166">
        <v>0</v>
      </c>
      <c r="T1659" s="166">
        <v>0</v>
      </c>
      <c r="U1659" s="166">
        <v>0</v>
      </c>
      <c r="V1659" s="166">
        <v>0</v>
      </c>
      <c r="W1659" s="166">
        <v>0</v>
      </c>
      <c r="X1659" s="166">
        <v>0</v>
      </c>
      <c r="Y1659" s="166">
        <v>0</v>
      </c>
      <c r="Z1659" s="166">
        <v>0</v>
      </c>
      <c r="AA1659" s="166">
        <v>0</v>
      </c>
      <c r="AB1659" s="166">
        <v>0</v>
      </c>
      <c r="AC1659" s="166">
        <v>0</v>
      </c>
      <c r="AD1659" s="166">
        <v>0</v>
      </c>
      <c r="AE1659" s="166">
        <v>0</v>
      </c>
      <c r="AF1659" s="166">
        <v>0</v>
      </c>
      <c r="AG1659" s="166">
        <v>0</v>
      </c>
      <c r="AH1659" s="166">
        <v>0</v>
      </c>
      <c r="AI1659" s="166">
        <v>0</v>
      </c>
      <c r="AJ1659" s="166">
        <v>0</v>
      </c>
      <c r="AK1659" s="166">
        <v>0</v>
      </c>
      <c r="AL1659" s="166">
        <v>0</v>
      </c>
      <c r="AM1659" s="166">
        <v>0</v>
      </c>
      <c r="AN1659" s="166">
        <v>0</v>
      </c>
      <c r="AO1659" s="166">
        <v>0</v>
      </c>
      <c r="AP1659" s="166">
        <v>0</v>
      </c>
      <c r="AQ1659" s="166">
        <v>0</v>
      </c>
      <c r="AR1659" s="166">
        <v>0</v>
      </c>
      <c r="AS1659" s="166">
        <v>0</v>
      </c>
      <c r="AT1659" s="166">
        <v>0</v>
      </c>
      <c r="AU1659" s="166">
        <v>0</v>
      </c>
      <c r="AV1659" s="166">
        <v>0</v>
      </c>
      <c r="AW1659" s="166">
        <v>0</v>
      </c>
      <c r="AX1659" s="166">
        <v>0</v>
      </c>
      <c r="AY1659" s="166">
        <v>0</v>
      </c>
      <c r="AZ1659" s="166">
        <v>0</v>
      </c>
      <c r="BA1659" s="166">
        <v>0</v>
      </c>
      <c r="BB1659" s="166">
        <v>0</v>
      </c>
      <c r="BC1659" s="166">
        <v>0</v>
      </c>
      <c r="BD1659" s="166">
        <v>0</v>
      </c>
      <c r="BE1659" s="166">
        <v>0</v>
      </c>
      <c r="BF1659" s="166">
        <v>0</v>
      </c>
      <c r="BG1659" s="166">
        <v>0</v>
      </c>
      <c r="BH1659" s="166">
        <v>0</v>
      </c>
      <c r="BI1659" s="166">
        <v>0</v>
      </c>
      <c r="BJ1659" s="166">
        <v>0</v>
      </c>
      <c r="BK1659" s="166">
        <v>0</v>
      </c>
      <c r="BL1659" s="166">
        <v>0</v>
      </c>
      <c r="BM1659" s="166">
        <v>0</v>
      </c>
      <c r="BN1659" s="166">
        <v>0</v>
      </c>
      <c r="BO1659" s="166">
        <v>0</v>
      </c>
      <c r="BP1659" s="166">
        <v>0</v>
      </c>
      <c r="BQ1659" s="166">
        <v>0</v>
      </c>
      <c r="BR1659" s="166">
        <v>0</v>
      </c>
      <c r="BS1659" s="166">
        <v>0</v>
      </c>
      <c r="BT1659" s="168">
        <v>0</v>
      </c>
      <c r="BU1659" s="166">
        <v>0</v>
      </c>
      <c r="BV1659" s="166">
        <v>0</v>
      </c>
      <c r="BW1659" s="166">
        <v>0</v>
      </c>
      <c r="BX1659" s="166">
        <v>0</v>
      </c>
      <c r="BY1659" s="166">
        <v>0</v>
      </c>
      <c r="BZ1659" s="166">
        <v>0</v>
      </c>
      <c r="CA1659" s="166">
        <v>0</v>
      </c>
      <c r="CB1659" s="166">
        <v>0</v>
      </c>
      <c r="CC1659" s="166">
        <v>0</v>
      </c>
      <c r="CD1659" s="166">
        <v>0</v>
      </c>
      <c r="CE1659" s="166">
        <v>0</v>
      </c>
      <c r="CF1659" s="166">
        <v>0</v>
      </c>
      <c r="CG1659" s="166">
        <v>0</v>
      </c>
      <c r="CH1659" s="166">
        <v>0</v>
      </c>
      <c r="CI1659" s="166">
        <v>0</v>
      </c>
      <c r="CJ1659" s="166">
        <v>0</v>
      </c>
      <c r="CK1659" s="166">
        <v>0</v>
      </c>
      <c r="CL1659" s="166">
        <v>0</v>
      </c>
      <c r="CM1659" s="166">
        <v>0</v>
      </c>
      <c r="CN1659" s="166">
        <v>0</v>
      </c>
      <c r="CO1659" s="166">
        <v>0</v>
      </c>
      <c r="CP1659" s="166">
        <v>0</v>
      </c>
      <c r="CQ1659" s="166">
        <v>0</v>
      </c>
      <c r="CR1659" s="166">
        <v>0</v>
      </c>
      <c r="CS1659" s="166">
        <v>0</v>
      </c>
      <c r="CT1659" s="166">
        <v>0</v>
      </c>
      <c r="CU1659" s="166">
        <v>0</v>
      </c>
      <c r="CV1659" s="166">
        <v>0</v>
      </c>
      <c r="CW1659" s="166">
        <v>0</v>
      </c>
      <c r="CX1659" s="166">
        <v>0</v>
      </c>
      <c r="CY1659" s="166">
        <v>0</v>
      </c>
      <c r="CZ1659" s="166">
        <v>0</v>
      </c>
    </row>
    <row r="1660" spans="1:104" x14ac:dyDescent="0.2">
      <c r="A1660" s="167" t="s">
        <v>627</v>
      </c>
      <c r="B1660" s="166">
        <v>117228648.36999901</v>
      </c>
      <c r="C1660" s="166">
        <v>117228648.36999901</v>
      </c>
      <c r="D1660" s="166">
        <v>0</v>
      </c>
      <c r="E1660" s="166">
        <v>0</v>
      </c>
      <c r="F1660" s="166">
        <v>0</v>
      </c>
      <c r="G1660" s="166">
        <v>0</v>
      </c>
      <c r="H1660" s="166">
        <v>0</v>
      </c>
      <c r="I1660" s="166">
        <v>0</v>
      </c>
      <c r="J1660" s="166">
        <v>0</v>
      </c>
      <c r="K1660" s="166">
        <v>0</v>
      </c>
      <c r="L1660" s="166">
        <v>0</v>
      </c>
      <c r="M1660" s="166">
        <v>0</v>
      </c>
      <c r="N1660" s="166">
        <v>0</v>
      </c>
      <c r="O1660" s="166">
        <v>0</v>
      </c>
      <c r="P1660" s="166">
        <v>0</v>
      </c>
      <c r="Q1660" s="166">
        <v>0</v>
      </c>
      <c r="R1660" s="166">
        <v>0</v>
      </c>
      <c r="S1660" s="166">
        <v>0</v>
      </c>
      <c r="T1660" s="166">
        <v>0</v>
      </c>
      <c r="U1660" s="166">
        <v>0</v>
      </c>
      <c r="V1660" s="166">
        <v>0</v>
      </c>
      <c r="W1660" s="166">
        <v>0</v>
      </c>
      <c r="X1660" s="166">
        <v>0</v>
      </c>
      <c r="Y1660" s="166">
        <v>0</v>
      </c>
      <c r="Z1660" s="166">
        <v>0</v>
      </c>
      <c r="AA1660" s="166">
        <v>0</v>
      </c>
      <c r="AB1660" s="166">
        <v>0</v>
      </c>
      <c r="AC1660" s="166">
        <v>0</v>
      </c>
      <c r="AD1660" s="166">
        <v>0</v>
      </c>
      <c r="AE1660" s="166">
        <v>0</v>
      </c>
      <c r="AF1660" s="166">
        <v>0</v>
      </c>
      <c r="AG1660" s="166">
        <v>0</v>
      </c>
      <c r="AH1660" s="166">
        <v>0</v>
      </c>
      <c r="AI1660" s="166">
        <v>0</v>
      </c>
      <c r="AJ1660" s="166">
        <v>0</v>
      </c>
      <c r="AK1660" s="166">
        <v>0</v>
      </c>
      <c r="AL1660" s="166">
        <v>0</v>
      </c>
      <c r="AM1660" s="166">
        <v>0</v>
      </c>
      <c r="AN1660" s="166">
        <v>0</v>
      </c>
      <c r="AO1660" s="166">
        <v>0</v>
      </c>
      <c r="AP1660" s="166">
        <v>0</v>
      </c>
      <c r="AQ1660" s="166">
        <v>0</v>
      </c>
      <c r="AR1660" s="166">
        <v>0</v>
      </c>
      <c r="AS1660" s="166">
        <v>0</v>
      </c>
      <c r="AT1660" s="166">
        <v>0</v>
      </c>
      <c r="AU1660" s="166">
        <v>0</v>
      </c>
      <c r="AV1660" s="166">
        <v>0</v>
      </c>
      <c r="AW1660" s="166">
        <v>0</v>
      </c>
      <c r="AX1660" s="166">
        <v>0</v>
      </c>
      <c r="AY1660" s="166">
        <v>0</v>
      </c>
      <c r="AZ1660" s="166">
        <v>0</v>
      </c>
      <c r="BA1660" s="166">
        <v>0</v>
      </c>
      <c r="BB1660" s="166">
        <v>0</v>
      </c>
      <c r="BC1660" s="166">
        <v>0</v>
      </c>
      <c r="BD1660" s="166">
        <v>0</v>
      </c>
      <c r="BE1660" s="166">
        <v>0</v>
      </c>
      <c r="BF1660" s="166">
        <v>0</v>
      </c>
      <c r="BG1660" s="166">
        <v>0</v>
      </c>
      <c r="BH1660" s="166">
        <v>0</v>
      </c>
      <c r="BI1660" s="166">
        <v>0</v>
      </c>
      <c r="BJ1660" s="166">
        <v>0</v>
      </c>
      <c r="BK1660" s="166">
        <v>0</v>
      </c>
      <c r="BL1660" s="166">
        <v>0</v>
      </c>
      <c r="BM1660" s="166">
        <v>0</v>
      </c>
      <c r="BN1660" s="166">
        <v>0</v>
      </c>
      <c r="BO1660" s="166">
        <v>0</v>
      </c>
      <c r="BP1660" s="166">
        <v>0</v>
      </c>
      <c r="BQ1660" s="166">
        <v>0</v>
      </c>
      <c r="BR1660" s="166">
        <v>117228648.36999901</v>
      </c>
      <c r="BS1660" s="166">
        <v>117228648.36999901</v>
      </c>
      <c r="BT1660" s="168">
        <v>0</v>
      </c>
      <c r="BU1660" s="166">
        <v>11120887.851277299</v>
      </c>
      <c r="BV1660" s="166">
        <v>117157101.96571</v>
      </c>
      <c r="BW1660" s="166">
        <v>0</v>
      </c>
      <c r="BX1660" s="166">
        <v>0</v>
      </c>
      <c r="BY1660" s="166">
        <v>0</v>
      </c>
      <c r="BZ1660" s="166">
        <v>0</v>
      </c>
      <c r="CA1660" s="166">
        <v>0</v>
      </c>
      <c r="CB1660" s="166">
        <v>0</v>
      </c>
      <c r="CC1660" s="166">
        <v>0</v>
      </c>
      <c r="CD1660" s="166">
        <v>0</v>
      </c>
      <c r="CE1660" s="166">
        <v>0</v>
      </c>
      <c r="CF1660" s="166">
        <v>0</v>
      </c>
      <c r="CG1660" s="166">
        <v>0</v>
      </c>
      <c r="CH1660" s="166">
        <v>0</v>
      </c>
      <c r="CI1660" s="166">
        <v>0</v>
      </c>
      <c r="CJ1660" s="166">
        <v>0</v>
      </c>
      <c r="CK1660" s="166">
        <v>0</v>
      </c>
      <c r="CL1660" s="166">
        <v>0</v>
      </c>
      <c r="CM1660" s="166">
        <v>0</v>
      </c>
      <c r="CN1660" s="166">
        <v>0</v>
      </c>
      <c r="CO1660" s="166">
        <v>0</v>
      </c>
      <c r="CP1660" s="166">
        <v>0</v>
      </c>
      <c r="CQ1660" s="166">
        <v>0</v>
      </c>
      <c r="CR1660" s="166">
        <v>0</v>
      </c>
      <c r="CS1660" s="166">
        <v>0</v>
      </c>
      <c r="CT1660" s="166">
        <v>0</v>
      </c>
      <c r="CU1660" s="166">
        <v>0</v>
      </c>
      <c r="CV1660" s="166">
        <v>0</v>
      </c>
      <c r="CW1660" s="166">
        <v>0</v>
      </c>
      <c r="CX1660" s="166">
        <v>0</v>
      </c>
      <c r="CY1660" s="166">
        <v>117157101.96571</v>
      </c>
      <c r="CZ1660" s="166">
        <v>117157101.96571</v>
      </c>
    </row>
    <row r="1661" spans="1:104" x14ac:dyDescent="0.2">
      <c r="A1661" s="167" t="s">
        <v>628</v>
      </c>
      <c r="B1661" s="166">
        <v>0</v>
      </c>
      <c r="C1661" s="166">
        <v>0</v>
      </c>
      <c r="D1661" s="166">
        <v>0</v>
      </c>
      <c r="E1661" s="166">
        <v>0</v>
      </c>
      <c r="F1661" s="166">
        <v>0</v>
      </c>
      <c r="G1661" s="166">
        <v>0</v>
      </c>
      <c r="H1661" s="166">
        <v>0</v>
      </c>
      <c r="I1661" s="166">
        <v>0</v>
      </c>
      <c r="J1661" s="166">
        <v>0</v>
      </c>
      <c r="K1661" s="166">
        <v>0</v>
      </c>
      <c r="L1661" s="166">
        <v>0</v>
      </c>
      <c r="M1661" s="166">
        <v>0</v>
      </c>
      <c r="N1661" s="166">
        <v>0</v>
      </c>
      <c r="O1661" s="166">
        <v>0</v>
      </c>
      <c r="P1661" s="166">
        <v>0</v>
      </c>
      <c r="Q1661" s="166">
        <v>0</v>
      </c>
      <c r="R1661" s="166">
        <v>0</v>
      </c>
      <c r="S1661" s="166">
        <v>0</v>
      </c>
      <c r="T1661" s="166">
        <v>0</v>
      </c>
      <c r="U1661" s="166">
        <v>0</v>
      </c>
      <c r="V1661" s="166">
        <v>0</v>
      </c>
      <c r="W1661" s="166">
        <v>0</v>
      </c>
      <c r="X1661" s="166">
        <v>0</v>
      </c>
      <c r="Y1661" s="166">
        <v>0</v>
      </c>
      <c r="Z1661" s="166">
        <v>0</v>
      </c>
      <c r="AA1661" s="166">
        <v>0</v>
      </c>
      <c r="AB1661" s="166">
        <v>0</v>
      </c>
      <c r="AC1661" s="166">
        <v>0</v>
      </c>
      <c r="AD1661" s="166">
        <v>0</v>
      </c>
      <c r="AE1661" s="166">
        <v>0</v>
      </c>
      <c r="AF1661" s="166">
        <v>0</v>
      </c>
      <c r="AG1661" s="166">
        <v>0</v>
      </c>
      <c r="AH1661" s="166">
        <v>0</v>
      </c>
      <c r="AI1661" s="166">
        <v>0</v>
      </c>
      <c r="AJ1661" s="166">
        <v>0</v>
      </c>
      <c r="AK1661" s="166">
        <v>0</v>
      </c>
      <c r="AL1661" s="166">
        <v>0</v>
      </c>
      <c r="AM1661" s="166">
        <v>0</v>
      </c>
      <c r="AN1661" s="166">
        <v>0</v>
      </c>
      <c r="AO1661" s="166">
        <v>0</v>
      </c>
      <c r="AP1661" s="166">
        <v>0</v>
      </c>
      <c r="AQ1661" s="166">
        <v>0</v>
      </c>
      <c r="AR1661" s="166">
        <v>0</v>
      </c>
      <c r="AS1661" s="166">
        <v>0</v>
      </c>
      <c r="AT1661" s="166">
        <v>0</v>
      </c>
      <c r="AU1661" s="166">
        <v>0</v>
      </c>
      <c r="AV1661" s="166">
        <v>0</v>
      </c>
      <c r="AW1661" s="166">
        <v>0</v>
      </c>
      <c r="AX1661" s="166">
        <v>0</v>
      </c>
      <c r="AY1661" s="166">
        <v>0</v>
      </c>
      <c r="AZ1661" s="166">
        <v>0</v>
      </c>
      <c r="BA1661" s="166">
        <v>0</v>
      </c>
      <c r="BB1661" s="166">
        <v>0</v>
      </c>
      <c r="BC1661" s="166">
        <v>0</v>
      </c>
      <c r="BD1661" s="166">
        <v>0</v>
      </c>
      <c r="BE1661" s="166">
        <v>0</v>
      </c>
      <c r="BF1661" s="166">
        <v>0</v>
      </c>
      <c r="BG1661" s="166">
        <v>0</v>
      </c>
      <c r="BH1661" s="166">
        <v>0</v>
      </c>
      <c r="BI1661" s="166">
        <v>0</v>
      </c>
      <c r="BJ1661" s="166">
        <v>0</v>
      </c>
      <c r="BK1661" s="166">
        <v>0</v>
      </c>
      <c r="BL1661" s="166">
        <v>0</v>
      </c>
      <c r="BM1661" s="166">
        <v>0</v>
      </c>
      <c r="BN1661" s="166">
        <v>0</v>
      </c>
      <c r="BO1661" s="166">
        <v>0</v>
      </c>
      <c r="BP1661" s="166">
        <v>0</v>
      </c>
      <c r="BQ1661" s="166">
        <v>0</v>
      </c>
      <c r="BR1661" s="166">
        <v>0</v>
      </c>
      <c r="BS1661" s="166">
        <v>0</v>
      </c>
      <c r="BT1661" s="168">
        <v>0</v>
      </c>
      <c r="BU1661" s="166">
        <v>0</v>
      </c>
      <c r="BV1661" s="166">
        <v>0</v>
      </c>
      <c r="BW1661" s="166">
        <v>0</v>
      </c>
      <c r="BX1661" s="166">
        <v>0</v>
      </c>
      <c r="BY1661" s="166">
        <v>0</v>
      </c>
      <c r="BZ1661" s="166">
        <v>0</v>
      </c>
      <c r="CA1661" s="166">
        <v>0</v>
      </c>
      <c r="CB1661" s="166">
        <v>0</v>
      </c>
      <c r="CC1661" s="166">
        <v>0</v>
      </c>
      <c r="CD1661" s="166">
        <v>0</v>
      </c>
      <c r="CE1661" s="166">
        <v>0</v>
      </c>
      <c r="CF1661" s="166">
        <v>0</v>
      </c>
      <c r="CG1661" s="166">
        <v>0</v>
      </c>
      <c r="CH1661" s="166">
        <v>0</v>
      </c>
      <c r="CI1661" s="166">
        <v>0</v>
      </c>
      <c r="CJ1661" s="166">
        <v>0</v>
      </c>
      <c r="CK1661" s="166">
        <v>0</v>
      </c>
      <c r="CL1661" s="166">
        <v>0</v>
      </c>
      <c r="CM1661" s="166">
        <v>0</v>
      </c>
      <c r="CN1661" s="166">
        <v>0</v>
      </c>
      <c r="CO1661" s="166">
        <v>0</v>
      </c>
      <c r="CP1661" s="166">
        <v>0</v>
      </c>
      <c r="CQ1661" s="166">
        <v>0</v>
      </c>
      <c r="CR1661" s="166">
        <v>0</v>
      </c>
      <c r="CS1661" s="166">
        <v>0</v>
      </c>
      <c r="CT1661" s="166">
        <v>0</v>
      </c>
      <c r="CU1661" s="166">
        <v>0</v>
      </c>
      <c r="CV1661" s="166">
        <v>0</v>
      </c>
      <c r="CW1661" s="166">
        <v>0</v>
      </c>
      <c r="CX1661" s="166">
        <v>0</v>
      </c>
      <c r="CY1661" s="166">
        <v>0</v>
      </c>
      <c r="CZ1661" s="166">
        <v>0</v>
      </c>
    </row>
    <row r="1662" spans="1:104" x14ac:dyDescent="0.2">
      <c r="A1662" s="167" t="s">
        <v>629</v>
      </c>
      <c r="B1662" s="166">
        <v>290878470.42285699</v>
      </c>
      <c r="C1662" s="166">
        <v>290878470.42285699</v>
      </c>
      <c r="D1662" s="166">
        <v>0</v>
      </c>
      <c r="E1662" s="166">
        <v>0</v>
      </c>
      <c r="F1662" s="166">
        <v>0</v>
      </c>
      <c r="G1662" s="166">
        <v>0</v>
      </c>
      <c r="H1662" s="166">
        <v>0</v>
      </c>
      <c r="I1662" s="166">
        <v>0</v>
      </c>
      <c r="J1662" s="166">
        <v>0</v>
      </c>
      <c r="K1662" s="166">
        <v>0</v>
      </c>
      <c r="L1662" s="166">
        <v>0</v>
      </c>
      <c r="M1662" s="166">
        <v>0</v>
      </c>
      <c r="N1662" s="166">
        <v>0</v>
      </c>
      <c r="O1662" s="166">
        <v>0</v>
      </c>
      <c r="P1662" s="166">
        <v>0</v>
      </c>
      <c r="Q1662" s="166">
        <v>0</v>
      </c>
      <c r="R1662" s="166">
        <v>0</v>
      </c>
      <c r="S1662" s="166">
        <v>0</v>
      </c>
      <c r="T1662" s="166">
        <v>0</v>
      </c>
      <c r="U1662" s="166">
        <v>0</v>
      </c>
      <c r="V1662" s="166">
        <v>0</v>
      </c>
      <c r="W1662" s="166">
        <v>0</v>
      </c>
      <c r="X1662" s="166">
        <v>0</v>
      </c>
      <c r="Y1662" s="166">
        <v>0</v>
      </c>
      <c r="Z1662" s="166">
        <v>0</v>
      </c>
      <c r="AA1662" s="166">
        <v>0</v>
      </c>
      <c r="AB1662" s="166">
        <v>0</v>
      </c>
      <c r="AC1662" s="166">
        <v>0</v>
      </c>
      <c r="AD1662" s="166">
        <v>0</v>
      </c>
      <c r="AE1662" s="166">
        <v>0</v>
      </c>
      <c r="AF1662" s="166">
        <v>0</v>
      </c>
      <c r="AG1662" s="166">
        <v>0</v>
      </c>
      <c r="AH1662" s="166">
        <v>0</v>
      </c>
      <c r="AI1662" s="166">
        <v>0</v>
      </c>
      <c r="AJ1662" s="166">
        <v>0</v>
      </c>
      <c r="AK1662" s="166">
        <v>0</v>
      </c>
      <c r="AL1662" s="166">
        <v>0</v>
      </c>
      <c r="AM1662" s="166">
        <v>0</v>
      </c>
      <c r="AN1662" s="166">
        <v>0</v>
      </c>
      <c r="AO1662" s="166">
        <v>0</v>
      </c>
      <c r="AP1662" s="166">
        <v>0</v>
      </c>
      <c r="AQ1662" s="166">
        <v>0</v>
      </c>
      <c r="AR1662" s="166">
        <v>0</v>
      </c>
      <c r="AS1662" s="166">
        <v>0</v>
      </c>
      <c r="AT1662" s="166">
        <v>0</v>
      </c>
      <c r="AU1662" s="166">
        <v>0</v>
      </c>
      <c r="AV1662" s="166">
        <v>0</v>
      </c>
      <c r="AW1662" s="166">
        <v>0</v>
      </c>
      <c r="AX1662" s="166">
        <v>-3964398.2872829898</v>
      </c>
      <c r="AY1662" s="166">
        <v>0</v>
      </c>
      <c r="AZ1662" s="166">
        <v>0</v>
      </c>
      <c r="BA1662" s="166">
        <v>0</v>
      </c>
      <c r="BB1662" s="166">
        <v>0</v>
      </c>
      <c r="BC1662" s="166">
        <v>0</v>
      </c>
      <c r="BD1662" s="166">
        <v>0</v>
      </c>
      <c r="BE1662" s="166">
        <v>0</v>
      </c>
      <c r="BF1662" s="166">
        <v>0</v>
      </c>
      <c r="BG1662" s="166">
        <v>0</v>
      </c>
      <c r="BH1662" s="166">
        <v>0</v>
      </c>
      <c r="BI1662" s="166">
        <v>0</v>
      </c>
      <c r="BJ1662" s="166">
        <v>0</v>
      </c>
      <c r="BK1662" s="166">
        <v>0</v>
      </c>
      <c r="BL1662" s="166">
        <v>0</v>
      </c>
      <c r="BM1662" s="166">
        <v>0</v>
      </c>
      <c r="BN1662" s="166">
        <v>0</v>
      </c>
      <c r="BO1662" s="166">
        <v>-3964398.2872829898</v>
      </c>
      <c r="BP1662" s="166">
        <v>0</v>
      </c>
      <c r="BQ1662" s="166">
        <v>0</v>
      </c>
      <c r="BR1662" s="166">
        <v>290878470.42285699</v>
      </c>
      <c r="BS1662" s="166">
        <v>286914072.13557398</v>
      </c>
      <c r="BT1662" s="168">
        <v>0</v>
      </c>
      <c r="BU1662" s="166">
        <v>20564418.055286899</v>
      </c>
      <c r="BV1662" s="166">
        <v>283820516.07167399</v>
      </c>
      <c r="BW1662" s="166">
        <v>0</v>
      </c>
      <c r="BX1662" s="166">
        <v>0</v>
      </c>
      <c r="BY1662" s="166">
        <v>0</v>
      </c>
      <c r="BZ1662" s="166">
        <v>0</v>
      </c>
      <c r="CA1662" s="166">
        <v>0</v>
      </c>
      <c r="CB1662" s="166">
        <v>0</v>
      </c>
      <c r="CC1662" s="166">
        <v>0</v>
      </c>
      <c r="CD1662" s="166">
        <v>0</v>
      </c>
      <c r="CE1662" s="166">
        <v>0</v>
      </c>
      <c r="CF1662" s="166">
        <v>0</v>
      </c>
      <c r="CG1662" s="166">
        <v>0</v>
      </c>
      <c r="CH1662" s="166">
        <v>-3964398.2872829898</v>
      </c>
      <c r="CI1662" s="166">
        <v>0</v>
      </c>
      <c r="CJ1662" s="166">
        <v>0</v>
      </c>
      <c r="CK1662" s="166">
        <v>0</v>
      </c>
      <c r="CL1662" s="166">
        <v>0</v>
      </c>
      <c r="CM1662" s="166">
        <v>0</v>
      </c>
      <c r="CN1662" s="166">
        <v>0</v>
      </c>
      <c r="CO1662" s="166">
        <v>0</v>
      </c>
      <c r="CP1662" s="166">
        <v>0</v>
      </c>
      <c r="CQ1662" s="166">
        <v>0</v>
      </c>
      <c r="CR1662" s="166">
        <v>0</v>
      </c>
      <c r="CS1662" s="166">
        <v>0</v>
      </c>
      <c r="CT1662" s="166">
        <v>0</v>
      </c>
      <c r="CU1662" s="166">
        <v>0</v>
      </c>
      <c r="CV1662" s="166">
        <v>-3964398.2872829898</v>
      </c>
      <c r="CW1662" s="166">
        <v>0</v>
      </c>
      <c r="CX1662" s="166">
        <v>0</v>
      </c>
      <c r="CY1662" s="166">
        <v>279856117.78439099</v>
      </c>
      <c r="CZ1662" s="166">
        <v>279856117.78439099</v>
      </c>
    </row>
    <row r="1663" spans="1:104" x14ac:dyDescent="0.2">
      <c r="A1663" s="167" t="s">
        <v>630</v>
      </c>
      <c r="B1663" s="166">
        <v>0</v>
      </c>
      <c r="C1663" s="166">
        <v>0</v>
      </c>
      <c r="D1663" s="166">
        <v>0</v>
      </c>
      <c r="E1663" s="166">
        <v>0</v>
      </c>
      <c r="F1663" s="166">
        <v>0</v>
      </c>
      <c r="G1663" s="166">
        <v>0</v>
      </c>
      <c r="H1663" s="166">
        <v>0</v>
      </c>
      <c r="I1663" s="166">
        <v>0</v>
      </c>
      <c r="J1663" s="166">
        <v>0</v>
      </c>
      <c r="K1663" s="166">
        <v>0</v>
      </c>
      <c r="L1663" s="166">
        <v>0</v>
      </c>
      <c r="M1663" s="166">
        <v>0</v>
      </c>
      <c r="N1663" s="166">
        <v>0</v>
      </c>
      <c r="O1663" s="166">
        <v>0</v>
      </c>
      <c r="P1663" s="166">
        <v>0</v>
      </c>
      <c r="Q1663" s="166">
        <v>0</v>
      </c>
      <c r="R1663" s="166">
        <v>0</v>
      </c>
      <c r="S1663" s="166">
        <v>0</v>
      </c>
      <c r="T1663" s="166">
        <v>0</v>
      </c>
      <c r="U1663" s="166">
        <v>0</v>
      </c>
      <c r="V1663" s="166">
        <v>0</v>
      </c>
      <c r="W1663" s="166">
        <v>0</v>
      </c>
      <c r="X1663" s="166">
        <v>0</v>
      </c>
      <c r="Y1663" s="166">
        <v>0</v>
      </c>
      <c r="Z1663" s="166">
        <v>0</v>
      </c>
      <c r="AA1663" s="166">
        <v>0</v>
      </c>
      <c r="AB1663" s="166">
        <v>0</v>
      </c>
      <c r="AC1663" s="166">
        <v>0</v>
      </c>
      <c r="AD1663" s="166">
        <v>0</v>
      </c>
      <c r="AE1663" s="166">
        <v>0</v>
      </c>
      <c r="AF1663" s="166">
        <v>0</v>
      </c>
      <c r="AG1663" s="166">
        <v>0</v>
      </c>
      <c r="AH1663" s="166">
        <v>0</v>
      </c>
      <c r="AI1663" s="166">
        <v>0</v>
      </c>
      <c r="AJ1663" s="166">
        <v>0</v>
      </c>
      <c r="AK1663" s="166">
        <v>0</v>
      </c>
      <c r="AL1663" s="166">
        <v>0</v>
      </c>
      <c r="AM1663" s="166">
        <v>0</v>
      </c>
      <c r="AN1663" s="166">
        <v>0</v>
      </c>
      <c r="AO1663" s="166">
        <v>0</v>
      </c>
      <c r="AP1663" s="166">
        <v>0</v>
      </c>
      <c r="AQ1663" s="166">
        <v>0</v>
      </c>
      <c r="AR1663" s="166">
        <v>0</v>
      </c>
      <c r="AS1663" s="166">
        <v>0</v>
      </c>
      <c r="AT1663" s="166">
        <v>0</v>
      </c>
      <c r="AU1663" s="166">
        <v>0</v>
      </c>
      <c r="AV1663" s="166">
        <v>0</v>
      </c>
      <c r="AW1663" s="166">
        <v>0</v>
      </c>
      <c r="AX1663" s="166">
        <v>0</v>
      </c>
      <c r="AY1663" s="166">
        <v>0</v>
      </c>
      <c r="AZ1663" s="166">
        <v>0</v>
      </c>
      <c r="BA1663" s="166">
        <v>0</v>
      </c>
      <c r="BB1663" s="166">
        <v>0</v>
      </c>
      <c r="BC1663" s="166">
        <v>0</v>
      </c>
      <c r="BD1663" s="166">
        <v>0</v>
      </c>
      <c r="BE1663" s="166">
        <v>0</v>
      </c>
      <c r="BF1663" s="166">
        <v>0</v>
      </c>
      <c r="BG1663" s="166">
        <v>0</v>
      </c>
      <c r="BH1663" s="166">
        <v>0</v>
      </c>
      <c r="BI1663" s="166">
        <v>0</v>
      </c>
      <c r="BJ1663" s="166">
        <v>0</v>
      </c>
      <c r="BK1663" s="166">
        <v>0</v>
      </c>
      <c r="BL1663" s="166">
        <v>0</v>
      </c>
      <c r="BM1663" s="166">
        <v>0</v>
      </c>
      <c r="BN1663" s="166">
        <v>0</v>
      </c>
      <c r="BO1663" s="166">
        <v>0</v>
      </c>
      <c r="BP1663" s="166">
        <v>0</v>
      </c>
      <c r="BQ1663" s="166">
        <v>0</v>
      </c>
      <c r="BR1663" s="166">
        <v>0</v>
      </c>
      <c r="BS1663" s="166">
        <v>0</v>
      </c>
      <c r="BT1663" s="168">
        <v>0</v>
      </c>
      <c r="BU1663" s="166">
        <v>0</v>
      </c>
      <c r="BV1663" s="166">
        <v>0</v>
      </c>
      <c r="BW1663" s="166">
        <v>0</v>
      </c>
      <c r="BX1663" s="166">
        <v>0</v>
      </c>
      <c r="BY1663" s="166">
        <v>0</v>
      </c>
      <c r="BZ1663" s="166">
        <v>0</v>
      </c>
      <c r="CA1663" s="166">
        <v>0</v>
      </c>
      <c r="CB1663" s="166">
        <v>0</v>
      </c>
      <c r="CC1663" s="166">
        <v>0</v>
      </c>
      <c r="CD1663" s="166">
        <v>0</v>
      </c>
      <c r="CE1663" s="166">
        <v>0</v>
      </c>
      <c r="CF1663" s="166">
        <v>0</v>
      </c>
      <c r="CG1663" s="166">
        <v>0</v>
      </c>
      <c r="CH1663" s="166">
        <v>0</v>
      </c>
      <c r="CI1663" s="166">
        <v>0</v>
      </c>
      <c r="CJ1663" s="166">
        <v>0</v>
      </c>
      <c r="CK1663" s="166">
        <v>0</v>
      </c>
      <c r="CL1663" s="166">
        <v>0</v>
      </c>
      <c r="CM1663" s="166">
        <v>0</v>
      </c>
      <c r="CN1663" s="166">
        <v>0</v>
      </c>
      <c r="CO1663" s="166">
        <v>0</v>
      </c>
      <c r="CP1663" s="166">
        <v>0</v>
      </c>
      <c r="CQ1663" s="166">
        <v>0</v>
      </c>
      <c r="CR1663" s="166">
        <v>0</v>
      </c>
      <c r="CS1663" s="166">
        <v>0</v>
      </c>
      <c r="CT1663" s="166">
        <v>0</v>
      </c>
      <c r="CU1663" s="166">
        <v>0</v>
      </c>
      <c r="CV1663" s="166">
        <v>0</v>
      </c>
      <c r="CW1663" s="166">
        <v>0</v>
      </c>
      <c r="CX1663" s="166">
        <v>0</v>
      </c>
      <c r="CY1663" s="166">
        <v>0</v>
      </c>
      <c r="CZ1663" s="166">
        <v>0</v>
      </c>
    </row>
    <row r="1664" spans="1:104" x14ac:dyDescent="0.2">
      <c r="A1664" s="167" t="s">
        <v>631</v>
      </c>
      <c r="B1664" s="166">
        <v>596463340.83053303</v>
      </c>
      <c r="C1664" s="166">
        <v>596463340.83053303</v>
      </c>
      <c r="D1664" s="166">
        <v>0</v>
      </c>
      <c r="E1664" s="166">
        <v>0</v>
      </c>
      <c r="F1664" s="166">
        <v>0</v>
      </c>
      <c r="G1664" s="166">
        <v>0</v>
      </c>
      <c r="H1664" s="166">
        <v>0</v>
      </c>
      <c r="I1664" s="166">
        <v>0</v>
      </c>
      <c r="J1664" s="166">
        <v>0</v>
      </c>
      <c r="K1664" s="166">
        <v>0</v>
      </c>
      <c r="L1664" s="166">
        <v>0</v>
      </c>
      <c r="M1664" s="166">
        <v>0</v>
      </c>
      <c r="N1664" s="166">
        <v>0</v>
      </c>
      <c r="O1664" s="166">
        <v>0</v>
      </c>
      <c r="P1664" s="166">
        <v>0</v>
      </c>
      <c r="Q1664" s="166">
        <v>0</v>
      </c>
      <c r="R1664" s="166">
        <v>0</v>
      </c>
      <c r="S1664" s="166">
        <v>0</v>
      </c>
      <c r="T1664" s="166">
        <v>0</v>
      </c>
      <c r="U1664" s="166">
        <v>0</v>
      </c>
      <c r="V1664" s="166">
        <v>0</v>
      </c>
      <c r="W1664" s="166">
        <v>0</v>
      </c>
      <c r="X1664" s="166">
        <v>0</v>
      </c>
      <c r="Y1664" s="166">
        <v>0</v>
      </c>
      <c r="Z1664" s="166">
        <v>0</v>
      </c>
      <c r="AA1664" s="166">
        <v>0</v>
      </c>
      <c r="AB1664" s="166">
        <v>0</v>
      </c>
      <c r="AC1664" s="166">
        <v>0</v>
      </c>
      <c r="AD1664" s="166">
        <v>0</v>
      </c>
      <c r="AE1664" s="166">
        <v>0</v>
      </c>
      <c r="AF1664" s="166">
        <v>0</v>
      </c>
      <c r="AG1664" s="166">
        <v>0</v>
      </c>
      <c r="AH1664" s="166">
        <v>0</v>
      </c>
      <c r="AI1664" s="166">
        <v>0</v>
      </c>
      <c r="AJ1664" s="166">
        <v>0</v>
      </c>
      <c r="AK1664" s="166">
        <v>0</v>
      </c>
      <c r="AL1664" s="166">
        <v>0</v>
      </c>
      <c r="AM1664" s="166">
        <v>0</v>
      </c>
      <c r="AN1664" s="166">
        <v>0</v>
      </c>
      <c r="AO1664" s="166">
        <v>0</v>
      </c>
      <c r="AP1664" s="166">
        <v>0</v>
      </c>
      <c r="AQ1664" s="166">
        <v>0</v>
      </c>
      <c r="AR1664" s="166">
        <v>0</v>
      </c>
      <c r="AS1664" s="166">
        <v>0</v>
      </c>
      <c r="AT1664" s="166">
        <v>0</v>
      </c>
      <c r="AU1664" s="166">
        <v>0</v>
      </c>
      <c r="AV1664" s="166">
        <v>0</v>
      </c>
      <c r="AW1664" s="166">
        <v>0</v>
      </c>
      <c r="AX1664" s="166">
        <v>-3964398.2872829898</v>
      </c>
      <c r="AY1664" s="166">
        <v>0</v>
      </c>
      <c r="AZ1664" s="166">
        <v>0</v>
      </c>
      <c r="BA1664" s="166">
        <v>0</v>
      </c>
      <c r="BB1664" s="166">
        <v>0</v>
      </c>
      <c r="BC1664" s="166">
        <v>0</v>
      </c>
      <c r="BD1664" s="166">
        <v>0</v>
      </c>
      <c r="BE1664" s="166">
        <v>0</v>
      </c>
      <c r="BF1664" s="166">
        <v>0</v>
      </c>
      <c r="BG1664" s="166">
        <v>0</v>
      </c>
      <c r="BH1664" s="166">
        <v>0</v>
      </c>
      <c r="BI1664" s="166">
        <v>0</v>
      </c>
      <c r="BJ1664" s="166">
        <v>0</v>
      </c>
      <c r="BK1664" s="166">
        <v>0</v>
      </c>
      <c r="BL1664" s="166">
        <v>0</v>
      </c>
      <c r="BM1664" s="166">
        <v>0</v>
      </c>
      <c r="BN1664" s="166">
        <v>0</v>
      </c>
      <c r="BO1664" s="166">
        <v>-3964398.2872829898</v>
      </c>
      <c r="BP1664" s="166">
        <v>0</v>
      </c>
      <c r="BQ1664" s="166">
        <v>0</v>
      </c>
      <c r="BR1664" s="166">
        <v>596463340.83053303</v>
      </c>
      <c r="BS1664" s="166">
        <v>592498942.54324996</v>
      </c>
      <c r="BT1664" s="168">
        <v>0</v>
      </c>
      <c r="BU1664" s="166">
        <v>43121055.514279902</v>
      </c>
      <c r="BV1664" s="166">
        <v>579165381.36410296</v>
      </c>
      <c r="BW1664" s="166">
        <v>0</v>
      </c>
      <c r="BX1664" s="166">
        <v>0</v>
      </c>
      <c r="BY1664" s="166">
        <v>0</v>
      </c>
      <c r="BZ1664" s="166">
        <v>0</v>
      </c>
      <c r="CA1664" s="166">
        <v>0</v>
      </c>
      <c r="CB1664" s="166">
        <v>0</v>
      </c>
      <c r="CC1664" s="166">
        <v>0</v>
      </c>
      <c r="CD1664" s="166">
        <v>0</v>
      </c>
      <c r="CE1664" s="166">
        <v>0</v>
      </c>
      <c r="CF1664" s="166">
        <v>0</v>
      </c>
      <c r="CG1664" s="166">
        <v>0</v>
      </c>
      <c r="CH1664" s="166">
        <v>-3964398.2872829898</v>
      </c>
      <c r="CI1664" s="166">
        <v>0</v>
      </c>
      <c r="CJ1664" s="166">
        <v>0</v>
      </c>
      <c r="CK1664" s="166">
        <v>0</v>
      </c>
      <c r="CL1664" s="166">
        <v>0</v>
      </c>
      <c r="CM1664" s="166">
        <v>0</v>
      </c>
      <c r="CN1664" s="166">
        <v>0</v>
      </c>
      <c r="CO1664" s="166">
        <v>0</v>
      </c>
      <c r="CP1664" s="166">
        <v>0</v>
      </c>
      <c r="CQ1664" s="166">
        <v>0</v>
      </c>
      <c r="CR1664" s="166">
        <v>0</v>
      </c>
      <c r="CS1664" s="166">
        <v>0</v>
      </c>
      <c r="CT1664" s="166">
        <v>0</v>
      </c>
      <c r="CU1664" s="166">
        <v>0</v>
      </c>
      <c r="CV1664" s="166">
        <v>-3964398.2872829898</v>
      </c>
      <c r="CW1664" s="166">
        <v>0</v>
      </c>
      <c r="CX1664" s="166">
        <v>0</v>
      </c>
      <c r="CY1664" s="166">
        <v>575200983.07682002</v>
      </c>
      <c r="CZ1664" s="166">
        <v>575200983.07682002</v>
      </c>
    </row>
    <row r="1665" spans="1:104" x14ac:dyDescent="0.2">
      <c r="A1665" s="167" t="s">
        <v>632</v>
      </c>
      <c r="B1665" s="166">
        <v>616079722.28991604</v>
      </c>
      <c r="C1665" s="166">
        <v>616079722.28991604</v>
      </c>
      <c r="D1665" s="166">
        <v>0</v>
      </c>
      <c r="E1665" s="166">
        <v>0</v>
      </c>
      <c r="F1665" s="166">
        <v>0</v>
      </c>
      <c r="G1665" s="166">
        <v>0</v>
      </c>
      <c r="H1665" s="166">
        <v>0</v>
      </c>
      <c r="I1665" s="166">
        <v>0</v>
      </c>
      <c r="J1665" s="166">
        <v>0</v>
      </c>
      <c r="K1665" s="166">
        <v>0</v>
      </c>
      <c r="L1665" s="166">
        <v>0</v>
      </c>
      <c r="M1665" s="166">
        <v>0</v>
      </c>
      <c r="N1665" s="166">
        <v>0</v>
      </c>
      <c r="O1665" s="166">
        <v>0</v>
      </c>
      <c r="P1665" s="166">
        <v>0</v>
      </c>
      <c r="Q1665" s="166">
        <v>0</v>
      </c>
      <c r="R1665" s="166">
        <v>0</v>
      </c>
      <c r="S1665" s="166">
        <v>0</v>
      </c>
      <c r="T1665" s="166">
        <v>0</v>
      </c>
      <c r="U1665" s="166">
        <v>0</v>
      </c>
      <c r="V1665" s="166">
        <v>0</v>
      </c>
      <c r="W1665" s="166">
        <v>0</v>
      </c>
      <c r="X1665" s="166">
        <v>0</v>
      </c>
      <c r="Y1665" s="166">
        <v>0</v>
      </c>
      <c r="Z1665" s="166">
        <v>0</v>
      </c>
      <c r="AA1665" s="166">
        <v>0</v>
      </c>
      <c r="AB1665" s="166">
        <v>0</v>
      </c>
      <c r="AC1665" s="166">
        <v>0</v>
      </c>
      <c r="AD1665" s="166">
        <v>0</v>
      </c>
      <c r="AE1665" s="166">
        <v>0</v>
      </c>
      <c r="AF1665" s="166">
        <v>0</v>
      </c>
      <c r="AG1665" s="166">
        <v>0</v>
      </c>
      <c r="AH1665" s="166">
        <v>0</v>
      </c>
      <c r="AI1665" s="166">
        <v>0</v>
      </c>
      <c r="AJ1665" s="166">
        <v>0</v>
      </c>
      <c r="AK1665" s="166">
        <v>0</v>
      </c>
      <c r="AL1665" s="166">
        <v>0</v>
      </c>
      <c r="AM1665" s="166">
        <v>0</v>
      </c>
      <c r="AN1665" s="166">
        <v>0</v>
      </c>
      <c r="AO1665" s="166">
        <v>0</v>
      </c>
      <c r="AP1665" s="166">
        <v>0</v>
      </c>
      <c r="AQ1665" s="166">
        <v>0</v>
      </c>
      <c r="AR1665" s="166">
        <v>0</v>
      </c>
      <c r="AS1665" s="166">
        <v>0</v>
      </c>
      <c r="AT1665" s="166">
        <v>0</v>
      </c>
      <c r="AU1665" s="166">
        <v>0</v>
      </c>
      <c r="AV1665" s="166">
        <v>0</v>
      </c>
      <c r="AW1665" s="166">
        <v>0</v>
      </c>
      <c r="AX1665" s="166">
        <v>-3964398.2872829898</v>
      </c>
      <c r="AY1665" s="166">
        <v>0</v>
      </c>
      <c r="AZ1665" s="166">
        <v>0</v>
      </c>
      <c r="BA1665" s="166">
        <v>0</v>
      </c>
      <c r="BB1665" s="166">
        <v>0</v>
      </c>
      <c r="BC1665" s="166">
        <v>0</v>
      </c>
      <c r="BD1665" s="166">
        <v>0</v>
      </c>
      <c r="BE1665" s="166">
        <v>0</v>
      </c>
      <c r="BF1665" s="166">
        <v>0</v>
      </c>
      <c r="BG1665" s="166">
        <v>0</v>
      </c>
      <c r="BH1665" s="166">
        <v>0</v>
      </c>
      <c r="BI1665" s="166">
        <v>0</v>
      </c>
      <c r="BJ1665" s="166">
        <v>0</v>
      </c>
      <c r="BK1665" s="166">
        <v>0</v>
      </c>
      <c r="BL1665" s="166">
        <v>0</v>
      </c>
      <c r="BM1665" s="166">
        <v>0</v>
      </c>
      <c r="BN1665" s="166">
        <v>0</v>
      </c>
      <c r="BO1665" s="166">
        <v>-3964398.2872829898</v>
      </c>
      <c r="BP1665" s="166">
        <v>0</v>
      </c>
      <c r="BQ1665" s="166">
        <v>0</v>
      </c>
      <c r="BR1665" s="166">
        <v>616079722.28991604</v>
      </c>
      <c r="BS1665" s="166">
        <v>612115324.00263298</v>
      </c>
      <c r="BT1665" s="168">
        <v>0</v>
      </c>
      <c r="BU1665" s="166">
        <v>44213843.341596402</v>
      </c>
      <c r="BV1665" s="166">
        <v>598781695.06034303</v>
      </c>
      <c r="BW1665" s="166">
        <v>0</v>
      </c>
      <c r="BX1665" s="166">
        <v>0</v>
      </c>
      <c r="BY1665" s="166">
        <v>0</v>
      </c>
      <c r="BZ1665" s="166">
        <v>0</v>
      </c>
      <c r="CA1665" s="166">
        <v>0</v>
      </c>
      <c r="CB1665" s="166">
        <v>0</v>
      </c>
      <c r="CC1665" s="166">
        <v>0</v>
      </c>
      <c r="CD1665" s="166">
        <v>0</v>
      </c>
      <c r="CE1665" s="166">
        <v>0</v>
      </c>
      <c r="CF1665" s="166">
        <v>0</v>
      </c>
      <c r="CG1665" s="166">
        <v>0</v>
      </c>
      <c r="CH1665" s="166">
        <v>-3964398.2872829898</v>
      </c>
      <c r="CI1665" s="166">
        <v>0</v>
      </c>
      <c r="CJ1665" s="166">
        <v>0</v>
      </c>
      <c r="CK1665" s="166">
        <v>0</v>
      </c>
      <c r="CL1665" s="166">
        <v>0</v>
      </c>
      <c r="CM1665" s="166">
        <v>0</v>
      </c>
      <c r="CN1665" s="166">
        <v>0</v>
      </c>
      <c r="CO1665" s="166">
        <v>0</v>
      </c>
      <c r="CP1665" s="166">
        <v>0</v>
      </c>
      <c r="CQ1665" s="166">
        <v>0</v>
      </c>
      <c r="CR1665" s="166">
        <v>0</v>
      </c>
      <c r="CS1665" s="166">
        <v>0</v>
      </c>
      <c r="CT1665" s="166">
        <v>0</v>
      </c>
      <c r="CU1665" s="166">
        <v>0</v>
      </c>
      <c r="CV1665" s="166">
        <v>-3964398.2872829898</v>
      </c>
      <c r="CW1665" s="166">
        <v>0</v>
      </c>
      <c r="CX1665" s="166">
        <v>0</v>
      </c>
      <c r="CY1665" s="166">
        <v>594817296.77305996</v>
      </c>
      <c r="CZ1665" s="166">
        <v>594817296.77305996</v>
      </c>
    </row>
    <row r="1666" spans="1:104" x14ac:dyDescent="0.2">
      <c r="A1666" s="167" t="s">
        <v>633</v>
      </c>
      <c r="B1666" s="166">
        <v>-19616381.459383</v>
      </c>
      <c r="C1666" s="166">
        <v>-19616381.459383</v>
      </c>
      <c r="D1666" s="166">
        <v>0</v>
      </c>
      <c r="E1666" s="166">
        <v>0</v>
      </c>
      <c r="F1666" s="166">
        <v>0</v>
      </c>
      <c r="G1666" s="166">
        <v>0</v>
      </c>
      <c r="H1666" s="166">
        <v>0</v>
      </c>
      <c r="I1666" s="166">
        <v>0</v>
      </c>
      <c r="J1666" s="166">
        <v>0</v>
      </c>
      <c r="K1666" s="166">
        <v>0</v>
      </c>
      <c r="L1666" s="166">
        <v>0</v>
      </c>
      <c r="M1666" s="166">
        <v>0</v>
      </c>
      <c r="N1666" s="166">
        <v>0</v>
      </c>
      <c r="O1666" s="166">
        <v>0</v>
      </c>
      <c r="P1666" s="166">
        <v>0</v>
      </c>
      <c r="Q1666" s="166">
        <v>0</v>
      </c>
      <c r="R1666" s="166">
        <v>0</v>
      </c>
      <c r="S1666" s="166">
        <v>0</v>
      </c>
      <c r="T1666" s="166">
        <v>0</v>
      </c>
      <c r="U1666" s="166">
        <v>0</v>
      </c>
      <c r="V1666" s="166">
        <v>0</v>
      </c>
      <c r="W1666" s="166">
        <v>0</v>
      </c>
      <c r="X1666" s="166">
        <v>0</v>
      </c>
      <c r="Y1666" s="166">
        <v>0</v>
      </c>
      <c r="Z1666" s="166">
        <v>0</v>
      </c>
      <c r="AA1666" s="166">
        <v>0</v>
      </c>
      <c r="AB1666" s="166">
        <v>0</v>
      </c>
      <c r="AC1666" s="166">
        <v>0</v>
      </c>
      <c r="AD1666" s="166">
        <v>0</v>
      </c>
      <c r="AE1666" s="166">
        <v>0</v>
      </c>
      <c r="AF1666" s="166">
        <v>0</v>
      </c>
      <c r="AG1666" s="166">
        <v>0</v>
      </c>
      <c r="AH1666" s="166">
        <v>0</v>
      </c>
      <c r="AI1666" s="166">
        <v>0</v>
      </c>
      <c r="AJ1666" s="166">
        <v>0</v>
      </c>
      <c r="AK1666" s="166">
        <v>0</v>
      </c>
      <c r="AL1666" s="166">
        <v>0</v>
      </c>
      <c r="AM1666" s="166">
        <v>0</v>
      </c>
      <c r="AN1666" s="166">
        <v>0</v>
      </c>
      <c r="AO1666" s="166">
        <v>0</v>
      </c>
      <c r="AP1666" s="166">
        <v>0</v>
      </c>
      <c r="AQ1666" s="166">
        <v>0</v>
      </c>
      <c r="AR1666" s="166">
        <v>0</v>
      </c>
      <c r="AS1666" s="166">
        <v>0</v>
      </c>
      <c r="AT1666" s="166">
        <v>0</v>
      </c>
      <c r="AU1666" s="166">
        <v>0</v>
      </c>
      <c r="AV1666" s="166">
        <v>0</v>
      </c>
      <c r="AW1666" s="166">
        <v>0</v>
      </c>
      <c r="AX1666" s="166">
        <v>0</v>
      </c>
      <c r="AY1666" s="166">
        <v>0</v>
      </c>
      <c r="AZ1666" s="166">
        <v>0</v>
      </c>
      <c r="BA1666" s="166">
        <v>0</v>
      </c>
      <c r="BB1666" s="166">
        <v>0</v>
      </c>
      <c r="BC1666" s="166">
        <v>0</v>
      </c>
      <c r="BD1666" s="166">
        <v>0</v>
      </c>
      <c r="BE1666" s="166">
        <v>0</v>
      </c>
      <c r="BF1666" s="166">
        <v>0</v>
      </c>
      <c r="BG1666" s="166">
        <v>0</v>
      </c>
      <c r="BH1666" s="166">
        <v>0</v>
      </c>
      <c r="BI1666" s="166">
        <v>0</v>
      </c>
      <c r="BJ1666" s="166">
        <v>0</v>
      </c>
      <c r="BK1666" s="166">
        <v>0</v>
      </c>
      <c r="BL1666" s="166">
        <v>0</v>
      </c>
      <c r="BM1666" s="166">
        <v>0</v>
      </c>
      <c r="BN1666" s="166">
        <v>0</v>
      </c>
      <c r="BO1666" s="166">
        <v>0</v>
      </c>
      <c r="BP1666" s="166">
        <v>0</v>
      </c>
      <c r="BQ1666" s="166">
        <v>0</v>
      </c>
      <c r="BR1666" s="166">
        <v>-19616381.459383</v>
      </c>
      <c r="BS1666" s="166">
        <v>-19616381.4593831</v>
      </c>
      <c r="BT1666" s="168">
        <v>0</v>
      </c>
      <c r="BU1666" s="166">
        <v>-1092787.82731648</v>
      </c>
      <c r="BV1666" s="166">
        <v>-19616313.69624</v>
      </c>
      <c r="BW1666" s="166">
        <v>0</v>
      </c>
      <c r="BX1666" s="166">
        <v>0</v>
      </c>
      <c r="BY1666" s="166">
        <v>0</v>
      </c>
      <c r="BZ1666" s="166">
        <v>0</v>
      </c>
      <c r="CA1666" s="166">
        <v>0</v>
      </c>
      <c r="CB1666" s="166">
        <v>0</v>
      </c>
      <c r="CC1666" s="166">
        <v>0</v>
      </c>
      <c r="CD1666" s="166">
        <v>0</v>
      </c>
      <c r="CE1666" s="166">
        <v>0</v>
      </c>
      <c r="CF1666" s="166">
        <v>0</v>
      </c>
      <c r="CG1666" s="166">
        <v>0</v>
      </c>
      <c r="CH1666" s="166">
        <v>0</v>
      </c>
      <c r="CI1666" s="166">
        <v>0</v>
      </c>
      <c r="CJ1666" s="166">
        <v>0</v>
      </c>
      <c r="CK1666" s="166">
        <v>0</v>
      </c>
      <c r="CL1666" s="166">
        <v>0</v>
      </c>
      <c r="CM1666" s="166">
        <v>0</v>
      </c>
      <c r="CN1666" s="166">
        <v>0</v>
      </c>
      <c r="CO1666" s="166">
        <v>0</v>
      </c>
      <c r="CP1666" s="166">
        <v>0</v>
      </c>
      <c r="CQ1666" s="166">
        <v>0</v>
      </c>
      <c r="CR1666" s="166">
        <v>0</v>
      </c>
      <c r="CS1666" s="166">
        <v>0</v>
      </c>
      <c r="CT1666" s="166">
        <v>0</v>
      </c>
      <c r="CU1666" s="166">
        <v>0</v>
      </c>
      <c r="CV1666" s="166">
        <v>0</v>
      </c>
      <c r="CW1666" s="166">
        <v>0</v>
      </c>
      <c r="CX1666" s="166">
        <v>0</v>
      </c>
      <c r="CY1666" s="166">
        <v>-19616313.696240101</v>
      </c>
      <c r="CZ1666" s="166">
        <v>-19616313.69624</v>
      </c>
    </row>
    <row r="1667" spans="1:104" x14ac:dyDescent="0.2">
      <c r="A1667" s="167" t="s">
        <v>634</v>
      </c>
      <c r="B1667" s="166">
        <v>0</v>
      </c>
      <c r="C1667" s="166">
        <v>0</v>
      </c>
      <c r="D1667" s="166">
        <v>0</v>
      </c>
      <c r="E1667" s="166">
        <v>0</v>
      </c>
      <c r="F1667" s="166">
        <v>0</v>
      </c>
      <c r="G1667" s="166">
        <v>0</v>
      </c>
      <c r="H1667" s="166">
        <v>0</v>
      </c>
      <c r="I1667" s="166">
        <v>0</v>
      </c>
      <c r="J1667" s="166">
        <v>0</v>
      </c>
      <c r="K1667" s="166">
        <v>0</v>
      </c>
      <c r="L1667" s="166">
        <v>0</v>
      </c>
      <c r="M1667" s="166">
        <v>0</v>
      </c>
      <c r="N1667" s="166">
        <v>0</v>
      </c>
      <c r="O1667" s="166">
        <v>0</v>
      </c>
      <c r="P1667" s="166">
        <v>0</v>
      </c>
      <c r="Q1667" s="166">
        <v>0</v>
      </c>
      <c r="R1667" s="166">
        <v>0</v>
      </c>
      <c r="S1667" s="166">
        <v>0</v>
      </c>
      <c r="T1667" s="166">
        <v>0</v>
      </c>
      <c r="U1667" s="166">
        <v>0</v>
      </c>
      <c r="V1667" s="166">
        <v>0</v>
      </c>
      <c r="W1667" s="166">
        <v>0</v>
      </c>
      <c r="X1667" s="166">
        <v>0</v>
      </c>
      <c r="Y1667" s="166">
        <v>0</v>
      </c>
      <c r="Z1667" s="166">
        <v>0</v>
      </c>
      <c r="AA1667" s="166">
        <v>0</v>
      </c>
      <c r="AB1667" s="166">
        <v>0</v>
      </c>
      <c r="AC1667" s="166">
        <v>0</v>
      </c>
      <c r="AD1667" s="166">
        <v>0</v>
      </c>
      <c r="AE1667" s="166">
        <v>0</v>
      </c>
      <c r="AF1667" s="166">
        <v>0</v>
      </c>
      <c r="AG1667" s="166">
        <v>0</v>
      </c>
      <c r="AH1667" s="166">
        <v>0</v>
      </c>
      <c r="AI1667" s="166">
        <v>0</v>
      </c>
      <c r="AJ1667" s="166">
        <v>0</v>
      </c>
      <c r="AK1667" s="166">
        <v>0</v>
      </c>
      <c r="AL1667" s="166">
        <v>0</v>
      </c>
      <c r="AM1667" s="166">
        <v>0</v>
      </c>
      <c r="AN1667" s="166">
        <v>0</v>
      </c>
      <c r="AO1667" s="166">
        <v>0</v>
      </c>
      <c r="AP1667" s="166">
        <v>0</v>
      </c>
      <c r="AQ1667" s="166">
        <v>0</v>
      </c>
      <c r="AR1667" s="166">
        <v>0</v>
      </c>
      <c r="AS1667" s="166">
        <v>0</v>
      </c>
      <c r="AT1667" s="166">
        <v>0</v>
      </c>
      <c r="AU1667" s="166">
        <v>0</v>
      </c>
      <c r="AV1667" s="166">
        <v>0</v>
      </c>
      <c r="AW1667" s="166">
        <v>0</v>
      </c>
      <c r="AX1667" s="166">
        <v>0</v>
      </c>
      <c r="AY1667" s="166">
        <v>0</v>
      </c>
      <c r="AZ1667" s="166">
        <v>0</v>
      </c>
      <c r="BA1667" s="166">
        <v>0</v>
      </c>
      <c r="BB1667" s="166">
        <v>0</v>
      </c>
      <c r="BC1667" s="166">
        <v>0</v>
      </c>
      <c r="BD1667" s="166">
        <v>0</v>
      </c>
      <c r="BE1667" s="166">
        <v>0</v>
      </c>
      <c r="BF1667" s="166">
        <v>0</v>
      </c>
      <c r="BG1667" s="166">
        <v>0</v>
      </c>
      <c r="BH1667" s="166">
        <v>0</v>
      </c>
      <c r="BI1667" s="166">
        <v>0</v>
      </c>
      <c r="BJ1667" s="166">
        <v>0</v>
      </c>
      <c r="BK1667" s="166">
        <v>0</v>
      </c>
      <c r="BL1667" s="166">
        <v>0</v>
      </c>
      <c r="BM1667" s="166">
        <v>0</v>
      </c>
      <c r="BN1667" s="166">
        <v>0</v>
      </c>
      <c r="BO1667" s="166">
        <v>0</v>
      </c>
      <c r="BP1667" s="166">
        <v>0</v>
      </c>
      <c r="BQ1667" s="166">
        <v>0</v>
      </c>
      <c r="BR1667" s="166">
        <v>0</v>
      </c>
      <c r="BS1667" s="166">
        <v>0</v>
      </c>
      <c r="BT1667" s="168">
        <v>0</v>
      </c>
      <c r="BU1667" s="166">
        <v>0</v>
      </c>
      <c r="BV1667" s="166">
        <v>0</v>
      </c>
      <c r="BW1667" s="166">
        <v>0</v>
      </c>
      <c r="BX1667" s="166">
        <v>0</v>
      </c>
      <c r="BY1667" s="166">
        <v>0</v>
      </c>
      <c r="BZ1667" s="166">
        <v>0</v>
      </c>
      <c r="CA1667" s="166">
        <v>0</v>
      </c>
      <c r="CB1667" s="166">
        <v>0</v>
      </c>
      <c r="CC1667" s="166">
        <v>0</v>
      </c>
      <c r="CD1667" s="166">
        <v>0</v>
      </c>
      <c r="CE1667" s="166">
        <v>0</v>
      </c>
      <c r="CF1667" s="166">
        <v>0</v>
      </c>
      <c r="CG1667" s="166">
        <v>0</v>
      </c>
      <c r="CH1667" s="166">
        <v>0</v>
      </c>
      <c r="CI1667" s="166">
        <v>0</v>
      </c>
      <c r="CJ1667" s="166">
        <v>0</v>
      </c>
      <c r="CK1667" s="166">
        <v>0</v>
      </c>
      <c r="CL1667" s="166">
        <v>0</v>
      </c>
      <c r="CM1667" s="166">
        <v>0</v>
      </c>
      <c r="CN1667" s="166">
        <v>0</v>
      </c>
      <c r="CO1667" s="166">
        <v>0</v>
      </c>
      <c r="CP1667" s="166">
        <v>0</v>
      </c>
      <c r="CQ1667" s="166">
        <v>0</v>
      </c>
      <c r="CR1667" s="166">
        <v>0</v>
      </c>
      <c r="CS1667" s="166">
        <v>0</v>
      </c>
      <c r="CT1667" s="166">
        <v>0</v>
      </c>
      <c r="CU1667" s="166">
        <v>0</v>
      </c>
      <c r="CV1667" s="166">
        <v>0</v>
      </c>
      <c r="CW1667" s="166">
        <v>0</v>
      </c>
      <c r="CX1667" s="166">
        <v>0</v>
      </c>
      <c r="CY1667" s="166">
        <v>0</v>
      </c>
      <c r="CZ1667" s="166">
        <v>0</v>
      </c>
    </row>
    <row r="1668" spans="1:104" x14ac:dyDescent="0.2">
      <c r="A1668" s="167" t="s">
        <v>635</v>
      </c>
      <c r="B1668" s="166">
        <v>0</v>
      </c>
      <c r="C1668" s="166">
        <v>0</v>
      </c>
      <c r="D1668" s="166">
        <v>0</v>
      </c>
      <c r="E1668" s="166">
        <v>0</v>
      </c>
      <c r="F1668" s="166">
        <v>0</v>
      </c>
      <c r="G1668" s="166">
        <v>0</v>
      </c>
      <c r="H1668" s="166">
        <v>0</v>
      </c>
      <c r="I1668" s="166">
        <v>0</v>
      </c>
      <c r="J1668" s="166">
        <v>0</v>
      </c>
      <c r="K1668" s="166">
        <v>0</v>
      </c>
      <c r="L1668" s="166">
        <v>0</v>
      </c>
      <c r="M1668" s="166">
        <v>0</v>
      </c>
      <c r="N1668" s="166">
        <v>0</v>
      </c>
      <c r="O1668" s="166">
        <v>0</v>
      </c>
      <c r="P1668" s="166">
        <v>0</v>
      </c>
      <c r="Q1668" s="166">
        <v>0</v>
      </c>
      <c r="R1668" s="166">
        <v>0</v>
      </c>
      <c r="S1668" s="166">
        <v>0</v>
      </c>
      <c r="T1668" s="166">
        <v>0</v>
      </c>
      <c r="U1668" s="166">
        <v>0</v>
      </c>
      <c r="V1668" s="166">
        <v>0</v>
      </c>
      <c r="W1668" s="166">
        <v>0</v>
      </c>
      <c r="X1668" s="166">
        <v>0</v>
      </c>
      <c r="Y1668" s="166">
        <v>0</v>
      </c>
      <c r="Z1668" s="166">
        <v>0</v>
      </c>
      <c r="AA1668" s="166">
        <v>0</v>
      </c>
      <c r="AB1668" s="166">
        <v>0</v>
      </c>
      <c r="AC1668" s="166">
        <v>0</v>
      </c>
      <c r="AD1668" s="166">
        <v>0</v>
      </c>
      <c r="AE1668" s="166">
        <v>0</v>
      </c>
      <c r="AF1668" s="166">
        <v>0</v>
      </c>
      <c r="AG1668" s="166">
        <v>0</v>
      </c>
      <c r="AH1668" s="166">
        <v>0</v>
      </c>
      <c r="AI1668" s="166">
        <v>0</v>
      </c>
      <c r="AJ1668" s="166">
        <v>0</v>
      </c>
      <c r="AK1668" s="166">
        <v>0</v>
      </c>
      <c r="AL1668" s="166">
        <v>0</v>
      </c>
      <c r="AM1668" s="166">
        <v>0</v>
      </c>
      <c r="AN1668" s="166">
        <v>0</v>
      </c>
      <c r="AO1668" s="166">
        <v>0</v>
      </c>
      <c r="AP1668" s="166">
        <v>0</v>
      </c>
      <c r="AQ1668" s="166">
        <v>0</v>
      </c>
      <c r="AR1668" s="166">
        <v>0</v>
      </c>
      <c r="AS1668" s="166">
        <v>0</v>
      </c>
      <c r="AT1668" s="166">
        <v>0</v>
      </c>
      <c r="AU1668" s="166">
        <v>0</v>
      </c>
      <c r="AV1668" s="166">
        <v>0</v>
      </c>
      <c r="AW1668" s="166">
        <v>0</v>
      </c>
      <c r="AX1668" s="166">
        <v>0</v>
      </c>
      <c r="AY1668" s="166">
        <v>0</v>
      </c>
      <c r="AZ1668" s="166">
        <v>0</v>
      </c>
      <c r="BA1668" s="166">
        <v>0</v>
      </c>
      <c r="BB1668" s="166">
        <v>0</v>
      </c>
      <c r="BC1668" s="166">
        <v>0</v>
      </c>
      <c r="BD1668" s="166">
        <v>0</v>
      </c>
      <c r="BE1668" s="166">
        <v>0</v>
      </c>
      <c r="BF1668" s="166">
        <v>0</v>
      </c>
      <c r="BG1668" s="166">
        <v>0</v>
      </c>
      <c r="BH1668" s="166">
        <v>0</v>
      </c>
      <c r="BI1668" s="166">
        <v>0</v>
      </c>
      <c r="BJ1668" s="166">
        <v>0</v>
      </c>
      <c r="BK1668" s="166">
        <v>0</v>
      </c>
      <c r="BL1668" s="166">
        <v>0</v>
      </c>
      <c r="BM1668" s="166">
        <v>0</v>
      </c>
      <c r="BN1668" s="166">
        <v>0</v>
      </c>
      <c r="BO1668" s="166">
        <v>0</v>
      </c>
      <c r="BP1668" s="166">
        <v>0</v>
      </c>
      <c r="BQ1668" s="166">
        <v>0</v>
      </c>
      <c r="BR1668" s="166">
        <v>0</v>
      </c>
      <c r="BS1668" s="166">
        <v>0</v>
      </c>
      <c r="BT1668" s="168">
        <v>0</v>
      </c>
      <c r="BU1668" s="166">
        <v>0</v>
      </c>
      <c r="BV1668" s="166">
        <v>0</v>
      </c>
      <c r="BW1668" s="166">
        <v>0</v>
      </c>
      <c r="BX1668" s="166">
        <v>0</v>
      </c>
      <c r="BY1668" s="166">
        <v>0</v>
      </c>
      <c r="BZ1668" s="166">
        <v>0</v>
      </c>
      <c r="CA1668" s="166">
        <v>0</v>
      </c>
      <c r="CB1668" s="166">
        <v>0</v>
      </c>
      <c r="CC1668" s="166">
        <v>0</v>
      </c>
      <c r="CD1668" s="166">
        <v>0</v>
      </c>
      <c r="CE1668" s="166">
        <v>0</v>
      </c>
      <c r="CF1668" s="166">
        <v>0</v>
      </c>
      <c r="CG1668" s="166">
        <v>0</v>
      </c>
      <c r="CH1668" s="166">
        <v>0</v>
      </c>
      <c r="CI1668" s="166">
        <v>0</v>
      </c>
      <c r="CJ1668" s="166">
        <v>0</v>
      </c>
      <c r="CK1668" s="166">
        <v>0</v>
      </c>
      <c r="CL1668" s="166">
        <v>0</v>
      </c>
      <c r="CM1668" s="166">
        <v>0</v>
      </c>
      <c r="CN1668" s="166">
        <v>0</v>
      </c>
      <c r="CO1668" s="166">
        <v>0</v>
      </c>
      <c r="CP1668" s="166">
        <v>0</v>
      </c>
      <c r="CQ1668" s="166">
        <v>0</v>
      </c>
      <c r="CR1668" s="166">
        <v>0</v>
      </c>
      <c r="CS1668" s="166">
        <v>0</v>
      </c>
      <c r="CT1668" s="166">
        <v>0</v>
      </c>
      <c r="CU1668" s="166">
        <v>0</v>
      </c>
      <c r="CV1668" s="166">
        <v>0</v>
      </c>
      <c r="CW1668" s="166">
        <v>0</v>
      </c>
      <c r="CX1668" s="166">
        <v>0</v>
      </c>
      <c r="CY1668" s="166">
        <v>0</v>
      </c>
      <c r="CZ1668" s="166">
        <v>0</v>
      </c>
    </row>
    <row r="1669" spans="1:104" x14ac:dyDescent="0.2">
      <c r="A1669" s="167" t="s">
        <v>636</v>
      </c>
      <c r="B1669" s="166">
        <v>4452337.5279413201</v>
      </c>
      <c r="C1669" s="166">
        <v>4452337.5279413201</v>
      </c>
      <c r="D1669" s="166">
        <v>0</v>
      </c>
      <c r="E1669" s="166">
        <v>0</v>
      </c>
      <c r="F1669" s="166">
        <v>0</v>
      </c>
      <c r="G1669" s="166">
        <v>0</v>
      </c>
      <c r="H1669" s="166">
        <v>0</v>
      </c>
      <c r="I1669" s="166">
        <v>0</v>
      </c>
      <c r="J1669" s="166">
        <v>0</v>
      </c>
      <c r="K1669" s="166">
        <v>0</v>
      </c>
      <c r="L1669" s="166">
        <v>0</v>
      </c>
      <c r="M1669" s="166">
        <v>0</v>
      </c>
      <c r="N1669" s="166">
        <v>0</v>
      </c>
      <c r="O1669" s="166">
        <v>0</v>
      </c>
      <c r="P1669" s="166">
        <v>0</v>
      </c>
      <c r="Q1669" s="166">
        <v>0</v>
      </c>
      <c r="R1669" s="166">
        <v>0</v>
      </c>
      <c r="S1669" s="166">
        <v>0</v>
      </c>
      <c r="T1669" s="166">
        <v>0</v>
      </c>
      <c r="U1669" s="166">
        <v>-4452337.5279413201</v>
      </c>
      <c r="V1669" s="166">
        <v>0</v>
      </c>
      <c r="W1669" s="166">
        <v>0</v>
      </c>
      <c r="X1669" s="166">
        <v>0</v>
      </c>
      <c r="Y1669" s="166">
        <v>0</v>
      </c>
      <c r="Z1669" s="166">
        <v>0</v>
      </c>
      <c r="AA1669" s="166">
        <v>0</v>
      </c>
      <c r="AB1669" s="166">
        <v>0</v>
      </c>
      <c r="AC1669" s="166">
        <v>0</v>
      </c>
      <c r="AD1669" s="166">
        <v>0</v>
      </c>
      <c r="AE1669" s="166">
        <v>0</v>
      </c>
      <c r="AF1669" s="166">
        <v>0</v>
      </c>
      <c r="AG1669" s="166">
        <v>0</v>
      </c>
      <c r="AH1669" s="166">
        <v>0</v>
      </c>
      <c r="AI1669" s="166">
        <v>0</v>
      </c>
      <c r="AJ1669" s="166">
        <v>0</v>
      </c>
      <c r="AK1669" s="166">
        <v>0</v>
      </c>
      <c r="AL1669" s="166">
        <v>0</v>
      </c>
      <c r="AM1669" s="166">
        <v>0</v>
      </c>
      <c r="AN1669" s="166">
        <v>0</v>
      </c>
      <c r="AO1669" s="166">
        <v>0</v>
      </c>
      <c r="AP1669" s="166">
        <v>0</v>
      </c>
      <c r="AQ1669" s="166">
        <v>0</v>
      </c>
      <c r="AR1669" s="166">
        <v>0</v>
      </c>
      <c r="AS1669" s="166">
        <v>0</v>
      </c>
      <c r="AT1669" s="166">
        <v>0</v>
      </c>
      <c r="AU1669" s="166">
        <v>0</v>
      </c>
      <c r="AV1669" s="166">
        <v>0</v>
      </c>
      <c r="AW1669" s="166">
        <v>0</v>
      </c>
      <c r="AX1669" s="166">
        <v>0</v>
      </c>
      <c r="AY1669" s="166">
        <v>0</v>
      </c>
      <c r="AZ1669" s="166">
        <v>0</v>
      </c>
      <c r="BA1669" s="166">
        <v>0</v>
      </c>
      <c r="BB1669" s="166">
        <v>0</v>
      </c>
      <c r="BC1669" s="166">
        <v>0</v>
      </c>
      <c r="BD1669" s="166">
        <v>0</v>
      </c>
      <c r="BE1669" s="166">
        <v>0</v>
      </c>
      <c r="BF1669" s="166">
        <v>0</v>
      </c>
      <c r="BG1669" s="166">
        <v>0</v>
      </c>
      <c r="BH1669" s="166">
        <v>0</v>
      </c>
      <c r="BI1669" s="166">
        <v>-4452337.5279413201</v>
      </c>
      <c r="BJ1669" s="166">
        <v>0</v>
      </c>
      <c r="BK1669" s="166">
        <v>0</v>
      </c>
      <c r="BL1669" s="166">
        <v>0</v>
      </c>
      <c r="BM1669" s="166">
        <v>0</v>
      </c>
      <c r="BN1669" s="166">
        <v>0</v>
      </c>
      <c r="BO1669" s="166">
        <v>0</v>
      </c>
      <c r="BP1669" s="166">
        <v>0</v>
      </c>
      <c r="BQ1669" s="166">
        <v>0</v>
      </c>
      <c r="BR1669" s="166">
        <v>4452337.5279413201</v>
      </c>
      <c r="BS1669" s="166">
        <v>0</v>
      </c>
      <c r="BT1669" s="168">
        <v>0</v>
      </c>
      <c r="BU1669" s="166">
        <v>249930.76461745799</v>
      </c>
      <c r="BV1669" s="166">
        <v>4452329.1960207699</v>
      </c>
      <c r="BW1669" s="166">
        <v>0</v>
      </c>
      <c r="BX1669" s="166">
        <v>0</v>
      </c>
      <c r="BY1669" s="166">
        <v>0</v>
      </c>
      <c r="BZ1669" s="166">
        <v>0</v>
      </c>
      <c r="CA1669" s="166">
        <v>0</v>
      </c>
      <c r="CB1669" s="166">
        <v>-4452329.1960207699</v>
      </c>
      <c r="CC1669" s="166">
        <v>0</v>
      </c>
      <c r="CD1669" s="166">
        <v>0</v>
      </c>
      <c r="CE1669" s="166">
        <v>0</v>
      </c>
      <c r="CF1669" s="166">
        <v>0</v>
      </c>
      <c r="CG1669" s="166">
        <v>0</v>
      </c>
      <c r="CH1669" s="166">
        <v>0</v>
      </c>
      <c r="CI1669" s="166">
        <v>0</v>
      </c>
      <c r="CJ1669" s="166">
        <v>0</v>
      </c>
      <c r="CK1669" s="166">
        <v>0</v>
      </c>
      <c r="CL1669" s="166">
        <v>0</v>
      </c>
      <c r="CM1669" s="166">
        <v>0</v>
      </c>
      <c r="CN1669" s="166">
        <v>0</v>
      </c>
      <c r="CO1669" s="166">
        <v>0</v>
      </c>
      <c r="CP1669" s="166">
        <v>-4452329.1960207699</v>
      </c>
      <c r="CQ1669" s="166">
        <v>0</v>
      </c>
      <c r="CR1669" s="166">
        <v>0</v>
      </c>
      <c r="CS1669" s="166">
        <v>0</v>
      </c>
      <c r="CT1669" s="166">
        <v>0</v>
      </c>
      <c r="CU1669" s="166">
        <v>0</v>
      </c>
      <c r="CV1669" s="166">
        <v>0</v>
      </c>
      <c r="CW1669" s="166">
        <v>0</v>
      </c>
      <c r="CX1669" s="166">
        <v>0</v>
      </c>
      <c r="CY1669" s="166">
        <v>0</v>
      </c>
      <c r="CZ1669" s="166">
        <v>0</v>
      </c>
    </row>
    <row r="1670" spans="1:104" x14ac:dyDescent="0.2">
      <c r="A1670" s="167" t="s">
        <v>637</v>
      </c>
      <c r="B1670" s="166">
        <v>7178483.7599999998</v>
      </c>
      <c r="C1670" s="166">
        <v>7178483.7599999998</v>
      </c>
      <c r="D1670" s="166">
        <v>0</v>
      </c>
      <c r="E1670" s="166">
        <v>0</v>
      </c>
      <c r="F1670" s="166">
        <v>0</v>
      </c>
      <c r="G1670" s="166">
        <v>0</v>
      </c>
      <c r="H1670" s="166">
        <v>0</v>
      </c>
      <c r="I1670" s="166">
        <v>0</v>
      </c>
      <c r="J1670" s="166">
        <v>0</v>
      </c>
      <c r="K1670" s="166">
        <v>0</v>
      </c>
      <c r="L1670" s="166">
        <v>0</v>
      </c>
      <c r="M1670" s="166">
        <v>0</v>
      </c>
      <c r="N1670" s="166">
        <v>0</v>
      </c>
      <c r="O1670" s="166">
        <v>0</v>
      </c>
      <c r="P1670" s="166">
        <v>0</v>
      </c>
      <c r="Q1670" s="166">
        <v>0</v>
      </c>
      <c r="R1670" s="166">
        <v>0</v>
      </c>
      <c r="S1670" s="166">
        <v>0</v>
      </c>
      <c r="T1670" s="166">
        <v>0</v>
      </c>
      <c r="U1670" s="166">
        <v>-7178483.7599999998</v>
      </c>
      <c r="V1670" s="166">
        <v>0</v>
      </c>
      <c r="W1670" s="166">
        <v>0</v>
      </c>
      <c r="X1670" s="166">
        <v>0</v>
      </c>
      <c r="Y1670" s="166">
        <v>0</v>
      </c>
      <c r="Z1670" s="166">
        <v>0</v>
      </c>
      <c r="AA1670" s="166">
        <v>0</v>
      </c>
      <c r="AB1670" s="166">
        <v>0</v>
      </c>
      <c r="AC1670" s="166">
        <v>0</v>
      </c>
      <c r="AD1670" s="166">
        <v>0</v>
      </c>
      <c r="AE1670" s="166">
        <v>0</v>
      </c>
      <c r="AF1670" s="166">
        <v>0</v>
      </c>
      <c r="AG1670" s="166">
        <v>0</v>
      </c>
      <c r="AH1670" s="166">
        <v>0</v>
      </c>
      <c r="AI1670" s="166">
        <v>0</v>
      </c>
      <c r="AJ1670" s="166">
        <v>0</v>
      </c>
      <c r="AK1670" s="166">
        <v>0</v>
      </c>
      <c r="AL1670" s="166">
        <v>0</v>
      </c>
      <c r="AM1670" s="166">
        <v>0</v>
      </c>
      <c r="AN1670" s="166">
        <v>0</v>
      </c>
      <c r="AO1670" s="166">
        <v>0</v>
      </c>
      <c r="AP1670" s="166">
        <v>0</v>
      </c>
      <c r="AQ1670" s="166">
        <v>0</v>
      </c>
      <c r="AR1670" s="166">
        <v>0</v>
      </c>
      <c r="AS1670" s="166">
        <v>0</v>
      </c>
      <c r="AT1670" s="166">
        <v>0</v>
      </c>
      <c r="AU1670" s="166">
        <v>0</v>
      </c>
      <c r="AV1670" s="166">
        <v>0</v>
      </c>
      <c r="AW1670" s="166">
        <v>0</v>
      </c>
      <c r="AX1670" s="166">
        <v>0</v>
      </c>
      <c r="AY1670" s="166">
        <v>0</v>
      </c>
      <c r="AZ1670" s="166">
        <v>0</v>
      </c>
      <c r="BA1670" s="166">
        <v>0</v>
      </c>
      <c r="BB1670" s="166">
        <v>0</v>
      </c>
      <c r="BC1670" s="166">
        <v>0</v>
      </c>
      <c r="BD1670" s="166">
        <v>0</v>
      </c>
      <c r="BE1670" s="166">
        <v>0</v>
      </c>
      <c r="BF1670" s="166">
        <v>0</v>
      </c>
      <c r="BG1670" s="166">
        <v>0</v>
      </c>
      <c r="BH1670" s="166">
        <v>0</v>
      </c>
      <c r="BI1670" s="166">
        <v>-7178483.7599999998</v>
      </c>
      <c r="BJ1670" s="166">
        <v>0</v>
      </c>
      <c r="BK1670" s="166">
        <v>0</v>
      </c>
      <c r="BL1670" s="166">
        <v>0</v>
      </c>
      <c r="BM1670" s="166">
        <v>0</v>
      </c>
      <c r="BN1670" s="166">
        <v>0</v>
      </c>
      <c r="BO1670" s="166">
        <v>0</v>
      </c>
      <c r="BP1670" s="166">
        <v>0</v>
      </c>
      <c r="BQ1670" s="166">
        <v>0</v>
      </c>
      <c r="BR1670" s="166">
        <v>7178483.7599999998</v>
      </c>
      <c r="BS1670" s="166">
        <v>0</v>
      </c>
      <c r="BT1670" s="168">
        <v>0</v>
      </c>
      <c r="BU1670" s="166">
        <v>647756.81273611705</v>
      </c>
      <c r="BV1670" s="166">
        <v>7178449.7685401198</v>
      </c>
      <c r="BW1670" s="166">
        <v>0</v>
      </c>
      <c r="BX1670" s="166">
        <v>0</v>
      </c>
      <c r="BY1670" s="166">
        <v>0</v>
      </c>
      <c r="BZ1670" s="166">
        <v>0</v>
      </c>
      <c r="CA1670" s="166">
        <v>0</v>
      </c>
      <c r="CB1670" s="166">
        <v>-7178449.7685401198</v>
      </c>
      <c r="CC1670" s="166">
        <v>0</v>
      </c>
      <c r="CD1670" s="166">
        <v>0</v>
      </c>
      <c r="CE1670" s="166">
        <v>0</v>
      </c>
      <c r="CF1670" s="166">
        <v>0</v>
      </c>
      <c r="CG1670" s="166">
        <v>0</v>
      </c>
      <c r="CH1670" s="166">
        <v>0</v>
      </c>
      <c r="CI1670" s="166">
        <v>0</v>
      </c>
      <c r="CJ1670" s="166">
        <v>0</v>
      </c>
      <c r="CK1670" s="166">
        <v>0</v>
      </c>
      <c r="CL1670" s="166">
        <v>0</v>
      </c>
      <c r="CM1670" s="166">
        <v>0</v>
      </c>
      <c r="CN1670" s="166">
        <v>0</v>
      </c>
      <c r="CO1670" s="166">
        <v>0</v>
      </c>
      <c r="CP1670" s="166">
        <v>-7178449.7685401198</v>
      </c>
      <c r="CQ1670" s="166">
        <v>0</v>
      </c>
      <c r="CR1670" s="166">
        <v>0</v>
      </c>
      <c r="CS1670" s="166">
        <v>0</v>
      </c>
      <c r="CT1670" s="166">
        <v>0</v>
      </c>
      <c r="CU1670" s="166">
        <v>0</v>
      </c>
      <c r="CV1670" s="166">
        <v>0</v>
      </c>
      <c r="CW1670" s="166">
        <v>0</v>
      </c>
      <c r="CX1670" s="166">
        <v>0</v>
      </c>
      <c r="CY1670" s="166">
        <v>0</v>
      </c>
      <c r="CZ1670" s="166">
        <v>0</v>
      </c>
    </row>
    <row r="1671" spans="1:104" x14ac:dyDescent="0.2">
      <c r="A1671" s="167" t="s">
        <v>638</v>
      </c>
      <c r="B1671" s="166">
        <v>0</v>
      </c>
      <c r="C1671" s="166">
        <v>0</v>
      </c>
      <c r="D1671" s="166">
        <v>0</v>
      </c>
      <c r="E1671" s="166">
        <v>0</v>
      </c>
      <c r="F1671" s="166">
        <v>0</v>
      </c>
      <c r="G1671" s="166">
        <v>0</v>
      </c>
      <c r="H1671" s="166">
        <v>0</v>
      </c>
      <c r="I1671" s="166">
        <v>0</v>
      </c>
      <c r="J1671" s="166">
        <v>0</v>
      </c>
      <c r="K1671" s="166">
        <v>0</v>
      </c>
      <c r="L1671" s="166">
        <v>0</v>
      </c>
      <c r="M1671" s="166">
        <v>0</v>
      </c>
      <c r="N1671" s="166">
        <v>0</v>
      </c>
      <c r="O1671" s="166">
        <v>0</v>
      </c>
      <c r="P1671" s="166">
        <v>0</v>
      </c>
      <c r="Q1671" s="166">
        <v>0</v>
      </c>
      <c r="R1671" s="166">
        <v>0</v>
      </c>
      <c r="S1671" s="166">
        <v>0</v>
      </c>
      <c r="T1671" s="166">
        <v>0</v>
      </c>
      <c r="U1671" s="166">
        <v>0</v>
      </c>
      <c r="V1671" s="166">
        <v>0</v>
      </c>
      <c r="W1671" s="166">
        <v>0</v>
      </c>
      <c r="X1671" s="166">
        <v>0</v>
      </c>
      <c r="Y1671" s="166">
        <v>0</v>
      </c>
      <c r="Z1671" s="166">
        <v>0</v>
      </c>
      <c r="AA1671" s="166">
        <v>0</v>
      </c>
      <c r="AB1671" s="166">
        <v>0</v>
      </c>
      <c r="AC1671" s="166">
        <v>0</v>
      </c>
      <c r="AD1671" s="166">
        <v>0</v>
      </c>
      <c r="AE1671" s="166">
        <v>0</v>
      </c>
      <c r="AF1671" s="166">
        <v>0</v>
      </c>
      <c r="AG1671" s="166">
        <v>0</v>
      </c>
      <c r="AH1671" s="166">
        <v>0</v>
      </c>
      <c r="AI1671" s="166">
        <v>0</v>
      </c>
      <c r="AJ1671" s="166">
        <v>0</v>
      </c>
      <c r="AK1671" s="166">
        <v>0</v>
      </c>
      <c r="AL1671" s="166">
        <v>0</v>
      </c>
      <c r="AM1671" s="166">
        <v>0</v>
      </c>
      <c r="AN1671" s="166">
        <v>0</v>
      </c>
      <c r="AO1671" s="166">
        <v>0</v>
      </c>
      <c r="AP1671" s="166">
        <v>0</v>
      </c>
      <c r="AQ1671" s="166">
        <v>0</v>
      </c>
      <c r="AR1671" s="166">
        <v>0</v>
      </c>
      <c r="AS1671" s="166">
        <v>0</v>
      </c>
      <c r="AT1671" s="166">
        <v>0</v>
      </c>
      <c r="AU1671" s="166">
        <v>0</v>
      </c>
      <c r="AV1671" s="166">
        <v>0</v>
      </c>
      <c r="AW1671" s="166">
        <v>0</v>
      </c>
      <c r="AX1671" s="166">
        <v>0</v>
      </c>
      <c r="AY1671" s="166">
        <v>0</v>
      </c>
      <c r="AZ1671" s="166">
        <v>0</v>
      </c>
      <c r="BA1671" s="166">
        <v>0</v>
      </c>
      <c r="BB1671" s="166">
        <v>0</v>
      </c>
      <c r="BC1671" s="166">
        <v>0</v>
      </c>
      <c r="BD1671" s="166">
        <v>0</v>
      </c>
      <c r="BE1671" s="166">
        <v>0</v>
      </c>
      <c r="BF1671" s="166">
        <v>0</v>
      </c>
      <c r="BG1671" s="166">
        <v>0</v>
      </c>
      <c r="BH1671" s="166">
        <v>0</v>
      </c>
      <c r="BI1671" s="166">
        <v>0</v>
      </c>
      <c r="BJ1671" s="166">
        <v>0</v>
      </c>
      <c r="BK1671" s="166">
        <v>0</v>
      </c>
      <c r="BL1671" s="166">
        <v>0</v>
      </c>
      <c r="BM1671" s="166">
        <v>0</v>
      </c>
      <c r="BN1671" s="166">
        <v>0</v>
      </c>
      <c r="BO1671" s="166">
        <v>0</v>
      </c>
      <c r="BP1671" s="166">
        <v>0</v>
      </c>
      <c r="BQ1671" s="166">
        <v>0</v>
      </c>
      <c r="BR1671" s="166">
        <v>0</v>
      </c>
      <c r="BS1671" s="166">
        <v>0</v>
      </c>
      <c r="BT1671" s="168">
        <v>0</v>
      </c>
      <c r="BU1671" s="166">
        <v>0</v>
      </c>
      <c r="BV1671" s="166">
        <v>0</v>
      </c>
      <c r="BW1671" s="166">
        <v>0</v>
      </c>
      <c r="BX1671" s="166">
        <v>0</v>
      </c>
      <c r="BY1671" s="166">
        <v>0</v>
      </c>
      <c r="BZ1671" s="166">
        <v>0</v>
      </c>
      <c r="CA1671" s="166">
        <v>0</v>
      </c>
      <c r="CB1671" s="166">
        <v>0</v>
      </c>
      <c r="CC1671" s="166">
        <v>0</v>
      </c>
      <c r="CD1671" s="166">
        <v>0</v>
      </c>
      <c r="CE1671" s="166">
        <v>0</v>
      </c>
      <c r="CF1671" s="166">
        <v>0</v>
      </c>
      <c r="CG1671" s="166">
        <v>0</v>
      </c>
      <c r="CH1671" s="166">
        <v>0</v>
      </c>
      <c r="CI1671" s="166">
        <v>0</v>
      </c>
      <c r="CJ1671" s="166">
        <v>0</v>
      </c>
      <c r="CK1671" s="166">
        <v>0</v>
      </c>
      <c r="CL1671" s="166">
        <v>0</v>
      </c>
      <c r="CM1671" s="166">
        <v>0</v>
      </c>
      <c r="CN1671" s="166">
        <v>0</v>
      </c>
      <c r="CO1671" s="166">
        <v>0</v>
      </c>
      <c r="CP1671" s="166">
        <v>0</v>
      </c>
      <c r="CQ1671" s="166">
        <v>0</v>
      </c>
      <c r="CR1671" s="166">
        <v>0</v>
      </c>
      <c r="CS1671" s="166">
        <v>0</v>
      </c>
      <c r="CT1671" s="166">
        <v>0</v>
      </c>
      <c r="CU1671" s="166">
        <v>0</v>
      </c>
      <c r="CV1671" s="166">
        <v>0</v>
      </c>
      <c r="CW1671" s="166">
        <v>0</v>
      </c>
      <c r="CX1671" s="166">
        <v>0</v>
      </c>
      <c r="CY1671" s="166">
        <v>0</v>
      </c>
      <c r="CZ1671" s="166">
        <v>0</v>
      </c>
    </row>
    <row r="1672" spans="1:104" x14ac:dyDescent="0.2">
      <c r="A1672" s="167" t="s">
        <v>639</v>
      </c>
      <c r="B1672" s="166">
        <v>0</v>
      </c>
      <c r="C1672" s="166">
        <v>0</v>
      </c>
      <c r="D1672" s="166">
        <v>0</v>
      </c>
      <c r="E1672" s="166">
        <v>0</v>
      </c>
      <c r="F1672" s="166">
        <v>0</v>
      </c>
      <c r="G1672" s="166">
        <v>0</v>
      </c>
      <c r="H1672" s="166">
        <v>0</v>
      </c>
      <c r="I1672" s="166">
        <v>0</v>
      </c>
      <c r="J1672" s="166">
        <v>0</v>
      </c>
      <c r="K1672" s="166">
        <v>0</v>
      </c>
      <c r="L1672" s="166">
        <v>0</v>
      </c>
      <c r="M1672" s="166">
        <v>0</v>
      </c>
      <c r="N1672" s="166">
        <v>0</v>
      </c>
      <c r="O1672" s="166">
        <v>0</v>
      </c>
      <c r="P1672" s="166">
        <v>0</v>
      </c>
      <c r="Q1672" s="166">
        <v>0</v>
      </c>
      <c r="R1672" s="166">
        <v>0</v>
      </c>
      <c r="S1672" s="166">
        <v>0</v>
      </c>
      <c r="T1672" s="166">
        <v>0</v>
      </c>
      <c r="U1672" s="166">
        <v>0</v>
      </c>
      <c r="V1672" s="166">
        <v>0</v>
      </c>
      <c r="W1672" s="166">
        <v>0</v>
      </c>
      <c r="X1672" s="166">
        <v>0</v>
      </c>
      <c r="Y1672" s="166">
        <v>0</v>
      </c>
      <c r="Z1672" s="166">
        <v>0</v>
      </c>
      <c r="AA1672" s="166">
        <v>0</v>
      </c>
      <c r="AB1672" s="166">
        <v>0</v>
      </c>
      <c r="AC1672" s="166">
        <v>0</v>
      </c>
      <c r="AD1672" s="166">
        <v>0</v>
      </c>
      <c r="AE1672" s="166">
        <v>0</v>
      </c>
      <c r="AF1672" s="166">
        <v>0</v>
      </c>
      <c r="AG1672" s="166">
        <v>0</v>
      </c>
      <c r="AH1672" s="166">
        <v>0</v>
      </c>
      <c r="AI1672" s="166">
        <v>0</v>
      </c>
      <c r="AJ1672" s="166">
        <v>0</v>
      </c>
      <c r="AK1672" s="166">
        <v>0</v>
      </c>
      <c r="AL1672" s="166">
        <v>0</v>
      </c>
      <c r="AM1672" s="166">
        <v>0</v>
      </c>
      <c r="AN1672" s="166">
        <v>0</v>
      </c>
      <c r="AO1672" s="166">
        <v>0</v>
      </c>
      <c r="AP1672" s="166">
        <v>0</v>
      </c>
      <c r="AQ1672" s="166">
        <v>0</v>
      </c>
      <c r="AR1672" s="166">
        <v>0</v>
      </c>
      <c r="AS1672" s="166">
        <v>0</v>
      </c>
      <c r="AT1672" s="166">
        <v>0</v>
      </c>
      <c r="AU1672" s="166">
        <v>0</v>
      </c>
      <c r="AV1672" s="166">
        <v>0</v>
      </c>
      <c r="AW1672" s="166">
        <v>0</v>
      </c>
      <c r="AX1672" s="166">
        <v>0</v>
      </c>
      <c r="AY1672" s="166">
        <v>0</v>
      </c>
      <c r="AZ1672" s="166">
        <v>0</v>
      </c>
      <c r="BA1672" s="166">
        <v>0</v>
      </c>
      <c r="BB1672" s="166">
        <v>0</v>
      </c>
      <c r="BC1672" s="166">
        <v>0</v>
      </c>
      <c r="BD1672" s="166">
        <v>0</v>
      </c>
      <c r="BE1672" s="166">
        <v>0</v>
      </c>
      <c r="BF1672" s="166">
        <v>0</v>
      </c>
      <c r="BG1672" s="166">
        <v>0</v>
      </c>
      <c r="BH1672" s="166">
        <v>0</v>
      </c>
      <c r="BI1672" s="166">
        <v>0</v>
      </c>
      <c r="BJ1672" s="166">
        <v>0</v>
      </c>
      <c r="BK1672" s="166">
        <v>0</v>
      </c>
      <c r="BL1672" s="166">
        <v>0</v>
      </c>
      <c r="BM1672" s="166">
        <v>0</v>
      </c>
      <c r="BN1672" s="166">
        <v>0</v>
      </c>
      <c r="BO1672" s="166">
        <v>0</v>
      </c>
      <c r="BP1672" s="166">
        <v>0</v>
      </c>
      <c r="BQ1672" s="166">
        <v>0</v>
      </c>
      <c r="BR1672" s="166">
        <v>0</v>
      </c>
      <c r="BS1672" s="166">
        <v>0</v>
      </c>
      <c r="BT1672" s="168">
        <v>0</v>
      </c>
      <c r="BU1672" s="166">
        <v>0</v>
      </c>
      <c r="BV1672" s="166">
        <v>0</v>
      </c>
      <c r="BW1672" s="166">
        <v>0</v>
      </c>
      <c r="BX1672" s="166">
        <v>0</v>
      </c>
      <c r="BY1672" s="166">
        <v>0</v>
      </c>
      <c r="BZ1672" s="166">
        <v>0</v>
      </c>
      <c r="CA1672" s="166">
        <v>0</v>
      </c>
      <c r="CB1672" s="166">
        <v>0</v>
      </c>
      <c r="CC1672" s="166">
        <v>0</v>
      </c>
      <c r="CD1672" s="166">
        <v>0</v>
      </c>
      <c r="CE1672" s="166">
        <v>0</v>
      </c>
      <c r="CF1672" s="166">
        <v>0</v>
      </c>
      <c r="CG1672" s="166">
        <v>0</v>
      </c>
      <c r="CH1672" s="166">
        <v>0</v>
      </c>
      <c r="CI1672" s="166">
        <v>0</v>
      </c>
      <c r="CJ1672" s="166">
        <v>0</v>
      </c>
      <c r="CK1672" s="166">
        <v>0</v>
      </c>
      <c r="CL1672" s="166">
        <v>0</v>
      </c>
      <c r="CM1672" s="166">
        <v>0</v>
      </c>
      <c r="CN1672" s="166">
        <v>0</v>
      </c>
      <c r="CO1672" s="166">
        <v>0</v>
      </c>
      <c r="CP1672" s="166">
        <v>0</v>
      </c>
      <c r="CQ1672" s="166">
        <v>0</v>
      </c>
      <c r="CR1672" s="166">
        <v>0</v>
      </c>
      <c r="CS1672" s="166">
        <v>0</v>
      </c>
      <c r="CT1672" s="166">
        <v>0</v>
      </c>
      <c r="CU1672" s="166">
        <v>0</v>
      </c>
      <c r="CV1672" s="166">
        <v>0</v>
      </c>
      <c r="CW1672" s="166">
        <v>0</v>
      </c>
      <c r="CX1672" s="166">
        <v>0</v>
      </c>
      <c r="CY1672" s="166">
        <v>0</v>
      </c>
      <c r="CZ1672" s="166">
        <v>0</v>
      </c>
    </row>
    <row r="1673" spans="1:104" x14ac:dyDescent="0.2">
      <c r="A1673" s="167" t="s">
        <v>640</v>
      </c>
      <c r="B1673" s="166">
        <v>130031305.12</v>
      </c>
      <c r="C1673" s="166">
        <v>130031305.12</v>
      </c>
      <c r="D1673" s="166">
        <v>0</v>
      </c>
      <c r="E1673" s="166">
        <v>0</v>
      </c>
      <c r="F1673" s="166">
        <v>0</v>
      </c>
      <c r="G1673" s="166">
        <v>-130031305.12</v>
      </c>
      <c r="H1673" s="166">
        <v>0</v>
      </c>
      <c r="I1673" s="166">
        <v>0</v>
      </c>
      <c r="J1673" s="166">
        <v>0</v>
      </c>
      <c r="K1673" s="166">
        <v>0</v>
      </c>
      <c r="L1673" s="166">
        <v>0</v>
      </c>
      <c r="M1673" s="166">
        <v>0</v>
      </c>
      <c r="N1673" s="166">
        <v>0</v>
      </c>
      <c r="O1673" s="166">
        <v>0</v>
      </c>
      <c r="P1673" s="166">
        <v>0</v>
      </c>
      <c r="Q1673" s="166">
        <v>0</v>
      </c>
      <c r="R1673" s="166">
        <v>0</v>
      </c>
      <c r="S1673" s="166">
        <v>0</v>
      </c>
      <c r="T1673" s="166">
        <v>0</v>
      </c>
      <c r="U1673" s="166">
        <v>0</v>
      </c>
      <c r="V1673" s="166">
        <v>0</v>
      </c>
      <c r="W1673" s="166">
        <v>0</v>
      </c>
      <c r="X1673" s="166">
        <v>0</v>
      </c>
      <c r="Y1673" s="166">
        <v>0</v>
      </c>
      <c r="Z1673" s="166">
        <v>0</v>
      </c>
      <c r="AA1673" s="166">
        <v>0</v>
      </c>
      <c r="AB1673" s="166">
        <v>0</v>
      </c>
      <c r="AC1673" s="166">
        <v>0</v>
      </c>
      <c r="AD1673" s="166">
        <v>0</v>
      </c>
      <c r="AE1673" s="166">
        <v>0</v>
      </c>
      <c r="AF1673" s="166">
        <v>0</v>
      </c>
      <c r="AG1673" s="166">
        <v>0</v>
      </c>
      <c r="AH1673" s="166">
        <v>0</v>
      </c>
      <c r="AI1673" s="166">
        <v>0</v>
      </c>
      <c r="AJ1673" s="166">
        <v>0</v>
      </c>
      <c r="AK1673" s="166">
        <v>0</v>
      </c>
      <c r="AL1673" s="166">
        <v>0</v>
      </c>
      <c r="AM1673" s="166">
        <v>0</v>
      </c>
      <c r="AN1673" s="166">
        <v>0</v>
      </c>
      <c r="AO1673" s="166">
        <v>0</v>
      </c>
      <c r="AP1673" s="166">
        <v>0</v>
      </c>
      <c r="AQ1673" s="166">
        <v>0</v>
      </c>
      <c r="AR1673" s="166">
        <v>0</v>
      </c>
      <c r="AS1673" s="166">
        <v>0</v>
      </c>
      <c r="AT1673" s="166">
        <v>0</v>
      </c>
      <c r="AU1673" s="166">
        <v>0</v>
      </c>
      <c r="AV1673" s="166">
        <v>0</v>
      </c>
      <c r="AW1673" s="166">
        <v>0</v>
      </c>
      <c r="AX1673" s="166">
        <v>0</v>
      </c>
      <c r="AY1673" s="166">
        <v>0</v>
      </c>
      <c r="AZ1673" s="166">
        <v>0</v>
      </c>
      <c r="BA1673" s="166">
        <v>0</v>
      </c>
      <c r="BB1673" s="166">
        <v>0</v>
      </c>
      <c r="BC1673" s="166">
        <v>0</v>
      </c>
      <c r="BD1673" s="166">
        <v>-130031305.12</v>
      </c>
      <c r="BE1673" s="166">
        <v>0</v>
      </c>
      <c r="BF1673" s="166">
        <v>0</v>
      </c>
      <c r="BG1673" s="166">
        <v>0</v>
      </c>
      <c r="BH1673" s="166">
        <v>0</v>
      </c>
      <c r="BI1673" s="166">
        <v>0</v>
      </c>
      <c r="BJ1673" s="166">
        <v>0</v>
      </c>
      <c r="BK1673" s="166">
        <v>0</v>
      </c>
      <c r="BL1673" s="166">
        <v>0</v>
      </c>
      <c r="BM1673" s="166">
        <v>0</v>
      </c>
      <c r="BN1673" s="166">
        <v>0</v>
      </c>
      <c r="BO1673" s="166">
        <v>0</v>
      </c>
      <c r="BP1673" s="166">
        <v>0</v>
      </c>
      <c r="BQ1673" s="166">
        <v>0</v>
      </c>
      <c r="BR1673" s="166">
        <v>130031305.12</v>
      </c>
      <c r="BS1673" s="166">
        <v>0</v>
      </c>
      <c r="BT1673" s="168">
        <v>0</v>
      </c>
      <c r="BU1673" s="166">
        <v>10042664.9713149</v>
      </c>
      <c r="BV1673" s="166">
        <v>125195726.95145801</v>
      </c>
      <c r="BW1673" s="166">
        <v>-125195726.95145801</v>
      </c>
      <c r="BX1673" s="166">
        <v>0</v>
      </c>
      <c r="BY1673" s="166">
        <v>0</v>
      </c>
      <c r="BZ1673" s="166">
        <v>0</v>
      </c>
      <c r="CA1673" s="166">
        <v>0</v>
      </c>
      <c r="CB1673" s="166">
        <v>0</v>
      </c>
      <c r="CC1673" s="166">
        <v>0</v>
      </c>
      <c r="CD1673" s="166">
        <v>0</v>
      </c>
      <c r="CE1673" s="166">
        <v>0</v>
      </c>
      <c r="CF1673" s="166">
        <v>0</v>
      </c>
      <c r="CG1673" s="166">
        <v>0</v>
      </c>
      <c r="CH1673" s="166">
        <v>0</v>
      </c>
      <c r="CI1673" s="166">
        <v>0</v>
      </c>
      <c r="CJ1673" s="166">
        <v>0</v>
      </c>
      <c r="CK1673" s="166">
        <v>-125195726.95145801</v>
      </c>
      <c r="CL1673" s="166">
        <v>0</v>
      </c>
      <c r="CM1673" s="166">
        <v>0</v>
      </c>
      <c r="CN1673" s="166">
        <v>0</v>
      </c>
      <c r="CO1673" s="166">
        <v>0</v>
      </c>
      <c r="CP1673" s="166">
        <v>0</v>
      </c>
      <c r="CQ1673" s="166">
        <v>0</v>
      </c>
      <c r="CR1673" s="166">
        <v>0</v>
      </c>
      <c r="CS1673" s="166">
        <v>0</v>
      </c>
      <c r="CT1673" s="166">
        <v>0</v>
      </c>
      <c r="CU1673" s="166">
        <v>0</v>
      </c>
      <c r="CV1673" s="166">
        <v>0</v>
      </c>
      <c r="CW1673" s="166">
        <v>0</v>
      </c>
      <c r="CX1673" s="166">
        <v>0</v>
      </c>
      <c r="CY1673" s="166">
        <v>0</v>
      </c>
      <c r="CZ1673" s="166">
        <v>0</v>
      </c>
    </row>
    <row r="1674" spans="1:104" x14ac:dyDescent="0.2">
      <c r="A1674" s="167" t="s">
        <v>641</v>
      </c>
      <c r="B1674" s="166">
        <v>1761952458.0973301</v>
      </c>
      <c r="C1674" s="166">
        <v>1761952458.0973301</v>
      </c>
      <c r="D1674" s="166">
        <v>0</v>
      </c>
      <c r="E1674" s="166">
        <v>0</v>
      </c>
      <c r="F1674" s="166">
        <v>0</v>
      </c>
      <c r="G1674" s="166">
        <v>0</v>
      </c>
      <c r="H1674" s="166">
        <v>0</v>
      </c>
      <c r="I1674" s="166">
        <v>0</v>
      </c>
      <c r="J1674" s="166">
        <v>0</v>
      </c>
      <c r="K1674" s="166">
        <v>0</v>
      </c>
      <c r="L1674" s="166">
        <v>0</v>
      </c>
      <c r="M1674" s="166">
        <v>0</v>
      </c>
      <c r="N1674" s="166">
        <v>0</v>
      </c>
      <c r="O1674" s="166">
        <v>0</v>
      </c>
      <c r="P1674" s="166">
        <v>0</v>
      </c>
      <c r="Q1674" s="166">
        <v>0</v>
      </c>
      <c r="R1674" s="166">
        <v>0</v>
      </c>
      <c r="S1674" s="166">
        <v>0</v>
      </c>
      <c r="T1674" s="166">
        <v>0</v>
      </c>
      <c r="U1674" s="166">
        <v>0</v>
      </c>
      <c r="V1674" s="166">
        <v>0</v>
      </c>
      <c r="W1674" s="166">
        <v>0</v>
      </c>
      <c r="X1674" s="166">
        <v>0</v>
      </c>
      <c r="Y1674" s="166">
        <v>0</v>
      </c>
      <c r="Z1674" s="166">
        <v>0</v>
      </c>
      <c r="AA1674" s="166">
        <v>0</v>
      </c>
      <c r="AB1674" s="166">
        <v>-1761952458.0973301</v>
      </c>
      <c r="AC1674" s="166">
        <v>0</v>
      </c>
      <c r="AD1674" s="166">
        <v>0</v>
      </c>
      <c r="AE1674" s="166">
        <v>0</v>
      </c>
      <c r="AF1674" s="166">
        <v>0</v>
      </c>
      <c r="AG1674" s="166">
        <v>0</v>
      </c>
      <c r="AH1674" s="166">
        <v>0</v>
      </c>
      <c r="AI1674" s="166">
        <v>0</v>
      </c>
      <c r="AJ1674" s="166">
        <v>0</v>
      </c>
      <c r="AK1674" s="166">
        <v>0</v>
      </c>
      <c r="AL1674" s="166">
        <v>0</v>
      </c>
      <c r="AM1674" s="166">
        <v>0</v>
      </c>
      <c r="AN1674" s="166">
        <v>0</v>
      </c>
      <c r="AO1674" s="166">
        <v>0</v>
      </c>
      <c r="AP1674" s="166">
        <v>0</v>
      </c>
      <c r="AQ1674" s="166">
        <v>0</v>
      </c>
      <c r="AR1674" s="166">
        <v>0</v>
      </c>
      <c r="AS1674" s="166">
        <v>0</v>
      </c>
      <c r="AT1674" s="166">
        <v>0</v>
      </c>
      <c r="AU1674" s="166">
        <v>0</v>
      </c>
      <c r="AV1674" s="166">
        <v>0</v>
      </c>
      <c r="AW1674" s="166">
        <v>0</v>
      </c>
      <c r="AX1674" s="166">
        <v>0</v>
      </c>
      <c r="AY1674" s="166">
        <v>0</v>
      </c>
      <c r="AZ1674" s="166">
        <v>0</v>
      </c>
      <c r="BA1674" s="166">
        <v>0</v>
      </c>
      <c r="BB1674" s="166">
        <v>0</v>
      </c>
      <c r="BC1674" s="166">
        <v>0</v>
      </c>
      <c r="BD1674" s="166">
        <v>0</v>
      </c>
      <c r="BE1674" s="166">
        <v>0</v>
      </c>
      <c r="BF1674" s="166">
        <v>0</v>
      </c>
      <c r="BG1674" s="166">
        <v>0</v>
      </c>
      <c r="BH1674" s="166">
        <v>0</v>
      </c>
      <c r="BI1674" s="166">
        <v>0</v>
      </c>
      <c r="BJ1674" s="166">
        <v>-1761952458.0973301</v>
      </c>
      <c r="BK1674" s="166">
        <v>0</v>
      </c>
      <c r="BL1674" s="166">
        <v>0</v>
      </c>
      <c r="BM1674" s="166">
        <v>0</v>
      </c>
      <c r="BN1674" s="166">
        <v>0</v>
      </c>
      <c r="BO1674" s="166">
        <v>0</v>
      </c>
      <c r="BP1674" s="166">
        <v>0</v>
      </c>
      <c r="BQ1674" s="166">
        <v>0</v>
      </c>
      <c r="BR1674" s="166">
        <v>1761952458.0973301</v>
      </c>
      <c r="BS1674" s="166">
        <v>0</v>
      </c>
      <c r="BT1674" s="168">
        <v>0</v>
      </c>
      <c r="BU1674" s="166">
        <v>132872273.26740099</v>
      </c>
      <c r="BV1674" s="166">
        <v>1755014284.20296</v>
      </c>
      <c r="BW1674" s="166">
        <v>0</v>
      </c>
      <c r="BX1674" s="166">
        <v>0</v>
      </c>
      <c r="BY1674" s="166">
        <v>0</v>
      </c>
      <c r="BZ1674" s="166">
        <v>0</v>
      </c>
      <c r="CA1674" s="166">
        <v>0</v>
      </c>
      <c r="CB1674" s="166">
        <v>0</v>
      </c>
      <c r="CC1674" s="166">
        <v>-1755014284.20296</v>
      </c>
      <c r="CD1674" s="166">
        <v>0</v>
      </c>
      <c r="CE1674" s="166">
        <v>0</v>
      </c>
      <c r="CF1674" s="166">
        <v>0</v>
      </c>
      <c r="CG1674" s="166">
        <v>0</v>
      </c>
      <c r="CH1674" s="166">
        <v>0</v>
      </c>
      <c r="CI1674" s="166">
        <v>0</v>
      </c>
      <c r="CJ1674" s="166">
        <v>0</v>
      </c>
      <c r="CK1674" s="166">
        <v>0</v>
      </c>
      <c r="CL1674" s="166">
        <v>0</v>
      </c>
      <c r="CM1674" s="166">
        <v>0</v>
      </c>
      <c r="CN1674" s="166">
        <v>0</v>
      </c>
      <c r="CO1674" s="166">
        <v>0</v>
      </c>
      <c r="CP1674" s="166">
        <v>0</v>
      </c>
      <c r="CQ1674" s="166">
        <v>-1755014284.20296</v>
      </c>
      <c r="CR1674" s="166">
        <v>0</v>
      </c>
      <c r="CS1674" s="166">
        <v>0</v>
      </c>
      <c r="CT1674" s="166">
        <v>0</v>
      </c>
      <c r="CU1674" s="166">
        <v>0</v>
      </c>
      <c r="CV1674" s="166">
        <v>0</v>
      </c>
      <c r="CW1674" s="166">
        <v>0</v>
      </c>
      <c r="CX1674" s="166">
        <v>0</v>
      </c>
      <c r="CY1674" s="166">
        <v>0</v>
      </c>
      <c r="CZ1674" s="166">
        <v>0</v>
      </c>
    </row>
    <row r="1675" spans="1:104" x14ac:dyDescent="0.2">
      <c r="A1675" s="167" t="s">
        <v>642</v>
      </c>
      <c r="B1675" s="166">
        <v>1903614584.50527</v>
      </c>
      <c r="C1675" s="166">
        <v>1903614584.50527</v>
      </c>
      <c r="D1675" s="166">
        <v>0</v>
      </c>
      <c r="E1675" s="166">
        <v>0</v>
      </c>
      <c r="F1675" s="166">
        <v>0</v>
      </c>
      <c r="G1675" s="166">
        <v>-130031305.12</v>
      </c>
      <c r="H1675" s="166">
        <v>0</v>
      </c>
      <c r="I1675" s="166">
        <v>0</v>
      </c>
      <c r="J1675" s="166">
        <v>0</v>
      </c>
      <c r="K1675" s="166">
        <v>0</v>
      </c>
      <c r="L1675" s="166">
        <v>0</v>
      </c>
      <c r="M1675" s="166">
        <v>0</v>
      </c>
      <c r="N1675" s="166">
        <v>0</v>
      </c>
      <c r="O1675" s="166">
        <v>0</v>
      </c>
      <c r="P1675" s="166">
        <v>0</v>
      </c>
      <c r="Q1675" s="166">
        <v>0</v>
      </c>
      <c r="R1675" s="166">
        <v>0</v>
      </c>
      <c r="S1675" s="166">
        <v>0</v>
      </c>
      <c r="T1675" s="166">
        <v>0</v>
      </c>
      <c r="U1675" s="166">
        <v>-11630821.287941299</v>
      </c>
      <c r="V1675" s="166">
        <v>0</v>
      </c>
      <c r="W1675" s="166">
        <v>0</v>
      </c>
      <c r="X1675" s="166">
        <v>0</v>
      </c>
      <c r="Y1675" s="166">
        <v>0</v>
      </c>
      <c r="Z1675" s="166">
        <v>0</v>
      </c>
      <c r="AA1675" s="166">
        <v>0</v>
      </c>
      <c r="AB1675" s="166">
        <v>-1761952458.0973301</v>
      </c>
      <c r="AC1675" s="166">
        <v>0</v>
      </c>
      <c r="AD1675" s="166">
        <v>0</v>
      </c>
      <c r="AE1675" s="166">
        <v>0</v>
      </c>
      <c r="AF1675" s="166">
        <v>0</v>
      </c>
      <c r="AG1675" s="166">
        <v>0</v>
      </c>
      <c r="AH1675" s="166">
        <v>0</v>
      </c>
      <c r="AI1675" s="166">
        <v>0</v>
      </c>
      <c r="AJ1675" s="166">
        <v>0</v>
      </c>
      <c r="AK1675" s="166">
        <v>0</v>
      </c>
      <c r="AL1675" s="166">
        <v>0</v>
      </c>
      <c r="AM1675" s="166">
        <v>0</v>
      </c>
      <c r="AN1675" s="166">
        <v>0</v>
      </c>
      <c r="AO1675" s="166">
        <v>0</v>
      </c>
      <c r="AP1675" s="166">
        <v>0</v>
      </c>
      <c r="AQ1675" s="166">
        <v>0</v>
      </c>
      <c r="AR1675" s="166">
        <v>0</v>
      </c>
      <c r="AS1675" s="166">
        <v>0</v>
      </c>
      <c r="AT1675" s="166">
        <v>0</v>
      </c>
      <c r="AU1675" s="166">
        <v>0</v>
      </c>
      <c r="AV1675" s="166">
        <v>0</v>
      </c>
      <c r="AW1675" s="166">
        <v>0</v>
      </c>
      <c r="AX1675" s="166">
        <v>0</v>
      </c>
      <c r="AY1675" s="166">
        <v>0</v>
      </c>
      <c r="AZ1675" s="166">
        <v>0</v>
      </c>
      <c r="BA1675" s="166">
        <v>0</v>
      </c>
      <c r="BB1675" s="166">
        <v>0</v>
      </c>
      <c r="BC1675" s="166">
        <v>0</v>
      </c>
      <c r="BD1675" s="166">
        <v>-130031305.12</v>
      </c>
      <c r="BE1675" s="166">
        <v>0</v>
      </c>
      <c r="BF1675" s="166">
        <v>0</v>
      </c>
      <c r="BG1675" s="166">
        <v>0</v>
      </c>
      <c r="BH1675" s="166">
        <v>0</v>
      </c>
      <c r="BI1675" s="166">
        <v>-11630821.287941299</v>
      </c>
      <c r="BJ1675" s="166">
        <v>-1761952458.0973301</v>
      </c>
      <c r="BK1675" s="166">
        <v>0</v>
      </c>
      <c r="BL1675" s="166">
        <v>0</v>
      </c>
      <c r="BM1675" s="166">
        <v>0</v>
      </c>
      <c r="BN1675" s="166">
        <v>0</v>
      </c>
      <c r="BO1675" s="166">
        <v>0</v>
      </c>
      <c r="BP1675" s="166">
        <v>0</v>
      </c>
      <c r="BQ1675" s="166">
        <v>0</v>
      </c>
      <c r="BR1675" s="166">
        <v>1903614584.50527</v>
      </c>
      <c r="BS1675" s="166">
        <v>0</v>
      </c>
      <c r="BT1675" s="168">
        <v>0</v>
      </c>
      <c r="BU1675" s="166">
        <v>143812625.81606999</v>
      </c>
      <c r="BV1675" s="166">
        <v>1891840790.1189799</v>
      </c>
      <c r="BW1675" s="166">
        <v>-125195726.95145801</v>
      </c>
      <c r="BX1675" s="166">
        <v>0</v>
      </c>
      <c r="BY1675" s="166">
        <v>0</v>
      </c>
      <c r="BZ1675" s="166">
        <v>0</v>
      </c>
      <c r="CA1675" s="166">
        <v>0</v>
      </c>
      <c r="CB1675" s="166">
        <v>-11630778.9645609</v>
      </c>
      <c r="CC1675" s="166">
        <v>-1755014284.20296</v>
      </c>
      <c r="CD1675" s="166">
        <v>0</v>
      </c>
      <c r="CE1675" s="166">
        <v>0</v>
      </c>
      <c r="CF1675" s="166">
        <v>0</v>
      </c>
      <c r="CG1675" s="166">
        <v>0</v>
      </c>
      <c r="CH1675" s="166">
        <v>0</v>
      </c>
      <c r="CI1675" s="166">
        <v>0</v>
      </c>
      <c r="CJ1675" s="166">
        <v>0</v>
      </c>
      <c r="CK1675" s="166">
        <v>-125195726.95145801</v>
      </c>
      <c r="CL1675" s="166">
        <v>0</v>
      </c>
      <c r="CM1675" s="166">
        <v>0</v>
      </c>
      <c r="CN1675" s="166">
        <v>0</v>
      </c>
      <c r="CO1675" s="166">
        <v>0</v>
      </c>
      <c r="CP1675" s="166">
        <v>-11630778.9645609</v>
      </c>
      <c r="CQ1675" s="166">
        <v>-1755014284.20296</v>
      </c>
      <c r="CR1675" s="166">
        <v>0</v>
      </c>
      <c r="CS1675" s="166">
        <v>0</v>
      </c>
      <c r="CT1675" s="166">
        <v>0</v>
      </c>
      <c r="CU1675" s="166">
        <v>0</v>
      </c>
      <c r="CV1675" s="166">
        <v>0</v>
      </c>
      <c r="CW1675" s="166">
        <v>0</v>
      </c>
      <c r="CX1675" s="166">
        <v>0</v>
      </c>
      <c r="CY1675" s="166">
        <v>0</v>
      </c>
      <c r="CZ1675" s="166">
        <v>0</v>
      </c>
    </row>
    <row r="1676" spans="1:104" x14ac:dyDescent="0.2">
      <c r="A1676" s="167" t="s">
        <v>643</v>
      </c>
      <c r="B1676" s="166">
        <v>0</v>
      </c>
      <c r="C1676" s="166">
        <v>0</v>
      </c>
      <c r="D1676" s="166">
        <v>0</v>
      </c>
      <c r="E1676" s="166">
        <v>0</v>
      </c>
      <c r="F1676" s="166">
        <v>0</v>
      </c>
      <c r="G1676" s="166">
        <v>0</v>
      </c>
      <c r="H1676" s="166">
        <v>0</v>
      </c>
      <c r="I1676" s="166">
        <v>0</v>
      </c>
      <c r="J1676" s="166">
        <v>0</v>
      </c>
      <c r="K1676" s="166">
        <v>0</v>
      </c>
      <c r="L1676" s="166">
        <v>0</v>
      </c>
      <c r="M1676" s="166">
        <v>0</v>
      </c>
      <c r="N1676" s="166">
        <v>0</v>
      </c>
      <c r="O1676" s="166">
        <v>0</v>
      </c>
      <c r="P1676" s="166">
        <v>0</v>
      </c>
      <c r="Q1676" s="166">
        <v>0</v>
      </c>
      <c r="R1676" s="166">
        <v>0</v>
      </c>
      <c r="S1676" s="166">
        <v>0</v>
      </c>
      <c r="T1676" s="166">
        <v>0</v>
      </c>
      <c r="U1676" s="166">
        <v>0</v>
      </c>
      <c r="V1676" s="166">
        <v>0</v>
      </c>
      <c r="W1676" s="166">
        <v>0</v>
      </c>
      <c r="X1676" s="166">
        <v>0</v>
      </c>
      <c r="Y1676" s="166">
        <v>0</v>
      </c>
      <c r="Z1676" s="166">
        <v>0</v>
      </c>
      <c r="AA1676" s="166">
        <v>0</v>
      </c>
      <c r="AB1676" s="166">
        <v>0</v>
      </c>
      <c r="AC1676" s="166">
        <v>0</v>
      </c>
      <c r="AD1676" s="166">
        <v>0</v>
      </c>
      <c r="AE1676" s="166">
        <v>0</v>
      </c>
      <c r="AF1676" s="166">
        <v>0</v>
      </c>
      <c r="AG1676" s="166">
        <v>0</v>
      </c>
      <c r="AH1676" s="166">
        <v>0</v>
      </c>
      <c r="AI1676" s="166">
        <v>0</v>
      </c>
      <c r="AJ1676" s="166">
        <v>0</v>
      </c>
      <c r="AK1676" s="166">
        <v>0</v>
      </c>
      <c r="AL1676" s="166">
        <v>0</v>
      </c>
      <c r="AM1676" s="166">
        <v>0</v>
      </c>
      <c r="AN1676" s="166">
        <v>0</v>
      </c>
      <c r="AO1676" s="166">
        <v>0</v>
      </c>
      <c r="AP1676" s="166">
        <v>0</v>
      </c>
      <c r="AQ1676" s="166">
        <v>0</v>
      </c>
      <c r="AR1676" s="166">
        <v>0</v>
      </c>
      <c r="AS1676" s="166">
        <v>0</v>
      </c>
      <c r="AT1676" s="166">
        <v>0</v>
      </c>
      <c r="AU1676" s="166">
        <v>0</v>
      </c>
      <c r="AV1676" s="166">
        <v>0</v>
      </c>
      <c r="AW1676" s="166">
        <v>0</v>
      </c>
      <c r="AX1676" s="166">
        <v>0</v>
      </c>
      <c r="AY1676" s="166">
        <v>0</v>
      </c>
      <c r="AZ1676" s="166">
        <v>0</v>
      </c>
      <c r="BA1676" s="166">
        <v>0</v>
      </c>
      <c r="BB1676" s="166">
        <v>0</v>
      </c>
      <c r="BC1676" s="166">
        <v>0</v>
      </c>
      <c r="BD1676" s="166">
        <v>0</v>
      </c>
      <c r="BE1676" s="166">
        <v>0</v>
      </c>
      <c r="BF1676" s="166">
        <v>0</v>
      </c>
      <c r="BG1676" s="166">
        <v>0</v>
      </c>
      <c r="BH1676" s="166">
        <v>0</v>
      </c>
      <c r="BI1676" s="166">
        <v>0</v>
      </c>
      <c r="BJ1676" s="166">
        <v>0</v>
      </c>
      <c r="BK1676" s="166">
        <v>0</v>
      </c>
      <c r="BL1676" s="166">
        <v>0</v>
      </c>
      <c r="BM1676" s="166">
        <v>0</v>
      </c>
      <c r="BN1676" s="166">
        <v>0</v>
      </c>
      <c r="BO1676" s="166">
        <v>0</v>
      </c>
      <c r="BP1676" s="166">
        <v>0</v>
      </c>
      <c r="BQ1676" s="166">
        <v>0</v>
      </c>
      <c r="BR1676" s="166">
        <v>0</v>
      </c>
      <c r="BS1676" s="166">
        <v>0</v>
      </c>
      <c r="BT1676" s="166">
        <v>0</v>
      </c>
      <c r="BU1676" s="166">
        <v>0</v>
      </c>
      <c r="BV1676" s="166">
        <v>0</v>
      </c>
      <c r="BW1676" s="166">
        <v>0</v>
      </c>
      <c r="BX1676" s="166">
        <v>0</v>
      </c>
      <c r="BY1676" s="166">
        <v>0</v>
      </c>
      <c r="BZ1676" s="166">
        <v>0</v>
      </c>
      <c r="CA1676" s="166">
        <v>0</v>
      </c>
      <c r="CB1676" s="166">
        <v>0</v>
      </c>
      <c r="CC1676" s="166">
        <v>0</v>
      </c>
      <c r="CD1676" s="166">
        <v>0</v>
      </c>
      <c r="CE1676" s="166">
        <v>0</v>
      </c>
      <c r="CF1676" s="166">
        <v>0</v>
      </c>
      <c r="CG1676" s="166">
        <v>0</v>
      </c>
      <c r="CH1676" s="166">
        <v>0</v>
      </c>
      <c r="CI1676" s="166">
        <v>0</v>
      </c>
      <c r="CJ1676" s="166">
        <v>0</v>
      </c>
      <c r="CK1676" s="166">
        <v>0</v>
      </c>
      <c r="CL1676" s="166">
        <v>0</v>
      </c>
      <c r="CM1676" s="166">
        <v>0</v>
      </c>
      <c r="CN1676" s="166">
        <v>0</v>
      </c>
      <c r="CO1676" s="166">
        <v>0</v>
      </c>
      <c r="CP1676" s="166">
        <v>0</v>
      </c>
      <c r="CQ1676" s="166">
        <v>0</v>
      </c>
      <c r="CR1676" s="166">
        <v>0</v>
      </c>
      <c r="CS1676" s="166">
        <v>0</v>
      </c>
      <c r="CT1676" s="166">
        <v>0</v>
      </c>
      <c r="CU1676" s="166">
        <v>0</v>
      </c>
      <c r="CV1676" s="166">
        <v>0</v>
      </c>
      <c r="CW1676" s="166">
        <v>0</v>
      </c>
      <c r="CX1676" s="166">
        <v>0</v>
      </c>
      <c r="CY1676" s="166">
        <v>0</v>
      </c>
      <c r="CZ1676" s="166">
        <v>0</v>
      </c>
    </row>
    <row r="1677" spans="1:104" x14ac:dyDescent="0.2">
      <c r="A1677" s="167" t="s">
        <v>644</v>
      </c>
    </row>
    <row r="1678" spans="1:104" ht="10.8" thickBot="1" x14ac:dyDescent="0.25">
      <c r="A1678" s="178" t="s">
        <v>645</v>
      </c>
      <c r="B1678" s="166">
        <v>0</v>
      </c>
      <c r="C1678" s="166">
        <v>0</v>
      </c>
      <c r="D1678" s="166">
        <v>0</v>
      </c>
      <c r="E1678" s="166">
        <v>0</v>
      </c>
      <c r="F1678" s="166">
        <v>0</v>
      </c>
      <c r="G1678" s="166">
        <v>0</v>
      </c>
      <c r="H1678" s="166">
        <v>0</v>
      </c>
      <c r="I1678" s="166">
        <v>0</v>
      </c>
      <c r="J1678" s="166">
        <v>0</v>
      </c>
      <c r="K1678" s="166">
        <v>0</v>
      </c>
      <c r="L1678" s="166">
        <v>0</v>
      </c>
      <c r="M1678" s="166">
        <v>0</v>
      </c>
      <c r="N1678" s="166">
        <v>0</v>
      </c>
      <c r="O1678" s="166">
        <v>0</v>
      </c>
      <c r="P1678" s="166">
        <v>0</v>
      </c>
      <c r="Q1678" s="166">
        <v>0</v>
      </c>
      <c r="R1678" s="166">
        <v>0</v>
      </c>
      <c r="S1678" s="166">
        <v>0</v>
      </c>
      <c r="T1678" s="166">
        <v>0</v>
      </c>
      <c r="U1678" s="166">
        <v>0</v>
      </c>
      <c r="V1678" s="166">
        <v>0</v>
      </c>
      <c r="W1678" s="166">
        <v>0</v>
      </c>
      <c r="X1678" s="166">
        <v>0</v>
      </c>
      <c r="Y1678" s="166">
        <v>0</v>
      </c>
      <c r="Z1678" s="166">
        <v>0</v>
      </c>
      <c r="AA1678" s="166">
        <v>0</v>
      </c>
      <c r="AB1678" s="166">
        <v>0</v>
      </c>
      <c r="AC1678" s="166">
        <v>0</v>
      </c>
      <c r="AD1678" s="166">
        <v>0</v>
      </c>
      <c r="AE1678" s="166">
        <v>0</v>
      </c>
      <c r="AF1678" s="166">
        <v>0</v>
      </c>
      <c r="AG1678" s="166">
        <v>0</v>
      </c>
      <c r="AH1678" s="166">
        <v>0</v>
      </c>
      <c r="AI1678" s="166">
        <v>0</v>
      </c>
      <c r="AJ1678" s="166">
        <v>0</v>
      </c>
      <c r="AK1678" s="166">
        <v>0</v>
      </c>
      <c r="AL1678" s="166">
        <v>0</v>
      </c>
      <c r="AM1678" s="166">
        <v>0</v>
      </c>
      <c r="AN1678" s="166">
        <v>0</v>
      </c>
      <c r="AO1678" s="166">
        <v>0</v>
      </c>
      <c r="AP1678" s="166">
        <v>0</v>
      </c>
      <c r="AQ1678" s="166">
        <v>0</v>
      </c>
      <c r="AR1678" s="166">
        <v>0</v>
      </c>
      <c r="AS1678" s="166">
        <v>0</v>
      </c>
      <c r="AT1678" s="166">
        <v>0</v>
      </c>
      <c r="AU1678" s="166">
        <v>0</v>
      </c>
      <c r="AV1678" s="166">
        <v>0</v>
      </c>
      <c r="AW1678" s="166">
        <v>0</v>
      </c>
      <c r="AX1678" s="166">
        <v>0</v>
      </c>
      <c r="AY1678" s="166">
        <v>0</v>
      </c>
      <c r="AZ1678" s="166">
        <v>0</v>
      </c>
      <c r="BA1678" s="166">
        <v>0</v>
      </c>
      <c r="BB1678" s="166">
        <v>0</v>
      </c>
      <c r="BC1678" s="166">
        <v>0</v>
      </c>
      <c r="BD1678" s="166">
        <v>0</v>
      </c>
      <c r="BE1678" s="166">
        <v>0</v>
      </c>
      <c r="BF1678" s="166">
        <v>0</v>
      </c>
      <c r="BG1678" s="166">
        <v>0</v>
      </c>
      <c r="BH1678" s="166">
        <v>0</v>
      </c>
      <c r="BI1678" s="166">
        <v>0</v>
      </c>
      <c r="BJ1678" s="166">
        <v>0</v>
      </c>
      <c r="BK1678" s="166">
        <v>0</v>
      </c>
      <c r="BL1678" s="166">
        <v>0</v>
      </c>
      <c r="BM1678" s="166">
        <v>0</v>
      </c>
      <c r="BN1678" s="166">
        <v>0</v>
      </c>
      <c r="BO1678" s="166">
        <v>0</v>
      </c>
      <c r="BP1678" s="166">
        <v>0</v>
      </c>
      <c r="BQ1678" s="166">
        <v>0</v>
      </c>
      <c r="BR1678" s="166">
        <v>0</v>
      </c>
      <c r="BS1678" s="166">
        <v>0</v>
      </c>
      <c r="BT1678" s="168">
        <v>0</v>
      </c>
      <c r="BU1678" s="166">
        <v>0</v>
      </c>
      <c r="BV1678" s="166">
        <v>0</v>
      </c>
      <c r="BW1678" s="166">
        <v>0</v>
      </c>
      <c r="BX1678" s="166">
        <v>0</v>
      </c>
      <c r="BY1678" s="166">
        <v>0</v>
      </c>
      <c r="BZ1678" s="166">
        <v>0</v>
      </c>
      <c r="CA1678" s="166">
        <v>0</v>
      </c>
      <c r="CB1678" s="166">
        <v>0</v>
      </c>
      <c r="CC1678" s="166">
        <v>0</v>
      </c>
      <c r="CD1678" s="166">
        <v>0</v>
      </c>
      <c r="CE1678" s="166">
        <v>0</v>
      </c>
      <c r="CF1678" s="166">
        <v>0</v>
      </c>
      <c r="CG1678" s="166">
        <v>0</v>
      </c>
      <c r="CH1678" s="166">
        <v>0</v>
      </c>
      <c r="CI1678" s="166">
        <v>0</v>
      </c>
      <c r="CJ1678" s="166">
        <v>0</v>
      </c>
      <c r="CK1678" s="166">
        <v>0</v>
      </c>
      <c r="CL1678" s="166">
        <v>0</v>
      </c>
      <c r="CM1678" s="166">
        <v>0</v>
      </c>
      <c r="CN1678" s="166">
        <v>0</v>
      </c>
      <c r="CO1678" s="166">
        <v>0</v>
      </c>
      <c r="CP1678" s="166">
        <v>0</v>
      </c>
      <c r="CQ1678" s="166">
        <v>0</v>
      </c>
      <c r="CR1678" s="166">
        <v>0</v>
      </c>
      <c r="CS1678" s="166">
        <v>0</v>
      </c>
      <c r="CT1678" s="166">
        <v>0</v>
      </c>
      <c r="CU1678" s="166">
        <v>0</v>
      </c>
      <c r="CV1678" s="166">
        <v>0</v>
      </c>
      <c r="CW1678" s="166">
        <v>0</v>
      </c>
      <c r="CX1678" s="166">
        <v>0</v>
      </c>
      <c r="CY1678" s="166">
        <v>0</v>
      </c>
      <c r="CZ1678" s="166">
        <v>0</v>
      </c>
    </row>
    <row r="1679" spans="1:104" x14ac:dyDescent="0.2">
      <c r="A1679" s="167" t="s">
        <v>646</v>
      </c>
      <c r="B1679" s="166">
        <v>0</v>
      </c>
      <c r="C1679" s="166">
        <v>0</v>
      </c>
      <c r="D1679" s="166">
        <v>0</v>
      </c>
      <c r="E1679" s="166">
        <v>0</v>
      </c>
      <c r="F1679" s="166">
        <v>0</v>
      </c>
      <c r="G1679" s="166">
        <v>0</v>
      </c>
      <c r="H1679" s="166">
        <v>0</v>
      </c>
      <c r="I1679" s="166">
        <v>0</v>
      </c>
      <c r="J1679" s="166">
        <v>0</v>
      </c>
      <c r="K1679" s="166">
        <v>0</v>
      </c>
      <c r="L1679" s="166">
        <v>0</v>
      </c>
      <c r="M1679" s="166">
        <v>0</v>
      </c>
      <c r="N1679" s="166">
        <v>0</v>
      </c>
      <c r="O1679" s="166">
        <v>0</v>
      </c>
      <c r="P1679" s="166">
        <v>0</v>
      </c>
      <c r="Q1679" s="166">
        <v>0</v>
      </c>
      <c r="R1679" s="166">
        <v>0</v>
      </c>
      <c r="S1679" s="166">
        <v>0</v>
      </c>
      <c r="T1679" s="166">
        <v>0</v>
      </c>
      <c r="U1679" s="166">
        <v>0</v>
      </c>
      <c r="V1679" s="166">
        <v>0</v>
      </c>
      <c r="W1679" s="166">
        <v>0</v>
      </c>
      <c r="X1679" s="166">
        <v>0</v>
      </c>
      <c r="Y1679" s="166">
        <v>0</v>
      </c>
      <c r="Z1679" s="166">
        <v>0</v>
      </c>
      <c r="AA1679" s="166">
        <v>0</v>
      </c>
      <c r="AB1679" s="166">
        <v>0</v>
      </c>
      <c r="AC1679" s="166">
        <v>0</v>
      </c>
      <c r="AD1679" s="166">
        <v>0</v>
      </c>
      <c r="AE1679" s="166">
        <v>0</v>
      </c>
      <c r="AF1679" s="166">
        <v>0</v>
      </c>
      <c r="AG1679" s="166">
        <v>0</v>
      </c>
      <c r="AH1679" s="166">
        <v>0</v>
      </c>
      <c r="AI1679" s="166">
        <v>0</v>
      </c>
      <c r="AJ1679" s="166">
        <v>0</v>
      </c>
      <c r="AK1679" s="166">
        <v>0</v>
      </c>
      <c r="AL1679" s="166">
        <v>0</v>
      </c>
      <c r="AM1679" s="166">
        <v>0</v>
      </c>
      <c r="AN1679" s="166">
        <v>0</v>
      </c>
      <c r="AO1679" s="166">
        <v>0</v>
      </c>
      <c r="AP1679" s="166">
        <v>0</v>
      </c>
      <c r="AQ1679" s="166">
        <v>0</v>
      </c>
      <c r="AR1679" s="166">
        <v>0</v>
      </c>
      <c r="AS1679" s="166">
        <v>0</v>
      </c>
      <c r="AT1679" s="166">
        <v>0</v>
      </c>
      <c r="AU1679" s="166">
        <v>0</v>
      </c>
      <c r="AV1679" s="166">
        <v>0</v>
      </c>
      <c r="AW1679" s="166">
        <v>0</v>
      </c>
      <c r="AX1679" s="166">
        <v>0</v>
      </c>
      <c r="AY1679" s="166">
        <v>0</v>
      </c>
      <c r="AZ1679" s="166">
        <v>0</v>
      </c>
      <c r="BA1679" s="166">
        <v>0</v>
      </c>
      <c r="BB1679" s="166">
        <v>0</v>
      </c>
      <c r="BC1679" s="166">
        <v>0</v>
      </c>
      <c r="BD1679" s="166">
        <v>0</v>
      </c>
      <c r="BE1679" s="166">
        <v>0</v>
      </c>
      <c r="BF1679" s="166">
        <v>0</v>
      </c>
      <c r="BG1679" s="166">
        <v>0</v>
      </c>
      <c r="BH1679" s="166">
        <v>0</v>
      </c>
      <c r="BI1679" s="166">
        <v>0</v>
      </c>
      <c r="BJ1679" s="166">
        <v>0</v>
      </c>
      <c r="BK1679" s="166">
        <v>0</v>
      </c>
      <c r="BL1679" s="166">
        <v>0</v>
      </c>
      <c r="BM1679" s="166">
        <v>0</v>
      </c>
      <c r="BN1679" s="166">
        <v>0</v>
      </c>
      <c r="BO1679" s="166">
        <v>0</v>
      </c>
      <c r="BP1679" s="166">
        <v>0</v>
      </c>
      <c r="BQ1679" s="166">
        <v>0</v>
      </c>
      <c r="BR1679" s="166">
        <v>0</v>
      </c>
      <c r="BS1679" s="166">
        <v>0</v>
      </c>
      <c r="BT1679" s="168">
        <v>0</v>
      </c>
      <c r="BU1679" s="166">
        <v>0</v>
      </c>
      <c r="BV1679" s="166">
        <v>0</v>
      </c>
      <c r="BW1679" s="166">
        <v>0</v>
      </c>
      <c r="BX1679" s="166">
        <v>0</v>
      </c>
      <c r="BY1679" s="166">
        <v>0</v>
      </c>
      <c r="BZ1679" s="166">
        <v>0</v>
      </c>
      <c r="CA1679" s="166">
        <v>0</v>
      </c>
      <c r="CB1679" s="166">
        <v>0</v>
      </c>
      <c r="CC1679" s="166">
        <v>0</v>
      </c>
      <c r="CD1679" s="166">
        <v>0</v>
      </c>
      <c r="CE1679" s="166">
        <v>0</v>
      </c>
      <c r="CF1679" s="166">
        <v>0</v>
      </c>
      <c r="CG1679" s="166">
        <v>0</v>
      </c>
      <c r="CH1679" s="166">
        <v>0</v>
      </c>
      <c r="CI1679" s="166">
        <v>0</v>
      </c>
      <c r="CJ1679" s="166">
        <v>0</v>
      </c>
      <c r="CK1679" s="166">
        <v>0</v>
      </c>
      <c r="CL1679" s="166">
        <v>0</v>
      </c>
      <c r="CM1679" s="166">
        <v>0</v>
      </c>
      <c r="CN1679" s="166">
        <v>0</v>
      </c>
      <c r="CO1679" s="166">
        <v>0</v>
      </c>
      <c r="CP1679" s="166">
        <v>0</v>
      </c>
      <c r="CQ1679" s="166">
        <v>0</v>
      </c>
      <c r="CR1679" s="166">
        <v>0</v>
      </c>
      <c r="CS1679" s="166">
        <v>0</v>
      </c>
      <c r="CT1679" s="166">
        <v>0</v>
      </c>
      <c r="CU1679" s="166">
        <v>0</v>
      </c>
      <c r="CV1679" s="166">
        <v>0</v>
      </c>
      <c r="CW1679" s="166">
        <v>0</v>
      </c>
      <c r="CX1679" s="166">
        <v>0</v>
      </c>
      <c r="CY1679" s="166">
        <v>0</v>
      </c>
      <c r="CZ1679" s="166">
        <v>6849608920.3554001</v>
      </c>
    </row>
    <row r="1680" spans="1:104" x14ac:dyDescent="0.2">
      <c r="A1680" s="167" t="s">
        <v>647</v>
      </c>
      <c r="B1680" s="166">
        <v>0</v>
      </c>
      <c r="C1680" s="166">
        <v>0</v>
      </c>
      <c r="D1680" s="166">
        <v>0</v>
      </c>
      <c r="E1680" s="166">
        <v>0</v>
      </c>
      <c r="F1680" s="166">
        <v>0</v>
      </c>
      <c r="G1680" s="166">
        <v>0</v>
      </c>
      <c r="H1680" s="166">
        <v>0</v>
      </c>
      <c r="I1680" s="166">
        <v>0</v>
      </c>
      <c r="J1680" s="166">
        <v>0</v>
      </c>
      <c r="K1680" s="166">
        <v>0</v>
      </c>
      <c r="L1680" s="166">
        <v>0</v>
      </c>
      <c r="M1680" s="166">
        <v>0</v>
      </c>
      <c r="N1680" s="166">
        <v>0</v>
      </c>
      <c r="O1680" s="166">
        <v>0</v>
      </c>
      <c r="P1680" s="166">
        <v>0</v>
      </c>
      <c r="Q1680" s="166">
        <v>0</v>
      </c>
      <c r="R1680" s="166">
        <v>0</v>
      </c>
      <c r="S1680" s="166">
        <v>0</v>
      </c>
      <c r="T1680" s="166">
        <v>0</v>
      </c>
      <c r="U1680" s="166">
        <v>0</v>
      </c>
      <c r="V1680" s="166">
        <v>0</v>
      </c>
      <c r="W1680" s="166">
        <v>0</v>
      </c>
      <c r="X1680" s="166">
        <v>0</v>
      </c>
      <c r="Y1680" s="166">
        <v>0</v>
      </c>
      <c r="Z1680" s="166">
        <v>0</v>
      </c>
      <c r="AA1680" s="166">
        <v>0</v>
      </c>
      <c r="AB1680" s="166">
        <v>0</v>
      </c>
      <c r="AC1680" s="166">
        <v>0</v>
      </c>
      <c r="AD1680" s="166">
        <v>0</v>
      </c>
      <c r="AE1680" s="166">
        <v>0</v>
      </c>
      <c r="AF1680" s="166">
        <v>0</v>
      </c>
      <c r="AG1680" s="166">
        <v>0</v>
      </c>
      <c r="AH1680" s="166">
        <v>0</v>
      </c>
      <c r="AI1680" s="166">
        <v>0</v>
      </c>
      <c r="AJ1680" s="166">
        <v>0</v>
      </c>
      <c r="AK1680" s="166">
        <v>0</v>
      </c>
      <c r="AL1680" s="166">
        <v>0</v>
      </c>
      <c r="AM1680" s="166">
        <v>0</v>
      </c>
      <c r="AN1680" s="166">
        <v>0</v>
      </c>
      <c r="AO1680" s="166">
        <v>0</v>
      </c>
      <c r="AP1680" s="166">
        <v>0</v>
      </c>
      <c r="AQ1680" s="166">
        <v>0</v>
      </c>
      <c r="AR1680" s="166">
        <v>0</v>
      </c>
      <c r="AS1680" s="166">
        <v>0</v>
      </c>
      <c r="AT1680" s="166">
        <v>0</v>
      </c>
      <c r="AU1680" s="166">
        <v>0</v>
      </c>
      <c r="AV1680" s="166">
        <v>0</v>
      </c>
      <c r="AW1680" s="166">
        <v>0</v>
      </c>
      <c r="AX1680" s="166">
        <v>0</v>
      </c>
      <c r="AY1680" s="166">
        <v>0</v>
      </c>
      <c r="AZ1680" s="166">
        <v>0</v>
      </c>
      <c r="BA1680" s="166">
        <v>0</v>
      </c>
      <c r="BB1680" s="166">
        <v>0</v>
      </c>
      <c r="BC1680" s="166">
        <v>0</v>
      </c>
      <c r="BD1680" s="166">
        <v>0</v>
      </c>
      <c r="BE1680" s="166">
        <v>0</v>
      </c>
      <c r="BF1680" s="166">
        <v>0</v>
      </c>
      <c r="BG1680" s="166">
        <v>0</v>
      </c>
      <c r="BH1680" s="166">
        <v>0</v>
      </c>
      <c r="BI1680" s="166">
        <v>0</v>
      </c>
      <c r="BJ1680" s="166">
        <v>0</v>
      </c>
      <c r="BK1680" s="166">
        <v>0</v>
      </c>
      <c r="BL1680" s="166">
        <v>0</v>
      </c>
      <c r="BM1680" s="166">
        <v>0</v>
      </c>
      <c r="BN1680" s="166">
        <v>0</v>
      </c>
      <c r="BO1680" s="166">
        <v>0</v>
      </c>
      <c r="BP1680" s="166">
        <v>0</v>
      </c>
      <c r="BQ1680" s="166">
        <v>0</v>
      </c>
      <c r="BR1680" s="166">
        <v>0</v>
      </c>
      <c r="BS1680" s="166">
        <v>7065878813.3692799</v>
      </c>
      <c r="BT1680" s="168">
        <v>0</v>
      </c>
      <c r="BU1680" s="166">
        <v>0</v>
      </c>
      <c r="BV1680" s="166">
        <v>0</v>
      </c>
      <c r="BW1680" s="166">
        <v>0</v>
      </c>
      <c r="BX1680" s="166">
        <v>0</v>
      </c>
      <c r="BY1680" s="166">
        <v>0</v>
      </c>
      <c r="BZ1680" s="166">
        <v>0</v>
      </c>
      <c r="CA1680" s="166">
        <v>0</v>
      </c>
      <c r="CB1680" s="166">
        <v>0</v>
      </c>
      <c r="CC1680" s="166">
        <v>0</v>
      </c>
      <c r="CD1680" s="166">
        <v>0</v>
      </c>
      <c r="CE1680" s="166">
        <v>0</v>
      </c>
      <c r="CF1680" s="166">
        <v>0</v>
      </c>
      <c r="CG1680" s="166">
        <v>0</v>
      </c>
      <c r="CH1680" s="166">
        <v>0</v>
      </c>
      <c r="CI1680" s="166">
        <v>0</v>
      </c>
      <c r="CJ1680" s="166">
        <v>0</v>
      </c>
      <c r="CK1680" s="166">
        <v>0</v>
      </c>
      <c r="CL1680" s="166">
        <v>0</v>
      </c>
      <c r="CM1680" s="166">
        <v>0</v>
      </c>
      <c r="CN1680" s="166">
        <v>0</v>
      </c>
      <c r="CO1680" s="166">
        <v>0</v>
      </c>
      <c r="CP1680" s="166">
        <v>0</v>
      </c>
      <c r="CQ1680" s="166">
        <v>0</v>
      </c>
      <c r="CR1680" s="166">
        <v>0</v>
      </c>
      <c r="CS1680" s="166">
        <v>0</v>
      </c>
      <c r="CT1680" s="166">
        <v>0</v>
      </c>
      <c r="CU1680" s="166">
        <v>0</v>
      </c>
      <c r="CV1680" s="166">
        <v>0</v>
      </c>
      <c r="CW1680" s="166">
        <v>0</v>
      </c>
      <c r="CX1680" s="166">
        <v>0</v>
      </c>
      <c r="CY1680" s="166">
        <v>0</v>
      </c>
      <c r="CZ1680" s="166">
        <v>7065878813.3692799</v>
      </c>
    </row>
    <row r="1681" spans="1:104" x14ac:dyDescent="0.2">
      <c r="A1681" s="167" t="s">
        <v>648</v>
      </c>
      <c r="B1681" s="166">
        <v>0</v>
      </c>
      <c r="C1681" s="166">
        <v>0</v>
      </c>
      <c r="D1681" s="166">
        <v>0</v>
      </c>
      <c r="E1681" s="166">
        <v>0</v>
      </c>
      <c r="F1681" s="166">
        <v>0</v>
      </c>
      <c r="G1681" s="166">
        <v>0</v>
      </c>
      <c r="H1681" s="166">
        <v>0</v>
      </c>
      <c r="I1681" s="166">
        <v>0</v>
      </c>
      <c r="J1681" s="166">
        <v>0</v>
      </c>
      <c r="K1681" s="166">
        <v>0</v>
      </c>
      <c r="L1681" s="166">
        <v>0</v>
      </c>
      <c r="M1681" s="166">
        <v>0</v>
      </c>
      <c r="N1681" s="166">
        <v>0</v>
      </c>
      <c r="O1681" s="166">
        <v>0</v>
      </c>
      <c r="P1681" s="166">
        <v>0</v>
      </c>
      <c r="Q1681" s="166">
        <v>0</v>
      </c>
      <c r="R1681" s="166">
        <v>0</v>
      </c>
      <c r="S1681" s="166">
        <v>0</v>
      </c>
      <c r="T1681" s="166">
        <v>0</v>
      </c>
      <c r="U1681" s="166">
        <v>0</v>
      </c>
      <c r="V1681" s="166">
        <v>0</v>
      </c>
      <c r="W1681" s="166">
        <v>0</v>
      </c>
      <c r="X1681" s="166">
        <v>0</v>
      </c>
      <c r="Y1681" s="166">
        <v>0</v>
      </c>
      <c r="Z1681" s="166">
        <v>0</v>
      </c>
      <c r="AA1681" s="166">
        <v>0</v>
      </c>
      <c r="AB1681" s="166">
        <v>0</v>
      </c>
      <c r="AC1681" s="166">
        <v>0</v>
      </c>
      <c r="AD1681" s="166">
        <v>0</v>
      </c>
      <c r="AE1681" s="166">
        <v>0</v>
      </c>
      <c r="AF1681" s="166">
        <v>0</v>
      </c>
      <c r="AG1681" s="166">
        <v>0</v>
      </c>
      <c r="AH1681" s="166">
        <v>0</v>
      </c>
      <c r="AI1681" s="166">
        <v>0</v>
      </c>
      <c r="AJ1681" s="166">
        <v>0</v>
      </c>
      <c r="AK1681" s="166">
        <v>0</v>
      </c>
      <c r="AL1681" s="166">
        <v>0</v>
      </c>
      <c r="AM1681" s="166">
        <v>0</v>
      </c>
      <c r="AN1681" s="166">
        <v>0</v>
      </c>
      <c r="AO1681" s="166">
        <v>0</v>
      </c>
      <c r="AP1681" s="166">
        <v>0</v>
      </c>
      <c r="AQ1681" s="166">
        <v>0</v>
      </c>
      <c r="AR1681" s="166">
        <v>0</v>
      </c>
      <c r="AS1681" s="166">
        <v>0</v>
      </c>
      <c r="AT1681" s="166">
        <v>0</v>
      </c>
      <c r="AU1681" s="166">
        <v>0</v>
      </c>
      <c r="AV1681" s="166">
        <v>0</v>
      </c>
      <c r="AW1681" s="166">
        <v>0</v>
      </c>
      <c r="AX1681" s="166">
        <v>0</v>
      </c>
      <c r="AY1681" s="166">
        <v>0</v>
      </c>
      <c r="AZ1681" s="166">
        <v>0</v>
      </c>
      <c r="BA1681" s="166">
        <v>0</v>
      </c>
      <c r="BB1681" s="166">
        <v>0</v>
      </c>
      <c r="BC1681" s="166">
        <v>0</v>
      </c>
      <c r="BD1681" s="166">
        <v>0</v>
      </c>
      <c r="BE1681" s="166">
        <v>0</v>
      </c>
      <c r="BF1681" s="166">
        <v>0</v>
      </c>
      <c r="BG1681" s="166">
        <v>0</v>
      </c>
      <c r="BH1681" s="166">
        <v>0</v>
      </c>
      <c r="BI1681" s="166">
        <v>0</v>
      </c>
      <c r="BJ1681" s="166">
        <v>0</v>
      </c>
      <c r="BK1681" s="166">
        <v>0</v>
      </c>
      <c r="BL1681" s="166">
        <v>0</v>
      </c>
      <c r="BM1681" s="166">
        <v>0</v>
      </c>
      <c r="BN1681" s="166">
        <v>0</v>
      </c>
      <c r="BO1681" s="166">
        <v>0</v>
      </c>
      <c r="BP1681" s="166">
        <v>0</v>
      </c>
      <c r="BQ1681" s="166">
        <v>0</v>
      </c>
      <c r="BR1681" s="166">
        <v>0</v>
      </c>
      <c r="BS1681" s="166">
        <v>0</v>
      </c>
      <c r="BT1681" s="168">
        <v>0</v>
      </c>
      <c r="BU1681" s="166">
        <v>0</v>
      </c>
      <c r="BV1681" s="166">
        <v>0</v>
      </c>
      <c r="BW1681" s="166">
        <v>0</v>
      </c>
      <c r="BX1681" s="166">
        <v>0</v>
      </c>
      <c r="BY1681" s="166">
        <v>0</v>
      </c>
      <c r="BZ1681" s="166">
        <v>0</v>
      </c>
      <c r="CA1681" s="166">
        <v>0</v>
      </c>
      <c r="CB1681" s="166">
        <v>0</v>
      </c>
      <c r="CC1681" s="166">
        <v>0</v>
      </c>
      <c r="CD1681" s="166">
        <v>0</v>
      </c>
      <c r="CE1681" s="166">
        <v>0</v>
      </c>
      <c r="CF1681" s="166">
        <v>0</v>
      </c>
      <c r="CG1681" s="166">
        <v>0</v>
      </c>
      <c r="CH1681" s="166">
        <v>0</v>
      </c>
      <c r="CI1681" s="166">
        <v>0</v>
      </c>
      <c r="CJ1681" s="166">
        <v>0</v>
      </c>
      <c r="CK1681" s="166">
        <v>0</v>
      </c>
      <c r="CL1681" s="166">
        <v>0</v>
      </c>
      <c r="CM1681" s="166">
        <v>0</v>
      </c>
      <c r="CN1681" s="166">
        <v>0</v>
      </c>
      <c r="CO1681" s="166">
        <v>0</v>
      </c>
      <c r="CP1681" s="166">
        <v>0</v>
      </c>
      <c r="CQ1681" s="166">
        <v>0</v>
      </c>
      <c r="CR1681" s="166">
        <v>0</v>
      </c>
      <c r="CS1681" s="166">
        <v>0</v>
      </c>
      <c r="CT1681" s="166">
        <v>0</v>
      </c>
      <c r="CU1681" s="166">
        <v>0</v>
      </c>
      <c r="CV1681" s="166">
        <v>0</v>
      </c>
      <c r="CW1681" s="166">
        <v>0</v>
      </c>
      <c r="CX1681" s="166">
        <v>0</v>
      </c>
      <c r="CY1681" s="166">
        <v>0</v>
      </c>
      <c r="CZ1681" s="179">
        <v>11.6326510851175</v>
      </c>
    </row>
    <row r="1682" spans="1:104" x14ac:dyDescent="0.2">
      <c r="A1682" s="167" t="s">
        <v>649</v>
      </c>
      <c r="B1682" s="166">
        <v>0</v>
      </c>
      <c r="C1682" s="166">
        <v>0</v>
      </c>
      <c r="D1682" s="166">
        <v>0</v>
      </c>
      <c r="E1682" s="166">
        <v>0</v>
      </c>
      <c r="F1682" s="166">
        <v>0</v>
      </c>
      <c r="G1682" s="166">
        <v>0</v>
      </c>
      <c r="H1682" s="166">
        <v>0</v>
      </c>
      <c r="I1682" s="166">
        <v>0</v>
      </c>
      <c r="J1682" s="166">
        <v>0</v>
      </c>
      <c r="K1682" s="166">
        <v>0</v>
      </c>
      <c r="L1682" s="166">
        <v>0</v>
      </c>
      <c r="M1682" s="166">
        <v>0</v>
      </c>
      <c r="N1682" s="166">
        <v>0</v>
      </c>
      <c r="O1682" s="166">
        <v>0</v>
      </c>
      <c r="P1682" s="166">
        <v>0</v>
      </c>
      <c r="Q1682" s="166">
        <v>0</v>
      </c>
      <c r="R1682" s="166">
        <v>0</v>
      </c>
      <c r="S1682" s="166">
        <v>0</v>
      </c>
      <c r="T1682" s="166">
        <v>0</v>
      </c>
      <c r="U1682" s="166">
        <v>0</v>
      </c>
      <c r="V1682" s="166">
        <v>0</v>
      </c>
      <c r="W1682" s="166">
        <v>0</v>
      </c>
      <c r="X1682" s="166">
        <v>0</v>
      </c>
      <c r="Y1682" s="166">
        <v>0</v>
      </c>
      <c r="Z1682" s="166">
        <v>0</v>
      </c>
      <c r="AA1682" s="166">
        <v>0</v>
      </c>
      <c r="AB1682" s="166">
        <v>0</v>
      </c>
      <c r="AC1682" s="166">
        <v>0</v>
      </c>
      <c r="AD1682" s="166">
        <v>0</v>
      </c>
      <c r="AE1682" s="166">
        <v>0</v>
      </c>
      <c r="AF1682" s="166">
        <v>0</v>
      </c>
      <c r="AG1682" s="166">
        <v>0</v>
      </c>
      <c r="AH1682" s="166">
        <v>0</v>
      </c>
      <c r="AI1682" s="166">
        <v>0</v>
      </c>
      <c r="AJ1682" s="166">
        <v>0</v>
      </c>
      <c r="AK1682" s="166">
        <v>0</v>
      </c>
      <c r="AL1682" s="166">
        <v>0</v>
      </c>
      <c r="AM1682" s="166">
        <v>0</v>
      </c>
      <c r="AN1682" s="166">
        <v>0</v>
      </c>
      <c r="AO1682" s="166">
        <v>0</v>
      </c>
      <c r="AP1682" s="166">
        <v>0</v>
      </c>
      <c r="AQ1682" s="166">
        <v>0</v>
      </c>
      <c r="AR1682" s="166">
        <v>0</v>
      </c>
      <c r="AS1682" s="166">
        <v>0</v>
      </c>
      <c r="AT1682" s="166">
        <v>0</v>
      </c>
      <c r="AU1682" s="166">
        <v>0</v>
      </c>
      <c r="AV1682" s="166">
        <v>0</v>
      </c>
      <c r="AW1682" s="166">
        <v>0</v>
      </c>
      <c r="AX1682" s="166">
        <v>0</v>
      </c>
      <c r="AY1682" s="166">
        <v>0</v>
      </c>
      <c r="AZ1682" s="166">
        <v>0</v>
      </c>
      <c r="BA1682" s="166">
        <v>0</v>
      </c>
      <c r="BB1682" s="166">
        <v>0</v>
      </c>
      <c r="BC1682" s="166">
        <v>0</v>
      </c>
      <c r="BD1682" s="166">
        <v>0</v>
      </c>
      <c r="BE1682" s="166">
        <v>0</v>
      </c>
      <c r="BF1682" s="166">
        <v>0</v>
      </c>
      <c r="BG1682" s="166">
        <v>0</v>
      </c>
      <c r="BH1682" s="166">
        <v>0</v>
      </c>
      <c r="BI1682" s="166">
        <v>0</v>
      </c>
      <c r="BJ1682" s="166">
        <v>0</v>
      </c>
      <c r="BK1682" s="166">
        <v>0</v>
      </c>
      <c r="BL1682" s="166">
        <v>0</v>
      </c>
      <c r="BM1682" s="166">
        <v>0</v>
      </c>
      <c r="BN1682" s="166">
        <v>0</v>
      </c>
      <c r="BO1682" s="166">
        <v>0</v>
      </c>
      <c r="BP1682" s="166">
        <v>0</v>
      </c>
      <c r="BQ1682" s="166">
        <v>0</v>
      </c>
      <c r="BR1682" s="166">
        <v>0</v>
      </c>
      <c r="BS1682" s="166">
        <v>0</v>
      </c>
      <c r="BT1682" s="168">
        <v>0</v>
      </c>
      <c r="BU1682" s="166">
        <v>0</v>
      </c>
      <c r="BV1682" s="166">
        <v>0</v>
      </c>
      <c r="BW1682" s="166">
        <v>0</v>
      </c>
      <c r="BX1682" s="166">
        <v>0</v>
      </c>
      <c r="BY1682" s="166">
        <v>0</v>
      </c>
      <c r="BZ1682" s="166">
        <v>0</v>
      </c>
      <c r="CA1682" s="166">
        <v>0</v>
      </c>
      <c r="CB1682" s="166">
        <v>0</v>
      </c>
      <c r="CC1682" s="166">
        <v>0</v>
      </c>
      <c r="CD1682" s="166">
        <v>0</v>
      </c>
      <c r="CE1682" s="166">
        <v>0</v>
      </c>
      <c r="CF1682" s="166">
        <v>0</v>
      </c>
      <c r="CG1682" s="166">
        <v>0</v>
      </c>
      <c r="CH1682" s="166">
        <v>0</v>
      </c>
      <c r="CI1682" s="166">
        <v>0</v>
      </c>
      <c r="CJ1682" s="166">
        <v>0</v>
      </c>
      <c r="CK1682" s="166">
        <v>0</v>
      </c>
      <c r="CL1682" s="166">
        <v>0</v>
      </c>
      <c r="CM1682" s="166">
        <v>0</v>
      </c>
      <c r="CN1682" s="166">
        <v>0</v>
      </c>
      <c r="CO1682" s="166">
        <v>0</v>
      </c>
      <c r="CP1682" s="166">
        <v>0</v>
      </c>
      <c r="CQ1682" s="166">
        <v>0</v>
      </c>
      <c r="CR1682" s="166">
        <v>0</v>
      </c>
      <c r="CS1682" s="166">
        <v>0</v>
      </c>
      <c r="CT1682" s="166">
        <v>0</v>
      </c>
      <c r="CU1682" s="166">
        <v>0</v>
      </c>
      <c r="CV1682" s="166">
        <v>0</v>
      </c>
      <c r="CW1682" s="166">
        <v>0</v>
      </c>
      <c r="CX1682" s="166">
        <v>0</v>
      </c>
      <c r="CY1682" s="166">
        <v>0</v>
      </c>
      <c r="CZ1682" s="166">
        <v>0</v>
      </c>
    </row>
    <row r="1683" spans="1:104" x14ac:dyDescent="0.2">
      <c r="A1683" s="167" t="s">
        <v>650</v>
      </c>
      <c r="B1683" s="166">
        <v>0</v>
      </c>
      <c r="C1683" s="166">
        <v>0</v>
      </c>
      <c r="D1683" s="166">
        <v>0</v>
      </c>
      <c r="E1683" s="166">
        <v>0</v>
      </c>
      <c r="F1683" s="166">
        <v>0</v>
      </c>
      <c r="G1683" s="166">
        <v>0</v>
      </c>
      <c r="H1683" s="166">
        <v>0</v>
      </c>
      <c r="I1683" s="166">
        <v>0</v>
      </c>
      <c r="J1683" s="166">
        <v>0</v>
      </c>
      <c r="K1683" s="166">
        <v>0</v>
      </c>
      <c r="L1683" s="166">
        <v>0</v>
      </c>
      <c r="M1683" s="166">
        <v>0</v>
      </c>
      <c r="N1683" s="166">
        <v>0</v>
      </c>
      <c r="O1683" s="166">
        <v>0</v>
      </c>
      <c r="P1683" s="166">
        <v>0</v>
      </c>
      <c r="Q1683" s="166">
        <v>0</v>
      </c>
      <c r="R1683" s="166">
        <v>0</v>
      </c>
      <c r="S1683" s="166">
        <v>0</v>
      </c>
      <c r="T1683" s="166">
        <v>0</v>
      </c>
      <c r="U1683" s="166">
        <v>0</v>
      </c>
      <c r="V1683" s="166">
        <v>0</v>
      </c>
      <c r="W1683" s="166">
        <v>0</v>
      </c>
      <c r="X1683" s="166">
        <v>0</v>
      </c>
      <c r="Y1683" s="166">
        <v>0</v>
      </c>
      <c r="Z1683" s="166">
        <v>0</v>
      </c>
      <c r="AA1683" s="166">
        <v>0</v>
      </c>
      <c r="AB1683" s="166">
        <v>0</v>
      </c>
      <c r="AC1683" s="166">
        <v>0</v>
      </c>
      <c r="AD1683" s="166">
        <v>0</v>
      </c>
      <c r="AE1683" s="166">
        <v>0</v>
      </c>
      <c r="AF1683" s="166">
        <v>0</v>
      </c>
      <c r="AG1683" s="166">
        <v>0</v>
      </c>
      <c r="AH1683" s="166">
        <v>0</v>
      </c>
      <c r="AI1683" s="166">
        <v>0</v>
      </c>
      <c r="AJ1683" s="166">
        <v>0</v>
      </c>
      <c r="AK1683" s="166">
        <v>0</v>
      </c>
      <c r="AL1683" s="166">
        <v>0</v>
      </c>
      <c r="AM1683" s="166">
        <v>0</v>
      </c>
      <c r="AN1683" s="166">
        <v>0</v>
      </c>
      <c r="AO1683" s="166">
        <v>0</v>
      </c>
      <c r="AP1683" s="166">
        <v>0</v>
      </c>
      <c r="AQ1683" s="166">
        <v>0</v>
      </c>
      <c r="AR1683" s="166">
        <v>0</v>
      </c>
      <c r="AS1683" s="166">
        <v>0</v>
      </c>
      <c r="AT1683" s="166">
        <v>0</v>
      </c>
      <c r="AU1683" s="166">
        <v>0</v>
      </c>
      <c r="AV1683" s="166">
        <v>0</v>
      </c>
      <c r="AW1683" s="166">
        <v>0</v>
      </c>
      <c r="AX1683" s="166">
        <v>0</v>
      </c>
      <c r="AY1683" s="166">
        <v>0</v>
      </c>
      <c r="AZ1683" s="166">
        <v>0</v>
      </c>
      <c r="BA1683" s="166">
        <v>0</v>
      </c>
      <c r="BB1683" s="166">
        <v>0</v>
      </c>
      <c r="BC1683" s="166">
        <v>0</v>
      </c>
      <c r="BD1683" s="166">
        <v>0</v>
      </c>
      <c r="BE1683" s="166">
        <v>0</v>
      </c>
      <c r="BF1683" s="166">
        <v>0</v>
      </c>
      <c r="BG1683" s="166">
        <v>0</v>
      </c>
      <c r="BH1683" s="166">
        <v>0</v>
      </c>
      <c r="BI1683" s="166">
        <v>0</v>
      </c>
      <c r="BJ1683" s="166">
        <v>0</v>
      </c>
      <c r="BK1683" s="166">
        <v>0</v>
      </c>
      <c r="BL1683" s="166">
        <v>0</v>
      </c>
      <c r="BM1683" s="166">
        <v>0</v>
      </c>
      <c r="BN1683" s="166">
        <v>0</v>
      </c>
      <c r="BO1683" s="166">
        <v>0</v>
      </c>
      <c r="BP1683" s="166">
        <v>0</v>
      </c>
      <c r="BQ1683" s="166">
        <v>0</v>
      </c>
      <c r="BR1683" s="166">
        <v>0</v>
      </c>
      <c r="BS1683" s="166">
        <v>0</v>
      </c>
      <c r="BT1683" s="168">
        <v>0</v>
      </c>
      <c r="BU1683" s="166">
        <v>0</v>
      </c>
      <c r="BV1683" s="166">
        <v>0</v>
      </c>
      <c r="BW1683" s="166">
        <v>0</v>
      </c>
      <c r="BX1683" s="166">
        <v>0</v>
      </c>
      <c r="BY1683" s="166">
        <v>0</v>
      </c>
      <c r="BZ1683" s="166">
        <v>0</v>
      </c>
      <c r="CA1683" s="166">
        <v>0</v>
      </c>
      <c r="CB1683" s="166">
        <v>0</v>
      </c>
      <c r="CC1683" s="166">
        <v>0</v>
      </c>
      <c r="CD1683" s="166">
        <v>0</v>
      </c>
      <c r="CE1683" s="166">
        <v>0</v>
      </c>
      <c r="CF1683" s="166">
        <v>0</v>
      </c>
      <c r="CG1683" s="166">
        <v>0</v>
      </c>
      <c r="CH1683" s="166">
        <v>0</v>
      </c>
      <c r="CI1683" s="166">
        <v>0</v>
      </c>
      <c r="CJ1683" s="166">
        <v>0</v>
      </c>
      <c r="CK1683" s="166">
        <v>0</v>
      </c>
      <c r="CL1683" s="166">
        <v>0</v>
      </c>
      <c r="CM1683" s="166">
        <v>0</v>
      </c>
      <c r="CN1683" s="166">
        <v>0</v>
      </c>
      <c r="CO1683" s="166">
        <v>0</v>
      </c>
      <c r="CP1683" s="166">
        <v>0</v>
      </c>
      <c r="CQ1683" s="166">
        <v>0</v>
      </c>
      <c r="CR1683" s="166">
        <v>0</v>
      </c>
      <c r="CS1683" s="166">
        <v>0</v>
      </c>
      <c r="CT1683" s="166">
        <v>0</v>
      </c>
      <c r="CU1683" s="166">
        <v>0</v>
      </c>
      <c r="CV1683" s="166">
        <v>0</v>
      </c>
      <c r="CW1683" s="166">
        <v>0</v>
      </c>
      <c r="CX1683" s="166">
        <v>0</v>
      </c>
      <c r="CY1683" s="166">
        <v>0</v>
      </c>
      <c r="CZ1683" s="166">
        <v>0</v>
      </c>
    </row>
    <row r="1684" spans="1:104" x14ac:dyDescent="0.2">
      <c r="A1684" s="167" t="s">
        <v>651</v>
      </c>
    </row>
    <row r="1685" spans="1:104" x14ac:dyDescent="0.2">
      <c r="A1685" s="167" t="s">
        <v>652</v>
      </c>
    </row>
    <row r="1686" spans="1:104" x14ac:dyDescent="0.2">
      <c r="A1686" s="167" t="s">
        <v>653</v>
      </c>
    </row>
    <row r="1687" spans="1:104" x14ac:dyDescent="0.2">
      <c r="A1687" s="167" t="s">
        <v>1210</v>
      </c>
      <c r="B1687" s="166">
        <v>0</v>
      </c>
      <c r="C1687" s="166">
        <v>0</v>
      </c>
      <c r="D1687" s="166">
        <v>0</v>
      </c>
      <c r="E1687" s="166">
        <v>0</v>
      </c>
      <c r="F1687" s="166">
        <v>0</v>
      </c>
      <c r="G1687" s="166">
        <v>0</v>
      </c>
      <c r="H1687" s="166">
        <v>0</v>
      </c>
      <c r="I1687" s="166">
        <v>0</v>
      </c>
      <c r="J1687" s="166">
        <v>0</v>
      </c>
      <c r="K1687" s="166">
        <v>0</v>
      </c>
      <c r="L1687" s="166">
        <v>0</v>
      </c>
      <c r="M1687" s="166">
        <v>0</v>
      </c>
      <c r="N1687" s="166">
        <v>0</v>
      </c>
      <c r="O1687" s="166">
        <v>0</v>
      </c>
      <c r="P1687" s="166">
        <v>0</v>
      </c>
      <c r="Q1687" s="166">
        <v>0</v>
      </c>
      <c r="R1687" s="166">
        <v>0</v>
      </c>
      <c r="S1687" s="166">
        <v>0</v>
      </c>
      <c r="T1687" s="166">
        <v>0</v>
      </c>
      <c r="U1687" s="166">
        <v>0</v>
      </c>
      <c r="V1687" s="166">
        <v>0</v>
      </c>
      <c r="W1687" s="166">
        <v>0</v>
      </c>
      <c r="X1687" s="166">
        <v>0</v>
      </c>
      <c r="Y1687" s="166">
        <v>0</v>
      </c>
      <c r="Z1687" s="166">
        <v>0</v>
      </c>
      <c r="AA1687" s="166">
        <v>0</v>
      </c>
      <c r="AB1687" s="166">
        <v>0</v>
      </c>
      <c r="AC1687" s="166">
        <v>0</v>
      </c>
      <c r="AD1687" s="166">
        <v>0</v>
      </c>
      <c r="AE1687" s="166">
        <v>0</v>
      </c>
      <c r="AF1687" s="166">
        <v>0</v>
      </c>
      <c r="AG1687" s="166">
        <v>0</v>
      </c>
      <c r="AH1687" s="166">
        <v>0</v>
      </c>
      <c r="AI1687" s="166">
        <v>0</v>
      </c>
      <c r="AJ1687" s="166">
        <v>0</v>
      </c>
      <c r="AK1687" s="166">
        <v>0</v>
      </c>
      <c r="AL1687" s="166">
        <v>0</v>
      </c>
      <c r="AM1687" s="166">
        <v>0</v>
      </c>
      <c r="AN1687" s="166">
        <v>0</v>
      </c>
      <c r="AO1687" s="166">
        <v>0</v>
      </c>
      <c r="AP1687" s="166">
        <v>0</v>
      </c>
      <c r="AQ1687" s="166">
        <v>0</v>
      </c>
      <c r="AR1687" s="166">
        <v>0</v>
      </c>
      <c r="AS1687" s="166">
        <v>0</v>
      </c>
      <c r="AT1687" s="166">
        <v>0</v>
      </c>
      <c r="AU1687" s="166">
        <v>0</v>
      </c>
      <c r="AV1687" s="166">
        <v>0</v>
      </c>
      <c r="AW1687" s="166">
        <v>0</v>
      </c>
      <c r="AX1687" s="166">
        <v>0</v>
      </c>
      <c r="AY1687" s="166">
        <v>0</v>
      </c>
      <c r="AZ1687" s="166">
        <v>0</v>
      </c>
      <c r="BA1687" s="166">
        <v>0</v>
      </c>
      <c r="BB1687" s="166">
        <v>0</v>
      </c>
      <c r="BC1687" s="166">
        <v>0</v>
      </c>
      <c r="BD1687" s="166">
        <v>0</v>
      </c>
      <c r="BE1687" s="166">
        <v>0</v>
      </c>
      <c r="BF1687" s="166">
        <v>0</v>
      </c>
      <c r="BG1687" s="166">
        <v>0</v>
      </c>
      <c r="BH1687" s="166">
        <v>0</v>
      </c>
      <c r="BI1687" s="166">
        <v>0</v>
      </c>
      <c r="BJ1687" s="166">
        <v>0</v>
      </c>
      <c r="BK1687" s="166">
        <v>0</v>
      </c>
      <c r="BL1687" s="166">
        <v>0</v>
      </c>
      <c r="BM1687" s="166">
        <v>0</v>
      </c>
      <c r="BN1687" s="166">
        <v>0</v>
      </c>
      <c r="BO1687" s="166">
        <v>0</v>
      </c>
      <c r="BP1687" s="166">
        <v>0</v>
      </c>
      <c r="BQ1687" s="166">
        <v>0</v>
      </c>
      <c r="BR1687" s="166">
        <v>0</v>
      </c>
      <c r="BS1687" s="166">
        <v>0</v>
      </c>
      <c r="BT1687" s="166">
        <v>0</v>
      </c>
      <c r="BU1687" s="166">
        <v>0</v>
      </c>
      <c r="BV1687" s="166">
        <v>0</v>
      </c>
      <c r="BW1687" s="166">
        <v>0</v>
      </c>
      <c r="BX1687" s="166">
        <v>0</v>
      </c>
      <c r="BY1687" s="166">
        <v>0</v>
      </c>
      <c r="BZ1687" s="166">
        <v>0</v>
      </c>
      <c r="CA1687" s="166">
        <v>0</v>
      </c>
      <c r="CB1687" s="166">
        <v>0</v>
      </c>
      <c r="CC1687" s="166">
        <v>0</v>
      </c>
      <c r="CD1687" s="166">
        <v>0</v>
      </c>
      <c r="CE1687" s="166">
        <v>0</v>
      </c>
      <c r="CF1687" s="166">
        <v>0</v>
      </c>
      <c r="CG1687" s="166">
        <v>0</v>
      </c>
      <c r="CH1687" s="166">
        <v>0</v>
      </c>
      <c r="CI1687" s="166">
        <v>0</v>
      </c>
      <c r="CJ1687" s="166">
        <v>0</v>
      </c>
      <c r="CK1687" s="166">
        <v>0</v>
      </c>
      <c r="CL1687" s="166">
        <v>0</v>
      </c>
      <c r="CM1687" s="166">
        <v>0</v>
      </c>
      <c r="CN1687" s="166">
        <v>0</v>
      </c>
      <c r="CO1687" s="166">
        <v>0</v>
      </c>
      <c r="CP1687" s="166">
        <v>0</v>
      </c>
      <c r="CQ1687" s="166">
        <v>0</v>
      </c>
      <c r="CR1687" s="166">
        <v>0</v>
      </c>
      <c r="CS1687" s="166">
        <v>0</v>
      </c>
      <c r="CT1687" s="166">
        <v>0</v>
      </c>
      <c r="CU1687" s="166">
        <v>0</v>
      </c>
      <c r="CV1687" s="166">
        <v>0</v>
      </c>
      <c r="CW1687" s="166">
        <v>0</v>
      </c>
      <c r="CX1687" s="166">
        <v>0</v>
      </c>
      <c r="CY1687" s="166">
        <v>0</v>
      </c>
      <c r="CZ1687" s="166">
        <v>0</v>
      </c>
    </row>
    <row r="1688" spans="1:104" x14ac:dyDescent="0.2">
      <c r="A1688" s="167" t="s">
        <v>97</v>
      </c>
      <c r="B1688" s="166">
        <v>0</v>
      </c>
      <c r="C1688" s="166">
        <v>0</v>
      </c>
      <c r="D1688" s="166">
        <v>1000</v>
      </c>
      <c r="E1688" s="166">
        <v>1000</v>
      </c>
      <c r="F1688" s="166">
        <v>1000</v>
      </c>
      <c r="G1688" s="166">
        <v>1000</v>
      </c>
      <c r="H1688" s="166">
        <v>1000</v>
      </c>
      <c r="I1688" s="166">
        <v>1000</v>
      </c>
      <c r="J1688" s="166">
        <v>1000</v>
      </c>
      <c r="K1688" s="166">
        <v>1000</v>
      </c>
      <c r="L1688" s="166">
        <v>1000</v>
      </c>
      <c r="M1688" s="166">
        <v>1000</v>
      </c>
      <c r="N1688" s="166">
        <v>1000</v>
      </c>
      <c r="O1688" s="166">
        <v>1000</v>
      </c>
      <c r="P1688" s="166">
        <v>1000</v>
      </c>
      <c r="Q1688" s="166">
        <v>1000</v>
      </c>
      <c r="R1688" s="166">
        <v>1000</v>
      </c>
      <c r="S1688" s="166">
        <v>1000</v>
      </c>
      <c r="T1688" s="166">
        <v>1000</v>
      </c>
      <c r="U1688" s="166">
        <v>1000</v>
      </c>
      <c r="V1688" s="166">
        <v>1000</v>
      </c>
      <c r="W1688" s="166">
        <v>1000</v>
      </c>
      <c r="X1688" s="166">
        <v>1000</v>
      </c>
      <c r="Y1688" s="166">
        <v>1000</v>
      </c>
      <c r="Z1688" s="166">
        <v>1000</v>
      </c>
      <c r="AA1688" s="166">
        <v>1000</v>
      </c>
      <c r="AB1688" s="166">
        <v>1000</v>
      </c>
      <c r="AC1688" s="166">
        <v>1000</v>
      </c>
      <c r="AD1688" s="166">
        <v>1000</v>
      </c>
      <c r="AE1688" s="166">
        <v>1000</v>
      </c>
      <c r="AF1688" s="166">
        <v>1000</v>
      </c>
      <c r="AG1688" s="166">
        <v>1000</v>
      </c>
      <c r="AH1688" s="166">
        <v>1000</v>
      </c>
      <c r="AI1688" s="166">
        <v>1000</v>
      </c>
      <c r="AJ1688" s="166">
        <v>1000</v>
      </c>
      <c r="AK1688" s="166">
        <v>1000</v>
      </c>
      <c r="AL1688" s="166">
        <v>1000</v>
      </c>
      <c r="AM1688" s="166">
        <v>1000</v>
      </c>
      <c r="AN1688" s="166">
        <v>1000</v>
      </c>
      <c r="AO1688" s="166">
        <v>1000</v>
      </c>
      <c r="AP1688" s="166">
        <v>1000</v>
      </c>
      <c r="AQ1688" s="166">
        <v>1000</v>
      </c>
      <c r="AR1688" s="166">
        <v>1000</v>
      </c>
      <c r="AS1688" s="166">
        <v>1000</v>
      </c>
      <c r="AT1688" s="166">
        <v>1000</v>
      </c>
      <c r="AU1688" s="166">
        <v>1000</v>
      </c>
      <c r="AV1688" s="166">
        <v>1000</v>
      </c>
      <c r="AW1688" s="166">
        <v>1000</v>
      </c>
      <c r="AX1688" s="166">
        <v>1000</v>
      </c>
      <c r="AY1688" s="166">
        <v>1000</v>
      </c>
      <c r="AZ1688" s="166">
        <v>1000</v>
      </c>
      <c r="BA1688" s="166">
        <v>1000</v>
      </c>
      <c r="BB1688" s="166">
        <v>1000</v>
      </c>
      <c r="BC1688" s="166">
        <v>1000</v>
      </c>
      <c r="BD1688" s="166">
        <v>0</v>
      </c>
      <c r="BE1688" s="166">
        <v>0</v>
      </c>
      <c r="BF1688" s="166">
        <v>0</v>
      </c>
      <c r="BG1688" s="166">
        <v>0</v>
      </c>
      <c r="BH1688" s="166">
        <v>0</v>
      </c>
      <c r="BI1688" s="166">
        <v>0</v>
      </c>
      <c r="BJ1688" s="166">
        <v>0</v>
      </c>
      <c r="BK1688" s="166">
        <v>0</v>
      </c>
      <c r="BL1688" s="166">
        <v>0</v>
      </c>
      <c r="BM1688" s="166">
        <v>0</v>
      </c>
      <c r="BN1688" s="166">
        <v>0</v>
      </c>
      <c r="BO1688" s="166">
        <v>0</v>
      </c>
      <c r="BP1688" s="166">
        <v>0</v>
      </c>
      <c r="BQ1688" s="166">
        <v>0</v>
      </c>
      <c r="BR1688" s="166">
        <v>0</v>
      </c>
      <c r="BS1688" s="166">
        <v>0</v>
      </c>
      <c r="BT1688" s="166">
        <v>0</v>
      </c>
      <c r="BU1688" s="166">
        <v>0</v>
      </c>
      <c r="BV1688" s="166">
        <v>0</v>
      </c>
      <c r="BW1688" s="166">
        <v>0</v>
      </c>
      <c r="BX1688" s="166">
        <v>0</v>
      </c>
      <c r="BY1688" s="166">
        <v>0</v>
      </c>
      <c r="BZ1688" s="166">
        <v>0</v>
      </c>
      <c r="CA1688" s="166">
        <v>0</v>
      </c>
      <c r="CB1688" s="166">
        <v>0</v>
      </c>
      <c r="CC1688" s="166">
        <v>0</v>
      </c>
      <c r="CD1688" s="166">
        <v>0</v>
      </c>
      <c r="CE1688" s="166">
        <v>0</v>
      </c>
      <c r="CF1688" s="166">
        <v>0</v>
      </c>
      <c r="CG1688" s="166">
        <v>0</v>
      </c>
      <c r="CH1688" s="166">
        <v>0</v>
      </c>
      <c r="CI1688" s="166">
        <v>0</v>
      </c>
      <c r="CJ1688" s="166">
        <v>0</v>
      </c>
      <c r="CK1688" s="166">
        <v>0</v>
      </c>
      <c r="CL1688" s="166">
        <v>0</v>
      </c>
      <c r="CM1688" s="166">
        <v>0</v>
      </c>
      <c r="CN1688" s="166">
        <v>0</v>
      </c>
      <c r="CO1688" s="166">
        <v>0</v>
      </c>
      <c r="CP1688" s="166">
        <v>0</v>
      </c>
      <c r="CQ1688" s="166">
        <v>0</v>
      </c>
      <c r="CR1688" s="166">
        <v>0</v>
      </c>
      <c r="CS1688" s="166">
        <v>0</v>
      </c>
      <c r="CT1688" s="166">
        <v>0</v>
      </c>
      <c r="CU1688" s="166">
        <v>0</v>
      </c>
      <c r="CV1688" s="166">
        <v>0</v>
      </c>
      <c r="CW1688" s="166">
        <v>0</v>
      </c>
      <c r="CX1688" s="166">
        <v>0</v>
      </c>
      <c r="CY1688" s="166">
        <v>0</v>
      </c>
      <c r="CZ1688" s="166">
        <v>0</v>
      </c>
    </row>
    <row r="1689" spans="1:104" x14ac:dyDescent="0.2">
      <c r="A1689" s="167" t="s">
        <v>98</v>
      </c>
      <c r="B1689" s="166">
        <v>0</v>
      </c>
      <c r="C1689" s="166">
        <v>0</v>
      </c>
      <c r="D1689" s="166">
        <v>1929022000</v>
      </c>
      <c r="E1689" s="166">
        <v>5069008000</v>
      </c>
      <c r="F1689" s="166">
        <v>1929029000</v>
      </c>
      <c r="G1689" s="166">
        <v>1929027000</v>
      </c>
      <c r="H1689" s="166">
        <v>5035213000</v>
      </c>
      <c r="I1689" s="166">
        <v>3569408000</v>
      </c>
      <c r="J1689" s="166">
        <v>2008017000</v>
      </c>
      <c r="K1689" s="166">
        <v>2141607000</v>
      </c>
      <c r="L1689" s="166">
        <v>4381640000</v>
      </c>
      <c r="M1689" s="166">
        <v>1929028000</v>
      </c>
      <c r="N1689" s="166">
        <v>4381636000</v>
      </c>
      <c r="O1689" s="166">
        <v>2008008000</v>
      </c>
      <c r="P1689" s="166">
        <v>2008027000</v>
      </c>
      <c r="Q1689" s="166">
        <v>4381637000</v>
      </c>
      <c r="R1689" s="166">
        <v>1929023000</v>
      </c>
      <c r="S1689" s="166">
        <v>2008025000</v>
      </c>
      <c r="T1689" s="166">
        <v>4381639000</v>
      </c>
      <c r="U1689" s="166">
        <v>1929024000</v>
      </c>
      <c r="V1689" s="166">
        <v>2115210000</v>
      </c>
      <c r="W1689" s="166">
        <v>2115211000</v>
      </c>
      <c r="X1689" s="166">
        <v>2115212000</v>
      </c>
      <c r="Y1689" s="166">
        <v>4381635000</v>
      </c>
      <c r="Z1689" s="166">
        <v>2008009000</v>
      </c>
      <c r="AA1689" s="166">
        <v>2008018000</v>
      </c>
      <c r="AB1689" s="166">
        <v>1929025000</v>
      </c>
      <c r="AC1689" s="166">
        <v>2008020000</v>
      </c>
      <c r="AD1689" s="166">
        <v>2008015000</v>
      </c>
      <c r="AE1689" s="166">
        <v>4483608000</v>
      </c>
      <c r="AF1689" s="166">
        <v>2008022000</v>
      </c>
      <c r="AG1689" s="166">
        <v>2008028000</v>
      </c>
      <c r="AH1689" s="166">
        <v>2008010000</v>
      </c>
      <c r="AI1689" s="166">
        <v>2008011000</v>
      </c>
      <c r="AJ1689" s="166">
        <v>4664408000</v>
      </c>
      <c r="AK1689" s="166">
        <v>2008023000</v>
      </c>
      <c r="AL1689" s="166">
        <v>5048229000</v>
      </c>
      <c r="AM1689" s="166">
        <v>3161028000</v>
      </c>
      <c r="AN1689" s="166">
        <v>2008012000</v>
      </c>
      <c r="AO1689" s="166">
        <v>1929026000</v>
      </c>
      <c r="AP1689" s="166">
        <v>2008024000</v>
      </c>
      <c r="AQ1689" s="166">
        <v>2008026000</v>
      </c>
      <c r="AR1689" s="166">
        <v>2008021000</v>
      </c>
      <c r="AS1689" s="166">
        <v>4381633000</v>
      </c>
      <c r="AT1689" s="166">
        <v>2008013000</v>
      </c>
      <c r="AU1689" s="166">
        <v>4381634000</v>
      </c>
      <c r="AV1689" s="166">
        <v>4381632000</v>
      </c>
      <c r="AW1689" s="166">
        <v>2008014000</v>
      </c>
      <c r="AX1689" s="166">
        <v>2008019000</v>
      </c>
      <c r="AY1689" s="166">
        <v>4328307000</v>
      </c>
      <c r="AZ1689" s="166">
        <v>2008016000</v>
      </c>
      <c r="BA1689" s="166">
        <v>3674808000</v>
      </c>
      <c r="BB1689" s="166">
        <v>4381638000</v>
      </c>
      <c r="BC1689" s="166">
        <v>3079223000</v>
      </c>
      <c r="BD1689" s="166">
        <v>0</v>
      </c>
      <c r="BE1689" s="166">
        <v>0</v>
      </c>
      <c r="BF1689" s="166">
        <v>0</v>
      </c>
      <c r="BG1689" s="166">
        <v>0</v>
      </c>
      <c r="BH1689" s="166">
        <v>0</v>
      </c>
      <c r="BI1689" s="166">
        <v>0</v>
      </c>
      <c r="BJ1689" s="166">
        <v>0</v>
      </c>
      <c r="BK1689" s="166">
        <v>0</v>
      </c>
      <c r="BL1689" s="166">
        <v>0</v>
      </c>
      <c r="BM1689" s="166">
        <v>0</v>
      </c>
      <c r="BN1689" s="166">
        <v>0</v>
      </c>
      <c r="BO1689" s="166">
        <v>0</v>
      </c>
      <c r="BP1689" s="166">
        <v>0</v>
      </c>
      <c r="BQ1689" s="166">
        <v>0</v>
      </c>
      <c r="BR1689" s="166">
        <v>0</v>
      </c>
      <c r="BS1689" s="166">
        <v>0</v>
      </c>
      <c r="BT1689" s="166">
        <v>0</v>
      </c>
      <c r="BU1689" s="166">
        <v>0</v>
      </c>
      <c r="BV1689" s="166">
        <v>0</v>
      </c>
      <c r="BW1689" s="166">
        <v>0</v>
      </c>
      <c r="BX1689" s="166">
        <v>0</v>
      </c>
      <c r="BY1689" s="166">
        <v>0</v>
      </c>
      <c r="BZ1689" s="166">
        <v>0</v>
      </c>
      <c r="CA1689" s="166">
        <v>0</v>
      </c>
      <c r="CB1689" s="166">
        <v>0</v>
      </c>
      <c r="CC1689" s="166">
        <v>0</v>
      </c>
      <c r="CD1689" s="166">
        <v>0</v>
      </c>
      <c r="CE1689" s="166">
        <v>0</v>
      </c>
      <c r="CF1689" s="166">
        <v>0</v>
      </c>
      <c r="CG1689" s="166">
        <v>0</v>
      </c>
      <c r="CH1689" s="166">
        <v>0</v>
      </c>
      <c r="CI1689" s="166">
        <v>0</v>
      </c>
      <c r="CJ1689" s="166">
        <v>0</v>
      </c>
      <c r="CK1689" s="166">
        <v>0</v>
      </c>
      <c r="CL1689" s="166">
        <v>0</v>
      </c>
      <c r="CM1689" s="166">
        <v>0</v>
      </c>
      <c r="CN1689" s="166">
        <v>0</v>
      </c>
      <c r="CO1689" s="166">
        <v>0</v>
      </c>
      <c r="CP1689" s="166">
        <v>0</v>
      </c>
      <c r="CQ1689" s="166">
        <v>0</v>
      </c>
      <c r="CR1689" s="166">
        <v>0</v>
      </c>
      <c r="CS1689" s="166">
        <v>0</v>
      </c>
      <c r="CT1689" s="166">
        <v>0</v>
      </c>
      <c r="CU1689" s="166">
        <v>0</v>
      </c>
      <c r="CV1689" s="166">
        <v>0</v>
      </c>
      <c r="CW1689" s="166">
        <v>0</v>
      </c>
      <c r="CX1689" s="166">
        <v>0</v>
      </c>
      <c r="CY1689" s="166">
        <v>0</v>
      </c>
      <c r="CZ1689" s="166">
        <v>0</v>
      </c>
    </row>
    <row r="1690" spans="1:104" x14ac:dyDescent="0.2">
      <c r="A1690" s="167" t="s">
        <v>99</v>
      </c>
      <c r="B1690" s="166">
        <v>0</v>
      </c>
      <c r="C1690" s="166">
        <v>0</v>
      </c>
      <c r="D1690" s="166">
        <v>1929025000</v>
      </c>
      <c r="E1690" s="166">
        <v>1929025000</v>
      </c>
      <c r="F1690" s="166">
        <v>1929025000</v>
      </c>
      <c r="G1690" s="166">
        <v>1929025000</v>
      </c>
      <c r="H1690" s="166">
        <v>1929025000</v>
      </c>
      <c r="I1690" s="166">
        <v>1929025000</v>
      </c>
      <c r="J1690" s="166">
        <v>1929025000</v>
      </c>
      <c r="K1690" s="166">
        <v>1929025000</v>
      </c>
      <c r="L1690" s="166">
        <v>1929025000</v>
      </c>
      <c r="M1690" s="166">
        <v>1929025000</v>
      </c>
      <c r="N1690" s="166">
        <v>1929025000</v>
      </c>
      <c r="O1690" s="166">
        <v>1929025000</v>
      </c>
      <c r="P1690" s="166">
        <v>1929025000</v>
      </c>
      <c r="Q1690" s="166">
        <v>1929025000</v>
      </c>
      <c r="R1690" s="166">
        <v>1929025000</v>
      </c>
      <c r="S1690" s="166">
        <v>1929025000</v>
      </c>
      <c r="T1690" s="166">
        <v>1929025000</v>
      </c>
      <c r="U1690" s="166">
        <v>1929025000</v>
      </c>
      <c r="V1690" s="166">
        <v>1929025000</v>
      </c>
      <c r="W1690" s="166">
        <v>1929025000</v>
      </c>
      <c r="X1690" s="166">
        <v>1929025000</v>
      </c>
      <c r="Y1690" s="166">
        <v>1929025000</v>
      </c>
      <c r="Z1690" s="166">
        <v>1929025000</v>
      </c>
      <c r="AA1690" s="166">
        <v>1929025000</v>
      </c>
      <c r="AB1690" s="166">
        <v>1929025000</v>
      </c>
      <c r="AC1690" s="166">
        <v>1929025000</v>
      </c>
      <c r="AD1690" s="166">
        <v>1929025000</v>
      </c>
      <c r="AE1690" s="166">
        <v>1929025000</v>
      </c>
      <c r="AF1690" s="166">
        <v>1929025000</v>
      </c>
      <c r="AG1690" s="166">
        <v>1929025000</v>
      </c>
      <c r="AH1690" s="166">
        <v>1929025000</v>
      </c>
      <c r="AI1690" s="166">
        <v>1929025000</v>
      </c>
      <c r="AJ1690" s="166">
        <v>1929025000</v>
      </c>
      <c r="AK1690" s="166">
        <v>1929025000</v>
      </c>
      <c r="AL1690" s="166">
        <v>1929025000</v>
      </c>
      <c r="AM1690" s="166">
        <v>1929025000</v>
      </c>
      <c r="AN1690" s="166">
        <v>1929025000</v>
      </c>
      <c r="AO1690" s="166">
        <v>1929025000</v>
      </c>
      <c r="AP1690" s="166">
        <v>1929025000</v>
      </c>
      <c r="AQ1690" s="166">
        <v>1929025000</v>
      </c>
      <c r="AR1690" s="166">
        <v>1929025000</v>
      </c>
      <c r="AS1690" s="166">
        <v>1929025000</v>
      </c>
      <c r="AT1690" s="166">
        <v>1929025000</v>
      </c>
      <c r="AU1690" s="166">
        <v>1929025000</v>
      </c>
      <c r="AV1690" s="166">
        <v>1929025000</v>
      </c>
      <c r="AW1690" s="166">
        <v>1929025000</v>
      </c>
      <c r="AX1690" s="166">
        <v>1929025000</v>
      </c>
      <c r="AY1690" s="166">
        <v>1929025000</v>
      </c>
      <c r="AZ1690" s="166">
        <v>1929025000</v>
      </c>
      <c r="BA1690" s="166">
        <v>1929025000</v>
      </c>
      <c r="BB1690" s="166">
        <v>1929025000</v>
      </c>
      <c r="BC1690" s="166">
        <v>1929025000</v>
      </c>
      <c r="BD1690" s="166">
        <v>0</v>
      </c>
      <c r="BE1690" s="166">
        <v>0</v>
      </c>
      <c r="BF1690" s="166">
        <v>0</v>
      </c>
      <c r="BG1690" s="166">
        <v>0</v>
      </c>
      <c r="BH1690" s="166">
        <v>0</v>
      </c>
      <c r="BI1690" s="166">
        <v>0</v>
      </c>
      <c r="BJ1690" s="166">
        <v>0</v>
      </c>
      <c r="BK1690" s="166">
        <v>0</v>
      </c>
      <c r="BL1690" s="166">
        <v>0</v>
      </c>
      <c r="BM1690" s="166">
        <v>0</v>
      </c>
      <c r="BN1690" s="166">
        <v>0</v>
      </c>
      <c r="BO1690" s="166">
        <v>0</v>
      </c>
      <c r="BP1690" s="166">
        <v>0</v>
      </c>
      <c r="BQ1690" s="166">
        <v>0</v>
      </c>
      <c r="BR1690" s="166">
        <v>0</v>
      </c>
      <c r="BS1690" s="166">
        <v>0</v>
      </c>
      <c r="BT1690" s="166">
        <v>0</v>
      </c>
      <c r="BU1690" s="166">
        <v>0</v>
      </c>
      <c r="BV1690" s="166">
        <v>0</v>
      </c>
      <c r="BW1690" s="166">
        <v>0</v>
      </c>
      <c r="BX1690" s="166">
        <v>0</v>
      </c>
      <c r="BY1690" s="166">
        <v>0</v>
      </c>
      <c r="BZ1690" s="166">
        <v>0</v>
      </c>
      <c r="CA1690" s="166">
        <v>0</v>
      </c>
      <c r="CB1690" s="166">
        <v>0</v>
      </c>
      <c r="CC1690" s="166">
        <v>0</v>
      </c>
      <c r="CD1690" s="166">
        <v>0</v>
      </c>
      <c r="CE1690" s="166">
        <v>0</v>
      </c>
      <c r="CF1690" s="166">
        <v>0</v>
      </c>
      <c r="CG1690" s="166">
        <v>0</v>
      </c>
      <c r="CH1690" s="166">
        <v>0</v>
      </c>
      <c r="CI1690" s="166">
        <v>0</v>
      </c>
      <c r="CJ1690" s="166">
        <v>0</v>
      </c>
      <c r="CK1690" s="166">
        <v>0</v>
      </c>
      <c r="CL1690" s="166">
        <v>0</v>
      </c>
      <c r="CM1690" s="166">
        <v>0</v>
      </c>
      <c r="CN1690" s="166">
        <v>0</v>
      </c>
      <c r="CO1690" s="166">
        <v>0</v>
      </c>
      <c r="CP1690" s="166">
        <v>0</v>
      </c>
      <c r="CQ1690" s="166">
        <v>0</v>
      </c>
      <c r="CR1690" s="166">
        <v>0</v>
      </c>
      <c r="CS1690" s="166">
        <v>0</v>
      </c>
      <c r="CT1690" s="166">
        <v>0</v>
      </c>
      <c r="CU1690" s="166">
        <v>0</v>
      </c>
      <c r="CV1690" s="166">
        <v>0</v>
      </c>
      <c r="CW1690" s="166">
        <v>0</v>
      </c>
      <c r="CX1690" s="166">
        <v>0</v>
      </c>
      <c r="CY1690" s="166">
        <v>0</v>
      </c>
      <c r="CZ1690" s="166">
        <v>0</v>
      </c>
    </row>
    <row r="1691" spans="1:104" x14ac:dyDescent="0.2">
      <c r="A1691" s="167" t="s">
        <v>100</v>
      </c>
      <c r="B1691" s="166">
        <v>0</v>
      </c>
      <c r="C1691" s="166">
        <v>0</v>
      </c>
      <c r="D1691" s="166">
        <v>1929027000</v>
      </c>
      <c r="E1691" s="166">
        <v>1929027000</v>
      </c>
      <c r="F1691" s="166">
        <v>1929027000</v>
      </c>
      <c r="G1691" s="166">
        <v>1929027000</v>
      </c>
      <c r="H1691" s="166">
        <v>1929027000</v>
      </c>
      <c r="I1691" s="166">
        <v>1929027000</v>
      </c>
      <c r="J1691" s="166">
        <v>1929027000</v>
      </c>
      <c r="K1691" s="166">
        <v>1929027000</v>
      </c>
      <c r="L1691" s="166">
        <v>1929027000</v>
      </c>
      <c r="M1691" s="166">
        <v>1929027000</v>
      </c>
      <c r="N1691" s="166">
        <v>1929027000</v>
      </c>
      <c r="O1691" s="166">
        <v>1929027000</v>
      </c>
      <c r="P1691" s="166">
        <v>1929027000</v>
      </c>
      <c r="Q1691" s="166">
        <v>1929027000</v>
      </c>
      <c r="R1691" s="166">
        <v>1929027000</v>
      </c>
      <c r="S1691" s="166">
        <v>1929027000</v>
      </c>
      <c r="T1691" s="166">
        <v>1929027000</v>
      </c>
      <c r="U1691" s="166">
        <v>1929027000</v>
      </c>
      <c r="V1691" s="166">
        <v>1929027000</v>
      </c>
      <c r="W1691" s="166">
        <v>1929027000</v>
      </c>
      <c r="X1691" s="166">
        <v>1929027000</v>
      </c>
      <c r="Y1691" s="166">
        <v>1929027000</v>
      </c>
      <c r="Z1691" s="166">
        <v>1929027000</v>
      </c>
      <c r="AA1691" s="166">
        <v>1929027000</v>
      </c>
      <c r="AB1691" s="166">
        <v>1929027000</v>
      </c>
      <c r="AC1691" s="166">
        <v>1929027000</v>
      </c>
      <c r="AD1691" s="166">
        <v>1929027000</v>
      </c>
      <c r="AE1691" s="166">
        <v>1929027000</v>
      </c>
      <c r="AF1691" s="166">
        <v>1929027000</v>
      </c>
      <c r="AG1691" s="166">
        <v>1929027000</v>
      </c>
      <c r="AH1691" s="166">
        <v>1929027000</v>
      </c>
      <c r="AI1691" s="166">
        <v>1929027000</v>
      </c>
      <c r="AJ1691" s="166">
        <v>1929027000</v>
      </c>
      <c r="AK1691" s="166">
        <v>1929027000</v>
      </c>
      <c r="AL1691" s="166">
        <v>1929027000</v>
      </c>
      <c r="AM1691" s="166">
        <v>1929027000</v>
      </c>
      <c r="AN1691" s="166">
        <v>1929027000</v>
      </c>
      <c r="AO1691" s="166">
        <v>1929027000</v>
      </c>
      <c r="AP1691" s="166">
        <v>1929027000</v>
      </c>
      <c r="AQ1691" s="166">
        <v>1929027000</v>
      </c>
      <c r="AR1691" s="166">
        <v>1929027000</v>
      </c>
      <c r="AS1691" s="166">
        <v>1929027000</v>
      </c>
      <c r="AT1691" s="166">
        <v>1929027000</v>
      </c>
      <c r="AU1691" s="166">
        <v>1929027000</v>
      </c>
      <c r="AV1691" s="166">
        <v>1929027000</v>
      </c>
      <c r="AW1691" s="166">
        <v>1929027000</v>
      </c>
      <c r="AX1691" s="166">
        <v>1929027000</v>
      </c>
      <c r="AY1691" s="166">
        <v>1929027000</v>
      </c>
      <c r="AZ1691" s="166">
        <v>1929027000</v>
      </c>
      <c r="BA1691" s="166">
        <v>1929027000</v>
      </c>
      <c r="BB1691" s="166">
        <v>1929027000</v>
      </c>
      <c r="BC1691" s="166">
        <v>1929027000</v>
      </c>
      <c r="BD1691" s="166">
        <v>0</v>
      </c>
      <c r="BE1691" s="166">
        <v>0</v>
      </c>
      <c r="BF1691" s="166">
        <v>0</v>
      </c>
      <c r="BG1691" s="166">
        <v>0</v>
      </c>
      <c r="BH1691" s="166">
        <v>0</v>
      </c>
      <c r="BI1691" s="166">
        <v>0</v>
      </c>
      <c r="BJ1691" s="166">
        <v>0</v>
      </c>
      <c r="BK1691" s="166">
        <v>0</v>
      </c>
      <c r="BL1691" s="166">
        <v>0</v>
      </c>
      <c r="BM1691" s="166">
        <v>0</v>
      </c>
      <c r="BN1691" s="166">
        <v>0</v>
      </c>
      <c r="BO1691" s="166">
        <v>0</v>
      </c>
      <c r="BP1691" s="166">
        <v>0</v>
      </c>
      <c r="BQ1691" s="166">
        <v>0</v>
      </c>
      <c r="BR1691" s="166">
        <v>0</v>
      </c>
      <c r="BS1691" s="166">
        <v>0</v>
      </c>
      <c r="BT1691" s="166">
        <v>0</v>
      </c>
      <c r="BU1691" s="166">
        <v>0</v>
      </c>
      <c r="BV1691" s="166">
        <v>0</v>
      </c>
      <c r="BW1691" s="166">
        <v>0</v>
      </c>
      <c r="BX1691" s="166">
        <v>0</v>
      </c>
      <c r="BY1691" s="166">
        <v>0</v>
      </c>
      <c r="BZ1691" s="166">
        <v>0</v>
      </c>
      <c r="CA1691" s="166">
        <v>0</v>
      </c>
      <c r="CB1691" s="166">
        <v>0</v>
      </c>
      <c r="CC1691" s="166">
        <v>0</v>
      </c>
      <c r="CD1691" s="166">
        <v>0</v>
      </c>
      <c r="CE1691" s="166">
        <v>0</v>
      </c>
      <c r="CF1691" s="166">
        <v>0</v>
      </c>
      <c r="CG1691" s="166">
        <v>0</v>
      </c>
      <c r="CH1691" s="166">
        <v>0</v>
      </c>
      <c r="CI1691" s="166">
        <v>0</v>
      </c>
      <c r="CJ1691" s="166">
        <v>0</v>
      </c>
      <c r="CK1691" s="166">
        <v>0</v>
      </c>
      <c r="CL1691" s="166">
        <v>0</v>
      </c>
      <c r="CM1691" s="166">
        <v>0</v>
      </c>
      <c r="CN1691" s="166">
        <v>0</v>
      </c>
      <c r="CO1691" s="166">
        <v>0</v>
      </c>
      <c r="CP1691" s="166">
        <v>0</v>
      </c>
      <c r="CQ1691" s="166">
        <v>0</v>
      </c>
      <c r="CR1691" s="166">
        <v>0</v>
      </c>
      <c r="CS1691" s="166">
        <v>0</v>
      </c>
      <c r="CT1691" s="166">
        <v>0</v>
      </c>
      <c r="CU1691" s="166">
        <v>0</v>
      </c>
      <c r="CV1691" s="166">
        <v>0</v>
      </c>
      <c r="CW1691" s="166">
        <v>0</v>
      </c>
      <c r="CX1691" s="166">
        <v>0</v>
      </c>
      <c r="CY1691" s="166">
        <v>0</v>
      </c>
      <c r="CZ1691" s="166">
        <v>0</v>
      </c>
    </row>
    <row r="1692" spans="1:104" x14ac:dyDescent="0.2">
      <c r="A1692" s="167" t="s">
        <v>101</v>
      </c>
      <c r="B1692" s="166">
        <v>0</v>
      </c>
      <c r="C1692" s="166">
        <v>0</v>
      </c>
      <c r="D1692" s="166">
        <v>1929023000</v>
      </c>
      <c r="E1692" s="166">
        <v>1929023000</v>
      </c>
      <c r="F1692" s="166">
        <v>1929023000</v>
      </c>
      <c r="G1692" s="166">
        <v>1929023000</v>
      </c>
      <c r="H1692" s="166">
        <v>1929023000</v>
      </c>
      <c r="I1692" s="166">
        <v>1929023000</v>
      </c>
      <c r="J1692" s="166">
        <v>1929023000</v>
      </c>
      <c r="K1692" s="166">
        <v>1929023000</v>
      </c>
      <c r="L1692" s="166">
        <v>1929023000</v>
      </c>
      <c r="M1692" s="166">
        <v>1929023000</v>
      </c>
      <c r="N1692" s="166">
        <v>1929023000</v>
      </c>
      <c r="O1692" s="166">
        <v>1929023000</v>
      </c>
      <c r="P1692" s="166">
        <v>1929023000</v>
      </c>
      <c r="Q1692" s="166">
        <v>1929023000</v>
      </c>
      <c r="R1692" s="166">
        <v>1929023000</v>
      </c>
      <c r="S1692" s="166">
        <v>1929023000</v>
      </c>
      <c r="T1692" s="166">
        <v>1929023000</v>
      </c>
      <c r="U1692" s="166">
        <v>1929023000</v>
      </c>
      <c r="V1692" s="166">
        <v>1929023000</v>
      </c>
      <c r="W1692" s="166">
        <v>1929023000</v>
      </c>
      <c r="X1692" s="166">
        <v>1929023000</v>
      </c>
      <c r="Y1692" s="166">
        <v>1929023000</v>
      </c>
      <c r="Z1692" s="166">
        <v>1929023000</v>
      </c>
      <c r="AA1692" s="166">
        <v>1929023000</v>
      </c>
      <c r="AB1692" s="166">
        <v>1929023000</v>
      </c>
      <c r="AC1692" s="166">
        <v>1929023000</v>
      </c>
      <c r="AD1692" s="166">
        <v>1929023000</v>
      </c>
      <c r="AE1692" s="166">
        <v>1929023000</v>
      </c>
      <c r="AF1692" s="166">
        <v>1929023000</v>
      </c>
      <c r="AG1692" s="166">
        <v>1929023000</v>
      </c>
      <c r="AH1692" s="166">
        <v>1929023000</v>
      </c>
      <c r="AI1692" s="166">
        <v>1929023000</v>
      </c>
      <c r="AJ1692" s="166">
        <v>1929023000</v>
      </c>
      <c r="AK1692" s="166">
        <v>1929023000</v>
      </c>
      <c r="AL1692" s="166">
        <v>1929023000</v>
      </c>
      <c r="AM1692" s="166">
        <v>1929023000</v>
      </c>
      <c r="AN1692" s="166">
        <v>1929023000</v>
      </c>
      <c r="AO1692" s="166">
        <v>1929023000</v>
      </c>
      <c r="AP1692" s="166">
        <v>1929023000</v>
      </c>
      <c r="AQ1692" s="166">
        <v>1929023000</v>
      </c>
      <c r="AR1692" s="166">
        <v>1929023000</v>
      </c>
      <c r="AS1692" s="166">
        <v>1929023000</v>
      </c>
      <c r="AT1692" s="166">
        <v>1929023000</v>
      </c>
      <c r="AU1692" s="166">
        <v>1929023000</v>
      </c>
      <c r="AV1692" s="166">
        <v>1929023000</v>
      </c>
      <c r="AW1692" s="166">
        <v>1929023000</v>
      </c>
      <c r="AX1692" s="166">
        <v>1929023000</v>
      </c>
      <c r="AY1692" s="166">
        <v>1929023000</v>
      </c>
      <c r="AZ1692" s="166">
        <v>1929023000</v>
      </c>
      <c r="BA1692" s="166">
        <v>1929023000</v>
      </c>
      <c r="BB1692" s="166">
        <v>1929023000</v>
      </c>
      <c r="BC1692" s="166">
        <v>1929023000</v>
      </c>
      <c r="BD1692" s="166">
        <v>0</v>
      </c>
      <c r="BE1692" s="166">
        <v>0</v>
      </c>
      <c r="BF1692" s="166">
        <v>0</v>
      </c>
      <c r="BG1692" s="166">
        <v>0</v>
      </c>
      <c r="BH1692" s="166">
        <v>0</v>
      </c>
      <c r="BI1692" s="166">
        <v>0</v>
      </c>
      <c r="BJ1692" s="166">
        <v>0</v>
      </c>
      <c r="BK1692" s="166">
        <v>0</v>
      </c>
      <c r="BL1692" s="166">
        <v>0</v>
      </c>
      <c r="BM1692" s="166">
        <v>0</v>
      </c>
      <c r="BN1692" s="166">
        <v>0</v>
      </c>
      <c r="BO1692" s="166">
        <v>0</v>
      </c>
      <c r="BP1692" s="166">
        <v>0</v>
      </c>
      <c r="BQ1692" s="166">
        <v>0</v>
      </c>
      <c r="BR1692" s="166">
        <v>0</v>
      </c>
      <c r="BS1692" s="166">
        <v>0</v>
      </c>
      <c r="BT1692" s="166">
        <v>0</v>
      </c>
      <c r="BU1692" s="166">
        <v>0</v>
      </c>
      <c r="BV1692" s="166">
        <v>0</v>
      </c>
      <c r="BW1692" s="166">
        <v>0</v>
      </c>
      <c r="BX1692" s="166">
        <v>0</v>
      </c>
      <c r="BY1692" s="166">
        <v>0</v>
      </c>
      <c r="BZ1692" s="166">
        <v>0</v>
      </c>
      <c r="CA1692" s="166">
        <v>0</v>
      </c>
      <c r="CB1692" s="166">
        <v>0</v>
      </c>
      <c r="CC1692" s="166">
        <v>0</v>
      </c>
      <c r="CD1692" s="166">
        <v>0</v>
      </c>
      <c r="CE1692" s="166">
        <v>0</v>
      </c>
      <c r="CF1692" s="166">
        <v>0</v>
      </c>
      <c r="CG1692" s="166">
        <v>0</v>
      </c>
      <c r="CH1692" s="166">
        <v>0</v>
      </c>
      <c r="CI1692" s="166">
        <v>0</v>
      </c>
      <c r="CJ1692" s="166">
        <v>0</v>
      </c>
      <c r="CK1692" s="166">
        <v>0</v>
      </c>
      <c r="CL1692" s="166">
        <v>0</v>
      </c>
      <c r="CM1692" s="166">
        <v>0</v>
      </c>
      <c r="CN1692" s="166">
        <v>0</v>
      </c>
      <c r="CO1692" s="166">
        <v>0</v>
      </c>
      <c r="CP1692" s="166">
        <v>0</v>
      </c>
      <c r="CQ1692" s="166">
        <v>0</v>
      </c>
      <c r="CR1692" s="166">
        <v>0</v>
      </c>
      <c r="CS1692" s="166">
        <v>0</v>
      </c>
      <c r="CT1692" s="166">
        <v>0</v>
      </c>
      <c r="CU1692" s="166">
        <v>0</v>
      </c>
      <c r="CV1692" s="166">
        <v>0</v>
      </c>
      <c r="CW1692" s="166">
        <v>0</v>
      </c>
      <c r="CX1692" s="166">
        <v>0</v>
      </c>
      <c r="CY1692" s="166">
        <v>0</v>
      </c>
      <c r="CZ1692" s="166">
        <v>0</v>
      </c>
    </row>
    <row r="1693" spans="1:104" x14ac:dyDescent="0.2">
      <c r="A1693" s="167" t="s">
        <v>102</v>
      </c>
      <c r="B1693" s="166">
        <v>0</v>
      </c>
      <c r="C1693" s="166">
        <v>0</v>
      </c>
      <c r="D1693" s="166">
        <v>1929024000</v>
      </c>
      <c r="E1693" s="166">
        <v>1929024000</v>
      </c>
      <c r="F1693" s="166">
        <v>1929024000</v>
      </c>
      <c r="G1693" s="166">
        <v>1929024000</v>
      </c>
      <c r="H1693" s="166">
        <v>1929024000</v>
      </c>
      <c r="I1693" s="166">
        <v>1929024000</v>
      </c>
      <c r="J1693" s="166">
        <v>1929024000</v>
      </c>
      <c r="K1693" s="166">
        <v>1929024000</v>
      </c>
      <c r="L1693" s="166">
        <v>1929024000</v>
      </c>
      <c r="M1693" s="166">
        <v>1929024000</v>
      </c>
      <c r="N1693" s="166">
        <v>1929024000</v>
      </c>
      <c r="O1693" s="166">
        <v>1929024000</v>
      </c>
      <c r="P1693" s="166">
        <v>1929024000</v>
      </c>
      <c r="Q1693" s="166">
        <v>1929024000</v>
      </c>
      <c r="R1693" s="166">
        <v>1929024000</v>
      </c>
      <c r="S1693" s="166">
        <v>1929024000</v>
      </c>
      <c r="T1693" s="166">
        <v>1929024000</v>
      </c>
      <c r="U1693" s="166">
        <v>1929024000</v>
      </c>
      <c r="V1693" s="166">
        <v>1929024000</v>
      </c>
      <c r="W1693" s="166">
        <v>1929024000</v>
      </c>
      <c r="X1693" s="166">
        <v>1929024000</v>
      </c>
      <c r="Y1693" s="166">
        <v>1929024000</v>
      </c>
      <c r="Z1693" s="166">
        <v>1929024000</v>
      </c>
      <c r="AA1693" s="166">
        <v>1929024000</v>
      </c>
      <c r="AB1693" s="166">
        <v>1929024000</v>
      </c>
      <c r="AC1693" s="166">
        <v>1929024000</v>
      </c>
      <c r="AD1693" s="166">
        <v>1929024000</v>
      </c>
      <c r="AE1693" s="166">
        <v>1929024000</v>
      </c>
      <c r="AF1693" s="166">
        <v>1929024000</v>
      </c>
      <c r="AG1693" s="166">
        <v>1929024000</v>
      </c>
      <c r="AH1693" s="166">
        <v>1929024000</v>
      </c>
      <c r="AI1693" s="166">
        <v>1929024000</v>
      </c>
      <c r="AJ1693" s="166">
        <v>1929024000</v>
      </c>
      <c r="AK1693" s="166">
        <v>1929024000</v>
      </c>
      <c r="AL1693" s="166">
        <v>1929024000</v>
      </c>
      <c r="AM1693" s="166">
        <v>1929024000</v>
      </c>
      <c r="AN1693" s="166">
        <v>1929024000</v>
      </c>
      <c r="AO1693" s="166">
        <v>1929024000</v>
      </c>
      <c r="AP1693" s="166">
        <v>1929024000</v>
      </c>
      <c r="AQ1693" s="166">
        <v>1929024000</v>
      </c>
      <c r="AR1693" s="166">
        <v>1929024000</v>
      </c>
      <c r="AS1693" s="166">
        <v>1929024000</v>
      </c>
      <c r="AT1693" s="166">
        <v>1929024000</v>
      </c>
      <c r="AU1693" s="166">
        <v>1929024000</v>
      </c>
      <c r="AV1693" s="166">
        <v>1929024000</v>
      </c>
      <c r="AW1693" s="166">
        <v>1929024000</v>
      </c>
      <c r="AX1693" s="166">
        <v>1929024000</v>
      </c>
      <c r="AY1693" s="166">
        <v>1929024000</v>
      </c>
      <c r="AZ1693" s="166">
        <v>1929024000</v>
      </c>
      <c r="BA1693" s="166">
        <v>1929024000</v>
      </c>
      <c r="BB1693" s="166">
        <v>1929024000</v>
      </c>
      <c r="BC1693" s="166">
        <v>1929024000</v>
      </c>
      <c r="BD1693" s="166">
        <v>0</v>
      </c>
      <c r="BE1693" s="166">
        <v>0</v>
      </c>
      <c r="BF1693" s="166">
        <v>0</v>
      </c>
      <c r="BG1693" s="166">
        <v>0</v>
      </c>
      <c r="BH1693" s="166">
        <v>0</v>
      </c>
      <c r="BI1693" s="166">
        <v>0</v>
      </c>
      <c r="BJ1693" s="166">
        <v>0</v>
      </c>
      <c r="BK1693" s="166">
        <v>0</v>
      </c>
      <c r="BL1693" s="166">
        <v>0</v>
      </c>
      <c r="BM1693" s="166">
        <v>0</v>
      </c>
      <c r="BN1693" s="166">
        <v>0</v>
      </c>
      <c r="BO1693" s="166">
        <v>0</v>
      </c>
      <c r="BP1693" s="166">
        <v>0</v>
      </c>
      <c r="BQ1693" s="166">
        <v>0</v>
      </c>
      <c r="BR1693" s="166">
        <v>0</v>
      </c>
      <c r="BS1693" s="166">
        <v>0</v>
      </c>
      <c r="BT1693" s="166">
        <v>0</v>
      </c>
      <c r="BU1693" s="166">
        <v>0</v>
      </c>
      <c r="BV1693" s="166">
        <v>0</v>
      </c>
      <c r="BW1693" s="166">
        <v>0</v>
      </c>
      <c r="BX1693" s="166">
        <v>0</v>
      </c>
      <c r="BY1693" s="166">
        <v>0</v>
      </c>
      <c r="BZ1693" s="166">
        <v>0</v>
      </c>
      <c r="CA1693" s="166">
        <v>0</v>
      </c>
      <c r="CB1693" s="166">
        <v>0</v>
      </c>
      <c r="CC1693" s="166">
        <v>0</v>
      </c>
      <c r="CD1693" s="166">
        <v>0</v>
      </c>
      <c r="CE1693" s="166">
        <v>0</v>
      </c>
      <c r="CF1693" s="166">
        <v>0</v>
      </c>
      <c r="CG1693" s="166">
        <v>0</v>
      </c>
      <c r="CH1693" s="166">
        <v>0</v>
      </c>
      <c r="CI1693" s="166">
        <v>0</v>
      </c>
      <c r="CJ1693" s="166">
        <v>0</v>
      </c>
      <c r="CK1693" s="166">
        <v>0</v>
      </c>
      <c r="CL1693" s="166">
        <v>0</v>
      </c>
      <c r="CM1693" s="166">
        <v>0</v>
      </c>
      <c r="CN1693" s="166">
        <v>0</v>
      </c>
      <c r="CO1693" s="166">
        <v>0</v>
      </c>
      <c r="CP1693" s="166">
        <v>0</v>
      </c>
      <c r="CQ1693" s="166">
        <v>0</v>
      </c>
      <c r="CR1693" s="166">
        <v>0</v>
      </c>
      <c r="CS1693" s="166">
        <v>0</v>
      </c>
      <c r="CT1693" s="166">
        <v>0</v>
      </c>
      <c r="CU1693" s="166">
        <v>0</v>
      </c>
      <c r="CV1693" s="166">
        <v>0</v>
      </c>
      <c r="CW1693" s="166">
        <v>0</v>
      </c>
      <c r="CX1693" s="166">
        <v>0</v>
      </c>
      <c r="CY1693" s="166">
        <v>0</v>
      </c>
      <c r="CZ1693" s="166">
        <v>0</v>
      </c>
    </row>
    <row r="1694" spans="1:104" x14ac:dyDescent="0.2">
      <c r="A1694" s="167" t="s">
        <v>103</v>
      </c>
      <c r="B1694" s="166">
        <v>0</v>
      </c>
      <c r="C1694" s="166">
        <v>0</v>
      </c>
      <c r="D1694" s="166">
        <v>4328307000</v>
      </c>
      <c r="E1694" s="166">
        <v>4328307000</v>
      </c>
      <c r="F1694" s="166">
        <v>4328307000</v>
      </c>
      <c r="G1694" s="166">
        <v>4328307000</v>
      </c>
      <c r="H1694" s="166">
        <v>4328307000</v>
      </c>
      <c r="I1694" s="166">
        <v>4328307000</v>
      </c>
      <c r="J1694" s="166">
        <v>4328307000</v>
      </c>
      <c r="K1694" s="166">
        <v>4328307000</v>
      </c>
      <c r="L1694" s="166">
        <v>4328307000</v>
      </c>
      <c r="M1694" s="166">
        <v>4328307000</v>
      </c>
      <c r="N1694" s="166">
        <v>4328307000</v>
      </c>
      <c r="O1694" s="166">
        <v>4328307000</v>
      </c>
      <c r="P1694" s="166">
        <v>4328307000</v>
      </c>
      <c r="Q1694" s="166">
        <v>4328307000</v>
      </c>
      <c r="R1694" s="166">
        <v>4328307000</v>
      </c>
      <c r="S1694" s="166">
        <v>4328307000</v>
      </c>
      <c r="T1694" s="166">
        <v>4328307000</v>
      </c>
      <c r="U1694" s="166">
        <v>4328307000</v>
      </c>
      <c r="V1694" s="166">
        <v>4328307000</v>
      </c>
      <c r="W1694" s="166">
        <v>4328307000</v>
      </c>
      <c r="X1694" s="166">
        <v>4328307000</v>
      </c>
      <c r="Y1694" s="166">
        <v>4328307000</v>
      </c>
      <c r="Z1694" s="166">
        <v>4328307000</v>
      </c>
      <c r="AA1694" s="166">
        <v>4328307000</v>
      </c>
      <c r="AB1694" s="166">
        <v>4328307000</v>
      </c>
      <c r="AC1694" s="166">
        <v>4328307000</v>
      </c>
      <c r="AD1694" s="166">
        <v>4328307000</v>
      </c>
      <c r="AE1694" s="166">
        <v>4328307000</v>
      </c>
      <c r="AF1694" s="166">
        <v>4328307000</v>
      </c>
      <c r="AG1694" s="166">
        <v>4328307000</v>
      </c>
      <c r="AH1694" s="166">
        <v>4328307000</v>
      </c>
      <c r="AI1694" s="166">
        <v>4328307000</v>
      </c>
      <c r="AJ1694" s="166">
        <v>4328307000</v>
      </c>
      <c r="AK1694" s="166">
        <v>4328307000</v>
      </c>
      <c r="AL1694" s="166">
        <v>4328307000</v>
      </c>
      <c r="AM1694" s="166">
        <v>4328307000</v>
      </c>
      <c r="AN1694" s="166">
        <v>4328307000</v>
      </c>
      <c r="AO1694" s="166">
        <v>4328307000</v>
      </c>
      <c r="AP1694" s="166">
        <v>4328307000</v>
      </c>
      <c r="AQ1694" s="166">
        <v>4328307000</v>
      </c>
      <c r="AR1694" s="166">
        <v>4328307000</v>
      </c>
      <c r="AS1694" s="166">
        <v>4328307000</v>
      </c>
      <c r="AT1694" s="166">
        <v>4328307000</v>
      </c>
      <c r="AU1694" s="166">
        <v>4328307000</v>
      </c>
      <c r="AV1694" s="166">
        <v>4328307000</v>
      </c>
      <c r="AW1694" s="166">
        <v>4328307000</v>
      </c>
      <c r="AX1694" s="166">
        <v>4328307000</v>
      </c>
      <c r="AY1694" s="166">
        <v>4328307000</v>
      </c>
      <c r="AZ1694" s="166">
        <v>4328307000</v>
      </c>
      <c r="BA1694" s="166">
        <v>4328307000</v>
      </c>
      <c r="BB1694" s="166">
        <v>4328307000</v>
      </c>
      <c r="BC1694" s="166">
        <v>4328307000</v>
      </c>
      <c r="BD1694" s="166">
        <v>0</v>
      </c>
      <c r="BE1694" s="166">
        <v>0</v>
      </c>
      <c r="BF1694" s="166">
        <v>0</v>
      </c>
      <c r="BG1694" s="166">
        <v>0</v>
      </c>
      <c r="BH1694" s="166">
        <v>0</v>
      </c>
      <c r="BI1694" s="166">
        <v>0</v>
      </c>
      <c r="BJ1694" s="166">
        <v>0</v>
      </c>
      <c r="BK1694" s="166">
        <v>0</v>
      </c>
      <c r="BL1694" s="166">
        <v>0</v>
      </c>
      <c r="BM1694" s="166">
        <v>0</v>
      </c>
      <c r="BN1694" s="166">
        <v>0</v>
      </c>
      <c r="BO1694" s="166">
        <v>0</v>
      </c>
      <c r="BP1694" s="166">
        <v>0</v>
      </c>
      <c r="BQ1694" s="166">
        <v>0</v>
      </c>
      <c r="BR1694" s="166">
        <v>0</v>
      </c>
      <c r="BS1694" s="166">
        <v>0</v>
      </c>
      <c r="BT1694" s="166">
        <v>0</v>
      </c>
      <c r="BU1694" s="166">
        <v>0</v>
      </c>
      <c r="BV1694" s="166">
        <v>0</v>
      </c>
      <c r="BW1694" s="166">
        <v>0</v>
      </c>
      <c r="BX1694" s="166">
        <v>0</v>
      </c>
      <c r="BY1694" s="166">
        <v>0</v>
      </c>
      <c r="BZ1694" s="166">
        <v>0</v>
      </c>
      <c r="CA1694" s="166">
        <v>0</v>
      </c>
      <c r="CB1694" s="166">
        <v>0</v>
      </c>
      <c r="CC1694" s="166">
        <v>0</v>
      </c>
      <c r="CD1694" s="166">
        <v>0</v>
      </c>
      <c r="CE1694" s="166">
        <v>0</v>
      </c>
      <c r="CF1694" s="166">
        <v>0</v>
      </c>
      <c r="CG1694" s="166">
        <v>0</v>
      </c>
      <c r="CH1694" s="166">
        <v>0</v>
      </c>
      <c r="CI1694" s="166">
        <v>0</v>
      </c>
      <c r="CJ1694" s="166">
        <v>0</v>
      </c>
      <c r="CK1694" s="166">
        <v>0</v>
      </c>
      <c r="CL1694" s="166">
        <v>0</v>
      </c>
      <c r="CM1694" s="166">
        <v>0</v>
      </c>
      <c r="CN1694" s="166">
        <v>0</v>
      </c>
      <c r="CO1694" s="166">
        <v>0</v>
      </c>
      <c r="CP1694" s="166">
        <v>0</v>
      </c>
      <c r="CQ1694" s="166">
        <v>0</v>
      </c>
      <c r="CR1694" s="166">
        <v>0</v>
      </c>
      <c r="CS1694" s="166">
        <v>0</v>
      </c>
      <c r="CT1694" s="166">
        <v>0</v>
      </c>
      <c r="CU1694" s="166">
        <v>0</v>
      </c>
      <c r="CV1694" s="166">
        <v>0</v>
      </c>
      <c r="CW1694" s="166">
        <v>0</v>
      </c>
      <c r="CX1694" s="166">
        <v>0</v>
      </c>
      <c r="CY1694" s="166">
        <v>0</v>
      </c>
      <c r="CZ1694" s="166">
        <v>0</v>
      </c>
    </row>
    <row r="1695" spans="1:104" x14ac:dyDescent="0.2">
      <c r="A1695" s="167" t="s">
        <v>104</v>
      </c>
      <c r="B1695" s="166">
        <v>0</v>
      </c>
      <c r="C1695" s="166">
        <v>0</v>
      </c>
      <c r="D1695" s="166">
        <v>0</v>
      </c>
      <c r="E1695" s="166">
        <v>0</v>
      </c>
      <c r="F1695" s="166">
        <v>0</v>
      </c>
      <c r="G1695" s="166">
        <v>0</v>
      </c>
      <c r="H1695" s="166">
        <v>0</v>
      </c>
      <c r="I1695" s="166">
        <v>0</v>
      </c>
      <c r="J1695" s="166">
        <v>0</v>
      </c>
      <c r="K1695" s="166">
        <v>0</v>
      </c>
      <c r="L1695" s="166">
        <v>0</v>
      </c>
      <c r="M1695" s="166">
        <v>0</v>
      </c>
      <c r="N1695" s="166">
        <v>0</v>
      </c>
      <c r="O1695" s="166">
        <v>0</v>
      </c>
      <c r="P1695" s="166">
        <v>0</v>
      </c>
      <c r="Q1695" s="166">
        <v>0</v>
      </c>
      <c r="R1695" s="166">
        <v>0</v>
      </c>
      <c r="S1695" s="166">
        <v>0</v>
      </c>
      <c r="T1695" s="166">
        <v>0</v>
      </c>
      <c r="U1695" s="166">
        <v>0</v>
      </c>
      <c r="V1695" s="166">
        <v>0</v>
      </c>
      <c r="W1695" s="166">
        <v>0</v>
      </c>
      <c r="X1695" s="166">
        <v>0</v>
      </c>
      <c r="Y1695" s="166">
        <v>0</v>
      </c>
      <c r="Z1695" s="166">
        <v>0</v>
      </c>
      <c r="AA1695" s="166">
        <v>0</v>
      </c>
      <c r="AB1695" s="166">
        <v>1000</v>
      </c>
      <c r="AC1695" s="166">
        <v>0</v>
      </c>
      <c r="AD1695" s="166">
        <v>0</v>
      </c>
      <c r="AE1695" s="166">
        <v>0</v>
      </c>
      <c r="AF1695" s="166">
        <v>0</v>
      </c>
      <c r="AG1695" s="166">
        <v>0</v>
      </c>
      <c r="AH1695" s="166">
        <v>0</v>
      </c>
      <c r="AI1695" s="166">
        <v>0</v>
      </c>
      <c r="AJ1695" s="166">
        <v>0</v>
      </c>
      <c r="AK1695" s="166">
        <v>0</v>
      </c>
      <c r="AL1695" s="166">
        <v>0</v>
      </c>
      <c r="AM1695" s="166">
        <v>0</v>
      </c>
      <c r="AN1695" s="166">
        <v>0</v>
      </c>
      <c r="AO1695" s="166">
        <v>0</v>
      </c>
      <c r="AP1695" s="166">
        <v>0</v>
      </c>
      <c r="AQ1695" s="166">
        <v>0</v>
      </c>
      <c r="AR1695" s="166">
        <v>0</v>
      </c>
      <c r="AS1695" s="166">
        <v>0</v>
      </c>
      <c r="AT1695" s="166">
        <v>0</v>
      </c>
      <c r="AU1695" s="166">
        <v>0</v>
      </c>
      <c r="AV1695" s="166">
        <v>0</v>
      </c>
      <c r="AW1695" s="166">
        <v>0</v>
      </c>
      <c r="AX1695" s="166">
        <v>0</v>
      </c>
      <c r="AY1695" s="166">
        <v>0</v>
      </c>
      <c r="AZ1695" s="166">
        <v>0</v>
      </c>
      <c r="BA1695" s="166">
        <v>0</v>
      </c>
      <c r="BB1695" s="166">
        <v>0</v>
      </c>
      <c r="BC1695" s="166">
        <v>0</v>
      </c>
      <c r="BD1695" s="166">
        <v>0</v>
      </c>
      <c r="BE1695" s="166">
        <v>0</v>
      </c>
      <c r="BF1695" s="166">
        <v>0</v>
      </c>
      <c r="BG1695" s="166">
        <v>0</v>
      </c>
      <c r="BH1695" s="166">
        <v>0</v>
      </c>
      <c r="BI1695" s="166">
        <v>0</v>
      </c>
      <c r="BJ1695" s="166">
        <v>0</v>
      </c>
      <c r="BK1695" s="166">
        <v>0</v>
      </c>
      <c r="BL1695" s="166">
        <v>0</v>
      </c>
      <c r="BM1695" s="166">
        <v>0</v>
      </c>
      <c r="BN1695" s="166">
        <v>0</v>
      </c>
      <c r="BO1695" s="166">
        <v>0</v>
      </c>
      <c r="BP1695" s="166">
        <v>0</v>
      </c>
      <c r="BQ1695" s="166">
        <v>0</v>
      </c>
      <c r="BR1695" s="166">
        <v>0</v>
      </c>
      <c r="BS1695" s="166">
        <v>0</v>
      </c>
      <c r="BT1695" s="166">
        <v>0</v>
      </c>
      <c r="BU1695" s="166">
        <v>0</v>
      </c>
      <c r="BV1695" s="166">
        <v>0</v>
      </c>
      <c r="BW1695" s="166">
        <v>0</v>
      </c>
      <c r="BX1695" s="166">
        <v>0</v>
      </c>
      <c r="BY1695" s="166">
        <v>0</v>
      </c>
      <c r="BZ1695" s="166">
        <v>0</v>
      </c>
      <c r="CA1695" s="166">
        <v>0</v>
      </c>
      <c r="CB1695" s="166">
        <v>0</v>
      </c>
      <c r="CC1695" s="166">
        <v>0</v>
      </c>
      <c r="CD1695" s="166">
        <v>0</v>
      </c>
      <c r="CE1695" s="166">
        <v>0</v>
      </c>
      <c r="CF1695" s="166">
        <v>0</v>
      </c>
      <c r="CG1695" s="166">
        <v>0</v>
      </c>
      <c r="CH1695" s="166">
        <v>0</v>
      </c>
      <c r="CI1695" s="166">
        <v>0</v>
      </c>
      <c r="CJ1695" s="166">
        <v>0</v>
      </c>
      <c r="CK1695" s="166">
        <v>0</v>
      </c>
      <c r="CL1695" s="166">
        <v>0</v>
      </c>
      <c r="CM1695" s="166">
        <v>0</v>
      </c>
      <c r="CN1695" s="166">
        <v>0</v>
      </c>
      <c r="CO1695" s="166">
        <v>0</v>
      </c>
      <c r="CP1695" s="166">
        <v>0</v>
      </c>
      <c r="CQ1695" s="166">
        <v>0</v>
      </c>
      <c r="CR1695" s="166">
        <v>0</v>
      </c>
      <c r="CS1695" s="166">
        <v>0</v>
      </c>
      <c r="CT1695" s="166">
        <v>0</v>
      </c>
      <c r="CU1695" s="166">
        <v>0</v>
      </c>
      <c r="CV1695" s="166">
        <v>0</v>
      </c>
      <c r="CW1695" s="166">
        <v>0</v>
      </c>
      <c r="CX1695" s="166">
        <v>0</v>
      </c>
      <c r="CY1695" s="166">
        <v>0</v>
      </c>
      <c r="CZ1695" s="166">
        <v>0</v>
      </c>
    </row>
    <row r="1696" spans="1:104" x14ac:dyDescent="0.2">
      <c r="A1696" s="167" t="s">
        <v>105</v>
      </c>
      <c r="B1696" s="166">
        <v>0</v>
      </c>
      <c r="C1696" s="166">
        <v>0</v>
      </c>
      <c r="D1696" s="166">
        <v>0</v>
      </c>
      <c r="E1696" s="166">
        <v>0</v>
      </c>
      <c r="F1696" s="166">
        <v>0</v>
      </c>
      <c r="G1696" s="166">
        <v>1000</v>
      </c>
      <c r="H1696" s="166">
        <v>0</v>
      </c>
      <c r="I1696" s="166">
        <v>0</v>
      </c>
      <c r="J1696" s="166">
        <v>0</v>
      </c>
      <c r="K1696" s="166">
        <v>0</v>
      </c>
      <c r="L1696" s="166">
        <v>0</v>
      </c>
      <c r="M1696" s="166">
        <v>0</v>
      </c>
      <c r="N1696" s="166">
        <v>0</v>
      </c>
      <c r="O1696" s="166">
        <v>0</v>
      </c>
      <c r="P1696" s="166">
        <v>0</v>
      </c>
      <c r="Q1696" s="166">
        <v>0</v>
      </c>
      <c r="R1696" s="166">
        <v>0</v>
      </c>
      <c r="S1696" s="166">
        <v>0</v>
      </c>
      <c r="T1696" s="166">
        <v>0</v>
      </c>
      <c r="U1696" s="166">
        <v>0</v>
      </c>
      <c r="V1696" s="166">
        <v>0</v>
      </c>
      <c r="W1696" s="166">
        <v>0</v>
      </c>
      <c r="X1696" s="166">
        <v>0</v>
      </c>
      <c r="Y1696" s="166">
        <v>0</v>
      </c>
      <c r="Z1696" s="166">
        <v>0</v>
      </c>
      <c r="AA1696" s="166">
        <v>0</v>
      </c>
      <c r="AB1696" s="166">
        <v>0</v>
      </c>
      <c r="AC1696" s="166">
        <v>0</v>
      </c>
      <c r="AD1696" s="166">
        <v>0</v>
      </c>
      <c r="AE1696" s="166">
        <v>0</v>
      </c>
      <c r="AF1696" s="166">
        <v>0</v>
      </c>
      <c r="AG1696" s="166">
        <v>0</v>
      </c>
      <c r="AH1696" s="166">
        <v>0</v>
      </c>
      <c r="AI1696" s="166">
        <v>0</v>
      </c>
      <c r="AJ1696" s="166">
        <v>0</v>
      </c>
      <c r="AK1696" s="166">
        <v>0</v>
      </c>
      <c r="AL1696" s="166">
        <v>0</v>
      </c>
      <c r="AM1696" s="166">
        <v>0</v>
      </c>
      <c r="AN1696" s="166">
        <v>0</v>
      </c>
      <c r="AO1696" s="166">
        <v>0</v>
      </c>
      <c r="AP1696" s="166">
        <v>0</v>
      </c>
      <c r="AQ1696" s="166">
        <v>0</v>
      </c>
      <c r="AR1696" s="166">
        <v>0</v>
      </c>
      <c r="AS1696" s="166">
        <v>0</v>
      </c>
      <c r="AT1696" s="166">
        <v>0</v>
      </c>
      <c r="AU1696" s="166">
        <v>0</v>
      </c>
      <c r="AV1696" s="166">
        <v>0</v>
      </c>
      <c r="AW1696" s="166">
        <v>0</v>
      </c>
      <c r="AX1696" s="166">
        <v>0</v>
      </c>
      <c r="AY1696" s="166">
        <v>0</v>
      </c>
      <c r="AZ1696" s="166">
        <v>0</v>
      </c>
      <c r="BA1696" s="166">
        <v>0</v>
      </c>
      <c r="BB1696" s="166">
        <v>0</v>
      </c>
      <c r="BC1696" s="166">
        <v>0</v>
      </c>
      <c r="BD1696" s="166">
        <v>0</v>
      </c>
      <c r="BE1696" s="166">
        <v>0</v>
      </c>
      <c r="BF1696" s="166">
        <v>0</v>
      </c>
      <c r="BG1696" s="166">
        <v>0</v>
      </c>
      <c r="BH1696" s="166">
        <v>0</v>
      </c>
      <c r="BI1696" s="166">
        <v>0</v>
      </c>
      <c r="BJ1696" s="166">
        <v>0</v>
      </c>
      <c r="BK1696" s="166">
        <v>0</v>
      </c>
      <c r="BL1696" s="166">
        <v>0</v>
      </c>
      <c r="BM1696" s="166">
        <v>0</v>
      </c>
      <c r="BN1696" s="166">
        <v>0</v>
      </c>
      <c r="BO1696" s="166">
        <v>0</v>
      </c>
      <c r="BP1696" s="166">
        <v>0</v>
      </c>
      <c r="BQ1696" s="166">
        <v>0</v>
      </c>
      <c r="BR1696" s="166">
        <v>0</v>
      </c>
      <c r="BS1696" s="166">
        <v>0</v>
      </c>
      <c r="BT1696" s="166">
        <v>0</v>
      </c>
      <c r="BU1696" s="166">
        <v>0</v>
      </c>
      <c r="BV1696" s="166">
        <v>0</v>
      </c>
      <c r="BW1696" s="166">
        <v>0</v>
      </c>
      <c r="BX1696" s="166">
        <v>0</v>
      </c>
      <c r="BY1696" s="166">
        <v>0</v>
      </c>
      <c r="BZ1696" s="166">
        <v>0</v>
      </c>
      <c r="CA1696" s="166">
        <v>0</v>
      </c>
      <c r="CB1696" s="166">
        <v>0</v>
      </c>
      <c r="CC1696" s="166">
        <v>0</v>
      </c>
      <c r="CD1696" s="166">
        <v>0</v>
      </c>
      <c r="CE1696" s="166">
        <v>0</v>
      </c>
      <c r="CF1696" s="166">
        <v>0</v>
      </c>
      <c r="CG1696" s="166">
        <v>0</v>
      </c>
      <c r="CH1696" s="166">
        <v>0</v>
      </c>
      <c r="CI1696" s="166">
        <v>0</v>
      </c>
      <c r="CJ1696" s="166">
        <v>0</v>
      </c>
      <c r="CK1696" s="166">
        <v>0</v>
      </c>
      <c r="CL1696" s="166">
        <v>0</v>
      </c>
      <c r="CM1696" s="166">
        <v>0</v>
      </c>
      <c r="CN1696" s="166">
        <v>0</v>
      </c>
      <c r="CO1696" s="166">
        <v>0</v>
      </c>
      <c r="CP1696" s="166">
        <v>0</v>
      </c>
      <c r="CQ1696" s="166">
        <v>0</v>
      </c>
      <c r="CR1696" s="166">
        <v>0</v>
      </c>
      <c r="CS1696" s="166">
        <v>0</v>
      </c>
      <c r="CT1696" s="166">
        <v>0</v>
      </c>
      <c r="CU1696" s="166">
        <v>0</v>
      </c>
      <c r="CV1696" s="166">
        <v>0</v>
      </c>
      <c r="CW1696" s="166">
        <v>0</v>
      </c>
      <c r="CX1696" s="166">
        <v>0</v>
      </c>
      <c r="CY1696" s="166">
        <v>0</v>
      </c>
      <c r="CZ1696" s="166">
        <v>0</v>
      </c>
    </row>
    <row r="1697" spans="1:104" x14ac:dyDescent="0.2">
      <c r="A1697" s="167" t="s">
        <v>106</v>
      </c>
      <c r="B1697" s="166">
        <v>0</v>
      </c>
      <c r="C1697" s="166">
        <v>0</v>
      </c>
      <c r="D1697" s="166">
        <v>0</v>
      </c>
      <c r="E1697" s="166">
        <v>0</v>
      </c>
      <c r="F1697" s="166">
        <v>0</v>
      </c>
      <c r="G1697" s="166">
        <v>0</v>
      </c>
      <c r="H1697" s="166">
        <v>0</v>
      </c>
      <c r="I1697" s="166">
        <v>0</v>
      </c>
      <c r="J1697" s="166">
        <v>0</v>
      </c>
      <c r="K1697" s="166">
        <v>0</v>
      </c>
      <c r="L1697" s="166">
        <v>0</v>
      </c>
      <c r="M1697" s="166">
        <v>0</v>
      </c>
      <c r="N1697" s="166">
        <v>0</v>
      </c>
      <c r="O1697" s="166">
        <v>0</v>
      </c>
      <c r="P1697" s="166">
        <v>0</v>
      </c>
      <c r="Q1697" s="166">
        <v>0</v>
      </c>
      <c r="R1697" s="166">
        <v>1000</v>
      </c>
      <c r="S1697" s="166">
        <v>0</v>
      </c>
      <c r="T1697" s="166">
        <v>0</v>
      </c>
      <c r="U1697" s="166">
        <v>0</v>
      </c>
      <c r="V1697" s="166">
        <v>0</v>
      </c>
      <c r="W1697" s="166">
        <v>0</v>
      </c>
      <c r="X1697" s="166">
        <v>0</v>
      </c>
      <c r="Y1697" s="166">
        <v>0</v>
      </c>
      <c r="Z1697" s="166">
        <v>0</v>
      </c>
      <c r="AA1697" s="166">
        <v>0</v>
      </c>
      <c r="AB1697" s="166">
        <v>0</v>
      </c>
      <c r="AC1697" s="166">
        <v>0</v>
      </c>
      <c r="AD1697" s="166">
        <v>0</v>
      </c>
      <c r="AE1697" s="166">
        <v>0</v>
      </c>
      <c r="AF1697" s="166">
        <v>0</v>
      </c>
      <c r="AG1697" s="166">
        <v>0</v>
      </c>
      <c r="AH1697" s="166">
        <v>0</v>
      </c>
      <c r="AI1697" s="166">
        <v>0</v>
      </c>
      <c r="AJ1697" s="166">
        <v>0</v>
      </c>
      <c r="AK1697" s="166">
        <v>0</v>
      </c>
      <c r="AL1697" s="166">
        <v>0</v>
      </c>
      <c r="AM1697" s="166">
        <v>0</v>
      </c>
      <c r="AN1697" s="166">
        <v>0</v>
      </c>
      <c r="AO1697" s="166">
        <v>0</v>
      </c>
      <c r="AP1697" s="166">
        <v>0</v>
      </c>
      <c r="AQ1697" s="166">
        <v>0</v>
      </c>
      <c r="AR1697" s="166">
        <v>0</v>
      </c>
      <c r="AS1697" s="166">
        <v>0</v>
      </c>
      <c r="AT1697" s="166">
        <v>0</v>
      </c>
      <c r="AU1697" s="166">
        <v>0</v>
      </c>
      <c r="AV1697" s="166">
        <v>0</v>
      </c>
      <c r="AW1697" s="166">
        <v>0</v>
      </c>
      <c r="AX1697" s="166">
        <v>0</v>
      </c>
      <c r="AY1697" s="166">
        <v>0</v>
      </c>
      <c r="AZ1697" s="166">
        <v>0</v>
      </c>
      <c r="BA1697" s="166">
        <v>0</v>
      </c>
      <c r="BB1697" s="166">
        <v>0</v>
      </c>
      <c r="BC1697" s="166">
        <v>0</v>
      </c>
      <c r="BD1697" s="166">
        <v>0</v>
      </c>
      <c r="BE1697" s="166">
        <v>0</v>
      </c>
      <c r="BF1697" s="166">
        <v>0</v>
      </c>
      <c r="BG1697" s="166">
        <v>0</v>
      </c>
      <c r="BH1697" s="166">
        <v>0</v>
      </c>
      <c r="BI1697" s="166">
        <v>0</v>
      </c>
      <c r="BJ1697" s="166">
        <v>0</v>
      </c>
      <c r="BK1697" s="166">
        <v>0</v>
      </c>
      <c r="BL1697" s="166">
        <v>0</v>
      </c>
      <c r="BM1697" s="166">
        <v>0</v>
      </c>
      <c r="BN1697" s="166">
        <v>0</v>
      </c>
      <c r="BO1697" s="166">
        <v>0</v>
      </c>
      <c r="BP1697" s="166">
        <v>0</v>
      </c>
      <c r="BQ1697" s="166">
        <v>0</v>
      </c>
      <c r="BR1697" s="166">
        <v>0</v>
      </c>
      <c r="BS1697" s="166">
        <v>0</v>
      </c>
      <c r="BT1697" s="166">
        <v>0</v>
      </c>
      <c r="BU1697" s="166">
        <v>0</v>
      </c>
      <c r="BV1697" s="166">
        <v>0</v>
      </c>
      <c r="BW1697" s="166">
        <v>0</v>
      </c>
      <c r="BX1697" s="166">
        <v>0</v>
      </c>
      <c r="BY1697" s="166">
        <v>0</v>
      </c>
      <c r="BZ1697" s="166">
        <v>0</v>
      </c>
      <c r="CA1697" s="166">
        <v>0</v>
      </c>
      <c r="CB1697" s="166">
        <v>0</v>
      </c>
      <c r="CC1697" s="166">
        <v>0</v>
      </c>
      <c r="CD1697" s="166">
        <v>0</v>
      </c>
      <c r="CE1697" s="166">
        <v>0</v>
      </c>
      <c r="CF1697" s="166">
        <v>0</v>
      </c>
      <c r="CG1697" s="166">
        <v>0</v>
      </c>
      <c r="CH1697" s="166">
        <v>0</v>
      </c>
      <c r="CI1697" s="166">
        <v>0</v>
      </c>
      <c r="CJ1697" s="166">
        <v>0</v>
      </c>
      <c r="CK1697" s="166">
        <v>0</v>
      </c>
      <c r="CL1697" s="166">
        <v>0</v>
      </c>
      <c r="CM1697" s="166">
        <v>0</v>
      </c>
      <c r="CN1697" s="166">
        <v>0</v>
      </c>
      <c r="CO1697" s="166">
        <v>0</v>
      </c>
      <c r="CP1697" s="166">
        <v>0</v>
      </c>
      <c r="CQ1697" s="166">
        <v>0</v>
      </c>
      <c r="CR1697" s="166">
        <v>0</v>
      </c>
      <c r="CS1697" s="166">
        <v>0</v>
      </c>
      <c r="CT1697" s="166">
        <v>0</v>
      </c>
      <c r="CU1697" s="166">
        <v>0</v>
      </c>
      <c r="CV1697" s="166">
        <v>0</v>
      </c>
      <c r="CW1697" s="166">
        <v>0</v>
      </c>
      <c r="CX1697" s="166">
        <v>0</v>
      </c>
      <c r="CY1697" s="166">
        <v>0</v>
      </c>
      <c r="CZ1697" s="166">
        <v>0</v>
      </c>
    </row>
    <row r="1698" spans="1:104" x14ac:dyDescent="0.2">
      <c r="A1698" s="167" t="s">
        <v>107</v>
      </c>
      <c r="B1698" s="166">
        <v>0</v>
      </c>
      <c r="C1698" s="166">
        <v>0</v>
      </c>
      <c r="D1698" s="166">
        <v>0</v>
      </c>
      <c r="E1698" s="166">
        <v>0</v>
      </c>
      <c r="F1698" s="166">
        <v>0</v>
      </c>
      <c r="G1698" s="166">
        <v>0</v>
      </c>
      <c r="H1698" s="166">
        <v>0</v>
      </c>
      <c r="I1698" s="166">
        <v>0</v>
      </c>
      <c r="J1698" s="166">
        <v>0</v>
      </c>
      <c r="K1698" s="166">
        <v>0</v>
      </c>
      <c r="L1698" s="166">
        <v>0</v>
      </c>
      <c r="M1698" s="166">
        <v>0</v>
      </c>
      <c r="N1698" s="166">
        <v>0</v>
      </c>
      <c r="O1698" s="166">
        <v>0</v>
      </c>
      <c r="P1698" s="166">
        <v>0</v>
      </c>
      <c r="Q1698" s="166">
        <v>0</v>
      </c>
      <c r="R1698" s="166">
        <v>0</v>
      </c>
      <c r="S1698" s="166">
        <v>0</v>
      </c>
      <c r="T1698" s="166">
        <v>0</v>
      </c>
      <c r="U1698" s="166">
        <v>1000</v>
      </c>
      <c r="V1698" s="166">
        <v>0</v>
      </c>
      <c r="W1698" s="166">
        <v>0</v>
      </c>
      <c r="X1698" s="166">
        <v>0</v>
      </c>
      <c r="Y1698" s="166">
        <v>0</v>
      </c>
      <c r="Z1698" s="166">
        <v>0</v>
      </c>
      <c r="AA1698" s="166">
        <v>0</v>
      </c>
      <c r="AB1698" s="166">
        <v>0</v>
      </c>
      <c r="AC1698" s="166">
        <v>0</v>
      </c>
      <c r="AD1698" s="166">
        <v>0</v>
      </c>
      <c r="AE1698" s="166">
        <v>0</v>
      </c>
      <c r="AF1698" s="166">
        <v>0</v>
      </c>
      <c r="AG1698" s="166">
        <v>0</v>
      </c>
      <c r="AH1698" s="166">
        <v>0</v>
      </c>
      <c r="AI1698" s="166">
        <v>0</v>
      </c>
      <c r="AJ1698" s="166">
        <v>0</v>
      </c>
      <c r="AK1698" s="166">
        <v>0</v>
      </c>
      <c r="AL1698" s="166">
        <v>0</v>
      </c>
      <c r="AM1698" s="166">
        <v>0</v>
      </c>
      <c r="AN1698" s="166">
        <v>0</v>
      </c>
      <c r="AO1698" s="166">
        <v>0</v>
      </c>
      <c r="AP1698" s="166">
        <v>0</v>
      </c>
      <c r="AQ1698" s="166">
        <v>0</v>
      </c>
      <c r="AR1698" s="166">
        <v>0</v>
      </c>
      <c r="AS1698" s="166">
        <v>0</v>
      </c>
      <c r="AT1698" s="166">
        <v>0</v>
      </c>
      <c r="AU1698" s="166">
        <v>0</v>
      </c>
      <c r="AV1698" s="166">
        <v>0</v>
      </c>
      <c r="AW1698" s="166">
        <v>0</v>
      </c>
      <c r="AX1698" s="166">
        <v>0</v>
      </c>
      <c r="AY1698" s="166">
        <v>0</v>
      </c>
      <c r="AZ1698" s="166">
        <v>0</v>
      </c>
      <c r="BA1698" s="166">
        <v>0</v>
      </c>
      <c r="BB1698" s="166">
        <v>0</v>
      </c>
      <c r="BC1698" s="166">
        <v>0</v>
      </c>
      <c r="BD1698" s="166">
        <v>0</v>
      </c>
      <c r="BE1698" s="166">
        <v>0</v>
      </c>
      <c r="BF1698" s="166">
        <v>0</v>
      </c>
      <c r="BG1698" s="166">
        <v>0</v>
      </c>
      <c r="BH1698" s="166">
        <v>0</v>
      </c>
      <c r="BI1698" s="166">
        <v>0</v>
      </c>
      <c r="BJ1698" s="166">
        <v>0</v>
      </c>
      <c r="BK1698" s="166">
        <v>0</v>
      </c>
      <c r="BL1698" s="166">
        <v>0</v>
      </c>
      <c r="BM1698" s="166">
        <v>0</v>
      </c>
      <c r="BN1698" s="166">
        <v>0</v>
      </c>
      <c r="BO1698" s="166">
        <v>0</v>
      </c>
      <c r="BP1698" s="166">
        <v>0</v>
      </c>
      <c r="BQ1698" s="166">
        <v>0</v>
      </c>
      <c r="BR1698" s="166">
        <v>0</v>
      </c>
      <c r="BS1698" s="166">
        <v>0</v>
      </c>
      <c r="BT1698" s="166">
        <v>0</v>
      </c>
      <c r="BU1698" s="166">
        <v>0</v>
      </c>
      <c r="BV1698" s="166">
        <v>0</v>
      </c>
      <c r="BW1698" s="166">
        <v>0</v>
      </c>
      <c r="BX1698" s="166">
        <v>0</v>
      </c>
      <c r="BY1698" s="166">
        <v>0</v>
      </c>
      <c r="BZ1698" s="166">
        <v>0</v>
      </c>
      <c r="CA1698" s="166">
        <v>0</v>
      </c>
      <c r="CB1698" s="166">
        <v>0</v>
      </c>
      <c r="CC1698" s="166">
        <v>0</v>
      </c>
      <c r="CD1698" s="166">
        <v>0</v>
      </c>
      <c r="CE1698" s="166">
        <v>0</v>
      </c>
      <c r="CF1698" s="166">
        <v>0</v>
      </c>
      <c r="CG1698" s="166">
        <v>0</v>
      </c>
      <c r="CH1698" s="166">
        <v>0</v>
      </c>
      <c r="CI1698" s="166">
        <v>0</v>
      </c>
      <c r="CJ1698" s="166">
        <v>0</v>
      </c>
      <c r="CK1698" s="166">
        <v>0</v>
      </c>
      <c r="CL1698" s="166">
        <v>0</v>
      </c>
      <c r="CM1698" s="166">
        <v>0</v>
      </c>
      <c r="CN1698" s="166">
        <v>0</v>
      </c>
      <c r="CO1698" s="166">
        <v>0</v>
      </c>
      <c r="CP1698" s="166">
        <v>0</v>
      </c>
      <c r="CQ1698" s="166">
        <v>0</v>
      </c>
      <c r="CR1698" s="166">
        <v>0</v>
      </c>
      <c r="CS1698" s="166">
        <v>0</v>
      </c>
      <c r="CT1698" s="166">
        <v>0</v>
      </c>
      <c r="CU1698" s="166">
        <v>0</v>
      </c>
      <c r="CV1698" s="166">
        <v>0</v>
      </c>
      <c r="CW1698" s="166">
        <v>0</v>
      </c>
      <c r="CX1698" s="166">
        <v>0</v>
      </c>
      <c r="CY1698" s="166">
        <v>0</v>
      </c>
      <c r="CZ1698" s="166">
        <v>0</v>
      </c>
    </row>
    <row r="1699" spans="1:104" x14ac:dyDescent="0.2">
      <c r="A1699" s="167" t="s">
        <v>108</v>
      </c>
      <c r="B1699" s="166">
        <v>0</v>
      </c>
      <c r="C1699" s="166">
        <v>0</v>
      </c>
      <c r="D1699" s="166">
        <v>0</v>
      </c>
      <c r="E1699" s="166">
        <v>0</v>
      </c>
      <c r="F1699" s="166">
        <v>0</v>
      </c>
      <c r="G1699" s="166">
        <v>0</v>
      </c>
      <c r="H1699" s="166">
        <v>0</v>
      </c>
      <c r="I1699" s="166">
        <v>0</v>
      </c>
      <c r="J1699" s="166">
        <v>0</v>
      </c>
      <c r="K1699" s="166">
        <v>0</v>
      </c>
      <c r="L1699" s="166">
        <v>0</v>
      </c>
      <c r="M1699" s="166">
        <v>0</v>
      </c>
      <c r="N1699" s="166">
        <v>0</v>
      </c>
      <c r="O1699" s="166">
        <v>0</v>
      </c>
      <c r="P1699" s="166">
        <v>0</v>
      </c>
      <c r="Q1699" s="166">
        <v>0</v>
      </c>
      <c r="R1699" s="166">
        <v>0</v>
      </c>
      <c r="S1699" s="166">
        <v>0</v>
      </c>
      <c r="T1699" s="166">
        <v>0</v>
      </c>
      <c r="U1699" s="166">
        <v>0</v>
      </c>
      <c r="V1699" s="166">
        <v>0</v>
      </c>
      <c r="W1699" s="166">
        <v>0</v>
      </c>
      <c r="X1699" s="166">
        <v>0</v>
      </c>
      <c r="Y1699" s="166">
        <v>0</v>
      </c>
      <c r="Z1699" s="166">
        <v>0</v>
      </c>
      <c r="AA1699" s="166">
        <v>0</v>
      </c>
      <c r="AB1699" s="166">
        <v>0</v>
      </c>
      <c r="AC1699" s="166">
        <v>0</v>
      </c>
      <c r="AD1699" s="166">
        <v>0</v>
      </c>
      <c r="AE1699" s="166">
        <v>0</v>
      </c>
      <c r="AF1699" s="166">
        <v>0</v>
      </c>
      <c r="AG1699" s="166">
        <v>0</v>
      </c>
      <c r="AH1699" s="166">
        <v>0</v>
      </c>
      <c r="AI1699" s="166">
        <v>0</v>
      </c>
      <c r="AJ1699" s="166">
        <v>0</v>
      </c>
      <c r="AK1699" s="166">
        <v>0</v>
      </c>
      <c r="AL1699" s="166">
        <v>0</v>
      </c>
      <c r="AM1699" s="166">
        <v>0</v>
      </c>
      <c r="AN1699" s="166">
        <v>0</v>
      </c>
      <c r="AO1699" s="166">
        <v>0</v>
      </c>
      <c r="AP1699" s="166">
        <v>0</v>
      </c>
      <c r="AQ1699" s="166">
        <v>0</v>
      </c>
      <c r="AR1699" s="166">
        <v>0</v>
      </c>
      <c r="AS1699" s="166">
        <v>0</v>
      </c>
      <c r="AT1699" s="166">
        <v>0</v>
      </c>
      <c r="AU1699" s="166">
        <v>0</v>
      </c>
      <c r="AV1699" s="166">
        <v>0</v>
      </c>
      <c r="AW1699" s="166">
        <v>0</v>
      </c>
      <c r="AX1699" s="166">
        <v>0</v>
      </c>
      <c r="AY1699" s="166">
        <v>1000</v>
      </c>
      <c r="AZ1699" s="166">
        <v>0</v>
      </c>
      <c r="BA1699" s="166">
        <v>0</v>
      </c>
      <c r="BB1699" s="166">
        <v>0</v>
      </c>
      <c r="BC1699" s="166">
        <v>0</v>
      </c>
      <c r="BD1699" s="166">
        <v>0</v>
      </c>
      <c r="BE1699" s="166">
        <v>0</v>
      </c>
      <c r="BF1699" s="166">
        <v>0</v>
      </c>
      <c r="BG1699" s="166">
        <v>0</v>
      </c>
      <c r="BH1699" s="166">
        <v>0</v>
      </c>
      <c r="BI1699" s="166">
        <v>0</v>
      </c>
      <c r="BJ1699" s="166">
        <v>0</v>
      </c>
      <c r="BK1699" s="166">
        <v>0</v>
      </c>
      <c r="BL1699" s="166">
        <v>0</v>
      </c>
      <c r="BM1699" s="166">
        <v>0</v>
      </c>
      <c r="BN1699" s="166">
        <v>0</v>
      </c>
      <c r="BO1699" s="166">
        <v>0</v>
      </c>
      <c r="BP1699" s="166">
        <v>0</v>
      </c>
      <c r="BQ1699" s="166">
        <v>0</v>
      </c>
      <c r="BR1699" s="166">
        <v>0</v>
      </c>
      <c r="BS1699" s="166">
        <v>0</v>
      </c>
      <c r="BT1699" s="166">
        <v>0</v>
      </c>
      <c r="BU1699" s="166">
        <v>0</v>
      </c>
      <c r="BV1699" s="166">
        <v>0</v>
      </c>
      <c r="BW1699" s="166">
        <v>0</v>
      </c>
      <c r="BX1699" s="166">
        <v>0</v>
      </c>
      <c r="BY1699" s="166">
        <v>0</v>
      </c>
      <c r="BZ1699" s="166">
        <v>0</v>
      </c>
      <c r="CA1699" s="166">
        <v>0</v>
      </c>
      <c r="CB1699" s="166">
        <v>0</v>
      </c>
      <c r="CC1699" s="166">
        <v>0</v>
      </c>
      <c r="CD1699" s="166">
        <v>0</v>
      </c>
      <c r="CE1699" s="166">
        <v>0</v>
      </c>
      <c r="CF1699" s="166">
        <v>0</v>
      </c>
      <c r="CG1699" s="166">
        <v>0</v>
      </c>
      <c r="CH1699" s="166">
        <v>0</v>
      </c>
      <c r="CI1699" s="166">
        <v>0</v>
      </c>
      <c r="CJ1699" s="166">
        <v>0</v>
      </c>
      <c r="CK1699" s="166">
        <v>0</v>
      </c>
      <c r="CL1699" s="166">
        <v>0</v>
      </c>
      <c r="CM1699" s="166">
        <v>0</v>
      </c>
      <c r="CN1699" s="166">
        <v>0</v>
      </c>
      <c r="CO1699" s="166">
        <v>0</v>
      </c>
      <c r="CP1699" s="166">
        <v>0</v>
      </c>
      <c r="CQ1699" s="166">
        <v>0</v>
      </c>
      <c r="CR1699" s="166">
        <v>0</v>
      </c>
      <c r="CS1699" s="166">
        <v>0</v>
      </c>
      <c r="CT1699" s="166">
        <v>0</v>
      </c>
      <c r="CU1699" s="166">
        <v>0</v>
      </c>
      <c r="CV1699" s="166">
        <v>0</v>
      </c>
      <c r="CW1699" s="166">
        <v>0</v>
      </c>
      <c r="CX1699" s="166">
        <v>0</v>
      </c>
      <c r="CY1699" s="166">
        <v>0</v>
      </c>
      <c r="CZ1699" s="166">
        <v>0</v>
      </c>
    </row>
    <row r="1700" spans="1:104" x14ac:dyDescent="0.2">
      <c r="A1700" s="167" t="s">
        <v>109</v>
      </c>
      <c r="B1700" s="166">
        <v>0</v>
      </c>
      <c r="C1700" s="166">
        <v>0</v>
      </c>
      <c r="D1700" s="166">
        <v>0</v>
      </c>
      <c r="E1700" s="166">
        <v>0</v>
      </c>
      <c r="F1700" s="166">
        <v>0</v>
      </c>
      <c r="G1700" s="166">
        <v>1000</v>
      </c>
      <c r="H1700" s="166">
        <v>0</v>
      </c>
      <c r="I1700" s="166">
        <v>0</v>
      </c>
      <c r="J1700" s="166">
        <v>0</v>
      </c>
      <c r="K1700" s="166">
        <v>0</v>
      </c>
      <c r="L1700" s="166">
        <v>0</v>
      </c>
      <c r="M1700" s="166">
        <v>0</v>
      </c>
      <c r="N1700" s="166">
        <v>0</v>
      </c>
      <c r="O1700" s="166">
        <v>0</v>
      </c>
      <c r="P1700" s="166">
        <v>0</v>
      </c>
      <c r="Q1700" s="166">
        <v>0</v>
      </c>
      <c r="R1700" s="166">
        <v>1000</v>
      </c>
      <c r="S1700" s="166">
        <v>0</v>
      </c>
      <c r="T1700" s="166">
        <v>0</v>
      </c>
      <c r="U1700" s="166">
        <v>1000</v>
      </c>
      <c r="V1700" s="166">
        <v>0</v>
      </c>
      <c r="W1700" s="166">
        <v>0</v>
      </c>
      <c r="X1700" s="166">
        <v>0</v>
      </c>
      <c r="Y1700" s="166">
        <v>0</v>
      </c>
      <c r="Z1700" s="166">
        <v>0</v>
      </c>
      <c r="AA1700" s="166">
        <v>0</v>
      </c>
      <c r="AB1700" s="166">
        <v>1000</v>
      </c>
      <c r="AC1700" s="166">
        <v>0</v>
      </c>
      <c r="AD1700" s="166">
        <v>0</v>
      </c>
      <c r="AE1700" s="166">
        <v>0</v>
      </c>
      <c r="AF1700" s="166">
        <v>0</v>
      </c>
      <c r="AG1700" s="166">
        <v>0</v>
      </c>
      <c r="AH1700" s="166">
        <v>0</v>
      </c>
      <c r="AI1700" s="166">
        <v>0</v>
      </c>
      <c r="AJ1700" s="166">
        <v>0</v>
      </c>
      <c r="AK1700" s="166">
        <v>0</v>
      </c>
      <c r="AL1700" s="166">
        <v>0</v>
      </c>
      <c r="AM1700" s="166">
        <v>0</v>
      </c>
      <c r="AN1700" s="166">
        <v>0</v>
      </c>
      <c r="AO1700" s="166">
        <v>0</v>
      </c>
      <c r="AP1700" s="166">
        <v>0</v>
      </c>
      <c r="AQ1700" s="166">
        <v>0</v>
      </c>
      <c r="AR1700" s="166">
        <v>0</v>
      </c>
      <c r="AS1700" s="166">
        <v>0</v>
      </c>
      <c r="AT1700" s="166">
        <v>0</v>
      </c>
      <c r="AU1700" s="166">
        <v>0</v>
      </c>
      <c r="AV1700" s="166">
        <v>0</v>
      </c>
      <c r="AW1700" s="166">
        <v>0</v>
      </c>
      <c r="AX1700" s="166">
        <v>0</v>
      </c>
      <c r="AY1700" s="166">
        <v>1000</v>
      </c>
      <c r="AZ1700" s="166">
        <v>0</v>
      </c>
      <c r="BA1700" s="166">
        <v>0</v>
      </c>
      <c r="BB1700" s="166">
        <v>0</v>
      </c>
      <c r="BC1700" s="166">
        <v>0</v>
      </c>
      <c r="BD1700" s="166">
        <v>0</v>
      </c>
      <c r="BE1700" s="166">
        <v>0</v>
      </c>
      <c r="BF1700" s="166">
        <v>0</v>
      </c>
      <c r="BG1700" s="166">
        <v>0</v>
      </c>
      <c r="BH1700" s="166">
        <v>0</v>
      </c>
      <c r="BI1700" s="166">
        <v>0</v>
      </c>
      <c r="BJ1700" s="166">
        <v>0</v>
      </c>
      <c r="BK1700" s="166">
        <v>0</v>
      </c>
      <c r="BL1700" s="166">
        <v>0</v>
      </c>
      <c r="BM1700" s="166">
        <v>0</v>
      </c>
      <c r="BN1700" s="166">
        <v>0</v>
      </c>
      <c r="BO1700" s="166">
        <v>0</v>
      </c>
      <c r="BP1700" s="166">
        <v>0</v>
      </c>
      <c r="BQ1700" s="166">
        <v>0</v>
      </c>
      <c r="BR1700" s="166">
        <v>0</v>
      </c>
      <c r="BS1700" s="166">
        <v>0</v>
      </c>
      <c r="BT1700" s="166">
        <v>0</v>
      </c>
      <c r="BU1700" s="166">
        <v>0</v>
      </c>
      <c r="BV1700" s="166">
        <v>0</v>
      </c>
      <c r="BW1700" s="166">
        <v>0</v>
      </c>
      <c r="BX1700" s="166">
        <v>0</v>
      </c>
      <c r="BY1700" s="166">
        <v>0</v>
      </c>
      <c r="BZ1700" s="166">
        <v>0</v>
      </c>
      <c r="CA1700" s="166">
        <v>0</v>
      </c>
      <c r="CB1700" s="166">
        <v>0</v>
      </c>
      <c r="CC1700" s="166">
        <v>0</v>
      </c>
      <c r="CD1700" s="166">
        <v>0</v>
      </c>
      <c r="CE1700" s="166">
        <v>0</v>
      </c>
      <c r="CF1700" s="166">
        <v>0</v>
      </c>
      <c r="CG1700" s="166">
        <v>0</v>
      </c>
      <c r="CH1700" s="166">
        <v>0</v>
      </c>
      <c r="CI1700" s="166">
        <v>0</v>
      </c>
      <c r="CJ1700" s="166">
        <v>0</v>
      </c>
      <c r="CK1700" s="166">
        <v>0</v>
      </c>
      <c r="CL1700" s="166">
        <v>0</v>
      </c>
      <c r="CM1700" s="166">
        <v>0</v>
      </c>
      <c r="CN1700" s="166">
        <v>0</v>
      </c>
      <c r="CO1700" s="166">
        <v>0</v>
      </c>
      <c r="CP1700" s="166">
        <v>0</v>
      </c>
      <c r="CQ1700" s="166">
        <v>0</v>
      </c>
      <c r="CR1700" s="166">
        <v>0</v>
      </c>
      <c r="CS1700" s="166">
        <v>0</v>
      </c>
      <c r="CT1700" s="166">
        <v>0</v>
      </c>
      <c r="CU1700" s="166">
        <v>0</v>
      </c>
      <c r="CV1700" s="166">
        <v>0</v>
      </c>
      <c r="CW1700" s="166">
        <v>0</v>
      </c>
      <c r="CX1700" s="166">
        <v>0</v>
      </c>
      <c r="CY1700" s="166">
        <v>0</v>
      </c>
      <c r="CZ1700" s="166">
        <v>0</v>
      </c>
    </row>
    <row r="1701" spans="1:104" x14ac:dyDescent="0.2">
      <c r="A1701" s="167" t="s">
        <v>110</v>
      </c>
    </row>
    <row r="1702" spans="1:104" x14ac:dyDescent="0.2">
      <c r="A1702" s="167" t="s">
        <v>111</v>
      </c>
    </row>
    <row r="1703" spans="1:104" x14ac:dyDescent="0.2">
      <c r="A1703" s="167" t="s">
        <v>112</v>
      </c>
    </row>
    <row r="1704" spans="1:104" x14ac:dyDescent="0.2">
      <c r="A1704" s="167" t="s">
        <v>113</v>
      </c>
    </row>
    <row r="1705" spans="1:104" x14ac:dyDescent="0.2">
      <c r="A1705" s="167" t="s">
        <v>114</v>
      </c>
      <c r="B1705" s="166">
        <v>0</v>
      </c>
      <c r="C1705" s="166">
        <v>0</v>
      </c>
      <c r="D1705" s="166">
        <v>0</v>
      </c>
      <c r="E1705" s="166">
        <v>0</v>
      </c>
      <c r="F1705" s="166">
        <v>0</v>
      </c>
      <c r="G1705" s="166">
        <v>0</v>
      </c>
      <c r="H1705" s="166">
        <v>0</v>
      </c>
      <c r="I1705" s="166">
        <v>0</v>
      </c>
      <c r="J1705" s="166">
        <v>0</v>
      </c>
      <c r="K1705" s="166">
        <v>0</v>
      </c>
      <c r="L1705" s="166">
        <v>0</v>
      </c>
      <c r="M1705" s="166">
        <v>0</v>
      </c>
      <c r="N1705" s="166">
        <v>0</v>
      </c>
      <c r="O1705" s="166">
        <v>0</v>
      </c>
      <c r="P1705" s="166">
        <v>0</v>
      </c>
      <c r="Q1705" s="166">
        <v>0</v>
      </c>
      <c r="R1705" s="166">
        <v>0</v>
      </c>
      <c r="S1705" s="166">
        <v>0</v>
      </c>
      <c r="T1705" s="166">
        <v>0</v>
      </c>
      <c r="U1705" s="166">
        <v>0</v>
      </c>
      <c r="V1705" s="166">
        <v>0</v>
      </c>
      <c r="W1705" s="166">
        <v>0</v>
      </c>
      <c r="X1705" s="166">
        <v>0</v>
      </c>
      <c r="Y1705" s="166">
        <v>0</v>
      </c>
      <c r="Z1705" s="166">
        <v>0</v>
      </c>
      <c r="AA1705" s="166">
        <v>0</v>
      </c>
      <c r="AB1705" s="166">
        <v>0</v>
      </c>
      <c r="AC1705" s="166">
        <v>0</v>
      </c>
      <c r="AD1705" s="166">
        <v>0</v>
      </c>
      <c r="AE1705" s="166">
        <v>0</v>
      </c>
      <c r="AF1705" s="166">
        <v>0</v>
      </c>
      <c r="AG1705" s="166">
        <v>0</v>
      </c>
      <c r="AH1705" s="166">
        <v>0</v>
      </c>
      <c r="AI1705" s="166">
        <v>0</v>
      </c>
      <c r="AJ1705" s="166">
        <v>0</v>
      </c>
      <c r="AK1705" s="166">
        <v>0</v>
      </c>
      <c r="AL1705" s="166">
        <v>0</v>
      </c>
      <c r="AM1705" s="166">
        <v>0</v>
      </c>
      <c r="AN1705" s="166">
        <v>0</v>
      </c>
      <c r="AO1705" s="166">
        <v>0</v>
      </c>
      <c r="AP1705" s="166">
        <v>0</v>
      </c>
      <c r="AQ1705" s="166">
        <v>0</v>
      </c>
      <c r="AR1705" s="166">
        <v>0</v>
      </c>
      <c r="AS1705" s="166">
        <v>0</v>
      </c>
      <c r="AT1705" s="166">
        <v>0</v>
      </c>
      <c r="AU1705" s="166">
        <v>0</v>
      </c>
      <c r="AV1705" s="166">
        <v>0</v>
      </c>
      <c r="AW1705" s="166">
        <v>0</v>
      </c>
      <c r="AX1705" s="166">
        <v>0</v>
      </c>
      <c r="AY1705" s="166">
        <v>0</v>
      </c>
      <c r="AZ1705" s="166">
        <v>0</v>
      </c>
      <c r="BA1705" s="166">
        <v>0</v>
      </c>
      <c r="BB1705" s="166">
        <v>0</v>
      </c>
      <c r="BC1705" s="166">
        <v>0</v>
      </c>
      <c r="BD1705" s="166">
        <v>0</v>
      </c>
      <c r="BE1705" s="166">
        <v>0</v>
      </c>
      <c r="BF1705" s="166">
        <v>0</v>
      </c>
      <c r="BG1705" s="166">
        <v>0</v>
      </c>
      <c r="BH1705" s="166">
        <v>0</v>
      </c>
      <c r="BI1705" s="166">
        <v>0</v>
      </c>
      <c r="BJ1705" s="166">
        <v>0</v>
      </c>
      <c r="BK1705" s="166">
        <v>0</v>
      </c>
      <c r="BL1705" s="166">
        <v>0</v>
      </c>
      <c r="BM1705" s="166">
        <v>0</v>
      </c>
      <c r="BN1705" s="166">
        <v>0</v>
      </c>
      <c r="BO1705" s="166">
        <v>0</v>
      </c>
      <c r="BP1705" s="166">
        <v>0</v>
      </c>
      <c r="BQ1705" s="166">
        <v>0</v>
      </c>
      <c r="BR1705" s="166">
        <v>0</v>
      </c>
      <c r="BS1705" s="166">
        <v>0</v>
      </c>
      <c r="BT1705" s="166">
        <v>0</v>
      </c>
      <c r="BU1705" s="166">
        <v>0</v>
      </c>
      <c r="BV1705" s="166">
        <v>0</v>
      </c>
      <c r="BW1705" s="166">
        <v>0</v>
      </c>
      <c r="BX1705" s="166">
        <v>0</v>
      </c>
      <c r="BY1705" s="166">
        <v>0</v>
      </c>
      <c r="BZ1705" s="166">
        <v>0</v>
      </c>
      <c r="CA1705" s="166">
        <v>0</v>
      </c>
      <c r="CB1705" s="166">
        <v>0</v>
      </c>
      <c r="CC1705" s="166">
        <v>0</v>
      </c>
      <c r="CD1705" s="166">
        <v>0</v>
      </c>
      <c r="CE1705" s="166">
        <v>0</v>
      </c>
      <c r="CF1705" s="166">
        <v>0</v>
      </c>
      <c r="CG1705" s="166">
        <v>0</v>
      </c>
      <c r="CH1705" s="166">
        <v>0</v>
      </c>
      <c r="CI1705" s="166">
        <v>0</v>
      </c>
      <c r="CJ1705" s="166">
        <v>0</v>
      </c>
      <c r="CK1705" s="166">
        <v>0</v>
      </c>
      <c r="CL1705" s="166">
        <v>0</v>
      </c>
      <c r="CM1705" s="166">
        <v>0</v>
      </c>
      <c r="CN1705" s="166">
        <v>0</v>
      </c>
      <c r="CO1705" s="166">
        <v>0</v>
      </c>
      <c r="CP1705" s="166">
        <v>0</v>
      </c>
      <c r="CQ1705" s="166">
        <v>0</v>
      </c>
      <c r="CR1705" s="166">
        <v>0</v>
      </c>
      <c r="CS1705" s="166">
        <v>0</v>
      </c>
      <c r="CT1705" s="166">
        <v>0</v>
      </c>
      <c r="CU1705" s="166">
        <v>0</v>
      </c>
      <c r="CV1705" s="166">
        <v>0</v>
      </c>
      <c r="CW1705" s="166">
        <v>0</v>
      </c>
      <c r="CX1705" s="166">
        <v>0</v>
      </c>
      <c r="CY1705" s="166">
        <v>0</v>
      </c>
      <c r="CZ1705" s="166">
        <v>0</v>
      </c>
    </row>
    <row r="1706" spans="1:104" x14ac:dyDescent="0.2">
      <c r="A1706" s="167" t="s">
        <v>115</v>
      </c>
      <c r="B1706" s="166">
        <v>0</v>
      </c>
      <c r="C1706" s="166">
        <v>0</v>
      </c>
      <c r="D1706" s="166">
        <v>0</v>
      </c>
      <c r="E1706" s="166">
        <v>0</v>
      </c>
      <c r="F1706" s="166">
        <v>0</v>
      </c>
      <c r="G1706" s="166">
        <v>0</v>
      </c>
      <c r="H1706" s="166">
        <v>0</v>
      </c>
      <c r="I1706" s="166">
        <v>0</v>
      </c>
      <c r="J1706" s="166">
        <v>0</v>
      </c>
      <c r="K1706" s="166">
        <v>0</v>
      </c>
      <c r="L1706" s="166">
        <v>0</v>
      </c>
      <c r="M1706" s="166">
        <v>0</v>
      </c>
      <c r="N1706" s="166">
        <v>0</v>
      </c>
      <c r="O1706" s="166">
        <v>0</v>
      </c>
      <c r="P1706" s="166">
        <v>0</v>
      </c>
      <c r="Q1706" s="166">
        <v>0</v>
      </c>
      <c r="R1706" s="166">
        <v>0</v>
      </c>
      <c r="S1706" s="166">
        <v>0</v>
      </c>
      <c r="T1706" s="166">
        <v>0</v>
      </c>
      <c r="U1706" s="166">
        <v>0</v>
      </c>
      <c r="V1706" s="166">
        <v>0</v>
      </c>
      <c r="W1706" s="166">
        <v>0</v>
      </c>
      <c r="X1706" s="166">
        <v>0</v>
      </c>
      <c r="Y1706" s="166">
        <v>0</v>
      </c>
      <c r="Z1706" s="166">
        <v>0</v>
      </c>
      <c r="AA1706" s="166">
        <v>0</v>
      </c>
      <c r="AB1706" s="166">
        <v>0</v>
      </c>
      <c r="AC1706" s="166">
        <v>0</v>
      </c>
      <c r="AD1706" s="166">
        <v>0</v>
      </c>
      <c r="AE1706" s="166">
        <v>0</v>
      </c>
      <c r="AF1706" s="166">
        <v>0</v>
      </c>
      <c r="AG1706" s="166">
        <v>0</v>
      </c>
      <c r="AH1706" s="166">
        <v>0</v>
      </c>
      <c r="AI1706" s="166">
        <v>0</v>
      </c>
      <c r="AJ1706" s="166">
        <v>0</v>
      </c>
      <c r="AK1706" s="166">
        <v>0</v>
      </c>
      <c r="AL1706" s="166">
        <v>0</v>
      </c>
      <c r="AM1706" s="166">
        <v>0</v>
      </c>
      <c r="AN1706" s="166">
        <v>0</v>
      </c>
      <c r="AO1706" s="166">
        <v>0</v>
      </c>
      <c r="AP1706" s="166">
        <v>0</v>
      </c>
      <c r="AQ1706" s="166">
        <v>0</v>
      </c>
      <c r="AR1706" s="166">
        <v>0</v>
      </c>
      <c r="AS1706" s="166">
        <v>0</v>
      </c>
      <c r="AT1706" s="166">
        <v>0</v>
      </c>
      <c r="AU1706" s="166">
        <v>0</v>
      </c>
      <c r="AV1706" s="166">
        <v>0</v>
      </c>
      <c r="AW1706" s="166">
        <v>0</v>
      </c>
      <c r="AX1706" s="166">
        <v>0</v>
      </c>
      <c r="AY1706" s="166">
        <v>0</v>
      </c>
      <c r="AZ1706" s="166">
        <v>0</v>
      </c>
      <c r="BA1706" s="166">
        <v>0</v>
      </c>
      <c r="BB1706" s="166">
        <v>0</v>
      </c>
      <c r="BC1706" s="166">
        <v>0</v>
      </c>
      <c r="BD1706" s="166">
        <v>0</v>
      </c>
      <c r="BE1706" s="166">
        <v>0</v>
      </c>
      <c r="BF1706" s="166">
        <v>0</v>
      </c>
      <c r="BG1706" s="166">
        <v>0</v>
      </c>
      <c r="BH1706" s="166">
        <v>0</v>
      </c>
      <c r="BI1706" s="166">
        <v>0</v>
      </c>
      <c r="BJ1706" s="166">
        <v>0</v>
      </c>
      <c r="BK1706" s="166">
        <v>0</v>
      </c>
      <c r="BL1706" s="166">
        <v>0</v>
      </c>
      <c r="BM1706" s="166">
        <v>0</v>
      </c>
      <c r="BN1706" s="166">
        <v>0</v>
      </c>
      <c r="BO1706" s="166">
        <v>0</v>
      </c>
      <c r="BP1706" s="166">
        <v>0</v>
      </c>
      <c r="BQ1706" s="166">
        <v>0</v>
      </c>
      <c r="BR1706" s="166">
        <v>0</v>
      </c>
      <c r="BS1706" s="166">
        <v>0</v>
      </c>
      <c r="BT1706" s="168">
        <v>0</v>
      </c>
      <c r="BU1706" s="166">
        <v>0</v>
      </c>
      <c r="BV1706" s="166">
        <v>0</v>
      </c>
      <c r="BW1706" s="166">
        <v>0</v>
      </c>
      <c r="BX1706" s="166">
        <v>0</v>
      </c>
      <c r="BY1706" s="166">
        <v>0</v>
      </c>
      <c r="BZ1706" s="166">
        <v>0</v>
      </c>
      <c r="CA1706" s="166">
        <v>0</v>
      </c>
      <c r="CB1706" s="166">
        <v>0</v>
      </c>
      <c r="CC1706" s="166">
        <v>0</v>
      </c>
      <c r="CD1706" s="166">
        <v>0</v>
      </c>
      <c r="CE1706" s="166">
        <v>0</v>
      </c>
      <c r="CF1706" s="166">
        <v>0</v>
      </c>
      <c r="CG1706" s="166">
        <v>0</v>
      </c>
      <c r="CH1706" s="166">
        <v>0</v>
      </c>
      <c r="CI1706" s="166">
        <v>0</v>
      </c>
      <c r="CJ1706" s="166">
        <v>0</v>
      </c>
      <c r="CK1706" s="166">
        <v>0</v>
      </c>
      <c r="CL1706" s="166">
        <v>0</v>
      </c>
      <c r="CM1706" s="166">
        <v>0</v>
      </c>
      <c r="CN1706" s="166">
        <v>0</v>
      </c>
      <c r="CO1706" s="166">
        <v>0</v>
      </c>
      <c r="CP1706" s="166">
        <v>0</v>
      </c>
      <c r="CQ1706" s="166">
        <v>0</v>
      </c>
      <c r="CR1706" s="166">
        <v>0</v>
      </c>
      <c r="CS1706" s="166">
        <v>0</v>
      </c>
      <c r="CT1706" s="166">
        <v>0</v>
      </c>
      <c r="CU1706" s="166">
        <v>0</v>
      </c>
      <c r="CV1706" s="166">
        <v>0</v>
      </c>
      <c r="CW1706" s="166">
        <v>0</v>
      </c>
      <c r="CX1706" s="166">
        <v>0</v>
      </c>
      <c r="CY1706" s="166">
        <v>0</v>
      </c>
      <c r="CZ1706" s="166">
        <v>0</v>
      </c>
    </row>
    <row r="1707" spans="1:104" x14ac:dyDescent="0.2">
      <c r="A1707" s="167" t="s">
        <v>116</v>
      </c>
      <c r="B1707" s="166">
        <v>0</v>
      </c>
      <c r="C1707" s="166">
        <v>0</v>
      </c>
      <c r="D1707" s="166">
        <v>0</v>
      </c>
      <c r="E1707" s="166">
        <v>0</v>
      </c>
      <c r="F1707" s="166">
        <v>0</v>
      </c>
      <c r="G1707" s="166">
        <v>0</v>
      </c>
      <c r="H1707" s="166">
        <v>0</v>
      </c>
      <c r="I1707" s="166">
        <v>0</v>
      </c>
      <c r="J1707" s="166">
        <v>0</v>
      </c>
      <c r="K1707" s="166">
        <v>0</v>
      </c>
      <c r="L1707" s="166">
        <v>0</v>
      </c>
      <c r="M1707" s="166">
        <v>0</v>
      </c>
      <c r="N1707" s="166">
        <v>0</v>
      </c>
      <c r="O1707" s="166">
        <v>0</v>
      </c>
      <c r="P1707" s="166">
        <v>0</v>
      </c>
      <c r="Q1707" s="166">
        <v>0</v>
      </c>
      <c r="R1707" s="166">
        <v>0</v>
      </c>
      <c r="S1707" s="166">
        <v>0</v>
      </c>
      <c r="T1707" s="166">
        <v>0</v>
      </c>
      <c r="U1707" s="166">
        <v>0</v>
      </c>
      <c r="V1707" s="166">
        <v>0</v>
      </c>
      <c r="W1707" s="166">
        <v>0</v>
      </c>
      <c r="X1707" s="166">
        <v>0</v>
      </c>
      <c r="Y1707" s="166">
        <v>0</v>
      </c>
      <c r="Z1707" s="166">
        <v>0</v>
      </c>
      <c r="AA1707" s="166">
        <v>0</v>
      </c>
      <c r="AB1707" s="166">
        <v>0</v>
      </c>
      <c r="AC1707" s="166">
        <v>0</v>
      </c>
      <c r="AD1707" s="166">
        <v>0</v>
      </c>
      <c r="AE1707" s="166">
        <v>0</v>
      </c>
      <c r="AF1707" s="166">
        <v>0</v>
      </c>
      <c r="AG1707" s="166">
        <v>0</v>
      </c>
      <c r="AH1707" s="166">
        <v>0</v>
      </c>
      <c r="AI1707" s="166">
        <v>0</v>
      </c>
      <c r="AJ1707" s="166">
        <v>0</v>
      </c>
      <c r="AK1707" s="166">
        <v>0</v>
      </c>
      <c r="AL1707" s="166">
        <v>0</v>
      </c>
      <c r="AM1707" s="166">
        <v>0</v>
      </c>
      <c r="AN1707" s="166">
        <v>0</v>
      </c>
      <c r="AO1707" s="166">
        <v>0</v>
      </c>
      <c r="AP1707" s="166">
        <v>0</v>
      </c>
      <c r="AQ1707" s="166">
        <v>0</v>
      </c>
      <c r="AR1707" s="166">
        <v>0</v>
      </c>
      <c r="AS1707" s="166">
        <v>0</v>
      </c>
      <c r="AT1707" s="166">
        <v>0</v>
      </c>
      <c r="AU1707" s="166">
        <v>0</v>
      </c>
      <c r="AV1707" s="166">
        <v>0</v>
      </c>
      <c r="AW1707" s="166">
        <v>0</v>
      </c>
      <c r="AX1707" s="166">
        <v>0</v>
      </c>
      <c r="AY1707" s="166">
        <v>0</v>
      </c>
      <c r="AZ1707" s="166">
        <v>0</v>
      </c>
      <c r="BA1707" s="166">
        <v>0</v>
      </c>
      <c r="BB1707" s="166">
        <v>0</v>
      </c>
      <c r="BC1707" s="166">
        <v>0</v>
      </c>
      <c r="BD1707" s="166">
        <v>0</v>
      </c>
      <c r="BE1707" s="166">
        <v>0</v>
      </c>
      <c r="BF1707" s="166">
        <v>0</v>
      </c>
      <c r="BG1707" s="166">
        <v>0</v>
      </c>
      <c r="BH1707" s="166">
        <v>0</v>
      </c>
      <c r="BI1707" s="166">
        <v>0</v>
      </c>
      <c r="BJ1707" s="166">
        <v>0</v>
      </c>
      <c r="BK1707" s="166">
        <v>0</v>
      </c>
      <c r="BL1707" s="166">
        <v>0</v>
      </c>
      <c r="BM1707" s="166">
        <v>0</v>
      </c>
      <c r="BN1707" s="166">
        <v>0</v>
      </c>
      <c r="BO1707" s="166">
        <v>0</v>
      </c>
      <c r="BP1707" s="166">
        <v>0</v>
      </c>
      <c r="BQ1707" s="166">
        <v>0</v>
      </c>
      <c r="BR1707" s="166">
        <v>0</v>
      </c>
      <c r="BS1707" s="166">
        <v>0</v>
      </c>
      <c r="BT1707" s="168">
        <v>0</v>
      </c>
      <c r="BU1707" s="166">
        <v>0</v>
      </c>
      <c r="BV1707" s="166">
        <v>0</v>
      </c>
      <c r="BW1707" s="166">
        <v>0</v>
      </c>
      <c r="BX1707" s="166">
        <v>0</v>
      </c>
      <c r="BY1707" s="166">
        <v>0</v>
      </c>
      <c r="BZ1707" s="166">
        <v>0</v>
      </c>
      <c r="CA1707" s="166">
        <v>0</v>
      </c>
      <c r="CB1707" s="166">
        <v>0</v>
      </c>
      <c r="CC1707" s="166">
        <v>0</v>
      </c>
      <c r="CD1707" s="166">
        <v>0</v>
      </c>
      <c r="CE1707" s="166">
        <v>0</v>
      </c>
      <c r="CF1707" s="166">
        <v>0</v>
      </c>
      <c r="CG1707" s="166">
        <v>0</v>
      </c>
      <c r="CH1707" s="166">
        <v>0</v>
      </c>
      <c r="CI1707" s="166">
        <v>0</v>
      </c>
      <c r="CJ1707" s="166">
        <v>0</v>
      </c>
      <c r="CK1707" s="166">
        <v>0</v>
      </c>
      <c r="CL1707" s="166">
        <v>0</v>
      </c>
      <c r="CM1707" s="166">
        <v>0</v>
      </c>
      <c r="CN1707" s="166">
        <v>0</v>
      </c>
      <c r="CO1707" s="166">
        <v>0</v>
      </c>
      <c r="CP1707" s="166">
        <v>0</v>
      </c>
      <c r="CQ1707" s="166">
        <v>0</v>
      </c>
      <c r="CR1707" s="166">
        <v>0</v>
      </c>
      <c r="CS1707" s="166">
        <v>0</v>
      </c>
      <c r="CT1707" s="166">
        <v>0</v>
      </c>
      <c r="CU1707" s="166">
        <v>0</v>
      </c>
      <c r="CV1707" s="166">
        <v>0</v>
      </c>
      <c r="CW1707" s="166">
        <v>0</v>
      </c>
      <c r="CX1707" s="166">
        <v>0</v>
      </c>
      <c r="CY1707" s="166">
        <v>0</v>
      </c>
      <c r="CZ1707" s="166">
        <v>0</v>
      </c>
    </row>
    <row r="1708" spans="1:104" x14ac:dyDescent="0.2">
      <c r="A1708" s="167" t="s">
        <v>117</v>
      </c>
      <c r="B1708" s="166">
        <v>0</v>
      </c>
      <c r="C1708" s="166">
        <v>0</v>
      </c>
      <c r="D1708" s="166">
        <v>0</v>
      </c>
      <c r="E1708" s="166">
        <v>0</v>
      </c>
      <c r="F1708" s="166">
        <v>0</v>
      </c>
      <c r="G1708" s="166">
        <v>0</v>
      </c>
      <c r="H1708" s="166">
        <v>0</v>
      </c>
      <c r="I1708" s="166">
        <v>0</v>
      </c>
      <c r="J1708" s="166">
        <v>0</v>
      </c>
      <c r="K1708" s="166">
        <v>0</v>
      </c>
      <c r="L1708" s="166">
        <v>0</v>
      </c>
      <c r="M1708" s="166">
        <v>0</v>
      </c>
      <c r="N1708" s="166">
        <v>0</v>
      </c>
      <c r="O1708" s="166">
        <v>0</v>
      </c>
      <c r="P1708" s="166">
        <v>0</v>
      </c>
      <c r="Q1708" s="166">
        <v>0</v>
      </c>
      <c r="R1708" s="166">
        <v>0</v>
      </c>
      <c r="S1708" s="166">
        <v>0</v>
      </c>
      <c r="T1708" s="166">
        <v>0</v>
      </c>
      <c r="U1708" s="166">
        <v>0</v>
      </c>
      <c r="V1708" s="166">
        <v>0</v>
      </c>
      <c r="W1708" s="166">
        <v>0</v>
      </c>
      <c r="X1708" s="166">
        <v>0</v>
      </c>
      <c r="Y1708" s="166">
        <v>0</v>
      </c>
      <c r="Z1708" s="166">
        <v>0</v>
      </c>
      <c r="AA1708" s="166">
        <v>0</v>
      </c>
      <c r="AB1708" s="166">
        <v>0</v>
      </c>
      <c r="AC1708" s="166">
        <v>0</v>
      </c>
      <c r="AD1708" s="166">
        <v>0</v>
      </c>
      <c r="AE1708" s="166">
        <v>0</v>
      </c>
      <c r="AF1708" s="166">
        <v>0</v>
      </c>
      <c r="AG1708" s="166">
        <v>0</v>
      </c>
      <c r="AH1708" s="166">
        <v>0</v>
      </c>
      <c r="AI1708" s="166">
        <v>0</v>
      </c>
      <c r="AJ1708" s="166">
        <v>0</v>
      </c>
      <c r="AK1708" s="166">
        <v>0</v>
      </c>
      <c r="AL1708" s="166">
        <v>0</v>
      </c>
      <c r="AM1708" s="166">
        <v>0</v>
      </c>
      <c r="AN1708" s="166">
        <v>0</v>
      </c>
      <c r="AO1708" s="166">
        <v>0</v>
      </c>
      <c r="AP1708" s="166">
        <v>0</v>
      </c>
      <c r="AQ1708" s="166">
        <v>0</v>
      </c>
      <c r="AR1708" s="166">
        <v>0</v>
      </c>
      <c r="AS1708" s="166">
        <v>0</v>
      </c>
      <c r="AT1708" s="166">
        <v>0</v>
      </c>
      <c r="AU1708" s="166">
        <v>0</v>
      </c>
      <c r="AV1708" s="166">
        <v>0</v>
      </c>
      <c r="AW1708" s="166">
        <v>0</v>
      </c>
      <c r="AX1708" s="166">
        <v>0</v>
      </c>
      <c r="AY1708" s="166">
        <v>0</v>
      </c>
      <c r="AZ1708" s="166">
        <v>0</v>
      </c>
      <c r="BA1708" s="166">
        <v>0</v>
      </c>
      <c r="BB1708" s="166">
        <v>0</v>
      </c>
      <c r="BC1708" s="166">
        <v>0</v>
      </c>
      <c r="BD1708" s="166">
        <v>0</v>
      </c>
      <c r="BE1708" s="166">
        <v>0</v>
      </c>
      <c r="BF1708" s="166">
        <v>0</v>
      </c>
      <c r="BG1708" s="166">
        <v>0</v>
      </c>
      <c r="BH1708" s="166">
        <v>0</v>
      </c>
      <c r="BI1708" s="166">
        <v>0</v>
      </c>
      <c r="BJ1708" s="166">
        <v>0</v>
      </c>
      <c r="BK1708" s="166">
        <v>0</v>
      </c>
      <c r="BL1708" s="166">
        <v>0</v>
      </c>
      <c r="BM1708" s="166">
        <v>0</v>
      </c>
      <c r="BN1708" s="166">
        <v>0</v>
      </c>
      <c r="BO1708" s="166">
        <v>0</v>
      </c>
      <c r="BP1708" s="166">
        <v>0</v>
      </c>
      <c r="BQ1708" s="166">
        <v>0</v>
      </c>
      <c r="BR1708" s="166">
        <v>0</v>
      </c>
      <c r="BS1708" s="166">
        <v>0</v>
      </c>
      <c r="BT1708" s="166">
        <v>0</v>
      </c>
      <c r="BU1708" s="166">
        <v>0</v>
      </c>
      <c r="BV1708" s="166">
        <v>0</v>
      </c>
      <c r="BW1708" s="166">
        <v>0</v>
      </c>
      <c r="BX1708" s="166">
        <v>0</v>
      </c>
      <c r="BY1708" s="166">
        <v>0</v>
      </c>
      <c r="BZ1708" s="166">
        <v>0</v>
      </c>
      <c r="CA1708" s="166">
        <v>0</v>
      </c>
      <c r="CB1708" s="166">
        <v>0</v>
      </c>
      <c r="CC1708" s="166">
        <v>0</v>
      </c>
      <c r="CD1708" s="166">
        <v>0</v>
      </c>
      <c r="CE1708" s="166">
        <v>0</v>
      </c>
      <c r="CF1708" s="166">
        <v>0</v>
      </c>
      <c r="CG1708" s="166">
        <v>0</v>
      </c>
      <c r="CH1708" s="166">
        <v>0</v>
      </c>
      <c r="CI1708" s="166">
        <v>0</v>
      </c>
      <c r="CJ1708" s="166">
        <v>0</v>
      </c>
      <c r="CK1708" s="166">
        <v>0</v>
      </c>
      <c r="CL1708" s="166">
        <v>0</v>
      </c>
      <c r="CM1708" s="166">
        <v>0</v>
      </c>
      <c r="CN1708" s="166">
        <v>0</v>
      </c>
      <c r="CO1708" s="166">
        <v>0</v>
      </c>
      <c r="CP1708" s="166">
        <v>0</v>
      </c>
      <c r="CQ1708" s="166">
        <v>0</v>
      </c>
      <c r="CR1708" s="166">
        <v>0</v>
      </c>
      <c r="CS1708" s="166">
        <v>0</v>
      </c>
      <c r="CT1708" s="166">
        <v>0</v>
      </c>
      <c r="CU1708" s="166">
        <v>0</v>
      </c>
      <c r="CV1708" s="166">
        <v>0</v>
      </c>
      <c r="CW1708" s="166">
        <v>0</v>
      </c>
      <c r="CX1708" s="166">
        <v>0</v>
      </c>
      <c r="CY1708" s="166">
        <v>0</v>
      </c>
      <c r="CZ1708" s="166">
        <v>0</v>
      </c>
    </row>
    <row r="1709" spans="1:104" x14ac:dyDescent="0.2">
      <c r="A1709" s="167" t="s">
        <v>118</v>
      </c>
      <c r="B1709" s="166">
        <v>0</v>
      </c>
      <c r="C1709" s="166">
        <v>0</v>
      </c>
      <c r="D1709" s="166">
        <v>0</v>
      </c>
      <c r="E1709" s="166">
        <v>0</v>
      </c>
      <c r="F1709" s="166">
        <v>0</v>
      </c>
      <c r="G1709" s="166">
        <v>0</v>
      </c>
      <c r="H1709" s="166">
        <v>0</v>
      </c>
      <c r="I1709" s="166">
        <v>0</v>
      </c>
      <c r="J1709" s="166">
        <v>0</v>
      </c>
      <c r="K1709" s="166">
        <v>0</v>
      </c>
      <c r="L1709" s="166">
        <v>0</v>
      </c>
      <c r="M1709" s="166">
        <v>0</v>
      </c>
      <c r="N1709" s="166">
        <v>0</v>
      </c>
      <c r="O1709" s="166">
        <v>0</v>
      </c>
      <c r="P1709" s="166">
        <v>0</v>
      </c>
      <c r="Q1709" s="166">
        <v>0</v>
      </c>
      <c r="R1709" s="166">
        <v>0</v>
      </c>
      <c r="S1709" s="166">
        <v>0</v>
      </c>
      <c r="T1709" s="166">
        <v>0</v>
      </c>
      <c r="U1709" s="166">
        <v>0</v>
      </c>
      <c r="V1709" s="166">
        <v>0</v>
      </c>
      <c r="W1709" s="166">
        <v>0</v>
      </c>
      <c r="X1709" s="166">
        <v>0</v>
      </c>
      <c r="Y1709" s="166">
        <v>0</v>
      </c>
      <c r="Z1709" s="166">
        <v>0</v>
      </c>
      <c r="AA1709" s="166">
        <v>0</v>
      </c>
      <c r="AB1709" s="166">
        <v>0</v>
      </c>
      <c r="AC1709" s="166">
        <v>0</v>
      </c>
      <c r="AD1709" s="166">
        <v>0</v>
      </c>
      <c r="AE1709" s="166">
        <v>0</v>
      </c>
      <c r="AF1709" s="166">
        <v>0</v>
      </c>
      <c r="AG1709" s="166">
        <v>0</v>
      </c>
      <c r="AH1709" s="166">
        <v>0</v>
      </c>
      <c r="AI1709" s="166">
        <v>0</v>
      </c>
      <c r="AJ1709" s="166">
        <v>0</v>
      </c>
      <c r="AK1709" s="166">
        <v>0</v>
      </c>
      <c r="AL1709" s="166">
        <v>0</v>
      </c>
      <c r="AM1709" s="166">
        <v>0</v>
      </c>
      <c r="AN1709" s="166">
        <v>0</v>
      </c>
      <c r="AO1709" s="166">
        <v>0</v>
      </c>
      <c r="AP1709" s="166">
        <v>0</v>
      </c>
      <c r="AQ1709" s="166">
        <v>0</v>
      </c>
      <c r="AR1709" s="166">
        <v>0</v>
      </c>
      <c r="AS1709" s="166">
        <v>0</v>
      </c>
      <c r="AT1709" s="166">
        <v>0</v>
      </c>
      <c r="AU1709" s="166">
        <v>0</v>
      </c>
      <c r="AV1709" s="166">
        <v>0</v>
      </c>
      <c r="AW1709" s="166">
        <v>0</v>
      </c>
      <c r="AX1709" s="166">
        <v>0</v>
      </c>
      <c r="AY1709" s="166">
        <v>0</v>
      </c>
      <c r="AZ1709" s="166">
        <v>0</v>
      </c>
      <c r="BA1709" s="166">
        <v>0</v>
      </c>
      <c r="BB1709" s="166">
        <v>0</v>
      </c>
      <c r="BC1709" s="166">
        <v>0</v>
      </c>
      <c r="BD1709" s="166">
        <v>0</v>
      </c>
      <c r="BE1709" s="166">
        <v>0</v>
      </c>
      <c r="BF1709" s="166">
        <v>0</v>
      </c>
      <c r="BG1709" s="166">
        <v>0</v>
      </c>
      <c r="BH1709" s="166">
        <v>0</v>
      </c>
      <c r="BI1709" s="166">
        <v>0</v>
      </c>
      <c r="BJ1709" s="166">
        <v>0</v>
      </c>
      <c r="BK1709" s="166">
        <v>0</v>
      </c>
      <c r="BL1709" s="166">
        <v>0</v>
      </c>
      <c r="BM1709" s="166">
        <v>0</v>
      </c>
      <c r="BN1709" s="166">
        <v>0</v>
      </c>
      <c r="BO1709" s="166">
        <v>0</v>
      </c>
      <c r="BP1709" s="166">
        <v>0</v>
      </c>
      <c r="BQ1709" s="166">
        <v>0</v>
      </c>
      <c r="BR1709" s="166">
        <v>0</v>
      </c>
      <c r="BS1709" s="166">
        <v>0</v>
      </c>
      <c r="BT1709" s="168">
        <v>0</v>
      </c>
      <c r="BU1709" s="166">
        <v>0</v>
      </c>
      <c r="BV1709" s="166">
        <v>0</v>
      </c>
      <c r="BW1709" s="166">
        <v>0</v>
      </c>
      <c r="BX1709" s="166">
        <v>0</v>
      </c>
      <c r="BY1709" s="166">
        <v>0</v>
      </c>
      <c r="BZ1709" s="166">
        <v>0</v>
      </c>
      <c r="CA1709" s="166">
        <v>0</v>
      </c>
      <c r="CB1709" s="166">
        <v>0</v>
      </c>
      <c r="CC1709" s="166">
        <v>0</v>
      </c>
      <c r="CD1709" s="166">
        <v>0</v>
      </c>
      <c r="CE1709" s="166">
        <v>0</v>
      </c>
      <c r="CF1709" s="166">
        <v>0</v>
      </c>
      <c r="CG1709" s="166">
        <v>0</v>
      </c>
      <c r="CH1709" s="166">
        <v>0</v>
      </c>
      <c r="CI1709" s="166">
        <v>0</v>
      </c>
      <c r="CJ1709" s="166">
        <v>0</v>
      </c>
      <c r="CK1709" s="166">
        <v>0</v>
      </c>
      <c r="CL1709" s="166">
        <v>0</v>
      </c>
      <c r="CM1709" s="166">
        <v>0</v>
      </c>
      <c r="CN1709" s="166">
        <v>0</v>
      </c>
      <c r="CO1709" s="166">
        <v>0</v>
      </c>
      <c r="CP1709" s="166">
        <v>0</v>
      </c>
      <c r="CQ1709" s="166">
        <v>0</v>
      </c>
      <c r="CR1709" s="166">
        <v>0</v>
      </c>
      <c r="CS1709" s="166">
        <v>0</v>
      </c>
      <c r="CT1709" s="166">
        <v>0</v>
      </c>
      <c r="CU1709" s="166">
        <v>0</v>
      </c>
      <c r="CV1709" s="166">
        <v>0</v>
      </c>
      <c r="CW1709" s="166">
        <v>0</v>
      </c>
      <c r="CX1709" s="166">
        <v>0</v>
      </c>
      <c r="CY1709" s="166">
        <v>0</v>
      </c>
      <c r="CZ1709" s="166">
        <v>0</v>
      </c>
    </row>
    <row r="1710" spans="1:104" x14ac:dyDescent="0.2">
      <c r="A1710" s="167" t="s">
        <v>119</v>
      </c>
      <c r="B1710" s="166">
        <v>0</v>
      </c>
      <c r="C1710" s="166">
        <v>0</v>
      </c>
      <c r="D1710" s="166">
        <v>0</v>
      </c>
      <c r="E1710" s="166">
        <v>0</v>
      </c>
      <c r="F1710" s="166">
        <v>0</v>
      </c>
      <c r="G1710" s="166">
        <v>0</v>
      </c>
      <c r="H1710" s="166">
        <v>0</v>
      </c>
      <c r="I1710" s="166">
        <v>0</v>
      </c>
      <c r="J1710" s="166">
        <v>0</v>
      </c>
      <c r="K1710" s="166">
        <v>0</v>
      </c>
      <c r="L1710" s="166">
        <v>0</v>
      </c>
      <c r="M1710" s="166">
        <v>0</v>
      </c>
      <c r="N1710" s="166">
        <v>0</v>
      </c>
      <c r="O1710" s="166">
        <v>0</v>
      </c>
      <c r="P1710" s="166">
        <v>0</v>
      </c>
      <c r="Q1710" s="166">
        <v>0</v>
      </c>
      <c r="R1710" s="166">
        <v>0</v>
      </c>
      <c r="S1710" s="166">
        <v>0</v>
      </c>
      <c r="T1710" s="166">
        <v>0</v>
      </c>
      <c r="U1710" s="166">
        <v>0</v>
      </c>
      <c r="V1710" s="166">
        <v>0</v>
      </c>
      <c r="W1710" s="166">
        <v>0</v>
      </c>
      <c r="X1710" s="166">
        <v>0</v>
      </c>
      <c r="Y1710" s="166">
        <v>0</v>
      </c>
      <c r="Z1710" s="166">
        <v>0</v>
      </c>
      <c r="AA1710" s="166">
        <v>0</v>
      </c>
      <c r="AB1710" s="166">
        <v>0</v>
      </c>
      <c r="AC1710" s="166">
        <v>0</v>
      </c>
      <c r="AD1710" s="166">
        <v>0</v>
      </c>
      <c r="AE1710" s="166">
        <v>0</v>
      </c>
      <c r="AF1710" s="166">
        <v>0</v>
      </c>
      <c r="AG1710" s="166">
        <v>0</v>
      </c>
      <c r="AH1710" s="166">
        <v>0</v>
      </c>
      <c r="AI1710" s="166">
        <v>0</v>
      </c>
      <c r="AJ1710" s="166">
        <v>0</v>
      </c>
      <c r="AK1710" s="166">
        <v>0</v>
      </c>
      <c r="AL1710" s="166">
        <v>0</v>
      </c>
      <c r="AM1710" s="166">
        <v>0</v>
      </c>
      <c r="AN1710" s="166">
        <v>0</v>
      </c>
      <c r="AO1710" s="166">
        <v>0</v>
      </c>
      <c r="AP1710" s="166">
        <v>0</v>
      </c>
      <c r="AQ1710" s="166">
        <v>0</v>
      </c>
      <c r="AR1710" s="166">
        <v>0</v>
      </c>
      <c r="AS1710" s="166">
        <v>0</v>
      </c>
      <c r="AT1710" s="166">
        <v>0</v>
      </c>
      <c r="AU1710" s="166">
        <v>0</v>
      </c>
      <c r="AV1710" s="166">
        <v>0</v>
      </c>
      <c r="AW1710" s="166">
        <v>0</v>
      </c>
      <c r="AX1710" s="166">
        <v>0</v>
      </c>
      <c r="AY1710" s="166">
        <v>0</v>
      </c>
      <c r="AZ1710" s="166">
        <v>0</v>
      </c>
      <c r="BA1710" s="166">
        <v>0</v>
      </c>
      <c r="BB1710" s="166">
        <v>0</v>
      </c>
      <c r="BC1710" s="166">
        <v>0</v>
      </c>
      <c r="BD1710" s="166">
        <v>0</v>
      </c>
      <c r="BE1710" s="166">
        <v>0</v>
      </c>
      <c r="BF1710" s="166">
        <v>0</v>
      </c>
      <c r="BG1710" s="166">
        <v>0</v>
      </c>
      <c r="BH1710" s="166">
        <v>0</v>
      </c>
      <c r="BI1710" s="166">
        <v>0</v>
      </c>
      <c r="BJ1710" s="166">
        <v>0</v>
      </c>
      <c r="BK1710" s="166">
        <v>0</v>
      </c>
      <c r="BL1710" s="166">
        <v>0</v>
      </c>
      <c r="BM1710" s="166">
        <v>0</v>
      </c>
      <c r="BN1710" s="166">
        <v>0</v>
      </c>
      <c r="BO1710" s="166">
        <v>0</v>
      </c>
      <c r="BP1710" s="166">
        <v>0</v>
      </c>
      <c r="BQ1710" s="166">
        <v>0</v>
      </c>
      <c r="BR1710" s="166">
        <v>0</v>
      </c>
      <c r="BS1710" s="166">
        <v>0</v>
      </c>
      <c r="BT1710" s="168">
        <v>0</v>
      </c>
      <c r="BU1710" s="166">
        <v>0</v>
      </c>
      <c r="BV1710" s="166">
        <v>0</v>
      </c>
      <c r="BW1710" s="166">
        <v>0</v>
      </c>
      <c r="BX1710" s="166">
        <v>0</v>
      </c>
      <c r="BY1710" s="166">
        <v>0</v>
      </c>
      <c r="BZ1710" s="166">
        <v>0</v>
      </c>
      <c r="CA1710" s="166">
        <v>0</v>
      </c>
      <c r="CB1710" s="166">
        <v>0</v>
      </c>
      <c r="CC1710" s="166">
        <v>0</v>
      </c>
      <c r="CD1710" s="166">
        <v>0</v>
      </c>
      <c r="CE1710" s="166">
        <v>0</v>
      </c>
      <c r="CF1710" s="166">
        <v>0</v>
      </c>
      <c r="CG1710" s="166">
        <v>0</v>
      </c>
      <c r="CH1710" s="166">
        <v>0</v>
      </c>
      <c r="CI1710" s="166">
        <v>0</v>
      </c>
      <c r="CJ1710" s="166">
        <v>0</v>
      </c>
      <c r="CK1710" s="166">
        <v>0</v>
      </c>
      <c r="CL1710" s="166">
        <v>0</v>
      </c>
      <c r="CM1710" s="166">
        <v>0</v>
      </c>
      <c r="CN1710" s="166">
        <v>0</v>
      </c>
      <c r="CO1710" s="166">
        <v>0</v>
      </c>
      <c r="CP1710" s="166">
        <v>0</v>
      </c>
      <c r="CQ1710" s="166">
        <v>0</v>
      </c>
      <c r="CR1710" s="166">
        <v>0</v>
      </c>
      <c r="CS1710" s="166">
        <v>0</v>
      </c>
      <c r="CT1710" s="166">
        <v>0</v>
      </c>
      <c r="CU1710" s="166">
        <v>0</v>
      </c>
      <c r="CV1710" s="166">
        <v>0</v>
      </c>
      <c r="CW1710" s="166">
        <v>0</v>
      </c>
      <c r="CX1710" s="166">
        <v>0</v>
      </c>
      <c r="CY1710" s="166">
        <v>0</v>
      </c>
      <c r="CZ1710" s="166">
        <v>0</v>
      </c>
    </row>
    <row r="1711" spans="1:104" x14ac:dyDescent="0.2">
      <c r="A1711" s="167" t="s">
        <v>120</v>
      </c>
      <c r="B1711" s="166">
        <v>0</v>
      </c>
      <c r="C1711" s="166">
        <v>0</v>
      </c>
      <c r="D1711" s="166">
        <v>0</v>
      </c>
      <c r="E1711" s="166">
        <v>0</v>
      </c>
      <c r="F1711" s="166">
        <v>0</v>
      </c>
      <c r="G1711" s="166">
        <v>0</v>
      </c>
      <c r="H1711" s="166">
        <v>0</v>
      </c>
      <c r="I1711" s="166">
        <v>0</v>
      </c>
      <c r="J1711" s="166">
        <v>0</v>
      </c>
      <c r="K1711" s="166">
        <v>0</v>
      </c>
      <c r="L1711" s="166">
        <v>0</v>
      </c>
      <c r="M1711" s="166">
        <v>0</v>
      </c>
      <c r="N1711" s="166">
        <v>0</v>
      </c>
      <c r="O1711" s="166">
        <v>0</v>
      </c>
      <c r="P1711" s="166">
        <v>0</v>
      </c>
      <c r="Q1711" s="166">
        <v>0</v>
      </c>
      <c r="R1711" s="166">
        <v>0</v>
      </c>
      <c r="S1711" s="166">
        <v>0</v>
      </c>
      <c r="T1711" s="166">
        <v>0</v>
      </c>
      <c r="U1711" s="166">
        <v>0</v>
      </c>
      <c r="V1711" s="166">
        <v>0</v>
      </c>
      <c r="W1711" s="166">
        <v>0</v>
      </c>
      <c r="X1711" s="166">
        <v>0</v>
      </c>
      <c r="Y1711" s="166">
        <v>0</v>
      </c>
      <c r="Z1711" s="166">
        <v>0</v>
      </c>
      <c r="AA1711" s="166">
        <v>0</v>
      </c>
      <c r="AB1711" s="166">
        <v>0</v>
      </c>
      <c r="AC1711" s="166">
        <v>0</v>
      </c>
      <c r="AD1711" s="166">
        <v>0</v>
      </c>
      <c r="AE1711" s="166">
        <v>0</v>
      </c>
      <c r="AF1711" s="166">
        <v>0</v>
      </c>
      <c r="AG1711" s="166">
        <v>0</v>
      </c>
      <c r="AH1711" s="166">
        <v>0</v>
      </c>
      <c r="AI1711" s="166">
        <v>0</v>
      </c>
      <c r="AJ1711" s="166">
        <v>0</v>
      </c>
      <c r="AK1711" s="166">
        <v>0</v>
      </c>
      <c r="AL1711" s="166">
        <v>0</v>
      </c>
      <c r="AM1711" s="166">
        <v>0</v>
      </c>
      <c r="AN1711" s="166">
        <v>0</v>
      </c>
      <c r="AO1711" s="166">
        <v>0</v>
      </c>
      <c r="AP1711" s="166">
        <v>0</v>
      </c>
      <c r="AQ1711" s="166">
        <v>0</v>
      </c>
      <c r="AR1711" s="166">
        <v>0</v>
      </c>
      <c r="AS1711" s="166">
        <v>0</v>
      </c>
      <c r="AT1711" s="166">
        <v>0</v>
      </c>
      <c r="AU1711" s="166">
        <v>0</v>
      </c>
      <c r="AV1711" s="166">
        <v>0</v>
      </c>
      <c r="AW1711" s="166">
        <v>0</v>
      </c>
      <c r="AX1711" s="166">
        <v>0</v>
      </c>
      <c r="AY1711" s="166">
        <v>0</v>
      </c>
      <c r="AZ1711" s="166">
        <v>0</v>
      </c>
      <c r="BA1711" s="166">
        <v>0</v>
      </c>
      <c r="BB1711" s="166">
        <v>0</v>
      </c>
      <c r="BC1711" s="166">
        <v>0</v>
      </c>
      <c r="BD1711" s="166">
        <v>0</v>
      </c>
      <c r="BE1711" s="166">
        <v>0</v>
      </c>
      <c r="BF1711" s="166">
        <v>0</v>
      </c>
      <c r="BG1711" s="166">
        <v>0</v>
      </c>
      <c r="BH1711" s="166">
        <v>0</v>
      </c>
      <c r="BI1711" s="166">
        <v>0</v>
      </c>
      <c r="BJ1711" s="166">
        <v>0</v>
      </c>
      <c r="BK1711" s="166">
        <v>0</v>
      </c>
      <c r="BL1711" s="166">
        <v>0</v>
      </c>
      <c r="BM1711" s="166">
        <v>0</v>
      </c>
      <c r="BN1711" s="166">
        <v>0</v>
      </c>
      <c r="BO1711" s="166">
        <v>0</v>
      </c>
      <c r="BP1711" s="166">
        <v>0</v>
      </c>
      <c r="BQ1711" s="166">
        <v>0</v>
      </c>
      <c r="BR1711" s="166">
        <v>0</v>
      </c>
      <c r="BS1711" s="166">
        <v>0</v>
      </c>
      <c r="BT1711" s="168">
        <v>0</v>
      </c>
      <c r="BU1711" s="166">
        <v>0</v>
      </c>
      <c r="BV1711" s="166">
        <v>0</v>
      </c>
      <c r="BW1711" s="166">
        <v>0</v>
      </c>
      <c r="BX1711" s="166">
        <v>0</v>
      </c>
      <c r="BY1711" s="166">
        <v>0</v>
      </c>
      <c r="BZ1711" s="166">
        <v>0</v>
      </c>
      <c r="CA1711" s="166">
        <v>0</v>
      </c>
      <c r="CB1711" s="166">
        <v>0</v>
      </c>
      <c r="CC1711" s="166">
        <v>0</v>
      </c>
      <c r="CD1711" s="166">
        <v>0</v>
      </c>
      <c r="CE1711" s="166">
        <v>0</v>
      </c>
      <c r="CF1711" s="166">
        <v>0</v>
      </c>
      <c r="CG1711" s="166">
        <v>0</v>
      </c>
      <c r="CH1711" s="166">
        <v>0</v>
      </c>
      <c r="CI1711" s="166">
        <v>0</v>
      </c>
      <c r="CJ1711" s="166">
        <v>0</v>
      </c>
      <c r="CK1711" s="166">
        <v>0</v>
      </c>
      <c r="CL1711" s="166">
        <v>0</v>
      </c>
      <c r="CM1711" s="166">
        <v>0</v>
      </c>
      <c r="CN1711" s="166">
        <v>0</v>
      </c>
      <c r="CO1711" s="166">
        <v>0</v>
      </c>
      <c r="CP1711" s="166">
        <v>0</v>
      </c>
      <c r="CQ1711" s="166">
        <v>0</v>
      </c>
      <c r="CR1711" s="166">
        <v>0</v>
      </c>
      <c r="CS1711" s="166">
        <v>0</v>
      </c>
      <c r="CT1711" s="166">
        <v>0</v>
      </c>
      <c r="CU1711" s="166">
        <v>0</v>
      </c>
      <c r="CV1711" s="166">
        <v>0</v>
      </c>
      <c r="CW1711" s="166">
        <v>0</v>
      </c>
      <c r="CX1711" s="166">
        <v>0</v>
      </c>
      <c r="CY1711" s="166">
        <v>0</v>
      </c>
      <c r="CZ1711" s="166">
        <v>0</v>
      </c>
    </row>
    <row r="1712" spans="1:104" x14ac:dyDescent="0.2">
      <c r="A1712" s="167" t="s">
        <v>121</v>
      </c>
      <c r="B1712" s="166">
        <v>0</v>
      </c>
      <c r="C1712" s="166">
        <v>0</v>
      </c>
      <c r="D1712" s="166">
        <v>0</v>
      </c>
      <c r="E1712" s="166">
        <v>0</v>
      </c>
      <c r="F1712" s="166">
        <v>0</v>
      </c>
      <c r="G1712" s="166">
        <v>0</v>
      </c>
      <c r="H1712" s="166">
        <v>0</v>
      </c>
      <c r="I1712" s="166">
        <v>0</v>
      </c>
      <c r="J1712" s="166">
        <v>0</v>
      </c>
      <c r="K1712" s="166">
        <v>0</v>
      </c>
      <c r="L1712" s="166">
        <v>0</v>
      </c>
      <c r="M1712" s="166">
        <v>0</v>
      </c>
      <c r="N1712" s="166">
        <v>0</v>
      </c>
      <c r="O1712" s="166">
        <v>0</v>
      </c>
      <c r="P1712" s="166">
        <v>0</v>
      </c>
      <c r="Q1712" s="166">
        <v>0</v>
      </c>
      <c r="R1712" s="166">
        <v>0</v>
      </c>
      <c r="S1712" s="166">
        <v>0</v>
      </c>
      <c r="T1712" s="166">
        <v>0</v>
      </c>
      <c r="U1712" s="166">
        <v>0</v>
      </c>
      <c r="V1712" s="166">
        <v>0</v>
      </c>
      <c r="W1712" s="166">
        <v>0</v>
      </c>
      <c r="X1712" s="166">
        <v>0</v>
      </c>
      <c r="Y1712" s="166">
        <v>0</v>
      </c>
      <c r="Z1712" s="166">
        <v>0</v>
      </c>
      <c r="AA1712" s="166">
        <v>0</v>
      </c>
      <c r="AB1712" s="166">
        <v>0</v>
      </c>
      <c r="AC1712" s="166">
        <v>0</v>
      </c>
      <c r="AD1712" s="166">
        <v>0</v>
      </c>
      <c r="AE1712" s="166">
        <v>0</v>
      </c>
      <c r="AF1712" s="166">
        <v>0</v>
      </c>
      <c r="AG1712" s="166">
        <v>0</v>
      </c>
      <c r="AH1712" s="166">
        <v>0</v>
      </c>
      <c r="AI1712" s="166">
        <v>0</v>
      </c>
      <c r="AJ1712" s="166">
        <v>0</v>
      </c>
      <c r="AK1712" s="166">
        <v>0</v>
      </c>
      <c r="AL1712" s="166">
        <v>0</v>
      </c>
      <c r="AM1712" s="166">
        <v>0</v>
      </c>
      <c r="AN1712" s="166">
        <v>0</v>
      </c>
      <c r="AO1712" s="166">
        <v>0</v>
      </c>
      <c r="AP1712" s="166">
        <v>0</v>
      </c>
      <c r="AQ1712" s="166">
        <v>0</v>
      </c>
      <c r="AR1712" s="166">
        <v>0</v>
      </c>
      <c r="AS1712" s="166">
        <v>0</v>
      </c>
      <c r="AT1712" s="166">
        <v>0</v>
      </c>
      <c r="AU1712" s="166">
        <v>0</v>
      </c>
      <c r="AV1712" s="166">
        <v>0</v>
      </c>
      <c r="AW1712" s="166">
        <v>0</v>
      </c>
      <c r="AX1712" s="166">
        <v>0</v>
      </c>
      <c r="AY1712" s="166">
        <v>0</v>
      </c>
      <c r="AZ1712" s="166">
        <v>0</v>
      </c>
      <c r="BA1712" s="166">
        <v>0</v>
      </c>
      <c r="BB1712" s="166">
        <v>0</v>
      </c>
      <c r="BC1712" s="166">
        <v>0</v>
      </c>
      <c r="BD1712" s="166">
        <v>0</v>
      </c>
      <c r="BE1712" s="166">
        <v>0</v>
      </c>
      <c r="BF1712" s="166">
        <v>0</v>
      </c>
      <c r="BG1712" s="166">
        <v>0</v>
      </c>
      <c r="BH1712" s="166">
        <v>0</v>
      </c>
      <c r="BI1712" s="166">
        <v>0</v>
      </c>
      <c r="BJ1712" s="166">
        <v>0</v>
      </c>
      <c r="BK1712" s="166">
        <v>0</v>
      </c>
      <c r="BL1712" s="166">
        <v>0</v>
      </c>
      <c r="BM1712" s="166">
        <v>0</v>
      </c>
      <c r="BN1712" s="166">
        <v>0</v>
      </c>
      <c r="BO1712" s="166">
        <v>0</v>
      </c>
      <c r="BP1712" s="166">
        <v>0</v>
      </c>
      <c r="BQ1712" s="166">
        <v>0</v>
      </c>
      <c r="BR1712" s="166">
        <v>0</v>
      </c>
      <c r="BS1712" s="166">
        <v>0</v>
      </c>
      <c r="BT1712" s="166">
        <v>0</v>
      </c>
      <c r="BU1712" s="166">
        <v>0</v>
      </c>
      <c r="BV1712" s="166">
        <v>0</v>
      </c>
      <c r="BW1712" s="166">
        <v>0</v>
      </c>
      <c r="BX1712" s="166">
        <v>0</v>
      </c>
      <c r="BY1712" s="166">
        <v>0</v>
      </c>
      <c r="BZ1712" s="166">
        <v>0</v>
      </c>
      <c r="CA1712" s="166">
        <v>0</v>
      </c>
      <c r="CB1712" s="166">
        <v>0</v>
      </c>
      <c r="CC1712" s="166">
        <v>0</v>
      </c>
      <c r="CD1712" s="166">
        <v>0</v>
      </c>
      <c r="CE1712" s="166">
        <v>0</v>
      </c>
      <c r="CF1712" s="166">
        <v>0</v>
      </c>
      <c r="CG1712" s="166">
        <v>0</v>
      </c>
      <c r="CH1712" s="166">
        <v>0</v>
      </c>
      <c r="CI1712" s="166">
        <v>0</v>
      </c>
      <c r="CJ1712" s="166">
        <v>0</v>
      </c>
      <c r="CK1712" s="166">
        <v>0</v>
      </c>
      <c r="CL1712" s="166">
        <v>0</v>
      </c>
      <c r="CM1712" s="166">
        <v>0</v>
      </c>
      <c r="CN1712" s="166">
        <v>0</v>
      </c>
      <c r="CO1712" s="166">
        <v>0</v>
      </c>
      <c r="CP1712" s="166">
        <v>0</v>
      </c>
      <c r="CQ1712" s="166">
        <v>0</v>
      </c>
      <c r="CR1712" s="166">
        <v>0</v>
      </c>
      <c r="CS1712" s="166">
        <v>0</v>
      </c>
      <c r="CT1712" s="166">
        <v>0</v>
      </c>
      <c r="CU1712" s="166">
        <v>0</v>
      </c>
      <c r="CV1712" s="166">
        <v>0</v>
      </c>
      <c r="CW1712" s="166">
        <v>0</v>
      </c>
      <c r="CX1712" s="166">
        <v>0</v>
      </c>
      <c r="CY1712" s="166">
        <v>0</v>
      </c>
      <c r="CZ1712" s="166">
        <v>0</v>
      </c>
    </row>
    <row r="1713" spans="1:104" x14ac:dyDescent="0.2">
      <c r="A1713" s="167" t="s">
        <v>122</v>
      </c>
      <c r="B1713" s="166">
        <v>0</v>
      </c>
      <c r="C1713" s="166">
        <v>0</v>
      </c>
      <c r="D1713" s="166">
        <v>0</v>
      </c>
      <c r="E1713" s="166">
        <v>0</v>
      </c>
      <c r="F1713" s="166">
        <v>0</v>
      </c>
      <c r="G1713" s="166">
        <v>0</v>
      </c>
      <c r="H1713" s="166">
        <v>0</v>
      </c>
      <c r="I1713" s="166">
        <v>0</v>
      </c>
      <c r="J1713" s="166">
        <v>0</v>
      </c>
      <c r="K1713" s="166">
        <v>0</v>
      </c>
      <c r="L1713" s="166">
        <v>0</v>
      </c>
      <c r="M1713" s="166">
        <v>0</v>
      </c>
      <c r="N1713" s="166">
        <v>0</v>
      </c>
      <c r="O1713" s="166">
        <v>0</v>
      </c>
      <c r="P1713" s="166">
        <v>0</v>
      </c>
      <c r="Q1713" s="166">
        <v>0</v>
      </c>
      <c r="R1713" s="166">
        <v>0</v>
      </c>
      <c r="S1713" s="166">
        <v>0</v>
      </c>
      <c r="T1713" s="166">
        <v>0</v>
      </c>
      <c r="U1713" s="166">
        <v>0</v>
      </c>
      <c r="V1713" s="166">
        <v>0</v>
      </c>
      <c r="W1713" s="166">
        <v>0</v>
      </c>
      <c r="X1713" s="166">
        <v>0</v>
      </c>
      <c r="Y1713" s="166">
        <v>0</v>
      </c>
      <c r="Z1713" s="166">
        <v>0</v>
      </c>
      <c r="AA1713" s="166">
        <v>0</v>
      </c>
      <c r="AB1713" s="166">
        <v>0</v>
      </c>
      <c r="AC1713" s="166">
        <v>0</v>
      </c>
      <c r="AD1713" s="166">
        <v>0</v>
      </c>
      <c r="AE1713" s="166">
        <v>0</v>
      </c>
      <c r="AF1713" s="166">
        <v>0</v>
      </c>
      <c r="AG1713" s="166">
        <v>0</v>
      </c>
      <c r="AH1713" s="166">
        <v>0</v>
      </c>
      <c r="AI1713" s="166">
        <v>0</v>
      </c>
      <c r="AJ1713" s="166">
        <v>0</v>
      </c>
      <c r="AK1713" s="166">
        <v>0</v>
      </c>
      <c r="AL1713" s="166">
        <v>0</v>
      </c>
      <c r="AM1713" s="166">
        <v>0</v>
      </c>
      <c r="AN1713" s="166">
        <v>0</v>
      </c>
      <c r="AO1713" s="166">
        <v>0</v>
      </c>
      <c r="AP1713" s="166">
        <v>0</v>
      </c>
      <c r="AQ1713" s="166">
        <v>0</v>
      </c>
      <c r="AR1713" s="166">
        <v>0</v>
      </c>
      <c r="AS1713" s="166">
        <v>0</v>
      </c>
      <c r="AT1713" s="166">
        <v>0</v>
      </c>
      <c r="AU1713" s="166">
        <v>0</v>
      </c>
      <c r="AV1713" s="166">
        <v>0</v>
      </c>
      <c r="AW1713" s="166">
        <v>0</v>
      </c>
      <c r="AX1713" s="166">
        <v>0</v>
      </c>
      <c r="AY1713" s="166">
        <v>0</v>
      </c>
      <c r="AZ1713" s="166">
        <v>0</v>
      </c>
      <c r="BA1713" s="166">
        <v>0</v>
      </c>
      <c r="BB1713" s="166">
        <v>0</v>
      </c>
      <c r="BC1713" s="166">
        <v>0</v>
      </c>
      <c r="BD1713" s="166">
        <v>0</v>
      </c>
      <c r="BE1713" s="166">
        <v>0</v>
      </c>
      <c r="BF1713" s="166">
        <v>0</v>
      </c>
      <c r="BG1713" s="166">
        <v>0</v>
      </c>
      <c r="BH1713" s="166">
        <v>0</v>
      </c>
      <c r="BI1713" s="166">
        <v>0</v>
      </c>
      <c r="BJ1713" s="166">
        <v>0</v>
      </c>
      <c r="BK1713" s="166">
        <v>0</v>
      </c>
      <c r="BL1713" s="166">
        <v>0</v>
      </c>
      <c r="BM1713" s="166">
        <v>0</v>
      </c>
      <c r="BN1713" s="166">
        <v>0</v>
      </c>
      <c r="BO1713" s="166">
        <v>0</v>
      </c>
      <c r="BP1713" s="166">
        <v>0</v>
      </c>
      <c r="BQ1713" s="166">
        <v>0</v>
      </c>
      <c r="BR1713" s="166">
        <v>0</v>
      </c>
      <c r="BS1713" s="166">
        <v>0</v>
      </c>
      <c r="BT1713" s="166">
        <v>0</v>
      </c>
      <c r="BU1713" s="166">
        <v>0</v>
      </c>
      <c r="BV1713" s="166">
        <v>0</v>
      </c>
      <c r="BW1713" s="166">
        <v>0</v>
      </c>
      <c r="BX1713" s="166">
        <v>0</v>
      </c>
      <c r="BY1713" s="166">
        <v>0</v>
      </c>
      <c r="BZ1713" s="166">
        <v>0</v>
      </c>
      <c r="CA1713" s="166">
        <v>0</v>
      </c>
      <c r="CB1713" s="166">
        <v>0</v>
      </c>
      <c r="CC1713" s="166">
        <v>0</v>
      </c>
      <c r="CD1713" s="166">
        <v>0</v>
      </c>
      <c r="CE1713" s="166">
        <v>0</v>
      </c>
      <c r="CF1713" s="166">
        <v>0</v>
      </c>
      <c r="CG1713" s="166">
        <v>0</v>
      </c>
      <c r="CH1713" s="166">
        <v>0</v>
      </c>
      <c r="CI1713" s="166">
        <v>0</v>
      </c>
      <c r="CJ1713" s="166">
        <v>0</v>
      </c>
      <c r="CK1713" s="166">
        <v>0</v>
      </c>
      <c r="CL1713" s="166">
        <v>0</v>
      </c>
      <c r="CM1713" s="166">
        <v>0</v>
      </c>
      <c r="CN1713" s="166">
        <v>0</v>
      </c>
      <c r="CO1713" s="166">
        <v>0</v>
      </c>
      <c r="CP1713" s="166">
        <v>0</v>
      </c>
      <c r="CQ1713" s="166">
        <v>0</v>
      </c>
      <c r="CR1713" s="166">
        <v>0</v>
      </c>
      <c r="CS1713" s="166">
        <v>0</v>
      </c>
      <c r="CT1713" s="166">
        <v>0</v>
      </c>
      <c r="CU1713" s="166">
        <v>0</v>
      </c>
      <c r="CV1713" s="166">
        <v>0</v>
      </c>
      <c r="CW1713" s="166">
        <v>0</v>
      </c>
      <c r="CX1713" s="166">
        <v>0</v>
      </c>
      <c r="CY1713" s="166">
        <v>0</v>
      </c>
      <c r="CZ1713" s="166">
        <v>0</v>
      </c>
    </row>
    <row r="1714" spans="1:104" x14ac:dyDescent="0.2">
      <c r="A1714" s="167" t="s">
        <v>123</v>
      </c>
      <c r="B1714" s="166">
        <v>0</v>
      </c>
      <c r="C1714" s="166">
        <v>0</v>
      </c>
      <c r="D1714" s="166">
        <v>0</v>
      </c>
      <c r="E1714" s="166">
        <v>0</v>
      </c>
      <c r="F1714" s="166">
        <v>0</v>
      </c>
      <c r="G1714" s="166">
        <v>0</v>
      </c>
      <c r="H1714" s="166">
        <v>0</v>
      </c>
      <c r="I1714" s="166">
        <v>0</v>
      </c>
      <c r="J1714" s="166">
        <v>0</v>
      </c>
      <c r="K1714" s="166">
        <v>0</v>
      </c>
      <c r="L1714" s="166">
        <v>0</v>
      </c>
      <c r="M1714" s="166">
        <v>0</v>
      </c>
      <c r="N1714" s="166">
        <v>0</v>
      </c>
      <c r="O1714" s="166">
        <v>0</v>
      </c>
      <c r="P1714" s="166">
        <v>0</v>
      </c>
      <c r="Q1714" s="166">
        <v>0</v>
      </c>
      <c r="R1714" s="166">
        <v>0</v>
      </c>
      <c r="S1714" s="166">
        <v>0</v>
      </c>
      <c r="T1714" s="166">
        <v>0</v>
      </c>
      <c r="U1714" s="166">
        <v>0</v>
      </c>
      <c r="V1714" s="166">
        <v>0</v>
      </c>
      <c r="W1714" s="166">
        <v>0</v>
      </c>
      <c r="X1714" s="166">
        <v>0</v>
      </c>
      <c r="Y1714" s="166">
        <v>0</v>
      </c>
      <c r="Z1714" s="166">
        <v>0</v>
      </c>
      <c r="AA1714" s="166">
        <v>0</v>
      </c>
      <c r="AB1714" s="166">
        <v>0</v>
      </c>
      <c r="AC1714" s="166">
        <v>0</v>
      </c>
      <c r="AD1714" s="166">
        <v>0</v>
      </c>
      <c r="AE1714" s="166">
        <v>0</v>
      </c>
      <c r="AF1714" s="166">
        <v>0</v>
      </c>
      <c r="AG1714" s="166">
        <v>0</v>
      </c>
      <c r="AH1714" s="166">
        <v>0</v>
      </c>
      <c r="AI1714" s="166">
        <v>0</v>
      </c>
      <c r="AJ1714" s="166">
        <v>0</v>
      </c>
      <c r="AK1714" s="166">
        <v>0</v>
      </c>
      <c r="AL1714" s="166">
        <v>0</v>
      </c>
      <c r="AM1714" s="166">
        <v>0</v>
      </c>
      <c r="AN1714" s="166">
        <v>0</v>
      </c>
      <c r="AO1714" s="166">
        <v>0</v>
      </c>
      <c r="AP1714" s="166">
        <v>0</v>
      </c>
      <c r="AQ1714" s="166">
        <v>0</v>
      </c>
      <c r="AR1714" s="166">
        <v>0</v>
      </c>
      <c r="AS1714" s="166">
        <v>0</v>
      </c>
      <c r="AT1714" s="166">
        <v>0</v>
      </c>
      <c r="AU1714" s="166">
        <v>0</v>
      </c>
      <c r="AV1714" s="166">
        <v>0</v>
      </c>
      <c r="AW1714" s="166">
        <v>0</v>
      </c>
      <c r="AX1714" s="166">
        <v>0</v>
      </c>
      <c r="AY1714" s="166">
        <v>0</v>
      </c>
      <c r="AZ1714" s="166">
        <v>0</v>
      </c>
      <c r="BA1714" s="166">
        <v>0</v>
      </c>
      <c r="BB1714" s="166">
        <v>0</v>
      </c>
      <c r="BC1714" s="166">
        <v>0</v>
      </c>
      <c r="BD1714" s="166">
        <v>0</v>
      </c>
      <c r="BE1714" s="166">
        <v>0</v>
      </c>
      <c r="BF1714" s="166">
        <v>0</v>
      </c>
      <c r="BG1714" s="166">
        <v>0</v>
      </c>
      <c r="BH1714" s="166">
        <v>0</v>
      </c>
      <c r="BI1714" s="166">
        <v>0</v>
      </c>
      <c r="BJ1714" s="166">
        <v>0</v>
      </c>
      <c r="BK1714" s="166">
        <v>0</v>
      </c>
      <c r="BL1714" s="166">
        <v>0</v>
      </c>
      <c r="BM1714" s="166">
        <v>0</v>
      </c>
      <c r="BN1714" s="166">
        <v>0</v>
      </c>
      <c r="BO1714" s="166">
        <v>0</v>
      </c>
      <c r="BP1714" s="166">
        <v>0</v>
      </c>
      <c r="BQ1714" s="166">
        <v>0</v>
      </c>
      <c r="BR1714" s="166">
        <v>0</v>
      </c>
      <c r="BS1714" s="166">
        <v>0</v>
      </c>
      <c r="BT1714" s="168">
        <v>0</v>
      </c>
      <c r="BU1714" s="166">
        <v>0</v>
      </c>
      <c r="BV1714" s="166">
        <v>0</v>
      </c>
      <c r="BW1714" s="166">
        <v>0</v>
      </c>
      <c r="BX1714" s="166">
        <v>0</v>
      </c>
      <c r="BY1714" s="166">
        <v>0</v>
      </c>
      <c r="BZ1714" s="166">
        <v>0</v>
      </c>
      <c r="CA1714" s="166">
        <v>0</v>
      </c>
      <c r="CB1714" s="166">
        <v>0</v>
      </c>
      <c r="CC1714" s="166">
        <v>0</v>
      </c>
      <c r="CD1714" s="166">
        <v>0</v>
      </c>
      <c r="CE1714" s="166">
        <v>0</v>
      </c>
      <c r="CF1714" s="166">
        <v>0</v>
      </c>
      <c r="CG1714" s="166">
        <v>0</v>
      </c>
      <c r="CH1714" s="166">
        <v>0</v>
      </c>
      <c r="CI1714" s="166">
        <v>0</v>
      </c>
      <c r="CJ1714" s="166">
        <v>0</v>
      </c>
      <c r="CK1714" s="166">
        <v>0</v>
      </c>
      <c r="CL1714" s="166">
        <v>0</v>
      </c>
      <c r="CM1714" s="166">
        <v>0</v>
      </c>
      <c r="CN1714" s="166">
        <v>0</v>
      </c>
      <c r="CO1714" s="166">
        <v>0</v>
      </c>
      <c r="CP1714" s="166">
        <v>0</v>
      </c>
      <c r="CQ1714" s="166">
        <v>0</v>
      </c>
      <c r="CR1714" s="166">
        <v>0</v>
      </c>
      <c r="CS1714" s="166">
        <v>0</v>
      </c>
      <c r="CT1714" s="166">
        <v>0</v>
      </c>
      <c r="CU1714" s="166">
        <v>0</v>
      </c>
      <c r="CV1714" s="166">
        <v>0</v>
      </c>
      <c r="CW1714" s="166">
        <v>0</v>
      </c>
      <c r="CX1714" s="166">
        <v>0</v>
      </c>
      <c r="CY1714" s="166">
        <v>0</v>
      </c>
      <c r="CZ1714" s="166">
        <v>0</v>
      </c>
    </row>
    <row r="1715" spans="1:104" x14ac:dyDescent="0.2">
      <c r="A1715" s="167" t="s">
        <v>124</v>
      </c>
      <c r="B1715" s="166">
        <v>0</v>
      </c>
      <c r="C1715" s="166">
        <v>0</v>
      </c>
      <c r="D1715" s="166">
        <v>0</v>
      </c>
      <c r="E1715" s="166">
        <v>0</v>
      </c>
      <c r="F1715" s="166">
        <v>0</v>
      </c>
      <c r="G1715" s="166">
        <v>0</v>
      </c>
      <c r="H1715" s="166">
        <v>0</v>
      </c>
      <c r="I1715" s="166">
        <v>0</v>
      </c>
      <c r="J1715" s="166">
        <v>0</v>
      </c>
      <c r="K1715" s="166">
        <v>0</v>
      </c>
      <c r="L1715" s="166">
        <v>0</v>
      </c>
      <c r="M1715" s="166">
        <v>0</v>
      </c>
      <c r="N1715" s="166">
        <v>0</v>
      </c>
      <c r="O1715" s="166">
        <v>0</v>
      </c>
      <c r="P1715" s="166">
        <v>0</v>
      </c>
      <c r="Q1715" s="166">
        <v>0</v>
      </c>
      <c r="R1715" s="166">
        <v>0</v>
      </c>
      <c r="S1715" s="166">
        <v>0</v>
      </c>
      <c r="T1715" s="166">
        <v>0</v>
      </c>
      <c r="U1715" s="166">
        <v>0</v>
      </c>
      <c r="V1715" s="166">
        <v>0</v>
      </c>
      <c r="W1715" s="166">
        <v>0</v>
      </c>
      <c r="X1715" s="166">
        <v>0</v>
      </c>
      <c r="Y1715" s="166">
        <v>0</v>
      </c>
      <c r="Z1715" s="166">
        <v>0</v>
      </c>
      <c r="AA1715" s="166">
        <v>0</v>
      </c>
      <c r="AB1715" s="166">
        <v>0</v>
      </c>
      <c r="AC1715" s="166">
        <v>0</v>
      </c>
      <c r="AD1715" s="166">
        <v>0</v>
      </c>
      <c r="AE1715" s="166">
        <v>0</v>
      </c>
      <c r="AF1715" s="166">
        <v>0</v>
      </c>
      <c r="AG1715" s="166">
        <v>0</v>
      </c>
      <c r="AH1715" s="166">
        <v>0</v>
      </c>
      <c r="AI1715" s="166">
        <v>0</v>
      </c>
      <c r="AJ1715" s="166">
        <v>0</v>
      </c>
      <c r="AK1715" s="166">
        <v>0</v>
      </c>
      <c r="AL1715" s="166">
        <v>0</v>
      </c>
      <c r="AM1715" s="166">
        <v>0</v>
      </c>
      <c r="AN1715" s="166">
        <v>0</v>
      </c>
      <c r="AO1715" s="166">
        <v>0</v>
      </c>
      <c r="AP1715" s="166">
        <v>0</v>
      </c>
      <c r="AQ1715" s="166">
        <v>0</v>
      </c>
      <c r="AR1715" s="166">
        <v>0</v>
      </c>
      <c r="AS1715" s="166">
        <v>0</v>
      </c>
      <c r="AT1715" s="166">
        <v>0</v>
      </c>
      <c r="AU1715" s="166">
        <v>0</v>
      </c>
      <c r="AV1715" s="166">
        <v>0</v>
      </c>
      <c r="AW1715" s="166">
        <v>0</v>
      </c>
      <c r="AX1715" s="166">
        <v>0</v>
      </c>
      <c r="AY1715" s="166">
        <v>0</v>
      </c>
      <c r="AZ1715" s="166">
        <v>0</v>
      </c>
      <c r="BA1715" s="166">
        <v>0</v>
      </c>
      <c r="BB1715" s="166">
        <v>0</v>
      </c>
      <c r="BC1715" s="166">
        <v>0</v>
      </c>
      <c r="BD1715" s="166">
        <v>0</v>
      </c>
      <c r="BE1715" s="166">
        <v>0</v>
      </c>
      <c r="BF1715" s="166">
        <v>0</v>
      </c>
      <c r="BG1715" s="166">
        <v>0</v>
      </c>
      <c r="BH1715" s="166">
        <v>0</v>
      </c>
      <c r="BI1715" s="166">
        <v>0</v>
      </c>
      <c r="BJ1715" s="166">
        <v>0</v>
      </c>
      <c r="BK1715" s="166">
        <v>0</v>
      </c>
      <c r="BL1715" s="166">
        <v>0</v>
      </c>
      <c r="BM1715" s="166">
        <v>0</v>
      </c>
      <c r="BN1715" s="166">
        <v>0</v>
      </c>
      <c r="BO1715" s="166">
        <v>0</v>
      </c>
      <c r="BP1715" s="166">
        <v>0</v>
      </c>
      <c r="BQ1715" s="166">
        <v>0</v>
      </c>
      <c r="BR1715" s="166">
        <v>0</v>
      </c>
      <c r="BS1715" s="166">
        <v>0</v>
      </c>
      <c r="BT1715" s="168">
        <v>0</v>
      </c>
      <c r="BU1715" s="166">
        <v>0</v>
      </c>
      <c r="BV1715" s="166">
        <v>0</v>
      </c>
      <c r="BW1715" s="166">
        <v>0</v>
      </c>
      <c r="BX1715" s="166">
        <v>0</v>
      </c>
      <c r="BY1715" s="166">
        <v>0</v>
      </c>
      <c r="BZ1715" s="166">
        <v>0</v>
      </c>
      <c r="CA1715" s="166">
        <v>0</v>
      </c>
      <c r="CB1715" s="166">
        <v>0</v>
      </c>
      <c r="CC1715" s="166">
        <v>0</v>
      </c>
      <c r="CD1715" s="166">
        <v>0</v>
      </c>
      <c r="CE1715" s="166">
        <v>0</v>
      </c>
      <c r="CF1715" s="166">
        <v>0</v>
      </c>
      <c r="CG1715" s="166">
        <v>0</v>
      </c>
      <c r="CH1715" s="166">
        <v>0</v>
      </c>
      <c r="CI1715" s="166">
        <v>0</v>
      </c>
      <c r="CJ1715" s="166">
        <v>0</v>
      </c>
      <c r="CK1715" s="166">
        <v>0</v>
      </c>
      <c r="CL1715" s="166">
        <v>0</v>
      </c>
      <c r="CM1715" s="166">
        <v>0</v>
      </c>
      <c r="CN1715" s="166">
        <v>0</v>
      </c>
      <c r="CO1715" s="166">
        <v>0</v>
      </c>
      <c r="CP1715" s="166">
        <v>0</v>
      </c>
      <c r="CQ1715" s="166">
        <v>0</v>
      </c>
      <c r="CR1715" s="166">
        <v>0</v>
      </c>
      <c r="CS1715" s="166">
        <v>0</v>
      </c>
      <c r="CT1715" s="166">
        <v>0</v>
      </c>
      <c r="CU1715" s="166">
        <v>0</v>
      </c>
      <c r="CV1715" s="166">
        <v>0</v>
      </c>
      <c r="CW1715" s="166">
        <v>0</v>
      </c>
      <c r="CX1715" s="166">
        <v>0</v>
      </c>
      <c r="CY1715" s="166">
        <v>0</v>
      </c>
      <c r="CZ1715" s="166">
        <v>0</v>
      </c>
    </row>
    <row r="1716" spans="1:104" x14ac:dyDescent="0.2">
      <c r="A1716" s="167" t="s">
        <v>125</v>
      </c>
      <c r="B1716" s="166">
        <v>0</v>
      </c>
      <c r="C1716" s="166">
        <v>0</v>
      </c>
      <c r="D1716" s="166">
        <v>0</v>
      </c>
      <c r="E1716" s="166">
        <v>0</v>
      </c>
      <c r="F1716" s="166">
        <v>0</v>
      </c>
      <c r="G1716" s="166">
        <v>0</v>
      </c>
      <c r="H1716" s="166">
        <v>0</v>
      </c>
      <c r="I1716" s="166">
        <v>0</v>
      </c>
      <c r="J1716" s="166">
        <v>0</v>
      </c>
      <c r="K1716" s="166">
        <v>0</v>
      </c>
      <c r="L1716" s="166">
        <v>0</v>
      </c>
      <c r="M1716" s="166">
        <v>0</v>
      </c>
      <c r="N1716" s="166">
        <v>0</v>
      </c>
      <c r="O1716" s="166">
        <v>0</v>
      </c>
      <c r="P1716" s="166">
        <v>0</v>
      </c>
      <c r="Q1716" s="166">
        <v>0</v>
      </c>
      <c r="R1716" s="166">
        <v>0</v>
      </c>
      <c r="S1716" s="166">
        <v>0</v>
      </c>
      <c r="T1716" s="166">
        <v>0</v>
      </c>
      <c r="U1716" s="166">
        <v>0</v>
      </c>
      <c r="V1716" s="166">
        <v>0</v>
      </c>
      <c r="W1716" s="166">
        <v>0</v>
      </c>
      <c r="X1716" s="166">
        <v>0</v>
      </c>
      <c r="Y1716" s="166">
        <v>0</v>
      </c>
      <c r="Z1716" s="166">
        <v>0</v>
      </c>
      <c r="AA1716" s="166">
        <v>0</v>
      </c>
      <c r="AB1716" s="166">
        <v>0</v>
      </c>
      <c r="AC1716" s="166">
        <v>0</v>
      </c>
      <c r="AD1716" s="166">
        <v>0</v>
      </c>
      <c r="AE1716" s="166">
        <v>0</v>
      </c>
      <c r="AF1716" s="166">
        <v>0</v>
      </c>
      <c r="AG1716" s="166">
        <v>0</v>
      </c>
      <c r="AH1716" s="166">
        <v>0</v>
      </c>
      <c r="AI1716" s="166">
        <v>0</v>
      </c>
      <c r="AJ1716" s="166">
        <v>0</v>
      </c>
      <c r="AK1716" s="166">
        <v>0</v>
      </c>
      <c r="AL1716" s="166">
        <v>0</v>
      </c>
      <c r="AM1716" s="166">
        <v>0</v>
      </c>
      <c r="AN1716" s="166">
        <v>0</v>
      </c>
      <c r="AO1716" s="166">
        <v>0</v>
      </c>
      <c r="AP1716" s="166">
        <v>0</v>
      </c>
      <c r="AQ1716" s="166">
        <v>0</v>
      </c>
      <c r="AR1716" s="166">
        <v>0</v>
      </c>
      <c r="AS1716" s="166">
        <v>0</v>
      </c>
      <c r="AT1716" s="166">
        <v>0</v>
      </c>
      <c r="AU1716" s="166">
        <v>0</v>
      </c>
      <c r="AV1716" s="166">
        <v>0</v>
      </c>
      <c r="AW1716" s="166">
        <v>0</v>
      </c>
      <c r="AX1716" s="166">
        <v>0</v>
      </c>
      <c r="AY1716" s="166">
        <v>0</v>
      </c>
      <c r="AZ1716" s="166">
        <v>0</v>
      </c>
      <c r="BA1716" s="166">
        <v>0</v>
      </c>
      <c r="BB1716" s="166">
        <v>0</v>
      </c>
      <c r="BC1716" s="166">
        <v>0</v>
      </c>
      <c r="BD1716" s="166">
        <v>0</v>
      </c>
      <c r="BE1716" s="166">
        <v>0</v>
      </c>
      <c r="BF1716" s="166">
        <v>0</v>
      </c>
      <c r="BG1716" s="166">
        <v>0</v>
      </c>
      <c r="BH1716" s="166">
        <v>0</v>
      </c>
      <c r="BI1716" s="166">
        <v>0</v>
      </c>
      <c r="BJ1716" s="166">
        <v>0</v>
      </c>
      <c r="BK1716" s="166">
        <v>0</v>
      </c>
      <c r="BL1716" s="166">
        <v>0</v>
      </c>
      <c r="BM1716" s="166">
        <v>0</v>
      </c>
      <c r="BN1716" s="166">
        <v>0</v>
      </c>
      <c r="BO1716" s="166">
        <v>0</v>
      </c>
      <c r="BP1716" s="166">
        <v>0</v>
      </c>
      <c r="BQ1716" s="166">
        <v>0</v>
      </c>
      <c r="BR1716" s="166">
        <v>0</v>
      </c>
      <c r="BS1716" s="166">
        <v>0</v>
      </c>
      <c r="BT1716" s="168">
        <v>0</v>
      </c>
      <c r="BU1716" s="166">
        <v>0</v>
      </c>
      <c r="BV1716" s="166">
        <v>0</v>
      </c>
      <c r="BW1716" s="166">
        <v>0</v>
      </c>
      <c r="BX1716" s="166">
        <v>0</v>
      </c>
      <c r="BY1716" s="166">
        <v>0</v>
      </c>
      <c r="BZ1716" s="166">
        <v>0</v>
      </c>
      <c r="CA1716" s="166">
        <v>0</v>
      </c>
      <c r="CB1716" s="166">
        <v>0</v>
      </c>
      <c r="CC1716" s="166">
        <v>0</v>
      </c>
      <c r="CD1716" s="166">
        <v>0</v>
      </c>
      <c r="CE1716" s="166">
        <v>0</v>
      </c>
      <c r="CF1716" s="166">
        <v>0</v>
      </c>
      <c r="CG1716" s="166">
        <v>0</v>
      </c>
      <c r="CH1716" s="166">
        <v>0</v>
      </c>
      <c r="CI1716" s="166">
        <v>0</v>
      </c>
      <c r="CJ1716" s="166">
        <v>0</v>
      </c>
      <c r="CK1716" s="166">
        <v>0</v>
      </c>
      <c r="CL1716" s="166">
        <v>0</v>
      </c>
      <c r="CM1716" s="166">
        <v>0</v>
      </c>
      <c r="CN1716" s="166">
        <v>0</v>
      </c>
      <c r="CO1716" s="166">
        <v>0</v>
      </c>
      <c r="CP1716" s="166">
        <v>0</v>
      </c>
      <c r="CQ1716" s="166">
        <v>0</v>
      </c>
      <c r="CR1716" s="166">
        <v>0</v>
      </c>
      <c r="CS1716" s="166">
        <v>0</v>
      </c>
      <c r="CT1716" s="166">
        <v>0</v>
      </c>
      <c r="CU1716" s="166">
        <v>0</v>
      </c>
      <c r="CV1716" s="166">
        <v>0</v>
      </c>
      <c r="CW1716" s="166">
        <v>0</v>
      </c>
      <c r="CX1716" s="166">
        <v>0</v>
      </c>
      <c r="CY1716" s="166">
        <v>0</v>
      </c>
      <c r="CZ1716" s="166">
        <v>0</v>
      </c>
    </row>
    <row r="1717" spans="1:104" x14ac:dyDescent="0.2">
      <c r="A1717" s="167" t="s">
        <v>126</v>
      </c>
      <c r="B1717" s="166">
        <v>0</v>
      </c>
      <c r="C1717" s="166">
        <v>0</v>
      </c>
      <c r="D1717" s="166">
        <v>0</v>
      </c>
      <c r="E1717" s="166">
        <v>0</v>
      </c>
      <c r="F1717" s="166">
        <v>0</v>
      </c>
      <c r="G1717" s="166">
        <v>0</v>
      </c>
      <c r="H1717" s="166">
        <v>0</v>
      </c>
      <c r="I1717" s="166">
        <v>0</v>
      </c>
      <c r="J1717" s="166">
        <v>0</v>
      </c>
      <c r="K1717" s="166">
        <v>0</v>
      </c>
      <c r="L1717" s="166">
        <v>0</v>
      </c>
      <c r="M1717" s="166">
        <v>0</v>
      </c>
      <c r="N1717" s="166">
        <v>0</v>
      </c>
      <c r="O1717" s="166">
        <v>0</v>
      </c>
      <c r="P1717" s="166">
        <v>0</v>
      </c>
      <c r="Q1717" s="166">
        <v>0</v>
      </c>
      <c r="R1717" s="166">
        <v>0</v>
      </c>
      <c r="S1717" s="166">
        <v>0</v>
      </c>
      <c r="T1717" s="166">
        <v>0</v>
      </c>
      <c r="U1717" s="166">
        <v>0</v>
      </c>
      <c r="V1717" s="166">
        <v>0</v>
      </c>
      <c r="W1717" s="166">
        <v>0</v>
      </c>
      <c r="X1717" s="166">
        <v>0</v>
      </c>
      <c r="Y1717" s="166">
        <v>0</v>
      </c>
      <c r="Z1717" s="166">
        <v>0</v>
      </c>
      <c r="AA1717" s="166">
        <v>0</v>
      </c>
      <c r="AB1717" s="166">
        <v>0</v>
      </c>
      <c r="AC1717" s="166">
        <v>0</v>
      </c>
      <c r="AD1717" s="166">
        <v>0</v>
      </c>
      <c r="AE1717" s="166">
        <v>0</v>
      </c>
      <c r="AF1717" s="166">
        <v>0</v>
      </c>
      <c r="AG1717" s="166">
        <v>0</v>
      </c>
      <c r="AH1717" s="166">
        <v>0</v>
      </c>
      <c r="AI1717" s="166">
        <v>0</v>
      </c>
      <c r="AJ1717" s="166">
        <v>0</v>
      </c>
      <c r="AK1717" s="166">
        <v>0</v>
      </c>
      <c r="AL1717" s="166">
        <v>0</v>
      </c>
      <c r="AM1717" s="166">
        <v>0</v>
      </c>
      <c r="AN1717" s="166">
        <v>0</v>
      </c>
      <c r="AO1717" s="166">
        <v>0</v>
      </c>
      <c r="AP1717" s="166">
        <v>0</v>
      </c>
      <c r="AQ1717" s="166">
        <v>0</v>
      </c>
      <c r="AR1717" s="166">
        <v>0</v>
      </c>
      <c r="AS1717" s="166">
        <v>0</v>
      </c>
      <c r="AT1717" s="166">
        <v>0</v>
      </c>
      <c r="AU1717" s="166">
        <v>0</v>
      </c>
      <c r="AV1717" s="166">
        <v>0</v>
      </c>
      <c r="AW1717" s="166">
        <v>0</v>
      </c>
      <c r="AX1717" s="166">
        <v>0</v>
      </c>
      <c r="AY1717" s="166">
        <v>0</v>
      </c>
      <c r="AZ1717" s="166">
        <v>0</v>
      </c>
      <c r="BA1717" s="166">
        <v>0</v>
      </c>
      <c r="BB1717" s="166">
        <v>0</v>
      </c>
      <c r="BC1717" s="166">
        <v>0</v>
      </c>
      <c r="BD1717" s="166">
        <v>0</v>
      </c>
      <c r="BE1717" s="166">
        <v>0</v>
      </c>
      <c r="BF1717" s="166">
        <v>0</v>
      </c>
      <c r="BG1717" s="166">
        <v>0</v>
      </c>
      <c r="BH1717" s="166">
        <v>0</v>
      </c>
      <c r="BI1717" s="166">
        <v>0</v>
      </c>
      <c r="BJ1717" s="166">
        <v>0</v>
      </c>
      <c r="BK1717" s="166">
        <v>0</v>
      </c>
      <c r="BL1717" s="166">
        <v>0</v>
      </c>
      <c r="BM1717" s="166">
        <v>0</v>
      </c>
      <c r="BN1717" s="166">
        <v>0</v>
      </c>
      <c r="BO1717" s="166">
        <v>0</v>
      </c>
      <c r="BP1717" s="166">
        <v>0</v>
      </c>
      <c r="BQ1717" s="166">
        <v>0</v>
      </c>
      <c r="BR1717" s="166">
        <v>0</v>
      </c>
      <c r="BS1717" s="166">
        <v>0</v>
      </c>
      <c r="BT1717" s="168">
        <v>0</v>
      </c>
      <c r="BU1717" s="166">
        <v>0</v>
      </c>
      <c r="BV1717" s="166">
        <v>0</v>
      </c>
      <c r="BW1717" s="166">
        <v>0</v>
      </c>
      <c r="BX1717" s="166">
        <v>0</v>
      </c>
      <c r="BY1717" s="166">
        <v>0</v>
      </c>
      <c r="BZ1717" s="166">
        <v>0</v>
      </c>
      <c r="CA1717" s="166">
        <v>0</v>
      </c>
      <c r="CB1717" s="166">
        <v>0</v>
      </c>
      <c r="CC1717" s="166">
        <v>0</v>
      </c>
      <c r="CD1717" s="166">
        <v>0</v>
      </c>
      <c r="CE1717" s="166">
        <v>0</v>
      </c>
      <c r="CF1717" s="166">
        <v>0</v>
      </c>
      <c r="CG1717" s="166">
        <v>0</v>
      </c>
      <c r="CH1717" s="166">
        <v>0</v>
      </c>
      <c r="CI1717" s="166">
        <v>0</v>
      </c>
      <c r="CJ1717" s="166">
        <v>0</v>
      </c>
      <c r="CK1717" s="166">
        <v>0</v>
      </c>
      <c r="CL1717" s="166">
        <v>0</v>
      </c>
      <c r="CM1717" s="166">
        <v>0</v>
      </c>
      <c r="CN1717" s="166">
        <v>0</v>
      </c>
      <c r="CO1717" s="166">
        <v>0</v>
      </c>
      <c r="CP1717" s="166">
        <v>0</v>
      </c>
      <c r="CQ1717" s="166">
        <v>0</v>
      </c>
      <c r="CR1717" s="166">
        <v>0</v>
      </c>
      <c r="CS1717" s="166">
        <v>0</v>
      </c>
      <c r="CT1717" s="166">
        <v>0</v>
      </c>
      <c r="CU1717" s="166">
        <v>0</v>
      </c>
      <c r="CV1717" s="166">
        <v>0</v>
      </c>
      <c r="CW1717" s="166">
        <v>0</v>
      </c>
      <c r="CX1717" s="166">
        <v>0</v>
      </c>
      <c r="CY1717" s="166">
        <v>0</v>
      </c>
      <c r="CZ1717" s="166">
        <v>0</v>
      </c>
    </row>
    <row r="1718" spans="1:104" x14ac:dyDescent="0.2">
      <c r="A1718" s="167" t="s">
        <v>127</v>
      </c>
      <c r="B1718" s="166">
        <v>0</v>
      </c>
      <c r="C1718" s="166">
        <v>0</v>
      </c>
      <c r="D1718" s="166">
        <v>0</v>
      </c>
      <c r="E1718" s="166">
        <v>0</v>
      </c>
      <c r="F1718" s="166">
        <v>0</v>
      </c>
      <c r="G1718" s="166">
        <v>0</v>
      </c>
      <c r="H1718" s="166">
        <v>0</v>
      </c>
      <c r="I1718" s="166">
        <v>0</v>
      </c>
      <c r="J1718" s="166">
        <v>0</v>
      </c>
      <c r="K1718" s="166">
        <v>0</v>
      </c>
      <c r="L1718" s="166">
        <v>0</v>
      </c>
      <c r="M1718" s="166">
        <v>0</v>
      </c>
      <c r="N1718" s="166">
        <v>0</v>
      </c>
      <c r="O1718" s="166">
        <v>0</v>
      </c>
      <c r="P1718" s="166">
        <v>0</v>
      </c>
      <c r="Q1718" s="166">
        <v>0</v>
      </c>
      <c r="R1718" s="166">
        <v>0</v>
      </c>
      <c r="S1718" s="166">
        <v>0</v>
      </c>
      <c r="T1718" s="166">
        <v>0</v>
      </c>
      <c r="U1718" s="166">
        <v>0</v>
      </c>
      <c r="V1718" s="166">
        <v>0</v>
      </c>
      <c r="W1718" s="166">
        <v>0</v>
      </c>
      <c r="X1718" s="166">
        <v>0</v>
      </c>
      <c r="Y1718" s="166">
        <v>0</v>
      </c>
      <c r="Z1718" s="166">
        <v>0</v>
      </c>
      <c r="AA1718" s="166">
        <v>0</v>
      </c>
      <c r="AB1718" s="166">
        <v>0</v>
      </c>
      <c r="AC1718" s="166">
        <v>0</v>
      </c>
      <c r="AD1718" s="166">
        <v>0</v>
      </c>
      <c r="AE1718" s="166">
        <v>0</v>
      </c>
      <c r="AF1718" s="166">
        <v>0</v>
      </c>
      <c r="AG1718" s="166">
        <v>0</v>
      </c>
      <c r="AH1718" s="166">
        <v>0</v>
      </c>
      <c r="AI1718" s="166">
        <v>0</v>
      </c>
      <c r="AJ1718" s="166">
        <v>0</v>
      </c>
      <c r="AK1718" s="166">
        <v>0</v>
      </c>
      <c r="AL1718" s="166">
        <v>0</v>
      </c>
      <c r="AM1718" s="166">
        <v>0</v>
      </c>
      <c r="AN1718" s="166">
        <v>0</v>
      </c>
      <c r="AO1718" s="166">
        <v>0</v>
      </c>
      <c r="AP1718" s="166">
        <v>0</v>
      </c>
      <c r="AQ1718" s="166">
        <v>0</v>
      </c>
      <c r="AR1718" s="166">
        <v>0</v>
      </c>
      <c r="AS1718" s="166">
        <v>0</v>
      </c>
      <c r="AT1718" s="166">
        <v>0</v>
      </c>
      <c r="AU1718" s="166">
        <v>0</v>
      </c>
      <c r="AV1718" s="166">
        <v>0</v>
      </c>
      <c r="AW1718" s="166">
        <v>0</v>
      </c>
      <c r="AX1718" s="166">
        <v>0</v>
      </c>
      <c r="AY1718" s="166">
        <v>0</v>
      </c>
      <c r="AZ1718" s="166">
        <v>0</v>
      </c>
      <c r="BA1718" s="166">
        <v>0</v>
      </c>
      <c r="BB1718" s="166">
        <v>0</v>
      </c>
      <c r="BC1718" s="166">
        <v>0</v>
      </c>
      <c r="BD1718" s="166">
        <v>0</v>
      </c>
      <c r="BE1718" s="166">
        <v>0</v>
      </c>
      <c r="BF1718" s="166">
        <v>0</v>
      </c>
      <c r="BG1718" s="166">
        <v>0</v>
      </c>
      <c r="BH1718" s="166">
        <v>0</v>
      </c>
      <c r="BI1718" s="166">
        <v>0</v>
      </c>
      <c r="BJ1718" s="166">
        <v>0</v>
      </c>
      <c r="BK1718" s="166">
        <v>0</v>
      </c>
      <c r="BL1718" s="166">
        <v>0</v>
      </c>
      <c r="BM1718" s="166">
        <v>0</v>
      </c>
      <c r="BN1718" s="166">
        <v>0</v>
      </c>
      <c r="BO1718" s="166">
        <v>0</v>
      </c>
      <c r="BP1718" s="166">
        <v>0</v>
      </c>
      <c r="BQ1718" s="166">
        <v>0</v>
      </c>
      <c r="BR1718" s="166">
        <v>0</v>
      </c>
      <c r="BS1718" s="166">
        <v>0</v>
      </c>
      <c r="BT1718" s="168">
        <v>0</v>
      </c>
      <c r="BU1718" s="166">
        <v>0</v>
      </c>
      <c r="BV1718" s="166">
        <v>0</v>
      </c>
      <c r="BW1718" s="166">
        <v>0</v>
      </c>
      <c r="BX1718" s="166">
        <v>0</v>
      </c>
      <c r="BY1718" s="166">
        <v>0</v>
      </c>
      <c r="BZ1718" s="166">
        <v>0</v>
      </c>
      <c r="CA1718" s="166">
        <v>0</v>
      </c>
      <c r="CB1718" s="166">
        <v>0</v>
      </c>
      <c r="CC1718" s="166">
        <v>0</v>
      </c>
      <c r="CD1718" s="166">
        <v>0</v>
      </c>
      <c r="CE1718" s="166">
        <v>0</v>
      </c>
      <c r="CF1718" s="166">
        <v>0</v>
      </c>
      <c r="CG1718" s="166">
        <v>0</v>
      </c>
      <c r="CH1718" s="166">
        <v>0</v>
      </c>
      <c r="CI1718" s="166">
        <v>0</v>
      </c>
      <c r="CJ1718" s="166">
        <v>0</v>
      </c>
      <c r="CK1718" s="166">
        <v>0</v>
      </c>
      <c r="CL1718" s="166">
        <v>0</v>
      </c>
      <c r="CM1718" s="166">
        <v>0</v>
      </c>
      <c r="CN1718" s="166">
        <v>0</v>
      </c>
      <c r="CO1718" s="166">
        <v>0</v>
      </c>
      <c r="CP1718" s="166">
        <v>0</v>
      </c>
      <c r="CQ1718" s="166">
        <v>0</v>
      </c>
      <c r="CR1718" s="166">
        <v>0</v>
      </c>
      <c r="CS1718" s="166">
        <v>0</v>
      </c>
      <c r="CT1718" s="166">
        <v>0</v>
      </c>
      <c r="CU1718" s="166">
        <v>0</v>
      </c>
      <c r="CV1718" s="166">
        <v>0</v>
      </c>
      <c r="CW1718" s="166">
        <v>0</v>
      </c>
      <c r="CX1718" s="166">
        <v>0</v>
      </c>
      <c r="CY1718" s="166">
        <v>0</v>
      </c>
      <c r="CZ1718" s="166">
        <v>0</v>
      </c>
    </row>
    <row r="1719" spans="1:104" x14ac:dyDescent="0.2">
      <c r="A1719" s="167" t="s">
        <v>128</v>
      </c>
      <c r="B1719" s="166">
        <v>0</v>
      </c>
      <c r="C1719" s="166">
        <v>21776456344.7029</v>
      </c>
      <c r="D1719" s="166">
        <v>0</v>
      </c>
      <c r="E1719" s="166">
        <v>0</v>
      </c>
      <c r="F1719" s="166">
        <v>0</v>
      </c>
      <c r="G1719" s="166">
        <v>0</v>
      </c>
      <c r="H1719" s="166">
        <v>0</v>
      </c>
      <c r="I1719" s="166">
        <v>0</v>
      </c>
      <c r="J1719" s="166">
        <v>0</v>
      </c>
      <c r="K1719" s="166">
        <v>0</v>
      </c>
      <c r="L1719" s="166">
        <v>0</v>
      </c>
      <c r="M1719" s="166">
        <v>0</v>
      </c>
      <c r="N1719" s="166">
        <v>0</v>
      </c>
      <c r="O1719" s="166">
        <v>0</v>
      </c>
      <c r="P1719" s="166">
        <v>0</v>
      </c>
      <c r="Q1719" s="166">
        <v>0</v>
      </c>
      <c r="R1719" s="166">
        <v>0</v>
      </c>
      <c r="S1719" s="166">
        <v>0</v>
      </c>
      <c r="T1719" s="166">
        <v>0</v>
      </c>
      <c r="U1719" s="166">
        <v>0</v>
      </c>
      <c r="V1719" s="166">
        <v>0</v>
      </c>
      <c r="W1719" s="166">
        <v>0</v>
      </c>
      <c r="X1719" s="166">
        <v>0</v>
      </c>
      <c r="Y1719" s="166">
        <v>0</v>
      </c>
      <c r="Z1719" s="166">
        <v>0</v>
      </c>
      <c r="AA1719" s="166">
        <v>0</v>
      </c>
      <c r="AB1719" s="166">
        <v>0</v>
      </c>
      <c r="AC1719" s="166">
        <v>0</v>
      </c>
      <c r="AD1719" s="166">
        <v>0</v>
      </c>
      <c r="AE1719" s="166">
        <v>0</v>
      </c>
      <c r="AF1719" s="166">
        <v>0</v>
      </c>
      <c r="AG1719" s="166">
        <v>0</v>
      </c>
      <c r="AH1719" s="166">
        <v>0</v>
      </c>
      <c r="AI1719" s="166">
        <v>0</v>
      </c>
      <c r="AJ1719" s="166">
        <v>0</v>
      </c>
      <c r="AK1719" s="166">
        <v>0</v>
      </c>
      <c r="AL1719" s="166">
        <v>0</v>
      </c>
      <c r="AM1719" s="166">
        <v>0</v>
      </c>
      <c r="AN1719" s="166">
        <v>0</v>
      </c>
      <c r="AO1719" s="166">
        <v>0</v>
      </c>
      <c r="AP1719" s="166">
        <v>0</v>
      </c>
      <c r="AQ1719" s="166">
        <v>0</v>
      </c>
      <c r="AR1719" s="166">
        <v>0</v>
      </c>
      <c r="AS1719" s="166">
        <v>0</v>
      </c>
      <c r="AT1719" s="166">
        <v>0</v>
      </c>
      <c r="AU1719" s="166">
        <v>0</v>
      </c>
      <c r="AV1719" s="166">
        <v>0</v>
      </c>
      <c r="AW1719" s="166">
        <v>0</v>
      </c>
      <c r="AX1719" s="166">
        <v>0</v>
      </c>
      <c r="AY1719" s="166">
        <v>0</v>
      </c>
      <c r="AZ1719" s="166">
        <v>0</v>
      </c>
      <c r="BA1719" s="166">
        <v>0</v>
      </c>
      <c r="BB1719" s="166">
        <v>0</v>
      </c>
      <c r="BC1719" s="166">
        <v>0</v>
      </c>
      <c r="BD1719" s="166">
        <v>0</v>
      </c>
      <c r="BE1719" s="166">
        <v>0</v>
      </c>
      <c r="BF1719" s="166">
        <v>0</v>
      </c>
      <c r="BG1719" s="166">
        <v>0</v>
      </c>
      <c r="BH1719" s="166">
        <v>0</v>
      </c>
      <c r="BI1719" s="166">
        <v>0</v>
      </c>
      <c r="BJ1719" s="166">
        <v>0</v>
      </c>
      <c r="BK1719" s="166">
        <v>0</v>
      </c>
      <c r="BL1719" s="166">
        <v>0</v>
      </c>
      <c r="BM1719" s="166">
        <v>0</v>
      </c>
      <c r="BN1719" s="166">
        <v>0</v>
      </c>
      <c r="BO1719" s="166">
        <v>0</v>
      </c>
      <c r="BP1719" s="166">
        <v>0</v>
      </c>
      <c r="BQ1719" s="166">
        <v>0</v>
      </c>
      <c r="BR1719" s="166">
        <v>1738414112.2372501</v>
      </c>
      <c r="BS1719" s="166">
        <v>0</v>
      </c>
      <c r="BT1719" s="166">
        <v>0</v>
      </c>
      <c r="BU1719" s="166">
        <v>0</v>
      </c>
      <c r="BV1719" s="166">
        <v>0</v>
      </c>
      <c r="BW1719" s="166">
        <v>0</v>
      </c>
      <c r="BX1719" s="166">
        <v>0</v>
      </c>
      <c r="BY1719" s="166">
        <v>0</v>
      </c>
      <c r="BZ1719" s="166">
        <v>0</v>
      </c>
      <c r="CA1719" s="166">
        <v>0</v>
      </c>
      <c r="CB1719" s="166">
        <v>0</v>
      </c>
      <c r="CC1719" s="166">
        <v>0</v>
      </c>
      <c r="CD1719" s="166">
        <v>0</v>
      </c>
      <c r="CE1719" s="166">
        <v>0</v>
      </c>
      <c r="CF1719" s="166">
        <v>0</v>
      </c>
      <c r="CG1719" s="166">
        <v>0</v>
      </c>
      <c r="CH1719" s="166">
        <v>0</v>
      </c>
      <c r="CI1719" s="166">
        <v>0</v>
      </c>
      <c r="CJ1719" s="166">
        <v>0</v>
      </c>
      <c r="CK1719" s="166">
        <v>0</v>
      </c>
      <c r="CL1719" s="166">
        <v>0</v>
      </c>
      <c r="CM1719" s="166">
        <v>0</v>
      </c>
      <c r="CN1719" s="166">
        <v>0</v>
      </c>
      <c r="CO1719" s="166">
        <v>0</v>
      </c>
      <c r="CP1719" s="166">
        <v>0</v>
      </c>
      <c r="CQ1719" s="166">
        <v>0</v>
      </c>
      <c r="CR1719" s="166">
        <v>0</v>
      </c>
      <c r="CS1719" s="166">
        <v>0</v>
      </c>
      <c r="CT1719" s="166">
        <v>0</v>
      </c>
      <c r="CU1719" s="166">
        <v>0</v>
      </c>
      <c r="CV1719" s="166">
        <v>0</v>
      </c>
      <c r="CW1719" s="166">
        <v>0</v>
      </c>
      <c r="CX1719" s="166">
        <v>0</v>
      </c>
      <c r="CY1719" s="166">
        <v>0</v>
      </c>
      <c r="CZ1719" s="166">
        <v>0</v>
      </c>
    </row>
    <row r="1720" spans="1:104" x14ac:dyDescent="0.2">
      <c r="A1720" s="167" t="s">
        <v>129</v>
      </c>
    </row>
    <row r="1721" spans="1:104" x14ac:dyDescent="0.2">
      <c r="A1721" s="167" t="s">
        <v>130</v>
      </c>
    </row>
    <row r="1722" spans="1:104" ht="10.8" thickBot="1" x14ac:dyDescent="0.25">
      <c r="A1722" s="169" t="s">
        <v>131</v>
      </c>
    </row>
    <row r="1723" spans="1:104" x14ac:dyDescent="0.2">
      <c r="A1723" s="170" t="s">
        <v>132</v>
      </c>
    </row>
    <row r="1724" spans="1:104" x14ac:dyDescent="0.2">
      <c r="A1724" s="167" t="s">
        <v>133</v>
      </c>
      <c r="B1724" s="166">
        <v>11600921.169172401</v>
      </c>
      <c r="C1724" s="166">
        <v>11600921.169172401</v>
      </c>
      <c r="D1724" s="166">
        <v>0</v>
      </c>
      <c r="E1724" s="166">
        <v>0</v>
      </c>
      <c r="F1724" s="166">
        <v>0</v>
      </c>
      <c r="G1724" s="166">
        <v>0</v>
      </c>
      <c r="H1724" s="166">
        <v>0</v>
      </c>
      <c r="I1724" s="166">
        <v>0</v>
      </c>
      <c r="J1724" s="166">
        <v>0</v>
      </c>
      <c r="K1724" s="166">
        <v>0</v>
      </c>
      <c r="L1724" s="166">
        <v>0</v>
      </c>
      <c r="M1724" s="166">
        <v>0</v>
      </c>
      <c r="N1724" s="166">
        <v>0</v>
      </c>
      <c r="O1724" s="166">
        <v>0</v>
      </c>
      <c r="P1724" s="166">
        <v>0</v>
      </c>
      <c r="Q1724" s="166">
        <v>0</v>
      </c>
      <c r="R1724" s="166">
        <v>0</v>
      </c>
      <c r="S1724" s="166">
        <v>0</v>
      </c>
      <c r="T1724" s="166">
        <v>0</v>
      </c>
      <c r="U1724" s="166">
        <v>0</v>
      </c>
      <c r="V1724" s="166">
        <v>0</v>
      </c>
      <c r="W1724" s="166">
        <v>0</v>
      </c>
      <c r="X1724" s="166">
        <v>0</v>
      </c>
      <c r="Y1724" s="166">
        <v>0</v>
      </c>
      <c r="Z1724" s="166">
        <v>0</v>
      </c>
      <c r="AA1724" s="166">
        <v>0</v>
      </c>
      <c r="AB1724" s="166">
        <v>0</v>
      </c>
      <c r="AC1724" s="166">
        <v>0</v>
      </c>
      <c r="AD1724" s="166">
        <v>0</v>
      </c>
      <c r="AE1724" s="166">
        <v>0</v>
      </c>
      <c r="AF1724" s="166">
        <v>0</v>
      </c>
      <c r="AG1724" s="166">
        <v>0</v>
      </c>
      <c r="AH1724" s="166">
        <v>0</v>
      </c>
      <c r="AI1724" s="166">
        <v>0</v>
      </c>
      <c r="AJ1724" s="166">
        <v>0</v>
      </c>
      <c r="AK1724" s="166">
        <v>0</v>
      </c>
      <c r="AL1724" s="166">
        <v>0</v>
      </c>
      <c r="AM1724" s="166">
        <v>0</v>
      </c>
      <c r="AN1724" s="166">
        <v>0</v>
      </c>
      <c r="AO1724" s="166">
        <v>0</v>
      </c>
      <c r="AP1724" s="166">
        <v>0</v>
      </c>
      <c r="AQ1724" s="166">
        <v>0</v>
      </c>
      <c r="AR1724" s="166">
        <v>0</v>
      </c>
      <c r="AS1724" s="166">
        <v>0</v>
      </c>
      <c r="AT1724" s="166">
        <v>0</v>
      </c>
      <c r="AU1724" s="166">
        <v>0</v>
      </c>
      <c r="AV1724" s="166">
        <v>0</v>
      </c>
      <c r="AW1724" s="166">
        <v>0</v>
      </c>
      <c r="AX1724" s="166">
        <v>0</v>
      </c>
      <c r="AY1724" s="166">
        <v>0</v>
      </c>
      <c r="AZ1724" s="166">
        <v>0</v>
      </c>
      <c r="BA1724" s="166">
        <v>0</v>
      </c>
      <c r="BB1724" s="166">
        <v>0</v>
      </c>
      <c r="BC1724" s="166">
        <v>0</v>
      </c>
      <c r="BD1724" s="166">
        <v>0</v>
      </c>
      <c r="BE1724" s="166">
        <v>0</v>
      </c>
      <c r="BF1724" s="166">
        <v>0</v>
      </c>
      <c r="BG1724" s="166">
        <v>0</v>
      </c>
      <c r="BH1724" s="166">
        <v>0</v>
      </c>
      <c r="BI1724" s="166">
        <v>0</v>
      </c>
      <c r="BJ1724" s="166">
        <v>0</v>
      </c>
      <c r="BK1724" s="166">
        <v>0</v>
      </c>
      <c r="BL1724" s="166">
        <v>0</v>
      </c>
      <c r="BM1724" s="166">
        <v>0</v>
      </c>
      <c r="BN1724" s="166">
        <v>0</v>
      </c>
      <c r="BO1724" s="166">
        <v>0</v>
      </c>
      <c r="BP1724" s="166">
        <v>0</v>
      </c>
      <c r="BQ1724" s="166">
        <v>0</v>
      </c>
      <c r="BR1724" s="166">
        <v>11600921.169172401</v>
      </c>
      <c r="BS1724" s="166">
        <v>11600921.169172401</v>
      </c>
      <c r="BT1724" s="168">
        <v>0.999998123540776</v>
      </c>
      <c r="BU1724" s="166">
        <v>975090.146096137</v>
      </c>
      <c r="BV1724" s="166">
        <v>11600899.400516899</v>
      </c>
      <c r="BW1724" s="166">
        <v>0</v>
      </c>
      <c r="BX1724" s="166">
        <v>0</v>
      </c>
      <c r="BY1724" s="166">
        <v>0</v>
      </c>
      <c r="BZ1724" s="166">
        <v>0</v>
      </c>
      <c r="CA1724" s="166">
        <v>0</v>
      </c>
      <c r="CB1724" s="166">
        <v>0</v>
      </c>
      <c r="CC1724" s="166">
        <v>0</v>
      </c>
      <c r="CD1724" s="166">
        <v>0</v>
      </c>
      <c r="CE1724" s="166">
        <v>0</v>
      </c>
      <c r="CF1724" s="166">
        <v>0</v>
      </c>
      <c r="CG1724" s="166">
        <v>0</v>
      </c>
      <c r="CH1724" s="166">
        <v>0</v>
      </c>
      <c r="CI1724" s="166">
        <v>0</v>
      </c>
      <c r="CJ1724" s="166">
        <v>0</v>
      </c>
      <c r="CK1724" s="166">
        <v>0</v>
      </c>
      <c r="CL1724" s="166">
        <v>0</v>
      </c>
      <c r="CM1724" s="166">
        <v>0</v>
      </c>
      <c r="CN1724" s="166">
        <v>0</v>
      </c>
      <c r="CO1724" s="166">
        <v>0</v>
      </c>
      <c r="CP1724" s="166">
        <v>0</v>
      </c>
      <c r="CQ1724" s="166">
        <v>0</v>
      </c>
      <c r="CR1724" s="166">
        <v>0</v>
      </c>
      <c r="CS1724" s="166">
        <v>0</v>
      </c>
      <c r="CT1724" s="166">
        <v>0</v>
      </c>
      <c r="CU1724" s="166">
        <v>0</v>
      </c>
      <c r="CV1724" s="166">
        <v>0</v>
      </c>
      <c r="CW1724" s="166">
        <v>0</v>
      </c>
      <c r="CX1724" s="166">
        <v>0</v>
      </c>
      <c r="CY1724" s="166">
        <v>11600899.400516899</v>
      </c>
      <c r="CZ1724" s="166">
        <v>11600899.400516899</v>
      </c>
    </row>
    <row r="1725" spans="1:104" x14ac:dyDescent="0.2">
      <c r="A1725" s="167" t="s">
        <v>134</v>
      </c>
      <c r="B1725" s="166">
        <v>7382344.1169610899</v>
      </c>
      <c r="C1725" s="166">
        <v>7382344.1169610899</v>
      </c>
      <c r="D1725" s="166">
        <v>0</v>
      </c>
      <c r="E1725" s="166">
        <v>0</v>
      </c>
      <c r="F1725" s="166">
        <v>0</v>
      </c>
      <c r="G1725" s="166">
        <v>0</v>
      </c>
      <c r="H1725" s="166">
        <v>0</v>
      </c>
      <c r="I1725" s="166">
        <v>0</v>
      </c>
      <c r="J1725" s="166">
        <v>0</v>
      </c>
      <c r="K1725" s="166">
        <v>0</v>
      </c>
      <c r="L1725" s="166">
        <v>0</v>
      </c>
      <c r="M1725" s="166">
        <v>0</v>
      </c>
      <c r="N1725" s="166">
        <v>0</v>
      </c>
      <c r="O1725" s="166">
        <v>0</v>
      </c>
      <c r="P1725" s="166">
        <v>0</v>
      </c>
      <c r="Q1725" s="166">
        <v>0</v>
      </c>
      <c r="R1725" s="166">
        <v>0</v>
      </c>
      <c r="S1725" s="166">
        <v>0</v>
      </c>
      <c r="T1725" s="166">
        <v>0</v>
      </c>
      <c r="U1725" s="166">
        <v>0</v>
      </c>
      <c r="V1725" s="166">
        <v>0</v>
      </c>
      <c r="W1725" s="166">
        <v>0</v>
      </c>
      <c r="X1725" s="166">
        <v>0</v>
      </c>
      <c r="Y1725" s="166">
        <v>0</v>
      </c>
      <c r="Z1725" s="166">
        <v>0</v>
      </c>
      <c r="AA1725" s="166">
        <v>0</v>
      </c>
      <c r="AB1725" s="166">
        <v>0</v>
      </c>
      <c r="AC1725" s="166">
        <v>0</v>
      </c>
      <c r="AD1725" s="166">
        <v>0</v>
      </c>
      <c r="AE1725" s="166">
        <v>0</v>
      </c>
      <c r="AF1725" s="166">
        <v>0</v>
      </c>
      <c r="AG1725" s="166">
        <v>0</v>
      </c>
      <c r="AH1725" s="166">
        <v>0</v>
      </c>
      <c r="AI1725" s="166">
        <v>0</v>
      </c>
      <c r="AJ1725" s="166">
        <v>0</v>
      </c>
      <c r="AK1725" s="166">
        <v>0</v>
      </c>
      <c r="AL1725" s="166">
        <v>0</v>
      </c>
      <c r="AM1725" s="166">
        <v>0</v>
      </c>
      <c r="AN1725" s="166">
        <v>0</v>
      </c>
      <c r="AO1725" s="166">
        <v>0</v>
      </c>
      <c r="AP1725" s="166">
        <v>0</v>
      </c>
      <c r="AQ1725" s="166">
        <v>0</v>
      </c>
      <c r="AR1725" s="166">
        <v>0</v>
      </c>
      <c r="AS1725" s="166">
        <v>0</v>
      </c>
      <c r="AT1725" s="166">
        <v>0</v>
      </c>
      <c r="AU1725" s="166">
        <v>0</v>
      </c>
      <c r="AV1725" s="166">
        <v>0</v>
      </c>
      <c r="AW1725" s="166">
        <v>0</v>
      </c>
      <c r="AX1725" s="166">
        <v>0</v>
      </c>
      <c r="AY1725" s="166">
        <v>0</v>
      </c>
      <c r="AZ1725" s="166">
        <v>0</v>
      </c>
      <c r="BA1725" s="166">
        <v>0</v>
      </c>
      <c r="BB1725" s="166">
        <v>0</v>
      </c>
      <c r="BC1725" s="166">
        <v>0</v>
      </c>
      <c r="BD1725" s="166">
        <v>0</v>
      </c>
      <c r="BE1725" s="166">
        <v>0</v>
      </c>
      <c r="BF1725" s="166">
        <v>0</v>
      </c>
      <c r="BG1725" s="166">
        <v>0</v>
      </c>
      <c r="BH1725" s="166">
        <v>0</v>
      </c>
      <c r="BI1725" s="166">
        <v>0</v>
      </c>
      <c r="BJ1725" s="166">
        <v>0</v>
      </c>
      <c r="BK1725" s="166">
        <v>0</v>
      </c>
      <c r="BL1725" s="166">
        <v>0</v>
      </c>
      <c r="BM1725" s="166">
        <v>0</v>
      </c>
      <c r="BN1725" s="166">
        <v>0</v>
      </c>
      <c r="BO1725" s="166">
        <v>0</v>
      </c>
      <c r="BP1725" s="166">
        <v>0</v>
      </c>
      <c r="BQ1725" s="166">
        <v>0</v>
      </c>
      <c r="BR1725" s="166">
        <v>7382344.1169610899</v>
      </c>
      <c r="BS1725" s="166">
        <v>7382344.1169610899</v>
      </c>
      <c r="BT1725" s="168">
        <v>0.95155251400307195</v>
      </c>
      <c r="BU1725" s="166">
        <v>587187.16998510004</v>
      </c>
      <c r="BV1725" s="166">
        <v>7024688.1037301105</v>
      </c>
      <c r="BW1725" s="166">
        <v>0</v>
      </c>
      <c r="BX1725" s="166">
        <v>0</v>
      </c>
      <c r="BY1725" s="166">
        <v>0</v>
      </c>
      <c r="BZ1725" s="166">
        <v>0</v>
      </c>
      <c r="CA1725" s="166">
        <v>0</v>
      </c>
      <c r="CB1725" s="166">
        <v>0</v>
      </c>
      <c r="CC1725" s="166">
        <v>0</v>
      </c>
      <c r="CD1725" s="166">
        <v>0</v>
      </c>
      <c r="CE1725" s="166">
        <v>0</v>
      </c>
      <c r="CF1725" s="166">
        <v>0</v>
      </c>
      <c r="CG1725" s="166">
        <v>0</v>
      </c>
      <c r="CH1725" s="166">
        <v>0</v>
      </c>
      <c r="CI1725" s="166">
        <v>0</v>
      </c>
      <c r="CJ1725" s="166">
        <v>0</v>
      </c>
      <c r="CK1725" s="166">
        <v>0</v>
      </c>
      <c r="CL1725" s="166">
        <v>0</v>
      </c>
      <c r="CM1725" s="166">
        <v>0</v>
      </c>
      <c r="CN1725" s="166">
        <v>0</v>
      </c>
      <c r="CO1725" s="166">
        <v>0</v>
      </c>
      <c r="CP1725" s="166">
        <v>0</v>
      </c>
      <c r="CQ1725" s="166">
        <v>0</v>
      </c>
      <c r="CR1725" s="166">
        <v>0</v>
      </c>
      <c r="CS1725" s="166">
        <v>0</v>
      </c>
      <c r="CT1725" s="166">
        <v>0</v>
      </c>
      <c r="CU1725" s="166">
        <v>0</v>
      </c>
      <c r="CV1725" s="166">
        <v>0</v>
      </c>
      <c r="CW1725" s="166">
        <v>0</v>
      </c>
      <c r="CX1725" s="166">
        <v>0</v>
      </c>
      <c r="CY1725" s="166">
        <v>7024688.1037301105</v>
      </c>
      <c r="CZ1725" s="166">
        <v>7024688.1037301105</v>
      </c>
    </row>
    <row r="1726" spans="1:104" x14ac:dyDescent="0.2">
      <c r="A1726" s="167" t="s">
        <v>135</v>
      </c>
      <c r="B1726" s="166">
        <v>1090020.76386647</v>
      </c>
      <c r="C1726" s="166">
        <v>1090020.76386647</v>
      </c>
      <c r="D1726" s="166">
        <v>0</v>
      </c>
      <c r="E1726" s="166">
        <v>0</v>
      </c>
      <c r="F1726" s="166">
        <v>0</v>
      </c>
      <c r="G1726" s="166">
        <v>0</v>
      </c>
      <c r="H1726" s="166">
        <v>0</v>
      </c>
      <c r="I1726" s="166">
        <v>0</v>
      </c>
      <c r="J1726" s="166">
        <v>0</v>
      </c>
      <c r="K1726" s="166">
        <v>0</v>
      </c>
      <c r="L1726" s="166">
        <v>0</v>
      </c>
      <c r="M1726" s="166">
        <v>0</v>
      </c>
      <c r="N1726" s="166">
        <v>0</v>
      </c>
      <c r="O1726" s="166">
        <v>0</v>
      </c>
      <c r="P1726" s="166">
        <v>0</v>
      </c>
      <c r="Q1726" s="166">
        <v>0</v>
      </c>
      <c r="R1726" s="166">
        <v>0</v>
      </c>
      <c r="S1726" s="166">
        <v>0</v>
      </c>
      <c r="T1726" s="166">
        <v>0</v>
      </c>
      <c r="U1726" s="166">
        <v>0</v>
      </c>
      <c r="V1726" s="166">
        <v>0</v>
      </c>
      <c r="W1726" s="166">
        <v>0</v>
      </c>
      <c r="X1726" s="166">
        <v>0</v>
      </c>
      <c r="Y1726" s="166">
        <v>0</v>
      </c>
      <c r="Z1726" s="166">
        <v>0</v>
      </c>
      <c r="AA1726" s="166">
        <v>0</v>
      </c>
      <c r="AB1726" s="166">
        <v>0</v>
      </c>
      <c r="AC1726" s="166">
        <v>0</v>
      </c>
      <c r="AD1726" s="166">
        <v>0</v>
      </c>
      <c r="AE1726" s="166">
        <v>0</v>
      </c>
      <c r="AF1726" s="166">
        <v>0</v>
      </c>
      <c r="AG1726" s="166">
        <v>0</v>
      </c>
      <c r="AH1726" s="166">
        <v>0</v>
      </c>
      <c r="AI1726" s="166">
        <v>0</v>
      </c>
      <c r="AJ1726" s="166">
        <v>0</v>
      </c>
      <c r="AK1726" s="166">
        <v>0</v>
      </c>
      <c r="AL1726" s="166">
        <v>0</v>
      </c>
      <c r="AM1726" s="166">
        <v>0</v>
      </c>
      <c r="AN1726" s="166">
        <v>0</v>
      </c>
      <c r="AO1726" s="166">
        <v>0</v>
      </c>
      <c r="AP1726" s="166">
        <v>0</v>
      </c>
      <c r="AQ1726" s="166">
        <v>0</v>
      </c>
      <c r="AR1726" s="166">
        <v>0</v>
      </c>
      <c r="AS1726" s="166">
        <v>0</v>
      </c>
      <c r="AT1726" s="166">
        <v>0</v>
      </c>
      <c r="AU1726" s="166">
        <v>0</v>
      </c>
      <c r="AV1726" s="166">
        <v>0</v>
      </c>
      <c r="AW1726" s="166">
        <v>0</v>
      </c>
      <c r="AX1726" s="166">
        <v>0</v>
      </c>
      <c r="AY1726" s="166">
        <v>0</v>
      </c>
      <c r="AZ1726" s="166">
        <v>0</v>
      </c>
      <c r="BA1726" s="166">
        <v>0</v>
      </c>
      <c r="BB1726" s="166">
        <v>0</v>
      </c>
      <c r="BC1726" s="166">
        <v>0</v>
      </c>
      <c r="BD1726" s="166">
        <v>0</v>
      </c>
      <c r="BE1726" s="166">
        <v>0</v>
      </c>
      <c r="BF1726" s="166">
        <v>0</v>
      </c>
      <c r="BG1726" s="166">
        <v>0</v>
      </c>
      <c r="BH1726" s="166">
        <v>0</v>
      </c>
      <c r="BI1726" s="166">
        <v>0</v>
      </c>
      <c r="BJ1726" s="166">
        <v>0</v>
      </c>
      <c r="BK1726" s="166">
        <v>0</v>
      </c>
      <c r="BL1726" s="166">
        <v>0</v>
      </c>
      <c r="BM1726" s="166">
        <v>0</v>
      </c>
      <c r="BN1726" s="166">
        <v>0</v>
      </c>
      <c r="BO1726" s="166">
        <v>0</v>
      </c>
      <c r="BP1726" s="166">
        <v>0</v>
      </c>
      <c r="BQ1726" s="166">
        <v>0</v>
      </c>
      <c r="BR1726" s="166">
        <v>1090020.76386647</v>
      </c>
      <c r="BS1726" s="166">
        <v>1090020.76386647</v>
      </c>
      <c r="BT1726" s="168">
        <v>0.97647221562039299</v>
      </c>
      <c r="BU1726" s="166">
        <v>95042.579020014193</v>
      </c>
      <c r="BV1726" s="166">
        <v>1064374.9903649299</v>
      </c>
      <c r="BW1726" s="166">
        <v>0</v>
      </c>
      <c r="BX1726" s="166">
        <v>0</v>
      </c>
      <c r="BY1726" s="166">
        <v>0</v>
      </c>
      <c r="BZ1726" s="166">
        <v>0</v>
      </c>
      <c r="CA1726" s="166">
        <v>0</v>
      </c>
      <c r="CB1726" s="166">
        <v>0</v>
      </c>
      <c r="CC1726" s="166">
        <v>0</v>
      </c>
      <c r="CD1726" s="166">
        <v>0</v>
      </c>
      <c r="CE1726" s="166">
        <v>0</v>
      </c>
      <c r="CF1726" s="166">
        <v>0</v>
      </c>
      <c r="CG1726" s="166">
        <v>0</v>
      </c>
      <c r="CH1726" s="166">
        <v>0</v>
      </c>
      <c r="CI1726" s="166">
        <v>0</v>
      </c>
      <c r="CJ1726" s="166">
        <v>0</v>
      </c>
      <c r="CK1726" s="166">
        <v>0</v>
      </c>
      <c r="CL1726" s="166">
        <v>0</v>
      </c>
      <c r="CM1726" s="166">
        <v>0</v>
      </c>
      <c r="CN1726" s="166">
        <v>0</v>
      </c>
      <c r="CO1726" s="166">
        <v>0</v>
      </c>
      <c r="CP1726" s="166">
        <v>0</v>
      </c>
      <c r="CQ1726" s="166">
        <v>0</v>
      </c>
      <c r="CR1726" s="166">
        <v>0</v>
      </c>
      <c r="CS1726" s="166">
        <v>0</v>
      </c>
      <c r="CT1726" s="166">
        <v>0</v>
      </c>
      <c r="CU1726" s="166">
        <v>0</v>
      </c>
      <c r="CV1726" s="166">
        <v>0</v>
      </c>
      <c r="CW1726" s="166">
        <v>0</v>
      </c>
      <c r="CX1726" s="166">
        <v>0</v>
      </c>
      <c r="CY1726" s="166">
        <v>1064374.9903649299</v>
      </c>
      <c r="CZ1726" s="166">
        <v>1064374.9903649299</v>
      </c>
    </row>
    <row r="1727" spans="1:104" x14ac:dyDescent="0.2">
      <c r="A1727" s="167" t="s">
        <v>136</v>
      </c>
      <c r="B1727" s="166">
        <v>20073286.0499999</v>
      </c>
      <c r="C1727" s="166">
        <v>20073286.0499999</v>
      </c>
      <c r="D1727" s="166">
        <v>0</v>
      </c>
      <c r="E1727" s="166">
        <v>0</v>
      </c>
      <c r="F1727" s="166">
        <v>0</v>
      </c>
      <c r="G1727" s="166">
        <v>0</v>
      </c>
      <c r="H1727" s="166">
        <v>0</v>
      </c>
      <c r="I1727" s="166">
        <v>0</v>
      </c>
      <c r="J1727" s="166">
        <v>0</v>
      </c>
      <c r="K1727" s="166">
        <v>0</v>
      </c>
      <c r="L1727" s="166">
        <v>0</v>
      </c>
      <c r="M1727" s="166">
        <v>0</v>
      </c>
      <c r="N1727" s="166">
        <v>0</v>
      </c>
      <c r="O1727" s="166">
        <v>0</v>
      </c>
      <c r="P1727" s="166">
        <v>0</v>
      </c>
      <c r="Q1727" s="166">
        <v>0</v>
      </c>
      <c r="R1727" s="166">
        <v>0</v>
      </c>
      <c r="S1727" s="166">
        <v>0</v>
      </c>
      <c r="T1727" s="166">
        <v>0</v>
      </c>
      <c r="U1727" s="166">
        <v>0</v>
      </c>
      <c r="V1727" s="166">
        <v>0</v>
      </c>
      <c r="W1727" s="166">
        <v>0</v>
      </c>
      <c r="X1727" s="166">
        <v>0</v>
      </c>
      <c r="Y1727" s="166">
        <v>0</v>
      </c>
      <c r="Z1727" s="166">
        <v>0</v>
      </c>
      <c r="AA1727" s="166">
        <v>0</v>
      </c>
      <c r="AB1727" s="166">
        <v>0</v>
      </c>
      <c r="AC1727" s="166">
        <v>0</v>
      </c>
      <c r="AD1727" s="166">
        <v>0</v>
      </c>
      <c r="AE1727" s="166">
        <v>0</v>
      </c>
      <c r="AF1727" s="166">
        <v>0</v>
      </c>
      <c r="AG1727" s="166">
        <v>0</v>
      </c>
      <c r="AH1727" s="166">
        <v>0</v>
      </c>
      <c r="AI1727" s="166">
        <v>0</v>
      </c>
      <c r="AJ1727" s="166">
        <v>0</v>
      </c>
      <c r="AK1727" s="166">
        <v>0</v>
      </c>
      <c r="AL1727" s="166">
        <v>0</v>
      </c>
      <c r="AM1727" s="166">
        <v>0</v>
      </c>
      <c r="AN1727" s="166">
        <v>0</v>
      </c>
      <c r="AO1727" s="166">
        <v>0</v>
      </c>
      <c r="AP1727" s="166">
        <v>0</v>
      </c>
      <c r="AQ1727" s="166">
        <v>0</v>
      </c>
      <c r="AR1727" s="166">
        <v>0</v>
      </c>
      <c r="AS1727" s="166">
        <v>0</v>
      </c>
      <c r="AT1727" s="166">
        <v>0</v>
      </c>
      <c r="AU1727" s="166">
        <v>0</v>
      </c>
      <c r="AV1727" s="166">
        <v>0</v>
      </c>
      <c r="AW1727" s="166">
        <v>0</v>
      </c>
      <c r="AX1727" s="166">
        <v>0</v>
      </c>
      <c r="AY1727" s="166">
        <v>0</v>
      </c>
      <c r="AZ1727" s="166">
        <v>0</v>
      </c>
      <c r="BA1727" s="166">
        <v>0</v>
      </c>
      <c r="BB1727" s="166">
        <v>0</v>
      </c>
      <c r="BC1727" s="166">
        <v>0</v>
      </c>
      <c r="BD1727" s="166">
        <v>0</v>
      </c>
      <c r="BE1727" s="166">
        <v>0</v>
      </c>
      <c r="BF1727" s="166">
        <v>0</v>
      </c>
      <c r="BG1727" s="166">
        <v>0</v>
      </c>
      <c r="BH1727" s="166">
        <v>0</v>
      </c>
      <c r="BI1727" s="166">
        <v>0</v>
      </c>
      <c r="BJ1727" s="166">
        <v>0</v>
      </c>
      <c r="BK1727" s="166">
        <v>0</v>
      </c>
      <c r="BL1727" s="166">
        <v>0</v>
      </c>
      <c r="BM1727" s="166">
        <v>0</v>
      </c>
      <c r="BN1727" s="166">
        <v>0</v>
      </c>
      <c r="BO1727" s="166">
        <v>0</v>
      </c>
      <c r="BP1727" s="166">
        <v>0</v>
      </c>
      <c r="BQ1727" s="166">
        <v>0</v>
      </c>
      <c r="BR1727" s="166">
        <v>20073286.0499999</v>
      </c>
      <c r="BS1727" s="166">
        <v>20073286.0499999</v>
      </c>
      <c r="BT1727" s="168">
        <v>0</v>
      </c>
      <c r="BU1727" s="166">
        <v>1657319.8951012499</v>
      </c>
      <c r="BV1727" s="166">
        <v>19689962.4946119</v>
      </c>
      <c r="BW1727" s="166">
        <v>0</v>
      </c>
      <c r="BX1727" s="166">
        <v>0</v>
      </c>
      <c r="BY1727" s="166">
        <v>0</v>
      </c>
      <c r="BZ1727" s="166">
        <v>0</v>
      </c>
      <c r="CA1727" s="166">
        <v>0</v>
      </c>
      <c r="CB1727" s="166">
        <v>0</v>
      </c>
      <c r="CC1727" s="166">
        <v>0</v>
      </c>
      <c r="CD1727" s="166">
        <v>0</v>
      </c>
      <c r="CE1727" s="166">
        <v>0</v>
      </c>
      <c r="CF1727" s="166">
        <v>0</v>
      </c>
      <c r="CG1727" s="166">
        <v>0</v>
      </c>
      <c r="CH1727" s="166">
        <v>0</v>
      </c>
      <c r="CI1727" s="166">
        <v>0</v>
      </c>
      <c r="CJ1727" s="166">
        <v>0</v>
      </c>
      <c r="CK1727" s="166">
        <v>0</v>
      </c>
      <c r="CL1727" s="166">
        <v>0</v>
      </c>
      <c r="CM1727" s="166">
        <v>0</v>
      </c>
      <c r="CN1727" s="166">
        <v>0</v>
      </c>
      <c r="CO1727" s="166">
        <v>0</v>
      </c>
      <c r="CP1727" s="166">
        <v>0</v>
      </c>
      <c r="CQ1727" s="166">
        <v>0</v>
      </c>
      <c r="CR1727" s="166">
        <v>0</v>
      </c>
      <c r="CS1727" s="166">
        <v>0</v>
      </c>
      <c r="CT1727" s="166">
        <v>0</v>
      </c>
      <c r="CU1727" s="166">
        <v>0</v>
      </c>
      <c r="CV1727" s="166">
        <v>0</v>
      </c>
      <c r="CW1727" s="166">
        <v>0</v>
      </c>
      <c r="CX1727" s="166">
        <v>0</v>
      </c>
      <c r="CY1727" s="166">
        <v>19689962.4946119</v>
      </c>
      <c r="CZ1727" s="166">
        <v>19689962.4946119</v>
      </c>
    </row>
    <row r="1728" spans="1:104" x14ac:dyDescent="0.2">
      <c r="A1728" s="167" t="s">
        <v>137</v>
      </c>
    </row>
    <row r="1729" spans="1:104" x14ac:dyDescent="0.2">
      <c r="A1729" s="167" t="s">
        <v>138</v>
      </c>
      <c r="B1729" s="166">
        <v>42640284.357006803</v>
      </c>
      <c r="C1729" s="166">
        <v>42640284.357006803</v>
      </c>
      <c r="D1729" s="166">
        <v>0</v>
      </c>
      <c r="E1729" s="166">
        <v>0</v>
      </c>
      <c r="F1729" s="166">
        <v>0</v>
      </c>
      <c r="G1729" s="166">
        <v>0</v>
      </c>
      <c r="H1729" s="166">
        <v>0</v>
      </c>
      <c r="I1729" s="166">
        <v>0</v>
      </c>
      <c r="J1729" s="166">
        <v>0</v>
      </c>
      <c r="K1729" s="166">
        <v>0</v>
      </c>
      <c r="L1729" s="166">
        <v>0</v>
      </c>
      <c r="M1729" s="166">
        <v>0</v>
      </c>
      <c r="N1729" s="166">
        <v>0</v>
      </c>
      <c r="O1729" s="166">
        <v>0</v>
      </c>
      <c r="P1729" s="166">
        <v>0</v>
      </c>
      <c r="Q1729" s="166">
        <v>0</v>
      </c>
      <c r="R1729" s="166">
        <v>0</v>
      </c>
      <c r="S1729" s="166">
        <v>0</v>
      </c>
      <c r="T1729" s="166">
        <v>0</v>
      </c>
      <c r="U1729" s="166">
        <v>0</v>
      </c>
      <c r="V1729" s="166">
        <v>0</v>
      </c>
      <c r="W1729" s="166">
        <v>0</v>
      </c>
      <c r="X1729" s="166">
        <v>0</v>
      </c>
      <c r="Y1729" s="166">
        <v>0</v>
      </c>
      <c r="Z1729" s="166">
        <v>0</v>
      </c>
      <c r="AA1729" s="166">
        <v>0</v>
      </c>
      <c r="AB1729" s="166">
        <v>0</v>
      </c>
      <c r="AC1729" s="166">
        <v>0</v>
      </c>
      <c r="AD1729" s="166">
        <v>0</v>
      </c>
      <c r="AE1729" s="166">
        <v>0</v>
      </c>
      <c r="AF1729" s="166">
        <v>0</v>
      </c>
      <c r="AG1729" s="166">
        <v>0</v>
      </c>
      <c r="AH1729" s="166">
        <v>0</v>
      </c>
      <c r="AI1729" s="166">
        <v>0</v>
      </c>
      <c r="AJ1729" s="166">
        <v>0</v>
      </c>
      <c r="AK1729" s="166">
        <v>0</v>
      </c>
      <c r="AL1729" s="166">
        <v>0</v>
      </c>
      <c r="AM1729" s="166">
        <v>0</v>
      </c>
      <c r="AN1729" s="166">
        <v>0</v>
      </c>
      <c r="AO1729" s="166">
        <v>0</v>
      </c>
      <c r="AP1729" s="166">
        <v>0</v>
      </c>
      <c r="AQ1729" s="166">
        <v>0</v>
      </c>
      <c r="AR1729" s="166">
        <v>0</v>
      </c>
      <c r="AS1729" s="166">
        <v>0</v>
      </c>
      <c r="AT1729" s="166">
        <v>0</v>
      </c>
      <c r="AU1729" s="166">
        <v>0</v>
      </c>
      <c r="AV1729" s="166">
        <v>0</v>
      </c>
      <c r="AW1729" s="166">
        <v>0</v>
      </c>
      <c r="AX1729" s="166">
        <v>0</v>
      </c>
      <c r="AY1729" s="166">
        <v>0</v>
      </c>
      <c r="AZ1729" s="166">
        <v>0</v>
      </c>
      <c r="BA1729" s="166">
        <v>0</v>
      </c>
      <c r="BB1729" s="166">
        <v>0</v>
      </c>
      <c r="BC1729" s="166">
        <v>0</v>
      </c>
      <c r="BD1729" s="166">
        <v>0</v>
      </c>
      <c r="BE1729" s="166">
        <v>0</v>
      </c>
      <c r="BF1729" s="166">
        <v>0</v>
      </c>
      <c r="BG1729" s="166">
        <v>0</v>
      </c>
      <c r="BH1729" s="166">
        <v>0</v>
      </c>
      <c r="BI1729" s="166">
        <v>0</v>
      </c>
      <c r="BJ1729" s="166">
        <v>0</v>
      </c>
      <c r="BK1729" s="166">
        <v>0</v>
      </c>
      <c r="BL1729" s="166">
        <v>0</v>
      </c>
      <c r="BM1729" s="166">
        <v>0</v>
      </c>
      <c r="BN1729" s="166">
        <v>0</v>
      </c>
      <c r="BO1729" s="166">
        <v>0</v>
      </c>
      <c r="BP1729" s="166">
        <v>0</v>
      </c>
      <c r="BQ1729" s="166">
        <v>0</v>
      </c>
      <c r="BR1729" s="166">
        <v>42640284.357006803</v>
      </c>
      <c r="BS1729" s="166">
        <v>42640284.357006803</v>
      </c>
      <c r="BT1729" s="168">
        <v>0.99999527075910699</v>
      </c>
      <c r="BU1729" s="166">
        <v>5473933.9095254</v>
      </c>
      <c r="BV1729" s="166">
        <v>42640082.700830303</v>
      </c>
      <c r="BW1729" s="166">
        <v>0</v>
      </c>
      <c r="BX1729" s="166">
        <v>0</v>
      </c>
      <c r="BY1729" s="166">
        <v>0</v>
      </c>
      <c r="BZ1729" s="166">
        <v>0</v>
      </c>
      <c r="CA1729" s="166">
        <v>0</v>
      </c>
      <c r="CB1729" s="166">
        <v>0</v>
      </c>
      <c r="CC1729" s="166">
        <v>0</v>
      </c>
      <c r="CD1729" s="166">
        <v>0</v>
      </c>
      <c r="CE1729" s="166">
        <v>0</v>
      </c>
      <c r="CF1729" s="166">
        <v>0</v>
      </c>
      <c r="CG1729" s="166">
        <v>0</v>
      </c>
      <c r="CH1729" s="166">
        <v>0</v>
      </c>
      <c r="CI1729" s="166">
        <v>0</v>
      </c>
      <c r="CJ1729" s="166">
        <v>0</v>
      </c>
      <c r="CK1729" s="166">
        <v>0</v>
      </c>
      <c r="CL1729" s="166">
        <v>0</v>
      </c>
      <c r="CM1729" s="166">
        <v>0</v>
      </c>
      <c r="CN1729" s="166">
        <v>0</v>
      </c>
      <c r="CO1729" s="166">
        <v>0</v>
      </c>
      <c r="CP1729" s="166">
        <v>0</v>
      </c>
      <c r="CQ1729" s="166">
        <v>0</v>
      </c>
      <c r="CR1729" s="166">
        <v>0</v>
      </c>
      <c r="CS1729" s="166">
        <v>0</v>
      </c>
      <c r="CT1729" s="166">
        <v>0</v>
      </c>
      <c r="CU1729" s="166">
        <v>0</v>
      </c>
      <c r="CV1729" s="166">
        <v>0</v>
      </c>
      <c r="CW1729" s="166">
        <v>0</v>
      </c>
      <c r="CX1729" s="166">
        <v>0</v>
      </c>
      <c r="CY1729" s="166">
        <v>42640082.700830303</v>
      </c>
      <c r="CZ1729" s="166">
        <v>42640082.700830303</v>
      </c>
    </row>
    <row r="1730" spans="1:104" x14ac:dyDescent="0.2">
      <c r="A1730" s="167" t="s">
        <v>139</v>
      </c>
      <c r="B1730" s="166">
        <v>5965703.52866452</v>
      </c>
      <c r="C1730" s="166">
        <v>5965703.52866452</v>
      </c>
      <c r="D1730" s="166">
        <v>0</v>
      </c>
      <c r="E1730" s="166">
        <v>0</v>
      </c>
      <c r="F1730" s="166">
        <v>0</v>
      </c>
      <c r="G1730" s="166">
        <v>0</v>
      </c>
      <c r="H1730" s="166">
        <v>0</v>
      </c>
      <c r="I1730" s="166">
        <v>0</v>
      </c>
      <c r="J1730" s="166">
        <v>0</v>
      </c>
      <c r="K1730" s="166">
        <v>0</v>
      </c>
      <c r="L1730" s="166">
        <v>0</v>
      </c>
      <c r="M1730" s="166">
        <v>0</v>
      </c>
      <c r="N1730" s="166">
        <v>0</v>
      </c>
      <c r="O1730" s="166">
        <v>0</v>
      </c>
      <c r="P1730" s="166">
        <v>0</v>
      </c>
      <c r="Q1730" s="166">
        <v>0</v>
      </c>
      <c r="R1730" s="166">
        <v>0</v>
      </c>
      <c r="S1730" s="166">
        <v>0</v>
      </c>
      <c r="T1730" s="166">
        <v>0</v>
      </c>
      <c r="U1730" s="166">
        <v>0</v>
      </c>
      <c r="V1730" s="166">
        <v>0</v>
      </c>
      <c r="W1730" s="166">
        <v>0</v>
      </c>
      <c r="X1730" s="166">
        <v>0</v>
      </c>
      <c r="Y1730" s="166">
        <v>0</v>
      </c>
      <c r="Z1730" s="166">
        <v>0</v>
      </c>
      <c r="AA1730" s="166">
        <v>0</v>
      </c>
      <c r="AB1730" s="166">
        <v>0</v>
      </c>
      <c r="AC1730" s="166">
        <v>0</v>
      </c>
      <c r="AD1730" s="166">
        <v>0</v>
      </c>
      <c r="AE1730" s="166">
        <v>0</v>
      </c>
      <c r="AF1730" s="166">
        <v>0</v>
      </c>
      <c r="AG1730" s="166">
        <v>0</v>
      </c>
      <c r="AH1730" s="166">
        <v>0</v>
      </c>
      <c r="AI1730" s="166">
        <v>0</v>
      </c>
      <c r="AJ1730" s="166">
        <v>0</v>
      </c>
      <c r="AK1730" s="166">
        <v>0</v>
      </c>
      <c r="AL1730" s="166">
        <v>0</v>
      </c>
      <c r="AM1730" s="166">
        <v>0</v>
      </c>
      <c r="AN1730" s="166">
        <v>0</v>
      </c>
      <c r="AO1730" s="166">
        <v>0</v>
      </c>
      <c r="AP1730" s="166">
        <v>0</v>
      </c>
      <c r="AQ1730" s="166">
        <v>0</v>
      </c>
      <c r="AR1730" s="166">
        <v>0</v>
      </c>
      <c r="AS1730" s="166">
        <v>0</v>
      </c>
      <c r="AT1730" s="166">
        <v>0</v>
      </c>
      <c r="AU1730" s="166">
        <v>0</v>
      </c>
      <c r="AV1730" s="166">
        <v>0</v>
      </c>
      <c r="AW1730" s="166">
        <v>0</v>
      </c>
      <c r="AX1730" s="166">
        <v>0</v>
      </c>
      <c r="AY1730" s="166">
        <v>0</v>
      </c>
      <c r="AZ1730" s="166">
        <v>0</v>
      </c>
      <c r="BA1730" s="166">
        <v>0</v>
      </c>
      <c r="BB1730" s="166">
        <v>0</v>
      </c>
      <c r="BC1730" s="166">
        <v>0</v>
      </c>
      <c r="BD1730" s="166">
        <v>0</v>
      </c>
      <c r="BE1730" s="166">
        <v>0</v>
      </c>
      <c r="BF1730" s="166">
        <v>0</v>
      </c>
      <c r="BG1730" s="166">
        <v>0</v>
      </c>
      <c r="BH1730" s="166">
        <v>0</v>
      </c>
      <c r="BI1730" s="166">
        <v>0</v>
      </c>
      <c r="BJ1730" s="166">
        <v>0</v>
      </c>
      <c r="BK1730" s="166">
        <v>0</v>
      </c>
      <c r="BL1730" s="166">
        <v>0</v>
      </c>
      <c r="BM1730" s="166">
        <v>0</v>
      </c>
      <c r="BN1730" s="166">
        <v>0</v>
      </c>
      <c r="BO1730" s="166">
        <v>0</v>
      </c>
      <c r="BP1730" s="166">
        <v>0</v>
      </c>
      <c r="BQ1730" s="166">
        <v>0</v>
      </c>
      <c r="BR1730" s="166">
        <v>5965703.52866452</v>
      </c>
      <c r="BS1730" s="166">
        <v>5965703.52866452</v>
      </c>
      <c r="BT1730" s="168">
        <v>0.94636950860404101</v>
      </c>
      <c r="BU1730" s="166">
        <v>283911.53888885898</v>
      </c>
      <c r="BV1730" s="166">
        <v>5645759.9168996401</v>
      </c>
      <c r="BW1730" s="166">
        <v>0</v>
      </c>
      <c r="BX1730" s="166">
        <v>0</v>
      </c>
      <c r="BY1730" s="166">
        <v>0</v>
      </c>
      <c r="BZ1730" s="166">
        <v>0</v>
      </c>
      <c r="CA1730" s="166">
        <v>0</v>
      </c>
      <c r="CB1730" s="166">
        <v>0</v>
      </c>
      <c r="CC1730" s="166">
        <v>0</v>
      </c>
      <c r="CD1730" s="166">
        <v>0</v>
      </c>
      <c r="CE1730" s="166">
        <v>0</v>
      </c>
      <c r="CF1730" s="166">
        <v>0</v>
      </c>
      <c r="CG1730" s="166">
        <v>0</v>
      </c>
      <c r="CH1730" s="166">
        <v>0</v>
      </c>
      <c r="CI1730" s="166">
        <v>0</v>
      </c>
      <c r="CJ1730" s="166">
        <v>0</v>
      </c>
      <c r="CK1730" s="166">
        <v>0</v>
      </c>
      <c r="CL1730" s="166">
        <v>0</v>
      </c>
      <c r="CM1730" s="166">
        <v>0</v>
      </c>
      <c r="CN1730" s="166">
        <v>0</v>
      </c>
      <c r="CO1730" s="166">
        <v>0</v>
      </c>
      <c r="CP1730" s="166">
        <v>0</v>
      </c>
      <c r="CQ1730" s="166">
        <v>0</v>
      </c>
      <c r="CR1730" s="166">
        <v>0</v>
      </c>
      <c r="CS1730" s="166">
        <v>0</v>
      </c>
      <c r="CT1730" s="166">
        <v>0</v>
      </c>
      <c r="CU1730" s="166">
        <v>0</v>
      </c>
      <c r="CV1730" s="166">
        <v>0</v>
      </c>
      <c r="CW1730" s="166">
        <v>0</v>
      </c>
      <c r="CX1730" s="166">
        <v>0</v>
      </c>
      <c r="CY1730" s="166">
        <v>5645759.9168996401</v>
      </c>
      <c r="CZ1730" s="166">
        <v>5645759.9168996401</v>
      </c>
    </row>
    <row r="1731" spans="1:104" x14ac:dyDescent="0.2">
      <c r="A1731" s="167" t="s">
        <v>140</v>
      </c>
      <c r="B1731" s="166">
        <v>1049788.33638733</v>
      </c>
      <c r="C1731" s="166">
        <v>1049788.33638733</v>
      </c>
      <c r="D1731" s="166">
        <v>0</v>
      </c>
      <c r="E1731" s="166">
        <v>0</v>
      </c>
      <c r="F1731" s="166">
        <v>0</v>
      </c>
      <c r="G1731" s="166">
        <v>0</v>
      </c>
      <c r="H1731" s="166">
        <v>0</v>
      </c>
      <c r="I1731" s="166">
        <v>0</v>
      </c>
      <c r="J1731" s="166">
        <v>0</v>
      </c>
      <c r="K1731" s="166">
        <v>0</v>
      </c>
      <c r="L1731" s="166">
        <v>0</v>
      </c>
      <c r="M1731" s="166">
        <v>0</v>
      </c>
      <c r="N1731" s="166">
        <v>0</v>
      </c>
      <c r="O1731" s="166">
        <v>0</v>
      </c>
      <c r="P1731" s="166">
        <v>0</v>
      </c>
      <c r="Q1731" s="166">
        <v>0</v>
      </c>
      <c r="R1731" s="166">
        <v>0</v>
      </c>
      <c r="S1731" s="166">
        <v>0</v>
      </c>
      <c r="T1731" s="166">
        <v>0</v>
      </c>
      <c r="U1731" s="166">
        <v>0</v>
      </c>
      <c r="V1731" s="166">
        <v>0</v>
      </c>
      <c r="W1731" s="166">
        <v>0</v>
      </c>
      <c r="X1731" s="166">
        <v>0</v>
      </c>
      <c r="Y1731" s="166">
        <v>0</v>
      </c>
      <c r="Z1731" s="166">
        <v>0</v>
      </c>
      <c r="AA1731" s="166">
        <v>0</v>
      </c>
      <c r="AB1731" s="166">
        <v>0</v>
      </c>
      <c r="AC1731" s="166">
        <v>0</v>
      </c>
      <c r="AD1731" s="166">
        <v>0</v>
      </c>
      <c r="AE1731" s="166">
        <v>0</v>
      </c>
      <c r="AF1731" s="166">
        <v>0</v>
      </c>
      <c r="AG1731" s="166">
        <v>0</v>
      </c>
      <c r="AH1731" s="166">
        <v>0</v>
      </c>
      <c r="AI1731" s="166">
        <v>0</v>
      </c>
      <c r="AJ1731" s="166">
        <v>0</v>
      </c>
      <c r="AK1731" s="166">
        <v>0</v>
      </c>
      <c r="AL1731" s="166">
        <v>0</v>
      </c>
      <c r="AM1731" s="166">
        <v>0</v>
      </c>
      <c r="AN1731" s="166">
        <v>0</v>
      </c>
      <c r="AO1731" s="166">
        <v>0</v>
      </c>
      <c r="AP1731" s="166">
        <v>0</v>
      </c>
      <c r="AQ1731" s="166">
        <v>0</v>
      </c>
      <c r="AR1731" s="166">
        <v>0</v>
      </c>
      <c r="AS1731" s="166">
        <v>0</v>
      </c>
      <c r="AT1731" s="166">
        <v>0</v>
      </c>
      <c r="AU1731" s="166">
        <v>0</v>
      </c>
      <c r="AV1731" s="166">
        <v>0</v>
      </c>
      <c r="AW1731" s="166">
        <v>0</v>
      </c>
      <c r="AX1731" s="166">
        <v>0</v>
      </c>
      <c r="AY1731" s="166">
        <v>0</v>
      </c>
      <c r="AZ1731" s="166">
        <v>0</v>
      </c>
      <c r="BA1731" s="166">
        <v>0</v>
      </c>
      <c r="BB1731" s="166">
        <v>0</v>
      </c>
      <c r="BC1731" s="166">
        <v>0</v>
      </c>
      <c r="BD1731" s="166">
        <v>0</v>
      </c>
      <c r="BE1731" s="166">
        <v>0</v>
      </c>
      <c r="BF1731" s="166">
        <v>0</v>
      </c>
      <c r="BG1731" s="166">
        <v>0</v>
      </c>
      <c r="BH1731" s="166">
        <v>0</v>
      </c>
      <c r="BI1731" s="166">
        <v>0</v>
      </c>
      <c r="BJ1731" s="166">
        <v>0</v>
      </c>
      <c r="BK1731" s="166">
        <v>0</v>
      </c>
      <c r="BL1731" s="166">
        <v>0</v>
      </c>
      <c r="BM1731" s="166">
        <v>0</v>
      </c>
      <c r="BN1731" s="166">
        <v>0</v>
      </c>
      <c r="BO1731" s="166">
        <v>0</v>
      </c>
      <c r="BP1731" s="166">
        <v>0</v>
      </c>
      <c r="BQ1731" s="166">
        <v>0</v>
      </c>
      <c r="BR1731" s="166">
        <v>1049788.33638733</v>
      </c>
      <c r="BS1731" s="166">
        <v>1049788.33638733</v>
      </c>
      <c r="BT1731" s="168">
        <v>0.98028822821850803</v>
      </c>
      <c r="BU1731" s="166">
        <v>99405.3683249061</v>
      </c>
      <c r="BV1731" s="166">
        <v>1029095.14828159</v>
      </c>
      <c r="BW1731" s="166">
        <v>0</v>
      </c>
      <c r="BX1731" s="166">
        <v>0</v>
      </c>
      <c r="BY1731" s="166">
        <v>0</v>
      </c>
      <c r="BZ1731" s="166">
        <v>0</v>
      </c>
      <c r="CA1731" s="166">
        <v>0</v>
      </c>
      <c r="CB1731" s="166">
        <v>0</v>
      </c>
      <c r="CC1731" s="166">
        <v>0</v>
      </c>
      <c r="CD1731" s="166">
        <v>0</v>
      </c>
      <c r="CE1731" s="166">
        <v>0</v>
      </c>
      <c r="CF1731" s="166">
        <v>0</v>
      </c>
      <c r="CG1731" s="166">
        <v>0</v>
      </c>
      <c r="CH1731" s="166">
        <v>0</v>
      </c>
      <c r="CI1731" s="166">
        <v>0</v>
      </c>
      <c r="CJ1731" s="166">
        <v>0</v>
      </c>
      <c r="CK1731" s="166">
        <v>0</v>
      </c>
      <c r="CL1731" s="166">
        <v>0</v>
      </c>
      <c r="CM1731" s="166">
        <v>0</v>
      </c>
      <c r="CN1731" s="166">
        <v>0</v>
      </c>
      <c r="CO1731" s="166">
        <v>0</v>
      </c>
      <c r="CP1731" s="166">
        <v>0</v>
      </c>
      <c r="CQ1731" s="166">
        <v>0</v>
      </c>
      <c r="CR1731" s="166">
        <v>0</v>
      </c>
      <c r="CS1731" s="166">
        <v>0</v>
      </c>
      <c r="CT1731" s="166">
        <v>0</v>
      </c>
      <c r="CU1731" s="166">
        <v>0</v>
      </c>
      <c r="CV1731" s="166">
        <v>0</v>
      </c>
      <c r="CW1731" s="166">
        <v>0</v>
      </c>
      <c r="CX1731" s="166">
        <v>0</v>
      </c>
      <c r="CY1731" s="166">
        <v>1029095.14828159</v>
      </c>
      <c r="CZ1731" s="166">
        <v>1029095.14828159</v>
      </c>
    </row>
    <row r="1732" spans="1:104" x14ac:dyDescent="0.2">
      <c r="A1732" s="167" t="s">
        <v>141</v>
      </c>
      <c r="B1732" s="166">
        <v>49655776.222058602</v>
      </c>
      <c r="C1732" s="166">
        <v>49655776.222058602</v>
      </c>
      <c r="D1732" s="166">
        <v>0</v>
      </c>
      <c r="E1732" s="166">
        <v>0</v>
      </c>
      <c r="F1732" s="166">
        <v>0</v>
      </c>
      <c r="G1732" s="166">
        <v>0</v>
      </c>
      <c r="H1732" s="166">
        <v>0</v>
      </c>
      <c r="I1732" s="166">
        <v>0</v>
      </c>
      <c r="J1732" s="166">
        <v>0</v>
      </c>
      <c r="K1732" s="166">
        <v>0</v>
      </c>
      <c r="L1732" s="166">
        <v>0</v>
      </c>
      <c r="M1732" s="166">
        <v>0</v>
      </c>
      <c r="N1732" s="166">
        <v>0</v>
      </c>
      <c r="O1732" s="166">
        <v>0</v>
      </c>
      <c r="P1732" s="166">
        <v>0</v>
      </c>
      <c r="Q1732" s="166">
        <v>0</v>
      </c>
      <c r="R1732" s="166">
        <v>0</v>
      </c>
      <c r="S1732" s="166">
        <v>0</v>
      </c>
      <c r="T1732" s="166">
        <v>0</v>
      </c>
      <c r="U1732" s="166">
        <v>0</v>
      </c>
      <c r="V1732" s="166">
        <v>0</v>
      </c>
      <c r="W1732" s="166">
        <v>0</v>
      </c>
      <c r="X1732" s="166">
        <v>0</v>
      </c>
      <c r="Y1732" s="166">
        <v>0</v>
      </c>
      <c r="Z1732" s="166">
        <v>0</v>
      </c>
      <c r="AA1732" s="166">
        <v>0</v>
      </c>
      <c r="AB1732" s="166">
        <v>0</v>
      </c>
      <c r="AC1732" s="166">
        <v>0</v>
      </c>
      <c r="AD1732" s="166">
        <v>0</v>
      </c>
      <c r="AE1732" s="166">
        <v>0</v>
      </c>
      <c r="AF1732" s="166">
        <v>0</v>
      </c>
      <c r="AG1732" s="166">
        <v>0</v>
      </c>
      <c r="AH1732" s="166">
        <v>0</v>
      </c>
      <c r="AI1732" s="166">
        <v>0</v>
      </c>
      <c r="AJ1732" s="166">
        <v>0</v>
      </c>
      <c r="AK1732" s="166">
        <v>0</v>
      </c>
      <c r="AL1732" s="166">
        <v>0</v>
      </c>
      <c r="AM1732" s="166">
        <v>0</v>
      </c>
      <c r="AN1732" s="166">
        <v>0</v>
      </c>
      <c r="AO1732" s="166">
        <v>0</v>
      </c>
      <c r="AP1732" s="166">
        <v>0</v>
      </c>
      <c r="AQ1732" s="166">
        <v>0</v>
      </c>
      <c r="AR1732" s="166">
        <v>0</v>
      </c>
      <c r="AS1732" s="166">
        <v>0</v>
      </c>
      <c r="AT1732" s="166">
        <v>0</v>
      </c>
      <c r="AU1732" s="166">
        <v>0</v>
      </c>
      <c r="AV1732" s="166">
        <v>0</v>
      </c>
      <c r="AW1732" s="166">
        <v>0</v>
      </c>
      <c r="AX1732" s="166">
        <v>0</v>
      </c>
      <c r="AY1732" s="166">
        <v>0</v>
      </c>
      <c r="AZ1732" s="166">
        <v>0</v>
      </c>
      <c r="BA1732" s="166">
        <v>0</v>
      </c>
      <c r="BB1732" s="166">
        <v>0</v>
      </c>
      <c r="BC1732" s="166">
        <v>0</v>
      </c>
      <c r="BD1732" s="166">
        <v>0</v>
      </c>
      <c r="BE1732" s="166">
        <v>0</v>
      </c>
      <c r="BF1732" s="166">
        <v>0</v>
      </c>
      <c r="BG1732" s="166">
        <v>0</v>
      </c>
      <c r="BH1732" s="166">
        <v>0</v>
      </c>
      <c r="BI1732" s="166">
        <v>0</v>
      </c>
      <c r="BJ1732" s="166">
        <v>0</v>
      </c>
      <c r="BK1732" s="166">
        <v>0</v>
      </c>
      <c r="BL1732" s="166">
        <v>0</v>
      </c>
      <c r="BM1732" s="166">
        <v>0</v>
      </c>
      <c r="BN1732" s="166">
        <v>0</v>
      </c>
      <c r="BO1732" s="166">
        <v>0</v>
      </c>
      <c r="BP1732" s="166">
        <v>0</v>
      </c>
      <c r="BQ1732" s="166">
        <v>0</v>
      </c>
      <c r="BR1732" s="166">
        <v>49655776.222058602</v>
      </c>
      <c r="BS1732" s="166">
        <v>49655776.222058602</v>
      </c>
      <c r="BT1732" s="168">
        <v>0</v>
      </c>
      <c r="BU1732" s="166">
        <v>5857250.8167391699</v>
      </c>
      <c r="BV1732" s="166">
        <v>49314937.766011603</v>
      </c>
      <c r="BW1732" s="166">
        <v>0</v>
      </c>
      <c r="BX1732" s="166">
        <v>0</v>
      </c>
      <c r="BY1732" s="166">
        <v>0</v>
      </c>
      <c r="BZ1732" s="166">
        <v>0</v>
      </c>
      <c r="CA1732" s="166">
        <v>0</v>
      </c>
      <c r="CB1732" s="166">
        <v>0</v>
      </c>
      <c r="CC1732" s="166">
        <v>0</v>
      </c>
      <c r="CD1732" s="166">
        <v>0</v>
      </c>
      <c r="CE1732" s="166">
        <v>0</v>
      </c>
      <c r="CF1732" s="166">
        <v>0</v>
      </c>
      <c r="CG1732" s="166">
        <v>0</v>
      </c>
      <c r="CH1732" s="166">
        <v>0</v>
      </c>
      <c r="CI1732" s="166">
        <v>0</v>
      </c>
      <c r="CJ1732" s="166">
        <v>0</v>
      </c>
      <c r="CK1732" s="166">
        <v>0</v>
      </c>
      <c r="CL1732" s="166">
        <v>0</v>
      </c>
      <c r="CM1732" s="166">
        <v>0</v>
      </c>
      <c r="CN1732" s="166">
        <v>0</v>
      </c>
      <c r="CO1732" s="166">
        <v>0</v>
      </c>
      <c r="CP1732" s="166">
        <v>0</v>
      </c>
      <c r="CQ1732" s="166">
        <v>0</v>
      </c>
      <c r="CR1732" s="166">
        <v>0</v>
      </c>
      <c r="CS1732" s="166">
        <v>0</v>
      </c>
      <c r="CT1732" s="166">
        <v>0</v>
      </c>
      <c r="CU1732" s="166">
        <v>0</v>
      </c>
      <c r="CV1732" s="166">
        <v>0</v>
      </c>
      <c r="CW1732" s="166">
        <v>0</v>
      </c>
      <c r="CX1732" s="166">
        <v>0</v>
      </c>
      <c r="CY1732" s="166">
        <v>49314937.766011603</v>
      </c>
      <c r="CZ1732" s="166">
        <v>49314937.766011603</v>
      </c>
    </row>
    <row r="1733" spans="1:104" x14ac:dyDescent="0.2">
      <c r="A1733" s="170" t="s">
        <v>142</v>
      </c>
      <c r="B1733" s="166">
        <v>69729062.272058606</v>
      </c>
      <c r="C1733" s="166">
        <v>69729062.272058606</v>
      </c>
      <c r="D1733" s="166">
        <v>0</v>
      </c>
      <c r="E1733" s="166">
        <v>0</v>
      </c>
      <c r="F1733" s="166">
        <v>0</v>
      </c>
      <c r="G1733" s="166">
        <v>0</v>
      </c>
      <c r="H1733" s="166">
        <v>0</v>
      </c>
      <c r="I1733" s="166">
        <v>0</v>
      </c>
      <c r="J1733" s="166">
        <v>0</v>
      </c>
      <c r="K1733" s="166">
        <v>0</v>
      </c>
      <c r="L1733" s="166">
        <v>0</v>
      </c>
      <c r="M1733" s="166">
        <v>0</v>
      </c>
      <c r="N1733" s="166">
        <v>0</v>
      </c>
      <c r="O1733" s="166">
        <v>0</v>
      </c>
      <c r="P1733" s="166">
        <v>0</v>
      </c>
      <c r="Q1733" s="166">
        <v>0</v>
      </c>
      <c r="R1733" s="166">
        <v>0</v>
      </c>
      <c r="S1733" s="166">
        <v>0</v>
      </c>
      <c r="T1733" s="166">
        <v>0</v>
      </c>
      <c r="U1733" s="166">
        <v>0</v>
      </c>
      <c r="V1733" s="166">
        <v>0</v>
      </c>
      <c r="W1733" s="166">
        <v>0</v>
      </c>
      <c r="X1733" s="166">
        <v>0</v>
      </c>
      <c r="Y1733" s="166">
        <v>0</v>
      </c>
      <c r="Z1733" s="166">
        <v>0</v>
      </c>
      <c r="AA1733" s="166">
        <v>0</v>
      </c>
      <c r="AB1733" s="166">
        <v>0</v>
      </c>
      <c r="AC1733" s="166">
        <v>0</v>
      </c>
      <c r="AD1733" s="166">
        <v>0</v>
      </c>
      <c r="AE1733" s="166">
        <v>0</v>
      </c>
      <c r="AF1733" s="166">
        <v>0</v>
      </c>
      <c r="AG1733" s="166">
        <v>0</v>
      </c>
      <c r="AH1733" s="166">
        <v>0</v>
      </c>
      <c r="AI1733" s="166">
        <v>0</v>
      </c>
      <c r="AJ1733" s="166">
        <v>0</v>
      </c>
      <c r="AK1733" s="166">
        <v>0</v>
      </c>
      <c r="AL1733" s="166">
        <v>0</v>
      </c>
      <c r="AM1733" s="166">
        <v>0</v>
      </c>
      <c r="AN1733" s="166">
        <v>0</v>
      </c>
      <c r="AO1733" s="166">
        <v>0</v>
      </c>
      <c r="AP1733" s="166">
        <v>0</v>
      </c>
      <c r="AQ1733" s="166">
        <v>0</v>
      </c>
      <c r="AR1733" s="166">
        <v>0</v>
      </c>
      <c r="AS1733" s="166">
        <v>0</v>
      </c>
      <c r="AT1733" s="166">
        <v>0</v>
      </c>
      <c r="AU1733" s="166">
        <v>0</v>
      </c>
      <c r="AV1733" s="166">
        <v>0</v>
      </c>
      <c r="AW1733" s="166">
        <v>0</v>
      </c>
      <c r="AX1733" s="166">
        <v>0</v>
      </c>
      <c r="AY1733" s="166">
        <v>0</v>
      </c>
      <c r="AZ1733" s="166">
        <v>0</v>
      </c>
      <c r="BA1733" s="166">
        <v>0</v>
      </c>
      <c r="BB1733" s="166">
        <v>0</v>
      </c>
      <c r="BC1733" s="166">
        <v>0</v>
      </c>
      <c r="BD1733" s="166">
        <v>0</v>
      </c>
      <c r="BE1733" s="166">
        <v>0</v>
      </c>
      <c r="BF1733" s="166">
        <v>0</v>
      </c>
      <c r="BG1733" s="166">
        <v>0</v>
      </c>
      <c r="BH1733" s="166">
        <v>0</v>
      </c>
      <c r="BI1733" s="166">
        <v>0</v>
      </c>
      <c r="BJ1733" s="166">
        <v>0</v>
      </c>
      <c r="BK1733" s="166">
        <v>0</v>
      </c>
      <c r="BL1733" s="166">
        <v>0</v>
      </c>
      <c r="BM1733" s="166">
        <v>0</v>
      </c>
      <c r="BN1733" s="166">
        <v>0</v>
      </c>
      <c r="BO1733" s="166">
        <v>0</v>
      </c>
      <c r="BP1733" s="166">
        <v>0</v>
      </c>
      <c r="BQ1733" s="166">
        <v>0</v>
      </c>
      <c r="BR1733" s="166">
        <v>139458124.544117</v>
      </c>
      <c r="BS1733" s="166">
        <v>69729062.272058606</v>
      </c>
      <c r="BT1733" s="168">
        <v>0</v>
      </c>
      <c r="BU1733" s="166">
        <v>7514570.71184042</v>
      </c>
      <c r="BV1733" s="166">
        <v>69004900.2606235</v>
      </c>
      <c r="BW1733" s="166">
        <v>0</v>
      </c>
      <c r="BX1733" s="166">
        <v>0</v>
      </c>
      <c r="BY1733" s="166">
        <v>0</v>
      </c>
      <c r="BZ1733" s="166">
        <v>0</v>
      </c>
      <c r="CA1733" s="166">
        <v>0</v>
      </c>
      <c r="CB1733" s="166">
        <v>0</v>
      </c>
      <c r="CC1733" s="166">
        <v>0</v>
      </c>
      <c r="CD1733" s="166">
        <v>0</v>
      </c>
      <c r="CE1733" s="166">
        <v>0</v>
      </c>
      <c r="CF1733" s="166">
        <v>0</v>
      </c>
      <c r="CG1733" s="166">
        <v>0</v>
      </c>
      <c r="CH1733" s="166">
        <v>0</v>
      </c>
      <c r="CI1733" s="166">
        <v>0</v>
      </c>
      <c r="CJ1733" s="166">
        <v>0</v>
      </c>
      <c r="CK1733" s="166">
        <v>0</v>
      </c>
      <c r="CL1733" s="166">
        <v>0</v>
      </c>
      <c r="CM1733" s="166">
        <v>0</v>
      </c>
      <c r="CN1733" s="166">
        <v>0</v>
      </c>
      <c r="CO1733" s="166">
        <v>0</v>
      </c>
      <c r="CP1733" s="166">
        <v>0</v>
      </c>
      <c r="CQ1733" s="166">
        <v>0</v>
      </c>
      <c r="CR1733" s="166">
        <v>0</v>
      </c>
      <c r="CS1733" s="166">
        <v>0</v>
      </c>
      <c r="CT1733" s="166">
        <v>0</v>
      </c>
      <c r="CU1733" s="166">
        <v>0</v>
      </c>
      <c r="CV1733" s="166">
        <v>0</v>
      </c>
      <c r="CW1733" s="166">
        <v>0</v>
      </c>
      <c r="CX1733" s="166">
        <v>0</v>
      </c>
      <c r="CY1733" s="166">
        <v>69004900.2606235</v>
      </c>
      <c r="CZ1733" s="166">
        <v>69004900.2606235</v>
      </c>
    </row>
    <row r="1734" spans="1:104" x14ac:dyDescent="0.2">
      <c r="A1734" s="167" t="s">
        <v>143</v>
      </c>
    </row>
    <row r="1735" spans="1:104" x14ac:dyDescent="0.2">
      <c r="A1735" s="170" t="s">
        <v>144</v>
      </c>
    </row>
    <row r="1736" spans="1:104" x14ac:dyDescent="0.2">
      <c r="A1736" s="167" t="s">
        <v>1050</v>
      </c>
      <c r="B1736" s="166">
        <v>-2513029</v>
      </c>
      <c r="C1736" s="166">
        <v>-2513029</v>
      </c>
      <c r="D1736" s="166">
        <v>0</v>
      </c>
      <c r="E1736" s="166">
        <v>0</v>
      </c>
      <c r="F1736" s="166">
        <v>0</v>
      </c>
      <c r="G1736" s="166">
        <v>0</v>
      </c>
      <c r="H1736" s="166">
        <v>0</v>
      </c>
      <c r="I1736" s="166">
        <v>0</v>
      </c>
      <c r="J1736" s="166">
        <v>0</v>
      </c>
      <c r="K1736" s="166">
        <v>0</v>
      </c>
      <c r="L1736" s="166">
        <v>0</v>
      </c>
      <c r="M1736" s="166">
        <v>0</v>
      </c>
      <c r="N1736" s="166">
        <v>0</v>
      </c>
      <c r="O1736" s="166">
        <v>0</v>
      </c>
      <c r="P1736" s="166">
        <v>0</v>
      </c>
      <c r="Q1736" s="166">
        <v>0</v>
      </c>
      <c r="R1736" s="166">
        <v>0</v>
      </c>
      <c r="S1736" s="166">
        <v>0</v>
      </c>
      <c r="T1736" s="166">
        <v>0</v>
      </c>
      <c r="U1736" s="166">
        <v>0</v>
      </c>
      <c r="V1736" s="166">
        <v>0</v>
      </c>
      <c r="W1736" s="166">
        <v>0</v>
      </c>
      <c r="X1736" s="166">
        <v>0</v>
      </c>
      <c r="Y1736" s="166">
        <v>0</v>
      </c>
      <c r="Z1736" s="166">
        <v>0</v>
      </c>
      <c r="AA1736" s="166">
        <v>0</v>
      </c>
      <c r="AB1736" s="166">
        <v>0</v>
      </c>
      <c r="AC1736" s="166">
        <v>0</v>
      </c>
      <c r="AD1736" s="166">
        <v>0</v>
      </c>
      <c r="AE1736" s="166">
        <v>0</v>
      </c>
      <c r="AF1736" s="166">
        <v>0</v>
      </c>
      <c r="AG1736" s="166">
        <v>0</v>
      </c>
      <c r="AH1736" s="166">
        <v>0</v>
      </c>
      <c r="AI1736" s="166">
        <v>0</v>
      </c>
      <c r="AJ1736" s="166">
        <v>0</v>
      </c>
      <c r="AK1736" s="166">
        <v>0</v>
      </c>
      <c r="AL1736" s="166">
        <v>0</v>
      </c>
      <c r="AM1736" s="166">
        <v>0</v>
      </c>
      <c r="AN1736" s="166">
        <v>0</v>
      </c>
      <c r="AO1736" s="166">
        <v>0</v>
      </c>
      <c r="AP1736" s="166">
        <v>0</v>
      </c>
      <c r="AQ1736" s="166">
        <v>0</v>
      </c>
      <c r="AR1736" s="166">
        <v>0</v>
      </c>
      <c r="AS1736" s="166">
        <v>0</v>
      </c>
      <c r="AT1736" s="166">
        <v>0</v>
      </c>
      <c r="AU1736" s="166">
        <v>0</v>
      </c>
      <c r="AV1736" s="166">
        <v>0</v>
      </c>
      <c r="AW1736" s="166">
        <v>0</v>
      </c>
      <c r="AX1736" s="166">
        <v>0</v>
      </c>
      <c r="AY1736" s="166">
        <v>0</v>
      </c>
      <c r="AZ1736" s="166">
        <v>0</v>
      </c>
      <c r="BA1736" s="166">
        <v>0</v>
      </c>
      <c r="BB1736" s="166">
        <v>0</v>
      </c>
      <c r="BC1736" s="166">
        <v>0</v>
      </c>
      <c r="BD1736" s="166">
        <v>0</v>
      </c>
      <c r="BE1736" s="166">
        <v>0</v>
      </c>
      <c r="BF1736" s="166">
        <v>0</v>
      </c>
      <c r="BG1736" s="166">
        <v>0</v>
      </c>
      <c r="BH1736" s="166">
        <v>0</v>
      </c>
      <c r="BI1736" s="166">
        <v>0</v>
      </c>
      <c r="BJ1736" s="166">
        <v>0</v>
      </c>
      <c r="BK1736" s="166">
        <v>0</v>
      </c>
      <c r="BL1736" s="166">
        <v>0</v>
      </c>
      <c r="BM1736" s="166">
        <v>0</v>
      </c>
      <c r="BN1736" s="166">
        <v>0</v>
      </c>
      <c r="BO1736" s="166">
        <v>0</v>
      </c>
      <c r="BP1736" s="166">
        <v>0</v>
      </c>
      <c r="BQ1736" s="166">
        <v>0</v>
      </c>
      <c r="BR1736" s="166">
        <v>-2513029</v>
      </c>
      <c r="BS1736" s="166">
        <v>-2513029</v>
      </c>
      <c r="BT1736" s="168">
        <v>0.999998123540776</v>
      </c>
      <c r="BU1736" s="166">
        <v>-2003129.86120144</v>
      </c>
      <c r="BV1736" s="166">
        <v>-2513024.28440355</v>
      </c>
      <c r="BW1736" s="166">
        <v>0</v>
      </c>
      <c r="BX1736" s="166">
        <v>0</v>
      </c>
      <c r="BY1736" s="166">
        <v>0</v>
      </c>
      <c r="BZ1736" s="166">
        <v>0</v>
      </c>
      <c r="CA1736" s="166">
        <v>0</v>
      </c>
      <c r="CB1736" s="166">
        <v>0</v>
      </c>
      <c r="CC1736" s="166">
        <v>0</v>
      </c>
      <c r="CD1736" s="166">
        <v>0</v>
      </c>
      <c r="CE1736" s="166">
        <v>0</v>
      </c>
      <c r="CF1736" s="166">
        <v>0</v>
      </c>
      <c r="CG1736" s="166">
        <v>0</v>
      </c>
      <c r="CH1736" s="166">
        <v>0</v>
      </c>
      <c r="CI1736" s="166">
        <v>0</v>
      </c>
      <c r="CJ1736" s="166">
        <v>0</v>
      </c>
      <c r="CK1736" s="166">
        <v>0</v>
      </c>
      <c r="CL1736" s="166">
        <v>0</v>
      </c>
      <c r="CM1736" s="166">
        <v>0</v>
      </c>
      <c r="CN1736" s="166">
        <v>0</v>
      </c>
      <c r="CO1736" s="166">
        <v>0</v>
      </c>
      <c r="CP1736" s="166">
        <v>0</v>
      </c>
      <c r="CQ1736" s="166">
        <v>0</v>
      </c>
      <c r="CR1736" s="166">
        <v>0</v>
      </c>
      <c r="CS1736" s="166">
        <v>0</v>
      </c>
      <c r="CT1736" s="166">
        <v>0</v>
      </c>
      <c r="CU1736" s="166">
        <v>0</v>
      </c>
      <c r="CV1736" s="166">
        <v>0</v>
      </c>
      <c r="CW1736" s="166">
        <v>0</v>
      </c>
      <c r="CX1736" s="166">
        <v>0</v>
      </c>
      <c r="CY1736" s="166">
        <v>-2513024.28440355</v>
      </c>
      <c r="CZ1736" s="166">
        <v>-2513024.28440355</v>
      </c>
    </row>
    <row r="1737" spans="1:104" x14ac:dyDescent="0.2">
      <c r="A1737" s="167" t="s">
        <v>146</v>
      </c>
      <c r="B1737" s="166">
        <v>0</v>
      </c>
      <c r="C1737" s="166">
        <v>0</v>
      </c>
      <c r="D1737" s="166">
        <v>0</v>
      </c>
      <c r="E1737" s="166">
        <v>0</v>
      </c>
      <c r="F1737" s="166">
        <v>0</v>
      </c>
      <c r="G1737" s="166">
        <v>0</v>
      </c>
      <c r="H1737" s="166">
        <v>0</v>
      </c>
      <c r="I1737" s="166">
        <v>0</v>
      </c>
      <c r="J1737" s="166">
        <v>0</v>
      </c>
      <c r="K1737" s="166">
        <v>0</v>
      </c>
      <c r="L1737" s="166">
        <v>0</v>
      </c>
      <c r="M1737" s="166">
        <v>0</v>
      </c>
      <c r="N1737" s="166">
        <v>0</v>
      </c>
      <c r="O1737" s="166">
        <v>0</v>
      </c>
      <c r="P1737" s="166">
        <v>0</v>
      </c>
      <c r="Q1737" s="166">
        <v>0</v>
      </c>
      <c r="R1737" s="166">
        <v>0</v>
      </c>
      <c r="S1737" s="166">
        <v>0</v>
      </c>
      <c r="T1737" s="166">
        <v>0</v>
      </c>
      <c r="U1737" s="166">
        <v>0</v>
      </c>
      <c r="V1737" s="166">
        <v>0</v>
      </c>
      <c r="W1737" s="166">
        <v>0</v>
      </c>
      <c r="X1737" s="166">
        <v>0</v>
      </c>
      <c r="Y1737" s="166">
        <v>0</v>
      </c>
      <c r="Z1737" s="166">
        <v>0</v>
      </c>
      <c r="AA1737" s="166">
        <v>0</v>
      </c>
      <c r="AB1737" s="166">
        <v>0</v>
      </c>
      <c r="AC1737" s="166">
        <v>0</v>
      </c>
      <c r="AD1737" s="166">
        <v>0</v>
      </c>
      <c r="AE1737" s="166">
        <v>0</v>
      </c>
      <c r="AF1737" s="166">
        <v>0</v>
      </c>
      <c r="AG1737" s="166">
        <v>0</v>
      </c>
      <c r="AH1737" s="166">
        <v>0</v>
      </c>
      <c r="AI1737" s="166">
        <v>0</v>
      </c>
      <c r="AJ1737" s="166">
        <v>0</v>
      </c>
      <c r="AK1737" s="166">
        <v>0</v>
      </c>
      <c r="AL1737" s="166">
        <v>0</v>
      </c>
      <c r="AM1737" s="166">
        <v>0</v>
      </c>
      <c r="AN1737" s="166">
        <v>0</v>
      </c>
      <c r="AO1737" s="166">
        <v>0</v>
      </c>
      <c r="AP1737" s="166">
        <v>0</v>
      </c>
      <c r="AQ1737" s="166">
        <v>0</v>
      </c>
      <c r="AR1737" s="166">
        <v>0</v>
      </c>
      <c r="AS1737" s="166">
        <v>0</v>
      </c>
      <c r="AT1737" s="166">
        <v>0</v>
      </c>
      <c r="AU1737" s="166">
        <v>0</v>
      </c>
      <c r="AV1737" s="166">
        <v>0</v>
      </c>
      <c r="AW1737" s="166">
        <v>0</v>
      </c>
      <c r="AX1737" s="166">
        <v>0</v>
      </c>
      <c r="AY1737" s="166">
        <v>0</v>
      </c>
      <c r="AZ1737" s="166">
        <v>0</v>
      </c>
      <c r="BA1737" s="166">
        <v>0</v>
      </c>
      <c r="BB1737" s="166">
        <v>0</v>
      </c>
      <c r="BC1737" s="166">
        <v>0</v>
      </c>
      <c r="BD1737" s="166">
        <v>0</v>
      </c>
      <c r="BE1737" s="166">
        <v>0</v>
      </c>
      <c r="BF1737" s="166">
        <v>0</v>
      </c>
      <c r="BG1737" s="166">
        <v>0</v>
      </c>
      <c r="BH1737" s="166">
        <v>0</v>
      </c>
      <c r="BI1737" s="166">
        <v>0</v>
      </c>
      <c r="BJ1737" s="166">
        <v>0</v>
      </c>
      <c r="BK1737" s="166">
        <v>0</v>
      </c>
      <c r="BL1737" s="166">
        <v>0</v>
      </c>
      <c r="BM1737" s="166">
        <v>0</v>
      </c>
      <c r="BN1737" s="166">
        <v>0</v>
      </c>
      <c r="BO1737" s="166">
        <v>0</v>
      </c>
      <c r="BP1737" s="166">
        <v>0</v>
      </c>
      <c r="BQ1737" s="166">
        <v>0</v>
      </c>
      <c r="BR1737" s="166">
        <v>0</v>
      </c>
      <c r="BS1737" s="166">
        <v>0</v>
      </c>
      <c r="BT1737" s="168">
        <v>0.99999527075910699</v>
      </c>
      <c r="BU1737" s="166">
        <v>0</v>
      </c>
      <c r="BV1737" s="166">
        <v>0</v>
      </c>
      <c r="BW1737" s="166">
        <v>0</v>
      </c>
      <c r="BX1737" s="166">
        <v>0</v>
      </c>
      <c r="BY1737" s="166">
        <v>0</v>
      </c>
      <c r="BZ1737" s="166">
        <v>0</v>
      </c>
      <c r="CA1737" s="166">
        <v>0</v>
      </c>
      <c r="CB1737" s="166">
        <v>0</v>
      </c>
      <c r="CC1737" s="166">
        <v>0</v>
      </c>
      <c r="CD1737" s="166">
        <v>0</v>
      </c>
      <c r="CE1737" s="166">
        <v>0</v>
      </c>
      <c r="CF1737" s="166">
        <v>0</v>
      </c>
      <c r="CG1737" s="166">
        <v>0</v>
      </c>
      <c r="CH1737" s="166">
        <v>0</v>
      </c>
      <c r="CI1737" s="166">
        <v>0</v>
      </c>
      <c r="CJ1737" s="166">
        <v>0</v>
      </c>
      <c r="CK1737" s="166">
        <v>0</v>
      </c>
      <c r="CL1737" s="166">
        <v>0</v>
      </c>
      <c r="CM1737" s="166">
        <v>0</v>
      </c>
      <c r="CN1737" s="166">
        <v>0</v>
      </c>
      <c r="CO1737" s="166">
        <v>0</v>
      </c>
      <c r="CP1737" s="166">
        <v>0</v>
      </c>
      <c r="CQ1737" s="166">
        <v>0</v>
      </c>
      <c r="CR1737" s="166">
        <v>0</v>
      </c>
      <c r="CS1737" s="166">
        <v>0</v>
      </c>
      <c r="CT1737" s="166">
        <v>0</v>
      </c>
      <c r="CU1737" s="166">
        <v>0</v>
      </c>
      <c r="CV1737" s="166">
        <v>0</v>
      </c>
      <c r="CW1737" s="166">
        <v>0</v>
      </c>
      <c r="CX1737" s="166">
        <v>0</v>
      </c>
      <c r="CY1737" s="166">
        <v>0</v>
      </c>
      <c r="CZ1737" s="166">
        <v>0</v>
      </c>
    </row>
    <row r="1738" spans="1:104" x14ac:dyDescent="0.2">
      <c r="A1738" s="170" t="s">
        <v>147</v>
      </c>
      <c r="B1738" s="166">
        <v>-2513029</v>
      </c>
      <c r="C1738" s="166">
        <v>-2513029</v>
      </c>
      <c r="D1738" s="166">
        <v>0</v>
      </c>
      <c r="E1738" s="166">
        <v>0</v>
      </c>
      <c r="F1738" s="166">
        <v>0</v>
      </c>
      <c r="G1738" s="166">
        <v>0</v>
      </c>
      <c r="H1738" s="166">
        <v>0</v>
      </c>
      <c r="I1738" s="166">
        <v>0</v>
      </c>
      <c r="J1738" s="166">
        <v>0</v>
      </c>
      <c r="K1738" s="166">
        <v>0</v>
      </c>
      <c r="L1738" s="166">
        <v>0</v>
      </c>
      <c r="M1738" s="166">
        <v>0</v>
      </c>
      <c r="N1738" s="166">
        <v>0</v>
      </c>
      <c r="O1738" s="166">
        <v>0</v>
      </c>
      <c r="P1738" s="166">
        <v>0</v>
      </c>
      <c r="Q1738" s="166">
        <v>0</v>
      </c>
      <c r="R1738" s="166">
        <v>0</v>
      </c>
      <c r="S1738" s="166">
        <v>0</v>
      </c>
      <c r="T1738" s="166">
        <v>0</v>
      </c>
      <c r="U1738" s="166">
        <v>0</v>
      </c>
      <c r="V1738" s="166">
        <v>0</v>
      </c>
      <c r="W1738" s="166">
        <v>0</v>
      </c>
      <c r="X1738" s="166">
        <v>0</v>
      </c>
      <c r="Y1738" s="166">
        <v>0</v>
      </c>
      <c r="Z1738" s="166">
        <v>0</v>
      </c>
      <c r="AA1738" s="166">
        <v>0</v>
      </c>
      <c r="AB1738" s="166">
        <v>0</v>
      </c>
      <c r="AC1738" s="166">
        <v>0</v>
      </c>
      <c r="AD1738" s="166">
        <v>0</v>
      </c>
      <c r="AE1738" s="166">
        <v>0</v>
      </c>
      <c r="AF1738" s="166">
        <v>0</v>
      </c>
      <c r="AG1738" s="166">
        <v>0</v>
      </c>
      <c r="AH1738" s="166">
        <v>0</v>
      </c>
      <c r="AI1738" s="166">
        <v>0</v>
      </c>
      <c r="AJ1738" s="166">
        <v>0</v>
      </c>
      <c r="AK1738" s="166">
        <v>0</v>
      </c>
      <c r="AL1738" s="166">
        <v>0</v>
      </c>
      <c r="AM1738" s="166">
        <v>0</v>
      </c>
      <c r="AN1738" s="166">
        <v>0</v>
      </c>
      <c r="AO1738" s="166">
        <v>0</v>
      </c>
      <c r="AP1738" s="166">
        <v>0</v>
      </c>
      <c r="AQ1738" s="166">
        <v>0</v>
      </c>
      <c r="AR1738" s="166">
        <v>0</v>
      </c>
      <c r="AS1738" s="166">
        <v>0</v>
      </c>
      <c r="AT1738" s="166">
        <v>0</v>
      </c>
      <c r="AU1738" s="166">
        <v>0</v>
      </c>
      <c r="AV1738" s="166">
        <v>0</v>
      </c>
      <c r="AW1738" s="166">
        <v>0</v>
      </c>
      <c r="AX1738" s="166">
        <v>0</v>
      </c>
      <c r="AY1738" s="166">
        <v>0</v>
      </c>
      <c r="AZ1738" s="166">
        <v>0</v>
      </c>
      <c r="BA1738" s="166">
        <v>0</v>
      </c>
      <c r="BB1738" s="166">
        <v>0</v>
      </c>
      <c r="BC1738" s="166">
        <v>0</v>
      </c>
      <c r="BD1738" s="166">
        <v>0</v>
      </c>
      <c r="BE1738" s="166">
        <v>0</v>
      </c>
      <c r="BF1738" s="166">
        <v>0</v>
      </c>
      <c r="BG1738" s="166">
        <v>0</v>
      </c>
      <c r="BH1738" s="166">
        <v>0</v>
      </c>
      <c r="BI1738" s="166">
        <v>0</v>
      </c>
      <c r="BJ1738" s="166">
        <v>0</v>
      </c>
      <c r="BK1738" s="166">
        <v>0</v>
      </c>
      <c r="BL1738" s="166">
        <v>0</v>
      </c>
      <c r="BM1738" s="166">
        <v>0</v>
      </c>
      <c r="BN1738" s="166">
        <v>0</v>
      </c>
      <c r="BO1738" s="166">
        <v>0</v>
      </c>
      <c r="BP1738" s="166">
        <v>0</v>
      </c>
      <c r="BQ1738" s="166">
        <v>0</v>
      </c>
      <c r="BR1738" s="166">
        <v>-2513029</v>
      </c>
      <c r="BS1738" s="166">
        <v>-2513029</v>
      </c>
      <c r="BT1738" s="168">
        <v>0</v>
      </c>
      <c r="BU1738" s="166">
        <v>-2003129.86120144</v>
      </c>
      <c r="BV1738" s="166">
        <v>-2513024.28440355</v>
      </c>
      <c r="BW1738" s="166">
        <v>0</v>
      </c>
      <c r="BX1738" s="166">
        <v>0</v>
      </c>
      <c r="BY1738" s="166">
        <v>0</v>
      </c>
      <c r="BZ1738" s="166">
        <v>0</v>
      </c>
      <c r="CA1738" s="166">
        <v>0</v>
      </c>
      <c r="CB1738" s="166">
        <v>0</v>
      </c>
      <c r="CC1738" s="166">
        <v>0</v>
      </c>
      <c r="CD1738" s="166">
        <v>0</v>
      </c>
      <c r="CE1738" s="166">
        <v>0</v>
      </c>
      <c r="CF1738" s="166">
        <v>0</v>
      </c>
      <c r="CG1738" s="166">
        <v>0</v>
      </c>
      <c r="CH1738" s="166">
        <v>0</v>
      </c>
      <c r="CI1738" s="166">
        <v>0</v>
      </c>
      <c r="CJ1738" s="166">
        <v>0</v>
      </c>
      <c r="CK1738" s="166">
        <v>0</v>
      </c>
      <c r="CL1738" s="166">
        <v>0</v>
      </c>
      <c r="CM1738" s="166">
        <v>0</v>
      </c>
      <c r="CN1738" s="166">
        <v>0</v>
      </c>
      <c r="CO1738" s="166">
        <v>0</v>
      </c>
      <c r="CP1738" s="166">
        <v>0</v>
      </c>
      <c r="CQ1738" s="166">
        <v>0</v>
      </c>
      <c r="CR1738" s="166">
        <v>0</v>
      </c>
      <c r="CS1738" s="166">
        <v>0</v>
      </c>
      <c r="CT1738" s="166">
        <v>0</v>
      </c>
      <c r="CU1738" s="166">
        <v>0</v>
      </c>
      <c r="CV1738" s="166">
        <v>0</v>
      </c>
      <c r="CW1738" s="166">
        <v>0</v>
      </c>
      <c r="CX1738" s="166">
        <v>0</v>
      </c>
      <c r="CY1738" s="166">
        <v>-2513024.28440355</v>
      </c>
      <c r="CZ1738" s="166">
        <v>-2513024.28440355</v>
      </c>
    </row>
    <row r="1739" spans="1:104" x14ac:dyDescent="0.2">
      <c r="A1739" s="167" t="s">
        <v>148</v>
      </c>
    </row>
    <row r="1740" spans="1:104" x14ac:dyDescent="0.2">
      <c r="A1740" s="170" t="s">
        <v>149</v>
      </c>
    </row>
    <row r="1741" spans="1:104" x14ac:dyDescent="0.2">
      <c r="A1741" s="167" t="s">
        <v>1051</v>
      </c>
      <c r="B1741" s="166">
        <v>11755259.5287569</v>
      </c>
      <c r="C1741" s="166">
        <v>11755259.5287569</v>
      </c>
      <c r="D1741" s="166">
        <v>0</v>
      </c>
      <c r="E1741" s="166">
        <v>0</v>
      </c>
      <c r="F1741" s="166">
        <v>0</v>
      </c>
      <c r="G1741" s="166">
        <v>0</v>
      </c>
      <c r="H1741" s="166">
        <v>0</v>
      </c>
      <c r="I1741" s="166">
        <v>0</v>
      </c>
      <c r="J1741" s="166">
        <v>0</v>
      </c>
      <c r="K1741" s="166">
        <v>0</v>
      </c>
      <c r="L1741" s="166">
        <v>0</v>
      </c>
      <c r="M1741" s="166">
        <v>0</v>
      </c>
      <c r="N1741" s="166">
        <v>0</v>
      </c>
      <c r="O1741" s="166">
        <v>0</v>
      </c>
      <c r="P1741" s="166">
        <v>0</v>
      </c>
      <c r="Q1741" s="166">
        <v>0</v>
      </c>
      <c r="R1741" s="166">
        <v>0</v>
      </c>
      <c r="S1741" s="166">
        <v>0</v>
      </c>
      <c r="T1741" s="166">
        <v>0</v>
      </c>
      <c r="U1741" s="166">
        <v>0</v>
      </c>
      <c r="V1741" s="166">
        <v>0</v>
      </c>
      <c r="W1741" s="166">
        <v>0</v>
      </c>
      <c r="X1741" s="166">
        <v>0</v>
      </c>
      <c r="Y1741" s="166">
        <v>0</v>
      </c>
      <c r="Z1741" s="166">
        <v>0</v>
      </c>
      <c r="AA1741" s="166">
        <v>0</v>
      </c>
      <c r="AB1741" s="166">
        <v>0</v>
      </c>
      <c r="AC1741" s="166">
        <v>0</v>
      </c>
      <c r="AD1741" s="166">
        <v>0</v>
      </c>
      <c r="AE1741" s="166">
        <v>0</v>
      </c>
      <c r="AF1741" s="166">
        <v>0</v>
      </c>
      <c r="AG1741" s="166">
        <v>0</v>
      </c>
      <c r="AH1741" s="166">
        <v>0</v>
      </c>
      <c r="AI1741" s="166">
        <v>0</v>
      </c>
      <c r="AJ1741" s="166">
        <v>0</v>
      </c>
      <c r="AK1741" s="166">
        <v>0</v>
      </c>
      <c r="AL1741" s="166">
        <v>0</v>
      </c>
      <c r="AM1741" s="166">
        <v>0</v>
      </c>
      <c r="AN1741" s="166">
        <v>0</v>
      </c>
      <c r="AO1741" s="166">
        <v>0</v>
      </c>
      <c r="AP1741" s="166">
        <v>0</v>
      </c>
      <c r="AQ1741" s="166">
        <v>0</v>
      </c>
      <c r="AR1741" s="166">
        <v>0</v>
      </c>
      <c r="AS1741" s="166">
        <v>0</v>
      </c>
      <c r="AT1741" s="166">
        <v>0</v>
      </c>
      <c r="AU1741" s="166">
        <v>0</v>
      </c>
      <c r="AV1741" s="166">
        <v>0</v>
      </c>
      <c r="AW1741" s="166">
        <v>0</v>
      </c>
      <c r="AX1741" s="166">
        <v>0</v>
      </c>
      <c r="AY1741" s="166">
        <v>0</v>
      </c>
      <c r="AZ1741" s="166">
        <v>0</v>
      </c>
      <c r="BA1741" s="166">
        <v>0</v>
      </c>
      <c r="BB1741" s="166">
        <v>0</v>
      </c>
      <c r="BC1741" s="166">
        <v>0</v>
      </c>
      <c r="BD1741" s="166">
        <v>0</v>
      </c>
      <c r="BE1741" s="166">
        <v>0</v>
      </c>
      <c r="BF1741" s="166">
        <v>0</v>
      </c>
      <c r="BG1741" s="166">
        <v>0</v>
      </c>
      <c r="BH1741" s="166">
        <v>0</v>
      </c>
      <c r="BI1741" s="166">
        <v>0</v>
      </c>
      <c r="BJ1741" s="166">
        <v>0</v>
      </c>
      <c r="BK1741" s="166">
        <v>0</v>
      </c>
      <c r="BL1741" s="166">
        <v>0</v>
      </c>
      <c r="BM1741" s="166">
        <v>0</v>
      </c>
      <c r="BN1741" s="166">
        <v>0</v>
      </c>
      <c r="BO1741" s="166">
        <v>0</v>
      </c>
      <c r="BP1741" s="166">
        <v>0</v>
      </c>
      <c r="BQ1741" s="166">
        <v>0</v>
      </c>
      <c r="BR1741" s="166">
        <v>11755259.5287569</v>
      </c>
      <c r="BS1741" s="166">
        <v>11755259.5287569</v>
      </c>
      <c r="BT1741" s="168">
        <v>0.999998123540776</v>
      </c>
      <c r="BU1741" s="166">
        <v>926023.33757673705</v>
      </c>
      <c r="BV1741" s="166">
        <v>11755237.4704918</v>
      </c>
      <c r="BW1741" s="166">
        <v>0</v>
      </c>
      <c r="BX1741" s="166">
        <v>0</v>
      </c>
      <c r="BY1741" s="166">
        <v>0</v>
      </c>
      <c r="BZ1741" s="166">
        <v>0</v>
      </c>
      <c r="CA1741" s="166">
        <v>0</v>
      </c>
      <c r="CB1741" s="166">
        <v>0</v>
      </c>
      <c r="CC1741" s="166">
        <v>0</v>
      </c>
      <c r="CD1741" s="166">
        <v>0</v>
      </c>
      <c r="CE1741" s="166">
        <v>0</v>
      </c>
      <c r="CF1741" s="166">
        <v>0</v>
      </c>
      <c r="CG1741" s="166">
        <v>0</v>
      </c>
      <c r="CH1741" s="166">
        <v>0</v>
      </c>
      <c r="CI1741" s="166">
        <v>0</v>
      </c>
      <c r="CJ1741" s="166">
        <v>0</v>
      </c>
      <c r="CK1741" s="166">
        <v>0</v>
      </c>
      <c r="CL1741" s="166">
        <v>0</v>
      </c>
      <c r="CM1741" s="166">
        <v>0</v>
      </c>
      <c r="CN1741" s="166">
        <v>0</v>
      </c>
      <c r="CO1741" s="166">
        <v>0</v>
      </c>
      <c r="CP1741" s="166">
        <v>0</v>
      </c>
      <c r="CQ1741" s="166">
        <v>0</v>
      </c>
      <c r="CR1741" s="166">
        <v>0</v>
      </c>
      <c r="CS1741" s="166">
        <v>0</v>
      </c>
      <c r="CT1741" s="166">
        <v>0</v>
      </c>
      <c r="CU1741" s="166">
        <v>0</v>
      </c>
      <c r="CV1741" s="166">
        <v>0</v>
      </c>
      <c r="CW1741" s="166">
        <v>0</v>
      </c>
      <c r="CX1741" s="166">
        <v>0</v>
      </c>
      <c r="CY1741" s="166">
        <v>11755237.4704918</v>
      </c>
      <c r="CZ1741" s="166">
        <v>11755237.4704918</v>
      </c>
    </row>
    <row r="1742" spans="1:104" x14ac:dyDescent="0.2">
      <c r="A1742" s="167" t="s">
        <v>1052</v>
      </c>
      <c r="B1742" s="166">
        <v>-36208.4294640273</v>
      </c>
      <c r="C1742" s="166">
        <v>-36208.4294640273</v>
      </c>
      <c r="D1742" s="166">
        <v>0</v>
      </c>
      <c r="E1742" s="166">
        <v>0</v>
      </c>
      <c r="F1742" s="166">
        <v>0</v>
      </c>
      <c r="G1742" s="166">
        <v>0</v>
      </c>
      <c r="H1742" s="166">
        <v>0</v>
      </c>
      <c r="I1742" s="166">
        <v>0</v>
      </c>
      <c r="J1742" s="166">
        <v>0</v>
      </c>
      <c r="K1742" s="166">
        <v>0</v>
      </c>
      <c r="L1742" s="166">
        <v>0</v>
      </c>
      <c r="M1742" s="166">
        <v>0</v>
      </c>
      <c r="N1742" s="166">
        <v>0</v>
      </c>
      <c r="O1742" s="166">
        <v>0</v>
      </c>
      <c r="P1742" s="166">
        <v>0</v>
      </c>
      <c r="Q1742" s="166">
        <v>0</v>
      </c>
      <c r="R1742" s="166">
        <v>0</v>
      </c>
      <c r="S1742" s="166">
        <v>0</v>
      </c>
      <c r="T1742" s="166">
        <v>0</v>
      </c>
      <c r="U1742" s="166">
        <v>0</v>
      </c>
      <c r="V1742" s="166">
        <v>0</v>
      </c>
      <c r="W1742" s="166">
        <v>0</v>
      </c>
      <c r="X1742" s="166">
        <v>0</v>
      </c>
      <c r="Y1742" s="166">
        <v>0</v>
      </c>
      <c r="Z1742" s="166">
        <v>0</v>
      </c>
      <c r="AA1742" s="166">
        <v>0</v>
      </c>
      <c r="AB1742" s="166">
        <v>0</v>
      </c>
      <c r="AC1742" s="166">
        <v>0</v>
      </c>
      <c r="AD1742" s="166">
        <v>0</v>
      </c>
      <c r="AE1742" s="166">
        <v>0</v>
      </c>
      <c r="AF1742" s="166">
        <v>0</v>
      </c>
      <c r="AG1742" s="166">
        <v>0</v>
      </c>
      <c r="AH1742" s="166">
        <v>0</v>
      </c>
      <c r="AI1742" s="166">
        <v>0</v>
      </c>
      <c r="AJ1742" s="166">
        <v>0</v>
      </c>
      <c r="AK1742" s="166">
        <v>0</v>
      </c>
      <c r="AL1742" s="166">
        <v>0</v>
      </c>
      <c r="AM1742" s="166">
        <v>0</v>
      </c>
      <c r="AN1742" s="166">
        <v>0</v>
      </c>
      <c r="AO1742" s="166">
        <v>0</v>
      </c>
      <c r="AP1742" s="166">
        <v>0</v>
      </c>
      <c r="AQ1742" s="166">
        <v>0</v>
      </c>
      <c r="AR1742" s="166">
        <v>0</v>
      </c>
      <c r="AS1742" s="166">
        <v>0</v>
      </c>
      <c r="AT1742" s="166">
        <v>0</v>
      </c>
      <c r="AU1742" s="166">
        <v>0</v>
      </c>
      <c r="AV1742" s="166">
        <v>0</v>
      </c>
      <c r="AW1742" s="166">
        <v>0</v>
      </c>
      <c r="AX1742" s="166">
        <v>0</v>
      </c>
      <c r="AY1742" s="166">
        <v>0</v>
      </c>
      <c r="AZ1742" s="166">
        <v>0</v>
      </c>
      <c r="BA1742" s="166">
        <v>0</v>
      </c>
      <c r="BB1742" s="166">
        <v>0</v>
      </c>
      <c r="BC1742" s="166">
        <v>0</v>
      </c>
      <c r="BD1742" s="166">
        <v>0</v>
      </c>
      <c r="BE1742" s="166">
        <v>0</v>
      </c>
      <c r="BF1742" s="166">
        <v>0</v>
      </c>
      <c r="BG1742" s="166">
        <v>0</v>
      </c>
      <c r="BH1742" s="166">
        <v>0</v>
      </c>
      <c r="BI1742" s="166">
        <v>0</v>
      </c>
      <c r="BJ1742" s="166">
        <v>0</v>
      </c>
      <c r="BK1742" s="166">
        <v>0</v>
      </c>
      <c r="BL1742" s="166">
        <v>0</v>
      </c>
      <c r="BM1742" s="166">
        <v>0</v>
      </c>
      <c r="BN1742" s="166">
        <v>0</v>
      </c>
      <c r="BO1742" s="166">
        <v>0</v>
      </c>
      <c r="BP1742" s="166">
        <v>0</v>
      </c>
      <c r="BQ1742" s="166">
        <v>0</v>
      </c>
      <c r="BR1742" s="166">
        <v>-36208.4294640273</v>
      </c>
      <c r="BS1742" s="166">
        <v>-36208.4294640273</v>
      </c>
      <c r="BT1742" s="168">
        <v>0.95155251400307195</v>
      </c>
      <c r="BU1742" s="166">
        <v>-1593.3207253816299</v>
      </c>
      <c r="BV1742" s="166">
        <v>-34454.222084598099</v>
      </c>
      <c r="BW1742" s="166">
        <v>0</v>
      </c>
      <c r="BX1742" s="166">
        <v>0</v>
      </c>
      <c r="BY1742" s="166">
        <v>0</v>
      </c>
      <c r="BZ1742" s="166">
        <v>0</v>
      </c>
      <c r="CA1742" s="166">
        <v>0</v>
      </c>
      <c r="CB1742" s="166">
        <v>0</v>
      </c>
      <c r="CC1742" s="166">
        <v>0</v>
      </c>
      <c r="CD1742" s="166">
        <v>0</v>
      </c>
      <c r="CE1742" s="166">
        <v>0</v>
      </c>
      <c r="CF1742" s="166">
        <v>0</v>
      </c>
      <c r="CG1742" s="166">
        <v>0</v>
      </c>
      <c r="CH1742" s="166">
        <v>0</v>
      </c>
      <c r="CI1742" s="166">
        <v>0</v>
      </c>
      <c r="CJ1742" s="166">
        <v>0</v>
      </c>
      <c r="CK1742" s="166">
        <v>0</v>
      </c>
      <c r="CL1742" s="166">
        <v>0</v>
      </c>
      <c r="CM1742" s="166">
        <v>0</v>
      </c>
      <c r="CN1742" s="166">
        <v>0</v>
      </c>
      <c r="CO1742" s="166">
        <v>0</v>
      </c>
      <c r="CP1742" s="166">
        <v>0</v>
      </c>
      <c r="CQ1742" s="166">
        <v>0</v>
      </c>
      <c r="CR1742" s="166">
        <v>0</v>
      </c>
      <c r="CS1742" s="166">
        <v>0</v>
      </c>
      <c r="CT1742" s="166">
        <v>0</v>
      </c>
      <c r="CU1742" s="166">
        <v>0</v>
      </c>
      <c r="CV1742" s="166">
        <v>0</v>
      </c>
      <c r="CW1742" s="166">
        <v>0</v>
      </c>
      <c r="CX1742" s="166">
        <v>0</v>
      </c>
      <c r="CY1742" s="166">
        <v>-34454.222084598099</v>
      </c>
      <c r="CZ1742" s="166">
        <v>-34454.222084598099</v>
      </c>
    </row>
    <row r="1743" spans="1:104" x14ac:dyDescent="0.2">
      <c r="A1743" s="167" t="s">
        <v>1053</v>
      </c>
      <c r="B1743" s="166">
        <v>5082059.4034271101</v>
      </c>
      <c r="C1743" s="166">
        <v>5082059.4034271101</v>
      </c>
      <c r="D1743" s="166">
        <v>0</v>
      </c>
      <c r="E1743" s="166">
        <v>0</v>
      </c>
      <c r="F1743" s="166">
        <v>0</v>
      </c>
      <c r="G1743" s="166">
        <v>0</v>
      </c>
      <c r="H1743" s="166">
        <v>0</v>
      </c>
      <c r="I1743" s="166">
        <v>0</v>
      </c>
      <c r="J1743" s="166">
        <v>0</v>
      </c>
      <c r="K1743" s="166">
        <v>0</v>
      </c>
      <c r="L1743" s="166">
        <v>0</v>
      </c>
      <c r="M1743" s="166">
        <v>0</v>
      </c>
      <c r="N1743" s="166">
        <v>0</v>
      </c>
      <c r="O1743" s="166">
        <v>0</v>
      </c>
      <c r="P1743" s="166">
        <v>0</v>
      </c>
      <c r="Q1743" s="166">
        <v>0</v>
      </c>
      <c r="R1743" s="166">
        <v>0</v>
      </c>
      <c r="S1743" s="166">
        <v>0</v>
      </c>
      <c r="T1743" s="166">
        <v>0</v>
      </c>
      <c r="U1743" s="166">
        <v>0</v>
      </c>
      <c r="V1743" s="166">
        <v>0</v>
      </c>
      <c r="W1743" s="166">
        <v>0</v>
      </c>
      <c r="X1743" s="166">
        <v>0</v>
      </c>
      <c r="Y1743" s="166">
        <v>0</v>
      </c>
      <c r="Z1743" s="166">
        <v>0</v>
      </c>
      <c r="AA1743" s="166">
        <v>0</v>
      </c>
      <c r="AB1743" s="166">
        <v>0</v>
      </c>
      <c r="AC1743" s="166">
        <v>0</v>
      </c>
      <c r="AD1743" s="166">
        <v>0</v>
      </c>
      <c r="AE1743" s="166">
        <v>0</v>
      </c>
      <c r="AF1743" s="166">
        <v>0</v>
      </c>
      <c r="AG1743" s="166">
        <v>0</v>
      </c>
      <c r="AH1743" s="166">
        <v>0</v>
      </c>
      <c r="AI1743" s="166">
        <v>0</v>
      </c>
      <c r="AJ1743" s="166">
        <v>0</v>
      </c>
      <c r="AK1743" s="166">
        <v>0</v>
      </c>
      <c r="AL1743" s="166">
        <v>0</v>
      </c>
      <c r="AM1743" s="166">
        <v>0</v>
      </c>
      <c r="AN1743" s="166">
        <v>0</v>
      </c>
      <c r="AO1743" s="166">
        <v>0</v>
      </c>
      <c r="AP1743" s="166">
        <v>0</v>
      </c>
      <c r="AQ1743" s="166">
        <v>0</v>
      </c>
      <c r="AR1743" s="166">
        <v>0</v>
      </c>
      <c r="AS1743" s="166">
        <v>0</v>
      </c>
      <c r="AT1743" s="166">
        <v>0</v>
      </c>
      <c r="AU1743" s="166">
        <v>0</v>
      </c>
      <c r="AV1743" s="166">
        <v>0</v>
      </c>
      <c r="AW1743" s="166">
        <v>0</v>
      </c>
      <c r="AX1743" s="166">
        <v>0</v>
      </c>
      <c r="AY1743" s="166">
        <v>0</v>
      </c>
      <c r="AZ1743" s="166">
        <v>0</v>
      </c>
      <c r="BA1743" s="166">
        <v>0</v>
      </c>
      <c r="BB1743" s="166">
        <v>0</v>
      </c>
      <c r="BC1743" s="166">
        <v>0</v>
      </c>
      <c r="BD1743" s="166">
        <v>0</v>
      </c>
      <c r="BE1743" s="166">
        <v>0</v>
      </c>
      <c r="BF1743" s="166">
        <v>0</v>
      </c>
      <c r="BG1743" s="166">
        <v>0</v>
      </c>
      <c r="BH1743" s="166">
        <v>0</v>
      </c>
      <c r="BI1743" s="166">
        <v>0</v>
      </c>
      <c r="BJ1743" s="166">
        <v>0</v>
      </c>
      <c r="BK1743" s="166">
        <v>0</v>
      </c>
      <c r="BL1743" s="166">
        <v>0</v>
      </c>
      <c r="BM1743" s="166">
        <v>0</v>
      </c>
      <c r="BN1743" s="166">
        <v>0</v>
      </c>
      <c r="BO1743" s="166">
        <v>0</v>
      </c>
      <c r="BP1743" s="166">
        <v>0</v>
      </c>
      <c r="BQ1743" s="166">
        <v>0</v>
      </c>
      <c r="BR1743" s="166">
        <v>5082059.4034271101</v>
      </c>
      <c r="BS1743" s="166">
        <v>5082059.4034271101</v>
      </c>
      <c r="BT1743" s="168">
        <v>0.97647221562039299</v>
      </c>
      <c r="BU1743" s="166">
        <v>475935.635733061</v>
      </c>
      <c r="BV1743" s="166">
        <v>4962489.8055789303</v>
      </c>
      <c r="BW1743" s="166">
        <v>0</v>
      </c>
      <c r="BX1743" s="166">
        <v>0</v>
      </c>
      <c r="BY1743" s="166">
        <v>0</v>
      </c>
      <c r="BZ1743" s="166">
        <v>0</v>
      </c>
      <c r="CA1743" s="166">
        <v>0</v>
      </c>
      <c r="CB1743" s="166">
        <v>0</v>
      </c>
      <c r="CC1743" s="166">
        <v>0</v>
      </c>
      <c r="CD1743" s="166">
        <v>0</v>
      </c>
      <c r="CE1743" s="166">
        <v>0</v>
      </c>
      <c r="CF1743" s="166">
        <v>0</v>
      </c>
      <c r="CG1743" s="166">
        <v>0</v>
      </c>
      <c r="CH1743" s="166">
        <v>0</v>
      </c>
      <c r="CI1743" s="166">
        <v>0</v>
      </c>
      <c r="CJ1743" s="166">
        <v>0</v>
      </c>
      <c r="CK1743" s="166">
        <v>0</v>
      </c>
      <c r="CL1743" s="166">
        <v>0</v>
      </c>
      <c r="CM1743" s="166">
        <v>0</v>
      </c>
      <c r="CN1743" s="166">
        <v>0</v>
      </c>
      <c r="CO1743" s="166">
        <v>0</v>
      </c>
      <c r="CP1743" s="166">
        <v>0</v>
      </c>
      <c r="CQ1743" s="166">
        <v>0</v>
      </c>
      <c r="CR1743" s="166">
        <v>0</v>
      </c>
      <c r="CS1743" s="166">
        <v>0</v>
      </c>
      <c r="CT1743" s="166">
        <v>0</v>
      </c>
      <c r="CU1743" s="166">
        <v>0</v>
      </c>
      <c r="CV1743" s="166">
        <v>0</v>
      </c>
      <c r="CW1743" s="166">
        <v>0</v>
      </c>
      <c r="CX1743" s="166">
        <v>0</v>
      </c>
      <c r="CY1743" s="166">
        <v>4962489.8055789303</v>
      </c>
      <c r="CZ1743" s="166">
        <v>4962489.8055789303</v>
      </c>
    </row>
    <row r="1744" spans="1:104" x14ac:dyDescent="0.2">
      <c r="A1744" s="167" t="s">
        <v>153</v>
      </c>
      <c r="B1744" s="166">
        <v>6898724.2472799299</v>
      </c>
      <c r="C1744" s="166">
        <v>6898724.2472799299</v>
      </c>
      <c r="D1744" s="166">
        <v>0</v>
      </c>
      <c r="E1744" s="166">
        <v>0</v>
      </c>
      <c r="F1744" s="166">
        <v>0</v>
      </c>
      <c r="G1744" s="166">
        <v>0</v>
      </c>
      <c r="H1744" s="166">
        <v>0</v>
      </c>
      <c r="I1744" s="166">
        <v>0</v>
      </c>
      <c r="J1744" s="166">
        <v>0</v>
      </c>
      <c r="K1744" s="166">
        <v>0</v>
      </c>
      <c r="L1744" s="166">
        <v>0</v>
      </c>
      <c r="M1744" s="166">
        <v>0</v>
      </c>
      <c r="N1744" s="166">
        <v>0</v>
      </c>
      <c r="O1744" s="166">
        <v>0</v>
      </c>
      <c r="P1744" s="166">
        <v>0</v>
      </c>
      <c r="Q1744" s="166">
        <v>0</v>
      </c>
      <c r="R1744" s="166">
        <v>0</v>
      </c>
      <c r="S1744" s="166">
        <v>0</v>
      </c>
      <c r="T1744" s="166">
        <v>0</v>
      </c>
      <c r="U1744" s="166">
        <v>0</v>
      </c>
      <c r="V1744" s="166">
        <v>0</v>
      </c>
      <c r="W1744" s="166">
        <v>0</v>
      </c>
      <c r="X1744" s="166">
        <v>0</v>
      </c>
      <c r="Y1744" s="166">
        <v>0</v>
      </c>
      <c r="Z1744" s="166">
        <v>0</v>
      </c>
      <c r="AA1744" s="166">
        <v>0</v>
      </c>
      <c r="AB1744" s="166">
        <v>0</v>
      </c>
      <c r="AC1744" s="166">
        <v>0</v>
      </c>
      <c r="AD1744" s="166">
        <v>0</v>
      </c>
      <c r="AE1744" s="166">
        <v>0</v>
      </c>
      <c r="AF1744" s="166">
        <v>0</v>
      </c>
      <c r="AG1744" s="166">
        <v>0</v>
      </c>
      <c r="AH1744" s="166">
        <v>0</v>
      </c>
      <c r="AI1744" s="166">
        <v>0</v>
      </c>
      <c r="AJ1744" s="166">
        <v>0</v>
      </c>
      <c r="AK1744" s="166">
        <v>0</v>
      </c>
      <c r="AL1744" s="166">
        <v>0</v>
      </c>
      <c r="AM1744" s="166">
        <v>0</v>
      </c>
      <c r="AN1744" s="166">
        <v>0</v>
      </c>
      <c r="AO1744" s="166">
        <v>0</v>
      </c>
      <c r="AP1744" s="166">
        <v>0</v>
      </c>
      <c r="AQ1744" s="166">
        <v>0</v>
      </c>
      <c r="AR1744" s="166">
        <v>0</v>
      </c>
      <c r="AS1744" s="166">
        <v>0</v>
      </c>
      <c r="AT1744" s="166">
        <v>0</v>
      </c>
      <c r="AU1744" s="166">
        <v>0</v>
      </c>
      <c r="AV1744" s="166">
        <v>0</v>
      </c>
      <c r="AW1744" s="166">
        <v>0</v>
      </c>
      <c r="AX1744" s="166">
        <v>0</v>
      </c>
      <c r="AY1744" s="166">
        <v>0</v>
      </c>
      <c r="AZ1744" s="166">
        <v>0</v>
      </c>
      <c r="BA1744" s="166">
        <v>0</v>
      </c>
      <c r="BB1744" s="166">
        <v>0</v>
      </c>
      <c r="BC1744" s="166">
        <v>0</v>
      </c>
      <c r="BD1744" s="166">
        <v>0</v>
      </c>
      <c r="BE1744" s="166">
        <v>0</v>
      </c>
      <c r="BF1744" s="166">
        <v>0</v>
      </c>
      <c r="BG1744" s="166">
        <v>0</v>
      </c>
      <c r="BH1744" s="166">
        <v>0</v>
      </c>
      <c r="BI1744" s="166">
        <v>0</v>
      </c>
      <c r="BJ1744" s="166">
        <v>0</v>
      </c>
      <c r="BK1744" s="166">
        <v>0</v>
      </c>
      <c r="BL1744" s="166">
        <v>0</v>
      </c>
      <c r="BM1744" s="166">
        <v>0</v>
      </c>
      <c r="BN1744" s="166">
        <v>0</v>
      </c>
      <c r="BO1744" s="166">
        <v>0</v>
      </c>
      <c r="BP1744" s="166">
        <v>0</v>
      </c>
      <c r="BQ1744" s="166">
        <v>0</v>
      </c>
      <c r="BR1744" s="166">
        <v>6898724.2472799299</v>
      </c>
      <c r="BS1744" s="166">
        <v>6898724.2472799299</v>
      </c>
      <c r="BT1744" s="168">
        <v>0.999998123540776</v>
      </c>
      <c r="BU1744" s="166">
        <v>210016.701980602</v>
      </c>
      <c r="BV1744" s="166">
        <v>6898711.30210518</v>
      </c>
      <c r="BW1744" s="166">
        <v>0</v>
      </c>
      <c r="BX1744" s="166">
        <v>0</v>
      </c>
      <c r="BY1744" s="166">
        <v>0</v>
      </c>
      <c r="BZ1744" s="166">
        <v>0</v>
      </c>
      <c r="CA1744" s="166">
        <v>0</v>
      </c>
      <c r="CB1744" s="166">
        <v>0</v>
      </c>
      <c r="CC1744" s="166">
        <v>0</v>
      </c>
      <c r="CD1744" s="166">
        <v>0</v>
      </c>
      <c r="CE1744" s="166">
        <v>0</v>
      </c>
      <c r="CF1744" s="166">
        <v>0</v>
      </c>
      <c r="CG1744" s="166">
        <v>0</v>
      </c>
      <c r="CH1744" s="166">
        <v>0</v>
      </c>
      <c r="CI1744" s="166">
        <v>0</v>
      </c>
      <c r="CJ1744" s="166">
        <v>0</v>
      </c>
      <c r="CK1744" s="166">
        <v>0</v>
      </c>
      <c r="CL1744" s="166">
        <v>0</v>
      </c>
      <c r="CM1744" s="166">
        <v>0</v>
      </c>
      <c r="CN1744" s="166">
        <v>0</v>
      </c>
      <c r="CO1744" s="166">
        <v>0</v>
      </c>
      <c r="CP1744" s="166">
        <v>0</v>
      </c>
      <c r="CQ1744" s="166">
        <v>0</v>
      </c>
      <c r="CR1744" s="166">
        <v>0</v>
      </c>
      <c r="CS1744" s="166">
        <v>0</v>
      </c>
      <c r="CT1744" s="166">
        <v>0</v>
      </c>
      <c r="CU1744" s="166">
        <v>0</v>
      </c>
      <c r="CV1744" s="166">
        <v>0</v>
      </c>
      <c r="CW1744" s="166">
        <v>0</v>
      </c>
      <c r="CX1744" s="166">
        <v>0</v>
      </c>
      <c r="CY1744" s="166">
        <v>6898711.30210518</v>
      </c>
      <c r="CZ1744" s="166">
        <v>6898711.30210518</v>
      </c>
    </row>
    <row r="1745" spans="1:104" x14ac:dyDescent="0.2">
      <c r="A1745" s="167" t="s">
        <v>154</v>
      </c>
      <c r="B1745" s="166">
        <v>23699834.75</v>
      </c>
      <c r="C1745" s="166">
        <v>23699834.75</v>
      </c>
      <c r="D1745" s="166">
        <v>0</v>
      </c>
      <c r="E1745" s="166">
        <v>0</v>
      </c>
      <c r="F1745" s="166">
        <v>0</v>
      </c>
      <c r="G1745" s="166">
        <v>0</v>
      </c>
      <c r="H1745" s="166">
        <v>0</v>
      </c>
      <c r="I1745" s="166">
        <v>0</v>
      </c>
      <c r="J1745" s="166">
        <v>0</v>
      </c>
      <c r="K1745" s="166">
        <v>0</v>
      </c>
      <c r="L1745" s="166">
        <v>0</v>
      </c>
      <c r="M1745" s="166">
        <v>0</v>
      </c>
      <c r="N1745" s="166">
        <v>0</v>
      </c>
      <c r="O1745" s="166">
        <v>0</v>
      </c>
      <c r="P1745" s="166">
        <v>0</v>
      </c>
      <c r="Q1745" s="166">
        <v>0</v>
      </c>
      <c r="R1745" s="166">
        <v>0</v>
      </c>
      <c r="S1745" s="166">
        <v>0</v>
      </c>
      <c r="T1745" s="166">
        <v>0</v>
      </c>
      <c r="U1745" s="166">
        <v>0</v>
      </c>
      <c r="V1745" s="166">
        <v>0</v>
      </c>
      <c r="W1745" s="166">
        <v>0</v>
      </c>
      <c r="X1745" s="166">
        <v>0</v>
      </c>
      <c r="Y1745" s="166">
        <v>0</v>
      </c>
      <c r="Z1745" s="166">
        <v>0</v>
      </c>
      <c r="AA1745" s="166">
        <v>0</v>
      </c>
      <c r="AB1745" s="166">
        <v>0</v>
      </c>
      <c r="AC1745" s="166">
        <v>0</v>
      </c>
      <c r="AD1745" s="166">
        <v>0</v>
      </c>
      <c r="AE1745" s="166">
        <v>0</v>
      </c>
      <c r="AF1745" s="166">
        <v>0</v>
      </c>
      <c r="AG1745" s="166">
        <v>0</v>
      </c>
      <c r="AH1745" s="166">
        <v>0</v>
      </c>
      <c r="AI1745" s="166">
        <v>0</v>
      </c>
      <c r="AJ1745" s="166">
        <v>0</v>
      </c>
      <c r="AK1745" s="166">
        <v>0</v>
      </c>
      <c r="AL1745" s="166">
        <v>0</v>
      </c>
      <c r="AM1745" s="166">
        <v>0</v>
      </c>
      <c r="AN1745" s="166">
        <v>0</v>
      </c>
      <c r="AO1745" s="166">
        <v>0</v>
      </c>
      <c r="AP1745" s="166">
        <v>0</v>
      </c>
      <c r="AQ1745" s="166">
        <v>0</v>
      </c>
      <c r="AR1745" s="166">
        <v>0</v>
      </c>
      <c r="AS1745" s="166">
        <v>0</v>
      </c>
      <c r="AT1745" s="166">
        <v>0</v>
      </c>
      <c r="AU1745" s="166">
        <v>0</v>
      </c>
      <c r="AV1745" s="166">
        <v>0</v>
      </c>
      <c r="AW1745" s="166">
        <v>0</v>
      </c>
      <c r="AX1745" s="166">
        <v>0</v>
      </c>
      <c r="AY1745" s="166">
        <v>0</v>
      </c>
      <c r="AZ1745" s="166">
        <v>0</v>
      </c>
      <c r="BA1745" s="166">
        <v>0</v>
      </c>
      <c r="BB1745" s="166">
        <v>0</v>
      </c>
      <c r="BC1745" s="166">
        <v>0</v>
      </c>
      <c r="BD1745" s="166">
        <v>0</v>
      </c>
      <c r="BE1745" s="166">
        <v>0</v>
      </c>
      <c r="BF1745" s="166">
        <v>0</v>
      </c>
      <c r="BG1745" s="166">
        <v>0</v>
      </c>
      <c r="BH1745" s="166">
        <v>0</v>
      </c>
      <c r="BI1745" s="166">
        <v>0</v>
      </c>
      <c r="BJ1745" s="166">
        <v>0</v>
      </c>
      <c r="BK1745" s="166">
        <v>0</v>
      </c>
      <c r="BL1745" s="166">
        <v>0</v>
      </c>
      <c r="BM1745" s="166">
        <v>0</v>
      </c>
      <c r="BN1745" s="166">
        <v>0</v>
      </c>
      <c r="BO1745" s="166">
        <v>0</v>
      </c>
      <c r="BP1745" s="166">
        <v>0</v>
      </c>
      <c r="BQ1745" s="166">
        <v>0</v>
      </c>
      <c r="BR1745" s="166">
        <v>23699834.75</v>
      </c>
      <c r="BS1745" s="166">
        <v>23699834.75</v>
      </c>
      <c r="BT1745" s="168">
        <v>0</v>
      </c>
      <c r="BU1745" s="166">
        <v>1610382.3545650099</v>
      </c>
      <c r="BV1745" s="166">
        <v>23581984.356091298</v>
      </c>
      <c r="BW1745" s="166">
        <v>0</v>
      </c>
      <c r="BX1745" s="166">
        <v>0</v>
      </c>
      <c r="BY1745" s="166">
        <v>0</v>
      </c>
      <c r="BZ1745" s="166">
        <v>0</v>
      </c>
      <c r="CA1745" s="166">
        <v>0</v>
      </c>
      <c r="CB1745" s="166">
        <v>0</v>
      </c>
      <c r="CC1745" s="166">
        <v>0</v>
      </c>
      <c r="CD1745" s="166">
        <v>0</v>
      </c>
      <c r="CE1745" s="166">
        <v>0</v>
      </c>
      <c r="CF1745" s="166">
        <v>0</v>
      </c>
      <c r="CG1745" s="166">
        <v>0</v>
      </c>
      <c r="CH1745" s="166">
        <v>0</v>
      </c>
      <c r="CI1745" s="166">
        <v>0</v>
      </c>
      <c r="CJ1745" s="166">
        <v>0</v>
      </c>
      <c r="CK1745" s="166">
        <v>0</v>
      </c>
      <c r="CL1745" s="166">
        <v>0</v>
      </c>
      <c r="CM1745" s="166">
        <v>0</v>
      </c>
      <c r="CN1745" s="166">
        <v>0</v>
      </c>
      <c r="CO1745" s="166">
        <v>0</v>
      </c>
      <c r="CP1745" s="166">
        <v>0</v>
      </c>
      <c r="CQ1745" s="166">
        <v>0</v>
      </c>
      <c r="CR1745" s="166">
        <v>0</v>
      </c>
      <c r="CS1745" s="166">
        <v>0</v>
      </c>
      <c r="CT1745" s="166">
        <v>0</v>
      </c>
      <c r="CU1745" s="166">
        <v>0</v>
      </c>
      <c r="CV1745" s="166">
        <v>0</v>
      </c>
      <c r="CW1745" s="166">
        <v>0</v>
      </c>
      <c r="CX1745" s="166">
        <v>0</v>
      </c>
      <c r="CY1745" s="166">
        <v>23581984.356091298</v>
      </c>
      <c r="CZ1745" s="166">
        <v>23581984.356091298</v>
      </c>
    </row>
    <row r="1746" spans="1:104" x14ac:dyDescent="0.2">
      <c r="A1746" s="167" t="s">
        <v>1054</v>
      </c>
    </row>
    <row r="1747" spans="1:104" x14ac:dyDescent="0.2">
      <c r="A1747" s="167" t="s">
        <v>1055</v>
      </c>
      <c r="B1747" s="166">
        <v>55723780.325131401</v>
      </c>
      <c r="C1747" s="166">
        <v>55723780.325131401</v>
      </c>
      <c r="D1747" s="166">
        <v>0</v>
      </c>
      <c r="E1747" s="166">
        <v>0</v>
      </c>
      <c r="F1747" s="166">
        <v>0</v>
      </c>
      <c r="G1747" s="166">
        <v>0</v>
      </c>
      <c r="H1747" s="166">
        <v>0</v>
      </c>
      <c r="I1747" s="166">
        <v>0</v>
      </c>
      <c r="J1747" s="166">
        <v>0</v>
      </c>
      <c r="K1747" s="166">
        <v>0</v>
      </c>
      <c r="L1747" s="166">
        <v>0</v>
      </c>
      <c r="M1747" s="166">
        <v>0</v>
      </c>
      <c r="N1747" s="166">
        <v>0</v>
      </c>
      <c r="O1747" s="166">
        <v>0</v>
      </c>
      <c r="P1747" s="166">
        <v>0</v>
      </c>
      <c r="Q1747" s="166">
        <v>0</v>
      </c>
      <c r="R1747" s="166">
        <v>0</v>
      </c>
      <c r="S1747" s="166">
        <v>0</v>
      </c>
      <c r="T1747" s="166">
        <v>0</v>
      </c>
      <c r="U1747" s="166">
        <v>0</v>
      </c>
      <c r="V1747" s="166">
        <v>0</v>
      </c>
      <c r="W1747" s="166">
        <v>0</v>
      </c>
      <c r="X1747" s="166">
        <v>0</v>
      </c>
      <c r="Y1747" s="166">
        <v>0</v>
      </c>
      <c r="Z1747" s="166">
        <v>0</v>
      </c>
      <c r="AA1747" s="166">
        <v>0</v>
      </c>
      <c r="AB1747" s="166">
        <v>0</v>
      </c>
      <c r="AC1747" s="166">
        <v>0</v>
      </c>
      <c r="AD1747" s="166">
        <v>0</v>
      </c>
      <c r="AE1747" s="166">
        <v>0</v>
      </c>
      <c r="AF1747" s="166">
        <v>0</v>
      </c>
      <c r="AG1747" s="166">
        <v>0</v>
      </c>
      <c r="AH1747" s="166">
        <v>0</v>
      </c>
      <c r="AI1747" s="166">
        <v>0</v>
      </c>
      <c r="AJ1747" s="166">
        <v>0</v>
      </c>
      <c r="AK1747" s="166">
        <v>0</v>
      </c>
      <c r="AL1747" s="166">
        <v>0</v>
      </c>
      <c r="AM1747" s="166">
        <v>0</v>
      </c>
      <c r="AN1747" s="166">
        <v>0</v>
      </c>
      <c r="AO1747" s="166">
        <v>0</v>
      </c>
      <c r="AP1747" s="166">
        <v>0</v>
      </c>
      <c r="AQ1747" s="166">
        <v>0</v>
      </c>
      <c r="AR1747" s="166">
        <v>0</v>
      </c>
      <c r="AS1747" s="166">
        <v>0</v>
      </c>
      <c r="AT1747" s="166">
        <v>0</v>
      </c>
      <c r="AU1747" s="166">
        <v>0</v>
      </c>
      <c r="AV1747" s="166">
        <v>0</v>
      </c>
      <c r="AW1747" s="166">
        <v>0</v>
      </c>
      <c r="AX1747" s="166">
        <v>0</v>
      </c>
      <c r="AY1747" s="166">
        <v>0</v>
      </c>
      <c r="AZ1747" s="166">
        <v>0</v>
      </c>
      <c r="BA1747" s="166">
        <v>0</v>
      </c>
      <c r="BB1747" s="166">
        <v>0</v>
      </c>
      <c r="BC1747" s="166">
        <v>0</v>
      </c>
      <c r="BD1747" s="166">
        <v>0</v>
      </c>
      <c r="BE1747" s="166">
        <v>0</v>
      </c>
      <c r="BF1747" s="166">
        <v>0</v>
      </c>
      <c r="BG1747" s="166">
        <v>0</v>
      </c>
      <c r="BH1747" s="166">
        <v>0</v>
      </c>
      <c r="BI1747" s="166">
        <v>0</v>
      </c>
      <c r="BJ1747" s="166">
        <v>0</v>
      </c>
      <c r="BK1747" s="166">
        <v>0</v>
      </c>
      <c r="BL1747" s="166">
        <v>0</v>
      </c>
      <c r="BM1747" s="166">
        <v>0</v>
      </c>
      <c r="BN1747" s="166">
        <v>0</v>
      </c>
      <c r="BO1747" s="166">
        <v>0</v>
      </c>
      <c r="BP1747" s="166">
        <v>0</v>
      </c>
      <c r="BQ1747" s="166">
        <v>0</v>
      </c>
      <c r="BR1747" s="166">
        <v>55723780.325131401</v>
      </c>
      <c r="BS1747" s="166">
        <v>55723780.325131401</v>
      </c>
      <c r="BT1747" s="168">
        <v>0.99999527075910699</v>
      </c>
      <c r="BU1747" s="166">
        <v>3059914.5914124101</v>
      </c>
      <c r="BV1747" s="166">
        <v>55723516.7939509</v>
      </c>
      <c r="BW1747" s="166">
        <v>0</v>
      </c>
      <c r="BX1747" s="166">
        <v>0</v>
      </c>
      <c r="BY1747" s="166">
        <v>0</v>
      </c>
      <c r="BZ1747" s="166">
        <v>0</v>
      </c>
      <c r="CA1747" s="166">
        <v>0</v>
      </c>
      <c r="CB1747" s="166">
        <v>0</v>
      </c>
      <c r="CC1747" s="166">
        <v>0</v>
      </c>
      <c r="CD1747" s="166">
        <v>0</v>
      </c>
      <c r="CE1747" s="166">
        <v>0</v>
      </c>
      <c r="CF1747" s="166">
        <v>0</v>
      </c>
      <c r="CG1747" s="166">
        <v>0</v>
      </c>
      <c r="CH1747" s="166">
        <v>0</v>
      </c>
      <c r="CI1747" s="166">
        <v>0</v>
      </c>
      <c r="CJ1747" s="166">
        <v>0</v>
      </c>
      <c r="CK1747" s="166">
        <v>0</v>
      </c>
      <c r="CL1747" s="166">
        <v>0</v>
      </c>
      <c r="CM1747" s="166">
        <v>0</v>
      </c>
      <c r="CN1747" s="166">
        <v>0</v>
      </c>
      <c r="CO1747" s="166">
        <v>0</v>
      </c>
      <c r="CP1747" s="166">
        <v>0</v>
      </c>
      <c r="CQ1747" s="166">
        <v>0</v>
      </c>
      <c r="CR1747" s="166">
        <v>0</v>
      </c>
      <c r="CS1747" s="166">
        <v>0</v>
      </c>
      <c r="CT1747" s="166">
        <v>0</v>
      </c>
      <c r="CU1747" s="166">
        <v>0</v>
      </c>
      <c r="CV1747" s="166">
        <v>0</v>
      </c>
      <c r="CW1747" s="166">
        <v>0</v>
      </c>
      <c r="CX1747" s="166">
        <v>0</v>
      </c>
      <c r="CY1747" s="166">
        <v>55723516.7939509</v>
      </c>
      <c r="CZ1747" s="166">
        <v>55723516.7939509</v>
      </c>
    </row>
    <row r="1748" spans="1:104" x14ac:dyDescent="0.2">
      <c r="A1748" s="167" t="s">
        <v>1056</v>
      </c>
      <c r="B1748" s="166">
        <v>608075.90814523399</v>
      </c>
      <c r="C1748" s="166">
        <v>608075.90814523399</v>
      </c>
      <c r="D1748" s="166">
        <v>0</v>
      </c>
      <c r="E1748" s="166">
        <v>0</v>
      </c>
      <c r="F1748" s="166">
        <v>0</v>
      </c>
      <c r="G1748" s="166">
        <v>0</v>
      </c>
      <c r="H1748" s="166">
        <v>0</v>
      </c>
      <c r="I1748" s="166">
        <v>0</v>
      </c>
      <c r="J1748" s="166">
        <v>0</v>
      </c>
      <c r="K1748" s="166">
        <v>0</v>
      </c>
      <c r="L1748" s="166">
        <v>0</v>
      </c>
      <c r="M1748" s="166">
        <v>0</v>
      </c>
      <c r="N1748" s="166">
        <v>0</v>
      </c>
      <c r="O1748" s="166">
        <v>0</v>
      </c>
      <c r="P1748" s="166">
        <v>0</v>
      </c>
      <c r="Q1748" s="166">
        <v>0</v>
      </c>
      <c r="R1748" s="166">
        <v>0</v>
      </c>
      <c r="S1748" s="166">
        <v>0</v>
      </c>
      <c r="T1748" s="166">
        <v>0</v>
      </c>
      <c r="U1748" s="166">
        <v>0</v>
      </c>
      <c r="V1748" s="166">
        <v>0</v>
      </c>
      <c r="W1748" s="166">
        <v>0</v>
      </c>
      <c r="X1748" s="166">
        <v>0</v>
      </c>
      <c r="Y1748" s="166">
        <v>0</v>
      </c>
      <c r="Z1748" s="166">
        <v>0</v>
      </c>
      <c r="AA1748" s="166">
        <v>0</v>
      </c>
      <c r="AB1748" s="166">
        <v>0</v>
      </c>
      <c r="AC1748" s="166">
        <v>0</v>
      </c>
      <c r="AD1748" s="166">
        <v>0</v>
      </c>
      <c r="AE1748" s="166">
        <v>0</v>
      </c>
      <c r="AF1748" s="166">
        <v>0</v>
      </c>
      <c r="AG1748" s="166">
        <v>0</v>
      </c>
      <c r="AH1748" s="166">
        <v>0</v>
      </c>
      <c r="AI1748" s="166">
        <v>0</v>
      </c>
      <c r="AJ1748" s="166">
        <v>0</v>
      </c>
      <c r="AK1748" s="166">
        <v>0</v>
      </c>
      <c r="AL1748" s="166">
        <v>0</v>
      </c>
      <c r="AM1748" s="166">
        <v>0</v>
      </c>
      <c r="AN1748" s="166">
        <v>0</v>
      </c>
      <c r="AO1748" s="166">
        <v>0</v>
      </c>
      <c r="AP1748" s="166">
        <v>0</v>
      </c>
      <c r="AQ1748" s="166">
        <v>0</v>
      </c>
      <c r="AR1748" s="166">
        <v>0</v>
      </c>
      <c r="AS1748" s="166">
        <v>0</v>
      </c>
      <c r="AT1748" s="166">
        <v>0</v>
      </c>
      <c r="AU1748" s="166">
        <v>0</v>
      </c>
      <c r="AV1748" s="166">
        <v>0</v>
      </c>
      <c r="AW1748" s="166">
        <v>0</v>
      </c>
      <c r="AX1748" s="166">
        <v>0</v>
      </c>
      <c r="AY1748" s="166">
        <v>0</v>
      </c>
      <c r="AZ1748" s="166">
        <v>0</v>
      </c>
      <c r="BA1748" s="166">
        <v>0</v>
      </c>
      <c r="BB1748" s="166">
        <v>0</v>
      </c>
      <c r="BC1748" s="166">
        <v>0</v>
      </c>
      <c r="BD1748" s="166">
        <v>0</v>
      </c>
      <c r="BE1748" s="166">
        <v>0</v>
      </c>
      <c r="BF1748" s="166">
        <v>0</v>
      </c>
      <c r="BG1748" s="166">
        <v>0</v>
      </c>
      <c r="BH1748" s="166">
        <v>0</v>
      </c>
      <c r="BI1748" s="166">
        <v>0</v>
      </c>
      <c r="BJ1748" s="166">
        <v>0</v>
      </c>
      <c r="BK1748" s="166">
        <v>0</v>
      </c>
      <c r="BL1748" s="166">
        <v>0</v>
      </c>
      <c r="BM1748" s="166">
        <v>0</v>
      </c>
      <c r="BN1748" s="166">
        <v>0</v>
      </c>
      <c r="BO1748" s="166">
        <v>0</v>
      </c>
      <c r="BP1748" s="166">
        <v>0</v>
      </c>
      <c r="BQ1748" s="166">
        <v>0</v>
      </c>
      <c r="BR1748" s="166">
        <v>608075.90814523399</v>
      </c>
      <c r="BS1748" s="166">
        <v>608075.90814523399</v>
      </c>
      <c r="BT1748" s="168">
        <v>0.94636950860404101</v>
      </c>
      <c r="BU1748" s="166">
        <v>19464.594808552902</v>
      </c>
      <c r="BV1748" s="166">
        <v>575464.49838536198</v>
      </c>
      <c r="BW1748" s="166">
        <v>0</v>
      </c>
      <c r="BX1748" s="166">
        <v>0</v>
      </c>
      <c r="BY1748" s="166">
        <v>0</v>
      </c>
      <c r="BZ1748" s="166">
        <v>0</v>
      </c>
      <c r="CA1748" s="166">
        <v>0</v>
      </c>
      <c r="CB1748" s="166">
        <v>0</v>
      </c>
      <c r="CC1748" s="166">
        <v>0</v>
      </c>
      <c r="CD1748" s="166">
        <v>0</v>
      </c>
      <c r="CE1748" s="166">
        <v>0</v>
      </c>
      <c r="CF1748" s="166">
        <v>0</v>
      </c>
      <c r="CG1748" s="166">
        <v>0</v>
      </c>
      <c r="CH1748" s="166">
        <v>0</v>
      </c>
      <c r="CI1748" s="166">
        <v>0</v>
      </c>
      <c r="CJ1748" s="166">
        <v>0</v>
      </c>
      <c r="CK1748" s="166">
        <v>0</v>
      </c>
      <c r="CL1748" s="166">
        <v>0</v>
      </c>
      <c r="CM1748" s="166">
        <v>0</v>
      </c>
      <c r="CN1748" s="166">
        <v>0</v>
      </c>
      <c r="CO1748" s="166">
        <v>0</v>
      </c>
      <c r="CP1748" s="166">
        <v>0</v>
      </c>
      <c r="CQ1748" s="166">
        <v>0</v>
      </c>
      <c r="CR1748" s="166">
        <v>0</v>
      </c>
      <c r="CS1748" s="166">
        <v>0</v>
      </c>
      <c r="CT1748" s="166">
        <v>0</v>
      </c>
      <c r="CU1748" s="166">
        <v>0</v>
      </c>
      <c r="CV1748" s="166">
        <v>0</v>
      </c>
      <c r="CW1748" s="166">
        <v>0</v>
      </c>
      <c r="CX1748" s="166">
        <v>0</v>
      </c>
      <c r="CY1748" s="166">
        <v>575464.49838536198</v>
      </c>
      <c r="CZ1748" s="166">
        <v>575464.49838536198</v>
      </c>
    </row>
    <row r="1749" spans="1:104" x14ac:dyDescent="0.2">
      <c r="A1749" s="167" t="s">
        <v>1057</v>
      </c>
      <c r="B1749" s="166">
        <v>2771371.2461713199</v>
      </c>
      <c r="C1749" s="166">
        <v>2771371.2461713199</v>
      </c>
      <c r="D1749" s="166">
        <v>0</v>
      </c>
      <c r="E1749" s="166">
        <v>0</v>
      </c>
      <c r="F1749" s="166">
        <v>0</v>
      </c>
      <c r="G1749" s="166">
        <v>0</v>
      </c>
      <c r="H1749" s="166">
        <v>0</v>
      </c>
      <c r="I1749" s="166">
        <v>0</v>
      </c>
      <c r="J1749" s="166">
        <v>0</v>
      </c>
      <c r="K1749" s="166">
        <v>0</v>
      </c>
      <c r="L1749" s="166">
        <v>0</v>
      </c>
      <c r="M1749" s="166">
        <v>0</v>
      </c>
      <c r="N1749" s="166">
        <v>0</v>
      </c>
      <c r="O1749" s="166">
        <v>0</v>
      </c>
      <c r="P1749" s="166">
        <v>0</v>
      </c>
      <c r="Q1749" s="166">
        <v>0</v>
      </c>
      <c r="R1749" s="166">
        <v>0</v>
      </c>
      <c r="S1749" s="166">
        <v>0</v>
      </c>
      <c r="T1749" s="166">
        <v>0</v>
      </c>
      <c r="U1749" s="166">
        <v>0</v>
      </c>
      <c r="V1749" s="166">
        <v>0</v>
      </c>
      <c r="W1749" s="166">
        <v>0</v>
      </c>
      <c r="X1749" s="166">
        <v>0</v>
      </c>
      <c r="Y1749" s="166">
        <v>0</v>
      </c>
      <c r="Z1749" s="166">
        <v>0</v>
      </c>
      <c r="AA1749" s="166">
        <v>0</v>
      </c>
      <c r="AB1749" s="166">
        <v>0</v>
      </c>
      <c r="AC1749" s="166">
        <v>0</v>
      </c>
      <c r="AD1749" s="166">
        <v>0</v>
      </c>
      <c r="AE1749" s="166">
        <v>0</v>
      </c>
      <c r="AF1749" s="166">
        <v>0</v>
      </c>
      <c r="AG1749" s="166">
        <v>0</v>
      </c>
      <c r="AH1749" s="166">
        <v>0</v>
      </c>
      <c r="AI1749" s="166">
        <v>0</v>
      </c>
      <c r="AJ1749" s="166">
        <v>0</v>
      </c>
      <c r="AK1749" s="166">
        <v>0</v>
      </c>
      <c r="AL1749" s="166">
        <v>0</v>
      </c>
      <c r="AM1749" s="166">
        <v>0</v>
      </c>
      <c r="AN1749" s="166">
        <v>0</v>
      </c>
      <c r="AO1749" s="166">
        <v>0</v>
      </c>
      <c r="AP1749" s="166">
        <v>0</v>
      </c>
      <c r="AQ1749" s="166">
        <v>0</v>
      </c>
      <c r="AR1749" s="166">
        <v>0</v>
      </c>
      <c r="AS1749" s="166">
        <v>0</v>
      </c>
      <c r="AT1749" s="166">
        <v>0</v>
      </c>
      <c r="AU1749" s="166">
        <v>0</v>
      </c>
      <c r="AV1749" s="166">
        <v>0</v>
      </c>
      <c r="AW1749" s="166">
        <v>0</v>
      </c>
      <c r="AX1749" s="166">
        <v>0</v>
      </c>
      <c r="AY1749" s="166">
        <v>0</v>
      </c>
      <c r="AZ1749" s="166">
        <v>0</v>
      </c>
      <c r="BA1749" s="166">
        <v>0</v>
      </c>
      <c r="BB1749" s="166">
        <v>0</v>
      </c>
      <c r="BC1749" s="166">
        <v>0</v>
      </c>
      <c r="BD1749" s="166">
        <v>0</v>
      </c>
      <c r="BE1749" s="166">
        <v>0</v>
      </c>
      <c r="BF1749" s="166">
        <v>0</v>
      </c>
      <c r="BG1749" s="166">
        <v>0</v>
      </c>
      <c r="BH1749" s="166">
        <v>0</v>
      </c>
      <c r="BI1749" s="166">
        <v>0</v>
      </c>
      <c r="BJ1749" s="166">
        <v>0</v>
      </c>
      <c r="BK1749" s="166">
        <v>0</v>
      </c>
      <c r="BL1749" s="166">
        <v>0</v>
      </c>
      <c r="BM1749" s="166">
        <v>0</v>
      </c>
      <c r="BN1749" s="166">
        <v>0</v>
      </c>
      <c r="BO1749" s="166">
        <v>0</v>
      </c>
      <c r="BP1749" s="166">
        <v>0</v>
      </c>
      <c r="BQ1749" s="166">
        <v>0</v>
      </c>
      <c r="BR1749" s="166">
        <v>2771371.2461713199</v>
      </c>
      <c r="BS1749" s="166">
        <v>2771371.2461713199</v>
      </c>
      <c r="BT1749" s="168">
        <v>0.98028822821850803</v>
      </c>
      <c r="BU1749" s="166">
        <v>178319.17722524001</v>
      </c>
      <c r="BV1749" s="166">
        <v>2716742.6086450098</v>
      </c>
      <c r="BW1749" s="166">
        <v>0</v>
      </c>
      <c r="BX1749" s="166">
        <v>0</v>
      </c>
      <c r="BY1749" s="166">
        <v>0</v>
      </c>
      <c r="BZ1749" s="166">
        <v>0</v>
      </c>
      <c r="CA1749" s="166">
        <v>0</v>
      </c>
      <c r="CB1749" s="166">
        <v>0</v>
      </c>
      <c r="CC1749" s="166">
        <v>0</v>
      </c>
      <c r="CD1749" s="166">
        <v>0</v>
      </c>
      <c r="CE1749" s="166">
        <v>0</v>
      </c>
      <c r="CF1749" s="166">
        <v>0</v>
      </c>
      <c r="CG1749" s="166">
        <v>0</v>
      </c>
      <c r="CH1749" s="166">
        <v>0</v>
      </c>
      <c r="CI1749" s="166">
        <v>0</v>
      </c>
      <c r="CJ1749" s="166">
        <v>0</v>
      </c>
      <c r="CK1749" s="166">
        <v>0</v>
      </c>
      <c r="CL1749" s="166">
        <v>0</v>
      </c>
      <c r="CM1749" s="166">
        <v>0</v>
      </c>
      <c r="CN1749" s="166">
        <v>0</v>
      </c>
      <c r="CO1749" s="166">
        <v>0</v>
      </c>
      <c r="CP1749" s="166">
        <v>0</v>
      </c>
      <c r="CQ1749" s="166">
        <v>0</v>
      </c>
      <c r="CR1749" s="166">
        <v>0</v>
      </c>
      <c r="CS1749" s="166">
        <v>0</v>
      </c>
      <c r="CT1749" s="166">
        <v>0</v>
      </c>
      <c r="CU1749" s="166">
        <v>0</v>
      </c>
      <c r="CV1749" s="166">
        <v>0</v>
      </c>
      <c r="CW1749" s="166">
        <v>0</v>
      </c>
      <c r="CX1749" s="166">
        <v>0</v>
      </c>
      <c r="CY1749" s="166">
        <v>2716742.6086450098</v>
      </c>
      <c r="CZ1749" s="166">
        <v>2716742.6086450098</v>
      </c>
    </row>
    <row r="1750" spans="1:104" x14ac:dyDescent="0.2">
      <c r="A1750" s="167" t="s">
        <v>159</v>
      </c>
      <c r="B1750" s="166">
        <v>15140466.550551901</v>
      </c>
      <c r="C1750" s="166">
        <v>15140466.550551901</v>
      </c>
      <c r="D1750" s="166">
        <v>0</v>
      </c>
      <c r="E1750" s="166">
        <v>0</v>
      </c>
      <c r="F1750" s="166">
        <v>0</v>
      </c>
      <c r="G1750" s="166">
        <v>0</v>
      </c>
      <c r="H1750" s="166">
        <v>0</v>
      </c>
      <c r="I1750" s="166">
        <v>0</v>
      </c>
      <c r="J1750" s="166">
        <v>0</v>
      </c>
      <c r="K1750" s="166">
        <v>0</v>
      </c>
      <c r="L1750" s="166">
        <v>0</v>
      </c>
      <c r="M1750" s="166">
        <v>0</v>
      </c>
      <c r="N1750" s="166">
        <v>0</v>
      </c>
      <c r="O1750" s="166">
        <v>0</v>
      </c>
      <c r="P1750" s="166">
        <v>0</v>
      </c>
      <c r="Q1750" s="166">
        <v>0</v>
      </c>
      <c r="R1750" s="166">
        <v>0</v>
      </c>
      <c r="S1750" s="166">
        <v>0</v>
      </c>
      <c r="T1750" s="166">
        <v>0</v>
      </c>
      <c r="U1750" s="166">
        <v>0</v>
      </c>
      <c r="V1750" s="166">
        <v>0</v>
      </c>
      <c r="W1750" s="166">
        <v>0</v>
      </c>
      <c r="X1750" s="166">
        <v>0</v>
      </c>
      <c r="Y1750" s="166">
        <v>0</v>
      </c>
      <c r="Z1750" s="166">
        <v>0</v>
      </c>
      <c r="AA1750" s="166">
        <v>0</v>
      </c>
      <c r="AB1750" s="166">
        <v>0</v>
      </c>
      <c r="AC1750" s="166">
        <v>0</v>
      </c>
      <c r="AD1750" s="166">
        <v>0</v>
      </c>
      <c r="AE1750" s="166">
        <v>0</v>
      </c>
      <c r="AF1750" s="166">
        <v>0</v>
      </c>
      <c r="AG1750" s="166">
        <v>0</v>
      </c>
      <c r="AH1750" s="166">
        <v>0</v>
      </c>
      <c r="AI1750" s="166">
        <v>0</v>
      </c>
      <c r="AJ1750" s="166">
        <v>0</v>
      </c>
      <c r="AK1750" s="166">
        <v>0</v>
      </c>
      <c r="AL1750" s="166">
        <v>0</v>
      </c>
      <c r="AM1750" s="166">
        <v>0</v>
      </c>
      <c r="AN1750" s="166">
        <v>0</v>
      </c>
      <c r="AO1750" s="166">
        <v>0</v>
      </c>
      <c r="AP1750" s="166">
        <v>0</v>
      </c>
      <c r="AQ1750" s="166">
        <v>0</v>
      </c>
      <c r="AR1750" s="166">
        <v>0</v>
      </c>
      <c r="AS1750" s="166">
        <v>0</v>
      </c>
      <c r="AT1750" s="166">
        <v>0</v>
      </c>
      <c r="AU1750" s="166">
        <v>0</v>
      </c>
      <c r="AV1750" s="166">
        <v>0</v>
      </c>
      <c r="AW1750" s="166">
        <v>0</v>
      </c>
      <c r="AX1750" s="166">
        <v>0</v>
      </c>
      <c r="AY1750" s="166">
        <v>0</v>
      </c>
      <c r="AZ1750" s="166">
        <v>0</v>
      </c>
      <c r="BA1750" s="166">
        <v>0</v>
      </c>
      <c r="BB1750" s="166">
        <v>0</v>
      </c>
      <c r="BC1750" s="166">
        <v>0</v>
      </c>
      <c r="BD1750" s="166">
        <v>0</v>
      </c>
      <c r="BE1750" s="166">
        <v>0</v>
      </c>
      <c r="BF1750" s="166">
        <v>0</v>
      </c>
      <c r="BG1750" s="166">
        <v>0</v>
      </c>
      <c r="BH1750" s="166">
        <v>0</v>
      </c>
      <c r="BI1750" s="166">
        <v>0</v>
      </c>
      <c r="BJ1750" s="166">
        <v>0</v>
      </c>
      <c r="BK1750" s="166">
        <v>0</v>
      </c>
      <c r="BL1750" s="166">
        <v>0</v>
      </c>
      <c r="BM1750" s="166">
        <v>0</v>
      </c>
      <c r="BN1750" s="166">
        <v>0</v>
      </c>
      <c r="BO1750" s="166">
        <v>0</v>
      </c>
      <c r="BP1750" s="166">
        <v>0</v>
      </c>
      <c r="BQ1750" s="166">
        <v>0</v>
      </c>
      <c r="BR1750" s="166">
        <v>15140466.550551901</v>
      </c>
      <c r="BS1750" s="166">
        <v>15140466.550551901</v>
      </c>
      <c r="BT1750" s="168">
        <v>0.99999527075910699</v>
      </c>
      <c r="BU1750" s="166">
        <v>1054435.5088760599</v>
      </c>
      <c r="BV1750" s="166">
        <v>15140394.9476384</v>
      </c>
      <c r="BW1750" s="166">
        <v>0</v>
      </c>
      <c r="BX1750" s="166">
        <v>0</v>
      </c>
      <c r="BY1750" s="166">
        <v>0</v>
      </c>
      <c r="BZ1750" s="166">
        <v>0</v>
      </c>
      <c r="CA1750" s="166">
        <v>0</v>
      </c>
      <c r="CB1750" s="166">
        <v>0</v>
      </c>
      <c r="CC1750" s="166">
        <v>0</v>
      </c>
      <c r="CD1750" s="166">
        <v>0</v>
      </c>
      <c r="CE1750" s="166">
        <v>0</v>
      </c>
      <c r="CF1750" s="166">
        <v>0</v>
      </c>
      <c r="CG1750" s="166">
        <v>0</v>
      </c>
      <c r="CH1750" s="166">
        <v>0</v>
      </c>
      <c r="CI1750" s="166">
        <v>0</v>
      </c>
      <c r="CJ1750" s="166">
        <v>0</v>
      </c>
      <c r="CK1750" s="166">
        <v>0</v>
      </c>
      <c r="CL1750" s="166">
        <v>0</v>
      </c>
      <c r="CM1750" s="166">
        <v>0</v>
      </c>
      <c r="CN1750" s="166">
        <v>0</v>
      </c>
      <c r="CO1750" s="166">
        <v>0</v>
      </c>
      <c r="CP1750" s="166">
        <v>0</v>
      </c>
      <c r="CQ1750" s="166">
        <v>0</v>
      </c>
      <c r="CR1750" s="166">
        <v>0</v>
      </c>
      <c r="CS1750" s="166">
        <v>0</v>
      </c>
      <c r="CT1750" s="166">
        <v>0</v>
      </c>
      <c r="CU1750" s="166">
        <v>0</v>
      </c>
      <c r="CV1750" s="166">
        <v>0</v>
      </c>
      <c r="CW1750" s="166">
        <v>0</v>
      </c>
      <c r="CX1750" s="166">
        <v>0</v>
      </c>
      <c r="CY1750" s="166">
        <v>15140394.9476384</v>
      </c>
      <c r="CZ1750" s="166">
        <v>15140394.9476384</v>
      </c>
    </row>
    <row r="1751" spans="1:104" x14ac:dyDescent="0.2">
      <c r="A1751" s="167" t="s">
        <v>160</v>
      </c>
      <c r="B1751" s="166">
        <v>74243694.029999897</v>
      </c>
      <c r="C1751" s="166">
        <v>74243694.029999897</v>
      </c>
      <c r="D1751" s="166">
        <v>0</v>
      </c>
      <c r="E1751" s="166">
        <v>0</v>
      </c>
      <c r="F1751" s="166">
        <v>0</v>
      </c>
      <c r="G1751" s="166">
        <v>0</v>
      </c>
      <c r="H1751" s="166">
        <v>0</v>
      </c>
      <c r="I1751" s="166">
        <v>0</v>
      </c>
      <c r="J1751" s="166">
        <v>0</v>
      </c>
      <c r="K1751" s="166">
        <v>0</v>
      </c>
      <c r="L1751" s="166">
        <v>0</v>
      </c>
      <c r="M1751" s="166">
        <v>0</v>
      </c>
      <c r="N1751" s="166">
        <v>0</v>
      </c>
      <c r="O1751" s="166">
        <v>0</v>
      </c>
      <c r="P1751" s="166">
        <v>0</v>
      </c>
      <c r="Q1751" s="166">
        <v>0</v>
      </c>
      <c r="R1751" s="166">
        <v>0</v>
      </c>
      <c r="S1751" s="166">
        <v>0</v>
      </c>
      <c r="T1751" s="166">
        <v>0</v>
      </c>
      <c r="U1751" s="166">
        <v>0</v>
      </c>
      <c r="V1751" s="166">
        <v>0</v>
      </c>
      <c r="W1751" s="166">
        <v>0</v>
      </c>
      <c r="X1751" s="166">
        <v>0</v>
      </c>
      <c r="Y1751" s="166">
        <v>0</v>
      </c>
      <c r="Z1751" s="166">
        <v>0</v>
      </c>
      <c r="AA1751" s="166">
        <v>0</v>
      </c>
      <c r="AB1751" s="166">
        <v>0</v>
      </c>
      <c r="AC1751" s="166">
        <v>0</v>
      </c>
      <c r="AD1751" s="166">
        <v>0</v>
      </c>
      <c r="AE1751" s="166">
        <v>0</v>
      </c>
      <c r="AF1751" s="166">
        <v>0</v>
      </c>
      <c r="AG1751" s="166">
        <v>0</v>
      </c>
      <c r="AH1751" s="166">
        <v>0</v>
      </c>
      <c r="AI1751" s="166">
        <v>0</v>
      </c>
      <c r="AJ1751" s="166">
        <v>0</v>
      </c>
      <c r="AK1751" s="166">
        <v>0</v>
      </c>
      <c r="AL1751" s="166">
        <v>0</v>
      </c>
      <c r="AM1751" s="166">
        <v>0</v>
      </c>
      <c r="AN1751" s="166">
        <v>0</v>
      </c>
      <c r="AO1751" s="166">
        <v>0</v>
      </c>
      <c r="AP1751" s="166">
        <v>0</v>
      </c>
      <c r="AQ1751" s="166">
        <v>0</v>
      </c>
      <c r="AR1751" s="166">
        <v>0</v>
      </c>
      <c r="AS1751" s="166">
        <v>0</v>
      </c>
      <c r="AT1751" s="166">
        <v>0</v>
      </c>
      <c r="AU1751" s="166">
        <v>0</v>
      </c>
      <c r="AV1751" s="166">
        <v>0</v>
      </c>
      <c r="AW1751" s="166">
        <v>0</v>
      </c>
      <c r="AX1751" s="166">
        <v>0</v>
      </c>
      <c r="AY1751" s="166">
        <v>0</v>
      </c>
      <c r="AZ1751" s="166">
        <v>0</v>
      </c>
      <c r="BA1751" s="166">
        <v>0</v>
      </c>
      <c r="BB1751" s="166">
        <v>0</v>
      </c>
      <c r="BC1751" s="166">
        <v>0</v>
      </c>
      <c r="BD1751" s="166">
        <v>0</v>
      </c>
      <c r="BE1751" s="166">
        <v>0</v>
      </c>
      <c r="BF1751" s="166">
        <v>0</v>
      </c>
      <c r="BG1751" s="166">
        <v>0</v>
      </c>
      <c r="BH1751" s="166">
        <v>0</v>
      </c>
      <c r="BI1751" s="166">
        <v>0</v>
      </c>
      <c r="BJ1751" s="166">
        <v>0</v>
      </c>
      <c r="BK1751" s="166">
        <v>0</v>
      </c>
      <c r="BL1751" s="166">
        <v>0</v>
      </c>
      <c r="BM1751" s="166">
        <v>0</v>
      </c>
      <c r="BN1751" s="166">
        <v>0</v>
      </c>
      <c r="BO1751" s="166">
        <v>0</v>
      </c>
      <c r="BP1751" s="166">
        <v>0</v>
      </c>
      <c r="BQ1751" s="166">
        <v>0</v>
      </c>
      <c r="BR1751" s="166">
        <v>74243694.029999897</v>
      </c>
      <c r="BS1751" s="166">
        <v>74243694.029999897</v>
      </c>
      <c r="BT1751" s="168">
        <v>0</v>
      </c>
      <c r="BU1751" s="166">
        <v>4312133.8723222697</v>
      </c>
      <c r="BV1751" s="166">
        <v>74156118.848619699</v>
      </c>
      <c r="BW1751" s="166">
        <v>0</v>
      </c>
      <c r="BX1751" s="166">
        <v>0</v>
      </c>
      <c r="BY1751" s="166">
        <v>0</v>
      </c>
      <c r="BZ1751" s="166">
        <v>0</v>
      </c>
      <c r="CA1751" s="166">
        <v>0</v>
      </c>
      <c r="CB1751" s="166">
        <v>0</v>
      </c>
      <c r="CC1751" s="166">
        <v>0</v>
      </c>
      <c r="CD1751" s="166">
        <v>0</v>
      </c>
      <c r="CE1751" s="166">
        <v>0</v>
      </c>
      <c r="CF1751" s="166">
        <v>0</v>
      </c>
      <c r="CG1751" s="166">
        <v>0</v>
      </c>
      <c r="CH1751" s="166">
        <v>0</v>
      </c>
      <c r="CI1751" s="166">
        <v>0</v>
      </c>
      <c r="CJ1751" s="166">
        <v>0</v>
      </c>
      <c r="CK1751" s="166">
        <v>0</v>
      </c>
      <c r="CL1751" s="166">
        <v>0</v>
      </c>
      <c r="CM1751" s="166">
        <v>0</v>
      </c>
      <c r="CN1751" s="166">
        <v>0</v>
      </c>
      <c r="CO1751" s="166">
        <v>0</v>
      </c>
      <c r="CP1751" s="166">
        <v>0</v>
      </c>
      <c r="CQ1751" s="166">
        <v>0</v>
      </c>
      <c r="CR1751" s="166">
        <v>0</v>
      </c>
      <c r="CS1751" s="166">
        <v>0</v>
      </c>
      <c r="CT1751" s="166">
        <v>0</v>
      </c>
      <c r="CU1751" s="166">
        <v>0</v>
      </c>
      <c r="CV1751" s="166">
        <v>0</v>
      </c>
      <c r="CW1751" s="166">
        <v>0</v>
      </c>
      <c r="CX1751" s="166">
        <v>0</v>
      </c>
      <c r="CY1751" s="166">
        <v>74156118.848619595</v>
      </c>
      <c r="CZ1751" s="166">
        <v>74156118.848619699</v>
      </c>
    </row>
    <row r="1752" spans="1:104" x14ac:dyDescent="0.2">
      <c r="A1752" s="170" t="s">
        <v>161</v>
      </c>
      <c r="B1752" s="166">
        <v>97943528.779999897</v>
      </c>
      <c r="C1752" s="166">
        <v>97943528.779999897</v>
      </c>
      <c r="D1752" s="166">
        <v>0</v>
      </c>
      <c r="E1752" s="166">
        <v>0</v>
      </c>
      <c r="F1752" s="166">
        <v>0</v>
      </c>
      <c r="G1752" s="166">
        <v>0</v>
      </c>
      <c r="H1752" s="166">
        <v>0</v>
      </c>
      <c r="I1752" s="166">
        <v>0</v>
      </c>
      <c r="J1752" s="166">
        <v>0</v>
      </c>
      <c r="K1752" s="166">
        <v>0</v>
      </c>
      <c r="L1752" s="166">
        <v>0</v>
      </c>
      <c r="M1752" s="166">
        <v>0</v>
      </c>
      <c r="N1752" s="166">
        <v>0</v>
      </c>
      <c r="O1752" s="166">
        <v>0</v>
      </c>
      <c r="P1752" s="166">
        <v>0</v>
      </c>
      <c r="Q1752" s="166">
        <v>0</v>
      </c>
      <c r="R1752" s="166">
        <v>0</v>
      </c>
      <c r="S1752" s="166">
        <v>0</v>
      </c>
      <c r="T1752" s="166">
        <v>0</v>
      </c>
      <c r="U1752" s="166">
        <v>0</v>
      </c>
      <c r="V1752" s="166">
        <v>0</v>
      </c>
      <c r="W1752" s="166">
        <v>0</v>
      </c>
      <c r="X1752" s="166">
        <v>0</v>
      </c>
      <c r="Y1752" s="166">
        <v>0</v>
      </c>
      <c r="Z1752" s="166">
        <v>0</v>
      </c>
      <c r="AA1752" s="166">
        <v>0</v>
      </c>
      <c r="AB1752" s="166">
        <v>0</v>
      </c>
      <c r="AC1752" s="166">
        <v>0</v>
      </c>
      <c r="AD1752" s="166">
        <v>0</v>
      </c>
      <c r="AE1752" s="166">
        <v>0</v>
      </c>
      <c r="AF1752" s="166">
        <v>0</v>
      </c>
      <c r="AG1752" s="166">
        <v>0</v>
      </c>
      <c r="AH1752" s="166">
        <v>0</v>
      </c>
      <c r="AI1752" s="166">
        <v>0</v>
      </c>
      <c r="AJ1752" s="166">
        <v>0</v>
      </c>
      <c r="AK1752" s="166">
        <v>0</v>
      </c>
      <c r="AL1752" s="166">
        <v>0</v>
      </c>
      <c r="AM1752" s="166">
        <v>0</v>
      </c>
      <c r="AN1752" s="166">
        <v>0</v>
      </c>
      <c r="AO1752" s="166">
        <v>0</v>
      </c>
      <c r="AP1752" s="166">
        <v>0</v>
      </c>
      <c r="AQ1752" s="166">
        <v>0</v>
      </c>
      <c r="AR1752" s="166">
        <v>0</v>
      </c>
      <c r="AS1752" s="166">
        <v>0</v>
      </c>
      <c r="AT1752" s="166">
        <v>0</v>
      </c>
      <c r="AU1752" s="166">
        <v>0</v>
      </c>
      <c r="AV1752" s="166">
        <v>0</v>
      </c>
      <c r="AW1752" s="166">
        <v>0</v>
      </c>
      <c r="AX1752" s="166">
        <v>0</v>
      </c>
      <c r="AY1752" s="166">
        <v>0</v>
      </c>
      <c r="AZ1752" s="166">
        <v>0</v>
      </c>
      <c r="BA1752" s="166">
        <v>0</v>
      </c>
      <c r="BB1752" s="166">
        <v>0</v>
      </c>
      <c r="BC1752" s="166">
        <v>0</v>
      </c>
      <c r="BD1752" s="166">
        <v>0</v>
      </c>
      <c r="BE1752" s="166">
        <v>0</v>
      </c>
      <c r="BF1752" s="166">
        <v>0</v>
      </c>
      <c r="BG1752" s="166">
        <v>0</v>
      </c>
      <c r="BH1752" s="166">
        <v>0</v>
      </c>
      <c r="BI1752" s="166">
        <v>0</v>
      </c>
      <c r="BJ1752" s="166">
        <v>0</v>
      </c>
      <c r="BK1752" s="166">
        <v>0</v>
      </c>
      <c r="BL1752" s="166">
        <v>0</v>
      </c>
      <c r="BM1752" s="166">
        <v>0</v>
      </c>
      <c r="BN1752" s="166">
        <v>0</v>
      </c>
      <c r="BO1752" s="166">
        <v>0</v>
      </c>
      <c r="BP1752" s="166">
        <v>0</v>
      </c>
      <c r="BQ1752" s="166">
        <v>0</v>
      </c>
      <c r="BR1752" s="166">
        <v>97943528.779999897</v>
      </c>
      <c r="BS1752" s="166">
        <v>97943528.779999897</v>
      </c>
      <c r="BT1752" s="168">
        <v>0</v>
      </c>
      <c r="BU1752" s="166">
        <v>5922516.2268872904</v>
      </c>
      <c r="BV1752" s="166">
        <v>97738103.204711005</v>
      </c>
      <c r="BW1752" s="166">
        <v>0</v>
      </c>
      <c r="BX1752" s="166">
        <v>0</v>
      </c>
      <c r="BY1752" s="166">
        <v>0</v>
      </c>
      <c r="BZ1752" s="166">
        <v>0</v>
      </c>
      <c r="CA1752" s="166">
        <v>0</v>
      </c>
      <c r="CB1752" s="166">
        <v>0</v>
      </c>
      <c r="CC1752" s="166">
        <v>0</v>
      </c>
      <c r="CD1752" s="166">
        <v>0</v>
      </c>
      <c r="CE1752" s="166">
        <v>0</v>
      </c>
      <c r="CF1752" s="166">
        <v>0</v>
      </c>
      <c r="CG1752" s="166">
        <v>0</v>
      </c>
      <c r="CH1752" s="166">
        <v>0</v>
      </c>
      <c r="CI1752" s="166">
        <v>0</v>
      </c>
      <c r="CJ1752" s="166">
        <v>0</v>
      </c>
      <c r="CK1752" s="166">
        <v>0</v>
      </c>
      <c r="CL1752" s="166">
        <v>0</v>
      </c>
      <c r="CM1752" s="166">
        <v>0</v>
      </c>
      <c r="CN1752" s="166">
        <v>0</v>
      </c>
      <c r="CO1752" s="166">
        <v>0</v>
      </c>
      <c r="CP1752" s="166">
        <v>0</v>
      </c>
      <c r="CQ1752" s="166">
        <v>0</v>
      </c>
      <c r="CR1752" s="166">
        <v>0</v>
      </c>
      <c r="CS1752" s="166">
        <v>0</v>
      </c>
      <c r="CT1752" s="166">
        <v>0</v>
      </c>
      <c r="CU1752" s="166">
        <v>0</v>
      </c>
      <c r="CV1752" s="166">
        <v>0</v>
      </c>
      <c r="CW1752" s="166">
        <v>0</v>
      </c>
      <c r="CX1752" s="166">
        <v>0</v>
      </c>
      <c r="CY1752" s="166">
        <v>97738103.204711005</v>
      </c>
      <c r="CZ1752" s="166">
        <v>97738103.204711005</v>
      </c>
    </row>
    <row r="1753" spans="1:104" x14ac:dyDescent="0.2">
      <c r="A1753" s="167" t="s">
        <v>162</v>
      </c>
    </row>
    <row r="1754" spans="1:104" x14ac:dyDescent="0.2">
      <c r="A1754" s="170" t="s">
        <v>163</v>
      </c>
    </row>
    <row r="1755" spans="1:104" x14ac:dyDescent="0.2">
      <c r="A1755" s="167" t="s">
        <v>164</v>
      </c>
      <c r="B1755" s="166">
        <v>0</v>
      </c>
      <c r="C1755" s="166">
        <v>0</v>
      </c>
      <c r="D1755" s="166">
        <v>0</v>
      </c>
      <c r="E1755" s="166">
        <v>0</v>
      </c>
      <c r="F1755" s="166">
        <v>0</v>
      </c>
      <c r="G1755" s="166">
        <v>0</v>
      </c>
      <c r="H1755" s="166">
        <v>0</v>
      </c>
      <c r="I1755" s="166">
        <v>0</v>
      </c>
      <c r="J1755" s="166">
        <v>0</v>
      </c>
      <c r="K1755" s="166">
        <v>0</v>
      </c>
      <c r="L1755" s="166">
        <v>0</v>
      </c>
      <c r="M1755" s="166">
        <v>0</v>
      </c>
      <c r="N1755" s="166">
        <v>0</v>
      </c>
      <c r="O1755" s="166">
        <v>0</v>
      </c>
      <c r="P1755" s="166">
        <v>0</v>
      </c>
      <c r="Q1755" s="166">
        <v>0</v>
      </c>
      <c r="R1755" s="166">
        <v>0</v>
      </c>
      <c r="S1755" s="166">
        <v>0</v>
      </c>
      <c r="T1755" s="166">
        <v>0</v>
      </c>
      <c r="U1755" s="166">
        <v>0</v>
      </c>
      <c r="V1755" s="166">
        <v>0</v>
      </c>
      <c r="W1755" s="166">
        <v>0</v>
      </c>
      <c r="X1755" s="166">
        <v>0</v>
      </c>
      <c r="Y1755" s="166">
        <v>0</v>
      </c>
      <c r="Z1755" s="166">
        <v>0</v>
      </c>
      <c r="AA1755" s="166">
        <v>0</v>
      </c>
      <c r="AB1755" s="166">
        <v>0</v>
      </c>
      <c r="AC1755" s="166">
        <v>0</v>
      </c>
      <c r="AD1755" s="166">
        <v>0</v>
      </c>
      <c r="AE1755" s="166">
        <v>0</v>
      </c>
      <c r="AF1755" s="166">
        <v>0</v>
      </c>
      <c r="AG1755" s="166">
        <v>0</v>
      </c>
      <c r="AH1755" s="166">
        <v>0</v>
      </c>
      <c r="AI1755" s="166">
        <v>0</v>
      </c>
      <c r="AJ1755" s="166">
        <v>0</v>
      </c>
      <c r="AK1755" s="166">
        <v>0</v>
      </c>
      <c r="AL1755" s="166">
        <v>0</v>
      </c>
      <c r="AM1755" s="166">
        <v>0</v>
      </c>
      <c r="AN1755" s="166">
        <v>0</v>
      </c>
      <c r="AO1755" s="166">
        <v>0</v>
      </c>
      <c r="AP1755" s="166">
        <v>0</v>
      </c>
      <c r="AQ1755" s="166">
        <v>0</v>
      </c>
      <c r="AR1755" s="166">
        <v>0</v>
      </c>
      <c r="AS1755" s="166">
        <v>0</v>
      </c>
      <c r="AT1755" s="166">
        <v>0</v>
      </c>
      <c r="AU1755" s="166">
        <v>0</v>
      </c>
      <c r="AV1755" s="166">
        <v>0</v>
      </c>
      <c r="AW1755" s="166">
        <v>0</v>
      </c>
      <c r="AX1755" s="166">
        <v>0</v>
      </c>
      <c r="AY1755" s="166">
        <v>0</v>
      </c>
      <c r="AZ1755" s="166">
        <v>0</v>
      </c>
      <c r="BA1755" s="166">
        <v>0</v>
      </c>
      <c r="BB1755" s="166">
        <v>0</v>
      </c>
      <c r="BC1755" s="166">
        <v>0</v>
      </c>
      <c r="BD1755" s="166">
        <v>0</v>
      </c>
      <c r="BE1755" s="166">
        <v>0</v>
      </c>
      <c r="BF1755" s="166">
        <v>0</v>
      </c>
      <c r="BG1755" s="166">
        <v>0</v>
      </c>
      <c r="BH1755" s="166">
        <v>0</v>
      </c>
      <c r="BI1755" s="166">
        <v>0</v>
      </c>
      <c r="BJ1755" s="166">
        <v>0</v>
      </c>
      <c r="BK1755" s="166">
        <v>0</v>
      </c>
      <c r="BL1755" s="166">
        <v>0</v>
      </c>
      <c r="BM1755" s="166">
        <v>0</v>
      </c>
      <c r="BN1755" s="166">
        <v>0</v>
      </c>
      <c r="BO1755" s="166">
        <v>0</v>
      </c>
      <c r="BP1755" s="166">
        <v>0</v>
      </c>
      <c r="BQ1755" s="166">
        <v>0</v>
      </c>
      <c r="BR1755" s="166">
        <v>0</v>
      </c>
      <c r="BS1755" s="166">
        <v>0</v>
      </c>
      <c r="BT1755" s="168">
        <v>0.99999527075910699</v>
      </c>
      <c r="BU1755" s="166">
        <v>0</v>
      </c>
      <c r="BV1755" s="166">
        <v>0</v>
      </c>
      <c r="BW1755" s="166">
        <v>0</v>
      </c>
      <c r="BX1755" s="166">
        <v>0</v>
      </c>
      <c r="BY1755" s="166">
        <v>0</v>
      </c>
      <c r="BZ1755" s="166">
        <v>0</v>
      </c>
      <c r="CA1755" s="166">
        <v>0</v>
      </c>
      <c r="CB1755" s="166">
        <v>0</v>
      </c>
      <c r="CC1755" s="166">
        <v>0</v>
      </c>
      <c r="CD1755" s="166">
        <v>0</v>
      </c>
      <c r="CE1755" s="166">
        <v>0</v>
      </c>
      <c r="CF1755" s="166">
        <v>0</v>
      </c>
      <c r="CG1755" s="166">
        <v>0</v>
      </c>
      <c r="CH1755" s="166">
        <v>0</v>
      </c>
      <c r="CI1755" s="166">
        <v>0</v>
      </c>
      <c r="CJ1755" s="166">
        <v>0</v>
      </c>
      <c r="CK1755" s="166">
        <v>0</v>
      </c>
      <c r="CL1755" s="166">
        <v>0</v>
      </c>
      <c r="CM1755" s="166">
        <v>0</v>
      </c>
      <c r="CN1755" s="166">
        <v>0</v>
      </c>
      <c r="CO1755" s="166">
        <v>0</v>
      </c>
      <c r="CP1755" s="166">
        <v>0</v>
      </c>
      <c r="CQ1755" s="166">
        <v>0</v>
      </c>
      <c r="CR1755" s="166">
        <v>0</v>
      </c>
      <c r="CS1755" s="166">
        <v>0</v>
      </c>
      <c r="CT1755" s="166">
        <v>0</v>
      </c>
      <c r="CU1755" s="166">
        <v>0</v>
      </c>
      <c r="CV1755" s="166">
        <v>0</v>
      </c>
      <c r="CW1755" s="166">
        <v>0</v>
      </c>
      <c r="CX1755" s="166">
        <v>0</v>
      </c>
      <c r="CY1755" s="166">
        <v>0</v>
      </c>
      <c r="CZ1755" s="166">
        <v>0</v>
      </c>
    </row>
    <row r="1756" spans="1:104" x14ac:dyDescent="0.2">
      <c r="A1756" s="167" t="s">
        <v>165</v>
      </c>
    </row>
    <row r="1757" spans="1:104" x14ac:dyDescent="0.2">
      <c r="A1757" s="167" t="s">
        <v>1058</v>
      </c>
      <c r="B1757" s="166">
        <v>4935857.9886580799</v>
      </c>
      <c r="C1757" s="166">
        <v>4935857.9886580799</v>
      </c>
      <c r="D1757" s="166">
        <v>0</v>
      </c>
      <c r="E1757" s="166">
        <v>0</v>
      </c>
      <c r="F1757" s="166">
        <v>0</v>
      </c>
      <c r="G1757" s="166">
        <v>0</v>
      </c>
      <c r="H1757" s="166">
        <v>0</v>
      </c>
      <c r="I1757" s="166">
        <v>0</v>
      </c>
      <c r="J1757" s="166">
        <v>0</v>
      </c>
      <c r="K1757" s="166">
        <v>0</v>
      </c>
      <c r="L1757" s="166">
        <v>0</v>
      </c>
      <c r="M1757" s="166">
        <v>0</v>
      </c>
      <c r="N1757" s="166">
        <v>0</v>
      </c>
      <c r="O1757" s="166">
        <v>0</v>
      </c>
      <c r="P1757" s="166">
        <v>0</v>
      </c>
      <c r="Q1757" s="166">
        <v>0</v>
      </c>
      <c r="R1757" s="166">
        <v>0</v>
      </c>
      <c r="S1757" s="166">
        <v>0</v>
      </c>
      <c r="T1757" s="166">
        <v>0</v>
      </c>
      <c r="U1757" s="166">
        <v>0</v>
      </c>
      <c r="V1757" s="166">
        <v>0</v>
      </c>
      <c r="W1757" s="166">
        <v>0</v>
      </c>
      <c r="X1757" s="166">
        <v>0</v>
      </c>
      <c r="Y1757" s="166">
        <v>0</v>
      </c>
      <c r="Z1757" s="166">
        <v>0</v>
      </c>
      <c r="AA1757" s="166">
        <v>0</v>
      </c>
      <c r="AB1757" s="166">
        <v>0</v>
      </c>
      <c r="AC1757" s="166">
        <v>0</v>
      </c>
      <c r="AD1757" s="166">
        <v>0</v>
      </c>
      <c r="AE1757" s="166">
        <v>0</v>
      </c>
      <c r="AF1757" s="166">
        <v>0</v>
      </c>
      <c r="AG1757" s="166">
        <v>0</v>
      </c>
      <c r="AH1757" s="166">
        <v>0</v>
      </c>
      <c r="AI1757" s="166">
        <v>0</v>
      </c>
      <c r="AJ1757" s="166">
        <v>0</v>
      </c>
      <c r="AK1757" s="166">
        <v>0</v>
      </c>
      <c r="AL1757" s="166">
        <v>0</v>
      </c>
      <c r="AM1757" s="166">
        <v>0</v>
      </c>
      <c r="AN1757" s="166">
        <v>0</v>
      </c>
      <c r="AO1757" s="166">
        <v>0</v>
      </c>
      <c r="AP1757" s="166">
        <v>0</v>
      </c>
      <c r="AQ1757" s="166">
        <v>0</v>
      </c>
      <c r="AR1757" s="166">
        <v>0</v>
      </c>
      <c r="AS1757" s="166">
        <v>0</v>
      </c>
      <c r="AT1757" s="166">
        <v>0</v>
      </c>
      <c r="AU1757" s="166">
        <v>0</v>
      </c>
      <c r="AV1757" s="166">
        <v>0</v>
      </c>
      <c r="AW1757" s="166">
        <v>0</v>
      </c>
      <c r="AX1757" s="166">
        <v>0</v>
      </c>
      <c r="AY1757" s="166">
        <v>0</v>
      </c>
      <c r="AZ1757" s="166">
        <v>0</v>
      </c>
      <c r="BA1757" s="166">
        <v>0</v>
      </c>
      <c r="BB1757" s="166">
        <v>0</v>
      </c>
      <c r="BC1757" s="166">
        <v>0</v>
      </c>
      <c r="BD1757" s="166">
        <v>0</v>
      </c>
      <c r="BE1757" s="166">
        <v>0</v>
      </c>
      <c r="BF1757" s="166">
        <v>0</v>
      </c>
      <c r="BG1757" s="166">
        <v>0</v>
      </c>
      <c r="BH1757" s="166">
        <v>0</v>
      </c>
      <c r="BI1757" s="166">
        <v>0</v>
      </c>
      <c r="BJ1757" s="166">
        <v>0</v>
      </c>
      <c r="BK1757" s="166">
        <v>0</v>
      </c>
      <c r="BL1757" s="166">
        <v>0</v>
      </c>
      <c r="BM1757" s="166">
        <v>0</v>
      </c>
      <c r="BN1757" s="166">
        <v>0</v>
      </c>
      <c r="BO1757" s="166">
        <v>0</v>
      </c>
      <c r="BP1757" s="166">
        <v>0</v>
      </c>
      <c r="BQ1757" s="166">
        <v>0</v>
      </c>
      <c r="BR1757" s="166">
        <v>4935857.9886580799</v>
      </c>
      <c r="BS1757" s="166">
        <v>4935857.9886580799</v>
      </c>
      <c r="BT1757" s="168">
        <v>0.999998123540776</v>
      </c>
      <c r="BU1757" s="166">
        <v>532343.23615692102</v>
      </c>
      <c r="BV1757" s="166">
        <v>4935848.7267218297</v>
      </c>
      <c r="BW1757" s="166">
        <v>0</v>
      </c>
      <c r="BX1757" s="166">
        <v>0</v>
      </c>
      <c r="BY1757" s="166">
        <v>0</v>
      </c>
      <c r="BZ1757" s="166">
        <v>0</v>
      </c>
      <c r="CA1757" s="166">
        <v>0</v>
      </c>
      <c r="CB1757" s="166">
        <v>0</v>
      </c>
      <c r="CC1757" s="166">
        <v>0</v>
      </c>
      <c r="CD1757" s="166">
        <v>0</v>
      </c>
      <c r="CE1757" s="166">
        <v>0</v>
      </c>
      <c r="CF1757" s="166">
        <v>0</v>
      </c>
      <c r="CG1757" s="166">
        <v>0</v>
      </c>
      <c r="CH1757" s="166">
        <v>0</v>
      </c>
      <c r="CI1757" s="166">
        <v>0</v>
      </c>
      <c r="CJ1757" s="166">
        <v>0</v>
      </c>
      <c r="CK1757" s="166">
        <v>0</v>
      </c>
      <c r="CL1757" s="166">
        <v>0</v>
      </c>
      <c r="CM1757" s="166">
        <v>0</v>
      </c>
      <c r="CN1757" s="166">
        <v>0</v>
      </c>
      <c r="CO1757" s="166">
        <v>0</v>
      </c>
      <c r="CP1757" s="166">
        <v>0</v>
      </c>
      <c r="CQ1757" s="166">
        <v>0</v>
      </c>
      <c r="CR1757" s="166">
        <v>0</v>
      </c>
      <c r="CS1757" s="166">
        <v>0</v>
      </c>
      <c r="CT1757" s="166">
        <v>0</v>
      </c>
      <c r="CU1757" s="166">
        <v>0</v>
      </c>
      <c r="CV1757" s="166">
        <v>0</v>
      </c>
      <c r="CW1757" s="166">
        <v>0</v>
      </c>
      <c r="CX1757" s="166">
        <v>0</v>
      </c>
      <c r="CY1757" s="166">
        <v>4935848.7267218297</v>
      </c>
      <c r="CZ1757" s="166">
        <v>4935848.7267218297</v>
      </c>
    </row>
    <row r="1758" spans="1:104" x14ac:dyDescent="0.2">
      <c r="A1758" s="167" t="s">
        <v>1059</v>
      </c>
      <c r="B1758" s="166">
        <v>429173.13823321997</v>
      </c>
      <c r="C1758" s="166">
        <v>429173.13823321997</v>
      </c>
      <c r="D1758" s="166">
        <v>0</v>
      </c>
      <c r="E1758" s="166">
        <v>0</v>
      </c>
      <c r="F1758" s="166">
        <v>0</v>
      </c>
      <c r="G1758" s="166">
        <v>0</v>
      </c>
      <c r="H1758" s="166">
        <v>0</v>
      </c>
      <c r="I1758" s="166">
        <v>0</v>
      </c>
      <c r="J1758" s="166">
        <v>0</v>
      </c>
      <c r="K1758" s="166">
        <v>0</v>
      </c>
      <c r="L1758" s="166">
        <v>0</v>
      </c>
      <c r="M1758" s="166">
        <v>0</v>
      </c>
      <c r="N1758" s="166">
        <v>0</v>
      </c>
      <c r="O1758" s="166">
        <v>0</v>
      </c>
      <c r="P1758" s="166">
        <v>0</v>
      </c>
      <c r="Q1758" s="166">
        <v>0</v>
      </c>
      <c r="R1758" s="166">
        <v>0</v>
      </c>
      <c r="S1758" s="166">
        <v>0</v>
      </c>
      <c r="T1758" s="166">
        <v>0</v>
      </c>
      <c r="U1758" s="166">
        <v>0</v>
      </c>
      <c r="V1758" s="166">
        <v>0</v>
      </c>
      <c r="W1758" s="166">
        <v>0</v>
      </c>
      <c r="X1758" s="166">
        <v>0</v>
      </c>
      <c r="Y1758" s="166">
        <v>0</v>
      </c>
      <c r="Z1758" s="166">
        <v>0</v>
      </c>
      <c r="AA1758" s="166">
        <v>0</v>
      </c>
      <c r="AB1758" s="166">
        <v>0</v>
      </c>
      <c r="AC1758" s="166">
        <v>0</v>
      </c>
      <c r="AD1758" s="166">
        <v>0</v>
      </c>
      <c r="AE1758" s="166">
        <v>0</v>
      </c>
      <c r="AF1758" s="166">
        <v>0</v>
      </c>
      <c r="AG1758" s="166">
        <v>0</v>
      </c>
      <c r="AH1758" s="166">
        <v>0</v>
      </c>
      <c r="AI1758" s="166">
        <v>0</v>
      </c>
      <c r="AJ1758" s="166">
        <v>0</v>
      </c>
      <c r="AK1758" s="166">
        <v>0</v>
      </c>
      <c r="AL1758" s="166">
        <v>0</v>
      </c>
      <c r="AM1758" s="166">
        <v>0</v>
      </c>
      <c r="AN1758" s="166">
        <v>0</v>
      </c>
      <c r="AO1758" s="166">
        <v>0</v>
      </c>
      <c r="AP1758" s="166">
        <v>0</v>
      </c>
      <c r="AQ1758" s="166">
        <v>0</v>
      </c>
      <c r="AR1758" s="166">
        <v>0</v>
      </c>
      <c r="AS1758" s="166">
        <v>0</v>
      </c>
      <c r="AT1758" s="166">
        <v>0</v>
      </c>
      <c r="AU1758" s="166">
        <v>0</v>
      </c>
      <c r="AV1758" s="166">
        <v>0</v>
      </c>
      <c r="AW1758" s="166">
        <v>0</v>
      </c>
      <c r="AX1758" s="166">
        <v>0</v>
      </c>
      <c r="AY1758" s="166">
        <v>0</v>
      </c>
      <c r="AZ1758" s="166">
        <v>0</v>
      </c>
      <c r="BA1758" s="166">
        <v>0</v>
      </c>
      <c r="BB1758" s="166">
        <v>0</v>
      </c>
      <c r="BC1758" s="166">
        <v>0</v>
      </c>
      <c r="BD1758" s="166">
        <v>0</v>
      </c>
      <c r="BE1758" s="166">
        <v>0</v>
      </c>
      <c r="BF1758" s="166">
        <v>0</v>
      </c>
      <c r="BG1758" s="166">
        <v>0</v>
      </c>
      <c r="BH1758" s="166">
        <v>0</v>
      </c>
      <c r="BI1758" s="166">
        <v>0</v>
      </c>
      <c r="BJ1758" s="166">
        <v>0</v>
      </c>
      <c r="BK1758" s="166">
        <v>0</v>
      </c>
      <c r="BL1758" s="166">
        <v>0</v>
      </c>
      <c r="BM1758" s="166">
        <v>0</v>
      </c>
      <c r="BN1758" s="166">
        <v>0</v>
      </c>
      <c r="BO1758" s="166">
        <v>0</v>
      </c>
      <c r="BP1758" s="166">
        <v>0</v>
      </c>
      <c r="BQ1758" s="166">
        <v>0</v>
      </c>
      <c r="BR1758" s="166">
        <v>429173.13823321997</v>
      </c>
      <c r="BS1758" s="166">
        <v>429173.13823321997</v>
      </c>
      <c r="BT1758" s="168">
        <v>0.95155251400307195</v>
      </c>
      <c r="BU1758" s="166">
        <v>44176.4710226104</v>
      </c>
      <c r="BV1758" s="166">
        <v>408380.77862840798</v>
      </c>
      <c r="BW1758" s="166">
        <v>0</v>
      </c>
      <c r="BX1758" s="166">
        <v>0</v>
      </c>
      <c r="BY1758" s="166">
        <v>0</v>
      </c>
      <c r="BZ1758" s="166">
        <v>0</v>
      </c>
      <c r="CA1758" s="166">
        <v>0</v>
      </c>
      <c r="CB1758" s="166">
        <v>0</v>
      </c>
      <c r="CC1758" s="166">
        <v>0</v>
      </c>
      <c r="CD1758" s="166">
        <v>0</v>
      </c>
      <c r="CE1758" s="166">
        <v>0</v>
      </c>
      <c r="CF1758" s="166">
        <v>0</v>
      </c>
      <c r="CG1758" s="166">
        <v>0</v>
      </c>
      <c r="CH1758" s="166">
        <v>0</v>
      </c>
      <c r="CI1758" s="166">
        <v>0</v>
      </c>
      <c r="CJ1758" s="166">
        <v>0</v>
      </c>
      <c r="CK1758" s="166">
        <v>0</v>
      </c>
      <c r="CL1758" s="166">
        <v>0</v>
      </c>
      <c r="CM1758" s="166">
        <v>0</v>
      </c>
      <c r="CN1758" s="166">
        <v>0</v>
      </c>
      <c r="CO1758" s="166">
        <v>0</v>
      </c>
      <c r="CP1758" s="166">
        <v>0</v>
      </c>
      <c r="CQ1758" s="166">
        <v>0</v>
      </c>
      <c r="CR1758" s="166">
        <v>0</v>
      </c>
      <c r="CS1758" s="166">
        <v>0</v>
      </c>
      <c r="CT1758" s="166">
        <v>0</v>
      </c>
      <c r="CU1758" s="166">
        <v>0</v>
      </c>
      <c r="CV1758" s="166">
        <v>0</v>
      </c>
      <c r="CW1758" s="166">
        <v>0</v>
      </c>
      <c r="CX1758" s="166">
        <v>0</v>
      </c>
      <c r="CY1758" s="166">
        <v>408380.77862840798</v>
      </c>
      <c r="CZ1758" s="166">
        <v>408380.77862840798</v>
      </c>
    </row>
    <row r="1759" spans="1:104" x14ac:dyDescent="0.2">
      <c r="A1759" s="167" t="s">
        <v>1060</v>
      </c>
      <c r="B1759" s="166">
        <v>455934.83748216199</v>
      </c>
      <c r="C1759" s="166">
        <v>455934.83748216199</v>
      </c>
      <c r="D1759" s="166">
        <v>0</v>
      </c>
      <c r="E1759" s="166">
        <v>0</v>
      </c>
      <c r="F1759" s="166">
        <v>0</v>
      </c>
      <c r="G1759" s="166">
        <v>0</v>
      </c>
      <c r="H1759" s="166">
        <v>0</v>
      </c>
      <c r="I1759" s="166">
        <v>0</v>
      </c>
      <c r="J1759" s="166">
        <v>0</v>
      </c>
      <c r="K1759" s="166">
        <v>0</v>
      </c>
      <c r="L1759" s="166">
        <v>0</v>
      </c>
      <c r="M1759" s="166">
        <v>0</v>
      </c>
      <c r="N1759" s="166">
        <v>0</v>
      </c>
      <c r="O1759" s="166">
        <v>0</v>
      </c>
      <c r="P1759" s="166">
        <v>0</v>
      </c>
      <c r="Q1759" s="166">
        <v>0</v>
      </c>
      <c r="R1759" s="166">
        <v>0</v>
      </c>
      <c r="S1759" s="166">
        <v>0</v>
      </c>
      <c r="T1759" s="166">
        <v>0</v>
      </c>
      <c r="U1759" s="166">
        <v>0</v>
      </c>
      <c r="V1759" s="166">
        <v>0</v>
      </c>
      <c r="W1759" s="166">
        <v>0</v>
      </c>
      <c r="X1759" s="166">
        <v>0</v>
      </c>
      <c r="Y1759" s="166">
        <v>0</v>
      </c>
      <c r="Z1759" s="166">
        <v>0</v>
      </c>
      <c r="AA1759" s="166">
        <v>0</v>
      </c>
      <c r="AB1759" s="166">
        <v>0</v>
      </c>
      <c r="AC1759" s="166">
        <v>0</v>
      </c>
      <c r="AD1759" s="166">
        <v>0</v>
      </c>
      <c r="AE1759" s="166">
        <v>0</v>
      </c>
      <c r="AF1759" s="166">
        <v>0</v>
      </c>
      <c r="AG1759" s="166">
        <v>0</v>
      </c>
      <c r="AH1759" s="166">
        <v>0</v>
      </c>
      <c r="AI1759" s="166">
        <v>0</v>
      </c>
      <c r="AJ1759" s="166">
        <v>0</v>
      </c>
      <c r="AK1759" s="166">
        <v>0</v>
      </c>
      <c r="AL1759" s="166">
        <v>0</v>
      </c>
      <c r="AM1759" s="166">
        <v>0</v>
      </c>
      <c r="AN1759" s="166">
        <v>0</v>
      </c>
      <c r="AO1759" s="166">
        <v>0</v>
      </c>
      <c r="AP1759" s="166">
        <v>0</v>
      </c>
      <c r="AQ1759" s="166">
        <v>0</v>
      </c>
      <c r="AR1759" s="166">
        <v>0</v>
      </c>
      <c r="AS1759" s="166">
        <v>0</v>
      </c>
      <c r="AT1759" s="166">
        <v>0</v>
      </c>
      <c r="AU1759" s="166">
        <v>0</v>
      </c>
      <c r="AV1759" s="166">
        <v>0</v>
      </c>
      <c r="AW1759" s="166">
        <v>0</v>
      </c>
      <c r="AX1759" s="166">
        <v>0</v>
      </c>
      <c r="AY1759" s="166">
        <v>0</v>
      </c>
      <c r="AZ1759" s="166">
        <v>0</v>
      </c>
      <c r="BA1759" s="166">
        <v>0</v>
      </c>
      <c r="BB1759" s="166">
        <v>0</v>
      </c>
      <c r="BC1759" s="166">
        <v>0</v>
      </c>
      <c r="BD1759" s="166">
        <v>0</v>
      </c>
      <c r="BE1759" s="166">
        <v>0</v>
      </c>
      <c r="BF1759" s="166">
        <v>0</v>
      </c>
      <c r="BG1759" s="166">
        <v>0</v>
      </c>
      <c r="BH1759" s="166">
        <v>0</v>
      </c>
      <c r="BI1759" s="166">
        <v>0</v>
      </c>
      <c r="BJ1759" s="166">
        <v>0</v>
      </c>
      <c r="BK1759" s="166">
        <v>0</v>
      </c>
      <c r="BL1759" s="166">
        <v>0</v>
      </c>
      <c r="BM1759" s="166">
        <v>0</v>
      </c>
      <c r="BN1759" s="166">
        <v>0</v>
      </c>
      <c r="BO1759" s="166">
        <v>0</v>
      </c>
      <c r="BP1759" s="166">
        <v>0</v>
      </c>
      <c r="BQ1759" s="166">
        <v>0</v>
      </c>
      <c r="BR1759" s="166">
        <v>455934.83748216199</v>
      </c>
      <c r="BS1759" s="166">
        <v>455934.83748216199</v>
      </c>
      <c r="BT1759" s="168">
        <v>0.97647221562039299</v>
      </c>
      <c r="BU1759" s="166">
        <v>48102.977577523998</v>
      </c>
      <c r="BV1759" s="166">
        <v>445207.70093473099</v>
      </c>
      <c r="BW1759" s="166">
        <v>0</v>
      </c>
      <c r="BX1759" s="166">
        <v>0</v>
      </c>
      <c r="BY1759" s="166">
        <v>0</v>
      </c>
      <c r="BZ1759" s="166">
        <v>0</v>
      </c>
      <c r="CA1759" s="166">
        <v>0</v>
      </c>
      <c r="CB1759" s="166">
        <v>0</v>
      </c>
      <c r="CC1759" s="166">
        <v>0</v>
      </c>
      <c r="CD1759" s="166">
        <v>0</v>
      </c>
      <c r="CE1759" s="166">
        <v>0</v>
      </c>
      <c r="CF1759" s="166">
        <v>0</v>
      </c>
      <c r="CG1759" s="166">
        <v>0</v>
      </c>
      <c r="CH1759" s="166">
        <v>0</v>
      </c>
      <c r="CI1759" s="166">
        <v>0</v>
      </c>
      <c r="CJ1759" s="166">
        <v>0</v>
      </c>
      <c r="CK1759" s="166">
        <v>0</v>
      </c>
      <c r="CL1759" s="166">
        <v>0</v>
      </c>
      <c r="CM1759" s="166">
        <v>0</v>
      </c>
      <c r="CN1759" s="166">
        <v>0</v>
      </c>
      <c r="CO1759" s="166">
        <v>0</v>
      </c>
      <c r="CP1759" s="166">
        <v>0</v>
      </c>
      <c r="CQ1759" s="166">
        <v>0</v>
      </c>
      <c r="CR1759" s="166">
        <v>0</v>
      </c>
      <c r="CS1759" s="166">
        <v>0</v>
      </c>
      <c r="CT1759" s="166">
        <v>0</v>
      </c>
      <c r="CU1759" s="166">
        <v>0</v>
      </c>
      <c r="CV1759" s="166">
        <v>0</v>
      </c>
      <c r="CW1759" s="166">
        <v>0</v>
      </c>
      <c r="CX1759" s="166">
        <v>0</v>
      </c>
      <c r="CY1759" s="166">
        <v>445207.70093473099</v>
      </c>
      <c r="CZ1759" s="166">
        <v>445207.70093473099</v>
      </c>
    </row>
    <row r="1760" spans="1:104" x14ac:dyDescent="0.2">
      <c r="A1760" s="167" t="s">
        <v>169</v>
      </c>
      <c r="B1760" s="166">
        <v>1698118.1506275299</v>
      </c>
      <c r="C1760" s="166">
        <v>1698118.1506275299</v>
      </c>
      <c r="D1760" s="166">
        <v>0</v>
      </c>
      <c r="E1760" s="166">
        <v>0</v>
      </c>
      <c r="F1760" s="166">
        <v>0</v>
      </c>
      <c r="G1760" s="166">
        <v>0</v>
      </c>
      <c r="H1760" s="166">
        <v>0</v>
      </c>
      <c r="I1760" s="166">
        <v>0</v>
      </c>
      <c r="J1760" s="166">
        <v>0</v>
      </c>
      <c r="K1760" s="166">
        <v>0</v>
      </c>
      <c r="L1760" s="166">
        <v>0</v>
      </c>
      <c r="M1760" s="166">
        <v>0</v>
      </c>
      <c r="N1760" s="166">
        <v>0</v>
      </c>
      <c r="O1760" s="166">
        <v>0</v>
      </c>
      <c r="P1760" s="166">
        <v>0</v>
      </c>
      <c r="Q1760" s="166">
        <v>0</v>
      </c>
      <c r="R1760" s="166">
        <v>0</v>
      </c>
      <c r="S1760" s="166">
        <v>0</v>
      </c>
      <c r="T1760" s="166">
        <v>0</v>
      </c>
      <c r="U1760" s="166">
        <v>0</v>
      </c>
      <c r="V1760" s="166">
        <v>0</v>
      </c>
      <c r="W1760" s="166">
        <v>0</v>
      </c>
      <c r="X1760" s="166">
        <v>0</v>
      </c>
      <c r="Y1760" s="166">
        <v>0</v>
      </c>
      <c r="Z1760" s="166">
        <v>0</v>
      </c>
      <c r="AA1760" s="166">
        <v>0</v>
      </c>
      <c r="AB1760" s="166">
        <v>0</v>
      </c>
      <c r="AC1760" s="166">
        <v>0</v>
      </c>
      <c r="AD1760" s="166">
        <v>0</v>
      </c>
      <c r="AE1760" s="166">
        <v>0</v>
      </c>
      <c r="AF1760" s="166">
        <v>0</v>
      </c>
      <c r="AG1760" s="166">
        <v>0</v>
      </c>
      <c r="AH1760" s="166">
        <v>0</v>
      </c>
      <c r="AI1760" s="166">
        <v>0</v>
      </c>
      <c r="AJ1760" s="166">
        <v>0</v>
      </c>
      <c r="AK1760" s="166">
        <v>0</v>
      </c>
      <c r="AL1760" s="166">
        <v>0</v>
      </c>
      <c r="AM1760" s="166">
        <v>0</v>
      </c>
      <c r="AN1760" s="166">
        <v>0</v>
      </c>
      <c r="AO1760" s="166">
        <v>0</v>
      </c>
      <c r="AP1760" s="166">
        <v>0</v>
      </c>
      <c r="AQ1760" s="166">
        <v>0</v>
      </c>
      <c r="AR1760" s="166">
        <v>0</v>
      </c>
      <c r="AS1760" s="166">
        <v>0</v>
      </c>
      <c r="AT1760" s="166">
        <v>0</v>
      </c>
      <c r="AU1760" s="166">
        <v>0</v>
      </c>
      <c r="AV1760" s="166">
        <v>0</v>
      </c>
      <c r="AW1760" s="166">
        <v>0</v>
      </c>
      <c r="AX1760" s="166">
        <v>0</v>
      </c>
      <c r="AY1760" s="166">
        <v>0</v>
      </c>
      <c r="AZ1760" s="166">
        <v>0</v>
      </c>
      <c r="BA1760" s="166">
        <v>0</v>
      </c>
      <c r="BB1760" s="166">
        <v>0</v>
      </c>
      <c r="BC1760" s="166">
        <v>0</v>
      </c>
      <c r="BD1760" s="166">
        <v>0</v>
      </c>
      <c r="BE1760" s="166">
        <v>0</v>
      </c>
      <c r="BF1760" s="166">
        <v>0</v>
      </c>
      <c r="BG1760" s="166">
        <v>0</v>
      </c>
      <c r="BH1760" s="166">
        <v>0</v>
      </c>
      <c r="BI1760" s="166">
        <v>0</v>
      </c>
      <c r="BJ1760" s="166">
        <v>0</v>
      </c>
      <c r="BK1760" s="166">
        <v>0</v>
      </c>
      <c r="BL1760" s="166">
        <v>0</v>
      </c>
      <c r="BM1760" s="166">
        <v>0</v>
      </c>
      <c r="BN1760" s="166">
        <v>0</v>
      </c>
      <c r="BO1760" s="166">
        <v>0</v>
      </c>
      <c r="BP1760" s="166">
        <v>0</v>
      </c>
      <c r="BQ1760" s="166">
        <v>0</v>
      </c>
      <c r="BR1760" s="166">
        <v>1698118.1506275299</v>
      </c>
      <c r="BS1760" s="166">
        <v>1698118.1506275299</v>
      </c>
      <c r="BT1760" s="168">
        <v>0.999998123540776</v>
      </c>
      <c r="BU1760" s="166">
        <v>194752.23559316699</v>
      </c>
      <c r="BV1760" s="166">
        <v>1698114.9641780599</v>
      </c>
      <c r="BW1760" s="166">
        <v>0</v>
      </c>
      <c r="BX1760" s="166">
        <v>0</v>
      </c>
      <c r="BY1760" s="166">
        <v>0</v>
      </c>
      <c r="BZ1760" s="166">
        <v>0</v>
      </c>
      <c r="CA1760" s="166">
        <v>0</v>
      </c>
      <c r="CB1760" s="166">
        <v>0</v>
      </c>
      <c r="CC1760" s="166">
        <v>0</v>
      </c>
      <c r="CD1760" s="166">
        <v>0</v>
      </c>
      <c r="CE1760" s="166">
        <v>0</v>
      </c>
      <c r="CF1760" s="166">
        <v>0</v>
      </c>
      <c r="CG1760" s="166">
        <v>0</v>
      </c>
      <c r="CH1760" s="166">
        <v>0</v>
      </c>
      <c r="CI1760" s="166">
        <v>0</v>
      </c>
      <c r="CJ1760" s="166">
        <v>0</v>
      </c>
      <c r="CK1760" s="166">
        <v>0</v>
      </c>
      <c r="CL1760" s="166">
        <v>0</v>
      </c>
      <c r="CM1760" s="166">
        <v>0</v>
      </c>
      <c r="CN1760" s="166">
        <v>0</v>
      </c>
      <c r="CO1760" s="166">
        <v>0</v>
      </c>
      <c r="CP1760" s="166">
        <v>0</v>
      </c>
      <c r="CQ1760" s="166">
        <v>0</v>
      </c>
      <c r="CR1760" s="166">
        <v>0</v>
      </c>
      <c r="CS1760" s="166">
        <v>0</v>
      </c>
      <c r="CT1760" s="166">
        <v>0</v>
      </c>
      <c r="CU1760" s="166">
        <v>0</v>
      </c>
      <c r="CV1760" s="166">
        <v>0</v>
      </c>
      <c r="CW1760" s="166">
        <v>0</v>
      </c>
      <c r="CX1760" s="166">
        <v>0</v>
      </c>
      <c r="CY1760" s="166">
        <v>1698114.9641780599</v>
      </c>
      <c r="CZ1760" s="166">
        <v>1698114.9641780599</v>
      </c>
    </row>
    <row r="1761" spans="1:104" x14ac:dyDescent="0.2">
      <c r="A1761" s="170" t="s">
        <v>170</v>
      </c>
      <c r="B1761" s="166">
        <v>7519084.1150010005</v>
      </c>
      <c r="C1761" s="166">
        <v>7519084.1150010005</v>
      </c>
      <c r="D1761" s="166">
        <v>0</v>
      </c>
      <c r="E1761" s="166">
        <v>0</v>
      </c>
      <c r="F1761" s="166">
        <v>0</v>
      </c>
      <c r="G1761" s="166">
        <v>0</v>
      </c>
      <c r="H1761" s="166">
        <v>0</v>
      </c>
      <c r="I1761" s="166">
        <v>0</v>
      </c>
      <c r="J1761" s="166">
        <v>0</v>
      </c>
      <c r="K1761" s="166">
        <v>0</v>
      </c>
      <c r="L1761" s="166">
        <v>0</v>
      </c>
      <c r="M1761" s="166">
        <v>0</v>
      </c>
      <c r="N1761" s="166">
        <v>0</v>
      </c>
      <c r="O1761" s="166">
        <v>0</v>
      </c>
      <c r="P1761" s="166">
        <v>0</v>
      </c>
      <c r="Q1761" s="166">
        <v>0</v>
      </c>
      <c r="R1761" s="166">
        <v>0</v>
      </c>
      <c r="S1761" s="166">
        <v>0</v>
      </c>
      <c r="T1761" s="166">
        <v>0</v>
      </c>
      <c r="U1761" s="166">
        <v>0</v>
      </c>
      <c r="V1761" s="166">
        <v>0</v>
      </c>
      <c r="W1761" s="166">
        <v>0</v>
      </c>
      <c r="X1761" s="166">
        <v>0</v>
      </c>
      <c r="Y1761" s="166">
        <v>0</v>
      </c>
      <c r="Z1761" s="166">
        <v>0</v>
      </c>
      <c r="AA1761" s="166">
        <v>0</v>
      </c>
      <c r="AB1761" s="166">
        <v>0</v>
      </c>
      <c r="AC1761" s="166">
        <v>0</v>
      </c>
      <c r="AD1761" s="166">
        <v>0</v>
      </c>
      <c r="AE1761" s="166">
        <v>0</v>
      </c>
      <c r="AF1761" s="166">
        <v>0</v>
      </c>
      <c r="AG1761" s="166">
        <v>0</v>
      </c>
      <c r="AH1761" s="166">
        <v>0</v>
      </c>
      <c r="AI1761" s="166">
        <v>0</v>
      </c>
      <c r="AJ1761" s="166">
        <v>0</v>
      </c>
      <c r="AK1761" s="166">
        <v>0</v>
      </c>
      <c r="AL1761" s="166">
        <v>0</v>
      </c>
      <c r="AM1761" s="166">
        <v>0</v>
      </c>
      <c r="AN1761" s="166">
        <v>0</v>
      </c>
      <c r="AO1761" s="166">
        <v>0</v>
      </c>
      <c r="AP1761" s="166">
        <v>0</v>
      </c>
      <c r="AQ1761" s="166">
        <v>0</v>
      </c>
      <c r="AR1761" s="166">
        <v>0</v>
      </c>
      <c r="AS1761" s="166">
        <v>0</v>
      </c>
      <c r="AT1761" s="166">
        <v>0</v>
      </c>
      <c r="AU1761" s="166">
        <v>0</v>
      </c>
      <c r="AV1761" s="166">
        <v>0</v>
      </c>
      <c r="AW1761" s="166">
        <v>0</v>
      </c>
      <c r="AX1761" s="166">
        <v>0</v>
      </c>
      <c r="AY1761" s="166">
        <v>0</v>
      </c>
      <c r="AZ1761" s="166">
        <v>0</v>
      </c>
      <c r="BA1761" s="166">
        <v>0</v>
      </c>
      <c r="BB1761" s="166">
        <v>0</v>
      </c>
      <c r="BC1761" s="166">
        <v>0</v>
      </c>
      <c r="BD1761" s="166">
        <v>0</v>
      </c>
      <c r="BE1761" s="166">
        <v>0</v>
      </c>
      <c r="BF1761" s="166">
        <v>0</v>
      </c>
      <c r="BG1761" s="166">
        <v>0</v>
      </c>
      <c r="BH1761" s="166">
        <v>0</v>
      </c>
      <c r="BI1761" s="166">
        <v>0</v>
      </c>
      <c r="BJ1761" s="166">
        <v>0</v>
      </c>
      <c r="BK1761" s="166">
        <v>0</v>
      </c>
      <c r="BL1761" s="166">
        <v>0</v>
      </c>
      <c r="BM1761" s="166">
        <v>0</v>
      </c>
      <c r="BN1761" s="166">
        <v>0</v>
      </c>
      <c r="BO1761" s="166">
        <v>0</v>
      </c>
      <c r="BP1761" s="166">
        <v>0</v>
      </c>
      <c r="BQ1761" s="166">
        <v>0</v>
      </c>
      <c r="BR1761" s="166">
        <v>7519084.1150010005</v>
      </c>
      <c r="BS1761" s="166">
        <v>7519084.1150010005</v>
      </c>
      <c r="BT1761" s="168">
        <v>0</v>
      </c>
      <c r="BU1761" s="166">
        <v>819374.92035022203</v>
      </c>
      <c r="BV1761" s="166">
        <v>7487552.1704630395</v>
      </c>
      <c r="BW1761" s="166">
        <v>0</v>
      </c>
      <c r="BX1761" s="166">
        <v>0</v>
      </c>
      <c r="BY1761" s="166">
        <v>0</v>
      </c>
      <c r="BZ1761" s="166">
        <v>0</v>
      </c>
      <c r="CA1761" s="166">
        <v>0</v>
      </c>
      <c r="CB1761" s="166">
        <v>0</v>
      </c>
      <c r="CC1761" s="166">
        <v>0</v>
      </c>
      <c r="CD1761" s="166">
        <v>0</v>
      </c>
      <c r="CE1761" s="166">
        <v>0</v>
      </c>
      <c r="CF1761" s="166">
        <v>0</v>
      </c>
      <c r="CG1761" s="166">
        <v>0</v>
      </c>
      <c r="CH1761" s="166">
        <v>0</v>
      </c>
      <c r="CI1761" s="166">
        <v>0</v>
      </c>
      <c r="CJ1761" s="166">
        <v>0</v>
      </c>
      <c r="CK1761" s="166">
        <v>0</v>
      </c>
      <c r="CL1761" s="166">
        <v>0</v>
      </c>
      <c r="CM1761" s="166">
        <v>0</v>
      </c>
      <c r="CN1761" s="166">
        <v>0</v>
      </c>
      <c r="CO1761" s="166">
        <v>0</v>
      </c>
      <c r="CP1761" s="166">
        <v>0</v>
      </c>
      <c r="CQ1761" s="166">
        <v>0</v>
      </c>
      <c r="CR1761" s="166">
        <v>0</v>
      </c>
      <c r="CS1761" s="166">
        <v>0</v>
      </c>
      <c r="CT1761" s="166">
        <v>0</v>
      </c>
      <c r="CU1761" s="166">
        <v>0</v>
      </c>
      <c r="CV1761" s="166">
        <v>0</v>
      </c>
      <c r="CW1761" s="166">
        <v>0</v>
      </c>
      <c r="CX1761" s="166">
        <v>0</v>
      </c>
      <c r="CY1761" s="166">
        <v>7487552.1704630395</v>
      </c>
      <c r="CZ1761" s="166">
        <v>7487552.1704630395</v>
      </c>
    </row>
    <row r="1762" spans="1:104" x14ac:dyDescent="0.2">
      <c r="A1762" s="167" t="s">
        <v>1061</v>
      </c>
    </row>
    <row r="1763" spans="1:104" x14ac:dyDescent="0.2">
      <c r="A1763" s="170" t="s">
        <v>172</v>
      </c>
    </row>
    <row r="1764" spans="1:104" x14ac:dyDescent="0.2">
      <c r="A1764" s="167" t="s">
        <v>173</v>
      </c>
      <c r="B1764" s="166">
        <v>0</v>
      </c>
      <c r="C1764" s="166">
        <v>0</v>
      </c>
      <c r="D1764" s="166">
        <v>0</v>
      </c>
      <c r="E1764" s="166">
        <v>0</v>
      </c>
      <c r="F1764" s="166">
        <v>0</v>
      </c>
      <c r="G1764" s="166">
        <v>0</v>
      </c>
      <c r="H1764" s="166">
        <v>0</v>
      </c>
      <c r="I1764" s="166">
        <v>0</v>
      </c>
      <c r="J1764" s="166">
        <v>0</v>
      </c>
      <c r="K1764" s="166">
        <v>0</v>
      </c>
      <c r="L1764" s="166">
        <v>0</v>
      </c>
      <c r="M1764" s="166">
        <v>0</v>
      </c>
      <c r="N1764" s="166">
        <v>0</v>
      </c>
      <c r="O1764" s="166">
        <v>0</v>
      </c>
      <c r="P1764" s="166">
        <v>0</v>
      </c>
      <c r="Q1764" s="166">
        <v>0</v>
      </c>
      <c r="R1764" s="166">
        <v>0</v>
      </c>
      <c r="S1764" s="166">
        <v>0</v>
      </c>
      <c r="T1764" s="166">
        <v>0</v>
      </c>
      <c r="U1764" s="166">
        <v>0</v>
      </c>
      <c r="V1764" s="166">
        <v>0</v>
      </c>
      <c r="W1764" s="166">
        <v>0</v>
      </c>
      <c r="X1764" s="166">
        <v>0</v>
      </c>
      <c r="Y1764" s="166">
        <v>0</v>
      </c>
      <c r="Z1764" s="166">
        <v>0</v>
      </c>
      <c r="AA1764" s="166">
        <v>0</v>
      </c>
      <c r="AB1764" s="166">
        <v>0</v>
      </c>
      <c r="AC1764" s="166">
        <v>0</v>
      </c>
      <c r="AD1764" s="166">
        <v>0</v>
      </c>
      <c r="AE1764" s="166">
        <v>0</v>
      </c>
      <c r="AF1764" s="166">
        <v>0</v>
      </c>
      <c r="AG1764" s="166">
        <v>0</v>
      </c>
      <c r="AH1764" s="166">
        <v>0</v>
      </c>
      <c r="AI1764" s="166">
        <v>0</v>
      </c>
      <c r="AJ1764" s="166">
        <v>0</v>
      </c>
      <c r="AK1764" s="166">
        <v>0</v>
      </c>
      <c r="AL1764" s="166">
        <v>0</v>
      </c>
      <c r="AM1764" s="166">
        <v>0</v>
      </c>
      <c r="AN1764" s="166">
        <v>0</v>
      </c>
      <c r="AO1764" s="166">
        <v>0</v>
      </c>
      <c r="AP1764" s="166">
        <v>0</v>
      </c>
      <c r="AQ1764" s="166">
        <v>0</v>
      </c>
      <c r="AR1764" s="166">
        <v>0</v>
      </c>
      <c r="AS1764" s="166">
        <v>0</v>
      </c>
      <c r="AT1764" s="166">
        <v>0</v>
      </c>
      <c r="AU1764" s="166">
        <v>0</v>
      </c>
      <c r="AV1764" s="166">
        <v>0</v>
      </c>
      <c r="AW1764" s="166">
        <v>0</v>
      </c>
      <c r="AX1764" s="166">
        <v>0</v>
      </c>
      <c r="AY1764" s="166">
        <v>0</v>
      </c>
      <c r="AZ1764" s="166">
        <v>0</v>
      </c>
      <c r="BA1764" s="166">
        <v>0</v>
      </c>
      <c r="BB1764" s="166">
        <v>0</v>
      </c>
      <c r="BC1764" s="166">
        <v>0</v>
      </c>
      <c r="BD1764" s="166">
        <v>0</v>
      </c>
      <c r="BE1764" s="166">
        <v>0</v>
      </c>
      <c r="BF1764" s="166">
        <v>0</v>
      </c>
      <c r="BG1764" s="166">
        <v>0</v>
      </c>
      <c r="BH1764" s="166">
        <v>0</v>
      </c>
      <c r="BI1764" s="166">
        <v>0</v>
      </c>
      <c r="BJ1764" s="166">
        <v>0</v>
      </c>
      <c r="BK1764" s="166">
        <v>0</v>
      </c>
      <c r="BL1764" s="166">
        <v>0</v>
      </c>
      <c r="BM1764" s="166">
        <v>0</v>
      </c>
      <c r="BN1764" s="166">
        <v>0</v>
      </c>
      <c r="BO1764" s="166">
        <v>0</v>
      </c>
      <c r="BP1764" s="166">
        <v>0</v>
      </c>
      <c r="BQ1764" s="166">
        <v>0</v>
      </c>
      <c r="BR1764" s="166">
        <v>0</v>
      </c>
      <c r="BS1764" s="166">
        <v>0</v>
      </c>
      <c r="BT1764" s="168">
        <v>0</v>
      </c>
      <c r="BU1764" s="166">
        <v>0</v>
      </c>
      <c r="BV1764" s="166">
        <v>0</v>
      </c>
      <c r="BW1764" s="166">
        <v>0</v>
      </c>
      <c r="BX1764" s="166">
        <v>0</v>
      </c>
      <c r="BY1764" s="166">
        <v>0</v>
      </c>
      <c r="BZ1764" s="166">
        <v>0</v>
      </c>
      <c r="CA1764" s="166">
        <v>0</v>
      </c>
      <c r="CB1764" s="166">
        <v>0</v>
      </c>
      <c r="CC1764" s="166">
        <v>0</v>
      </c>
      <c r="CD1764" s="166">
        <v>0</v>
      </c>
      <c r="CE1764" s="166">
        <v>0</v>
      </c>
      <c r="CF1764" s="166">
        <v>0</v>
      </c>
      <c r="CG1764" s="166">
        <v>0</v>
      </c>
      <c r="CH1764" s="166">
        <v>0</v>
      </c>
      <c r="CI1764" s="166">
        <v>0</v>
      </c>
      <c r="CJ1764" s="166">
        <v>0</v>
      </c>
      <c r="CK1764" s="166">
        <v>0</v>
      </c>
      <c r="CL1764" s="166">
        <v>0</v>
      </c>
      <c r="CM1764" s="166">
        <v>0</v>
      </c>
      <c r="CN1764" s="166">
        <v>0</v>
      </c>
      <c r="CO1764" s="166">
        <v>0</v>
      </c>
      <c r="CP1764" s="166">
        <v>0</v>
      </c>
      <c r="CQ1764" s="166">
        <v>0</v>
      </c>
      <c r="CR1764" s="166">
        <v>0</v>
      </c>
      <c r="CS1764" s="166">
        <v>0</v>
      </c>
      <c r="CT1764" s="166">
        <v>0</v>
      </c>
      <c r="CU1764" s="166">
        <v>0</v>
      </c>
      <c r="CV1764" s="166">
        <v>0</v>
      </c>
      <c r="CW1764" s="166">
        <v>0</v>
      </c>
      <c r="CX1764" s="166">
        <v>0</v>
      </c>
      <c r="CY1764" s="166">
        <v>0</v>
      </c>
      <c r="CZ1764" s="166">
        <v>0</v>
      </c>
    </row>
    <row r="1765" spans="1:104" x14ac:dyDescent="0.2">
      <c r="A1765" s="167" t="s">
        <v>174</v>
      </c>
    </row>
    <row r="1766" spans="1:104" x14ac:dyDescent="0.2">
      <c r="A1766" s="170" t="s">
        <v>175</v>
      </c>
    </row>
    <row r="1767" spans="1:104" x14ac:dyDescent="0.2">
      <c r="A1767" s="167" t="s">
        <v>1062</v>
      </c>
      <c r="B1767" s="166">
        <v>759762.74</v>
      </c>
      <c r="C1767" s="166">
        <v>759762.74</v>
      </c>
      <c r="D1767" s="166">
        <v>0</v>
      </c>
      <c r="E1767" s="166">
        <v>0</v>
      </c>
      <c r="F1767" s="166">
        <v>0</v>
      </c>
      <c r="G1767" s="166">
        <v>0</v>
      </c>
      <c r="H1767" s="166">
        <v>0</v>
      </c>
      <c r="I1767" s="166">
        <v>0</v>
      </c>
      <c r="J1767" s="166">
        <v>0</v>
      </c>
      <c r="K1767" s="166">
        <v>0</v>
      </c>
      <c r="L1767" s="166">
        <v>0</v>
      </c>
      <c r="M1767" s="166">
        <v>0</v>
      </c>
      <c r="N1767" s="166">
        <v>0</v>
      </c>
      <c r="O1767" s="166">
        <v>0</v>
      </c>
      <c r="P1767" s="166">
        <v>0</v>
      </c>
      <c r="Q1767" s="166">
        <v>0</v>
      </c>
      <c r="R1767" s="166">
        <v>0</v>
      </c>
      <c r="S1767" s="166">
        <v>0</v>
      </c>
      <c r="T1767" s="166">
        <v>0</v>
      </c>
      <c r="U1767" s="166">
        <v>0</v>
      </c>
      <c r="V1767" s="166">
        <v>0</v>
      </c>
      <c r="W1767" s="166">
        <v>0</v>
      </c>
      <c r="X1767" s="166">
        <v>0</v>
      </c>
      <c r="Y1767" s="166">
        <v>0</v>
      </c>
      <c r="Z1767" s="166">
        <v>0</v>
      </c>
      <c r="AA1767" s="166">
        <v>0</v>
      </c>
      <c r="AB1767" s="166">
        <v>0</v>
      </c>
      <c r="AC1767" s="166">
        <v>0</v>
      </c>
      <c r="AD1767" s="166">
        <v>0</v>
      </c>
      <c r="AE1767" s="166">
        <v>0</v>
      </c>
      <c r="AF1767" s="166">
        <v>0</v>
      </c>
      <c r="AG1767" s="166">
        <v>0</v>
      </c>
      <c r="AH1767" s="166">
        <v>0</v>
      </c>
      <c r="AI1767" s="166">
        <v>0</v>
      </c>
      <c r="AJ1767" s="166">
        <v>0</v>
      </c>
      <c r="AK1767" s="166">
        <v>0</v>
      </c>
      <c r="AL1767" s="166">
        <v>0</v>
      </c>
      <c r="AM1767" s="166">
        <v>0</v>
      </c>
      <c r="AN1767" s="166">
        <v>0</v>
      </c>
      <c r="AO1767" s="166">
        <v>0</v>
      </c>
      <c r="AP1767" s="166">
        <v>0</v>
      </c>
      <c r="AQ1767" s="166">
        <v>0</v>
      </c>
      <c r="AR1767" s="166">
        <v>0</v>
      </c>
      <c r="AS1767" s="166">
        <v>0</v>
      </c>
      <c r="AT1767" s="166">
        <v>0</v>
      </c>
      <c r="AU1767" s="166">
        <v>0</v>
      </c>
      <c r="AV1767" s="166">
        <v>0</v>
      </c>
      <c r="AW1767" s="166">
        <v>0</v>
      </c>
      <c r="AX1767" s="166">
        <v>0</v>
      </c>
      <c r="AY1767" s="166">
        <v>0</v>
      </c>
      <c r="AZ1767" s="166">
        <v>0</v>
      </c>
      <c r="BA1767" s="166">
        <v>0</v>
      </c>
      <c r="BB1767" s="166">
        <v>0</v>
      </c>
      <c r="BC1767" s="166">
        <v>0</v>
      </c>
      <c r="BD1767" s="166">
        <v>0</v>
      </c>
      <c r="BE1767" s="166">
        <v>0</v>
      </c>
      <c r="BF1767" s="166">
        <v>0</v>
      </c>
      <c r="BG1767" s="166">
        <v>0</v>
      </c>
      <c r="BH1767" s="166">
        <v>0</v>
      </c>
      <c r="BI1767" s="166">
        <v>0</v>
      </c>
      <c r="BJ1767" s="166">
        <v>0</v>
      </c>
      <c r="BK1767" s="166">
        <v>0</v>
      </c>
      <c r="BL1767" s="166">
        <v>0</v>
      </c>
      <c r="BM1767" s="166">
        <v>0</v>
      </c>
      <c r="BN1767" s="166">
        <v>0</v>
      </c>
      <c r="BO1767" s="166">
        <v>0</v>
      </c>
      <c r="BP1767" s="166">
        <v>0</v>
      </c>
      <c r="BQ1767" s="166">
        <v>0</v>
      </c>
      <c r="BR1767" s="166">
        <v>759762.74</v>
      </c>
      <c r="BS1767" s="166">
        <v>759762.74</v>
      </c>
      <c r="BT1767" s="168">
        <v>0.99999527075910699</v>
      </c>
      <c r="BU1767" s="166">
        <v>63690.0087931815</v>
      </c>
      <c r="BV1767" s="166">
        <v>759759.146898982</v>
      </c>
      <c r="BW1767" s="166">
        <v>0</v>
      </c>
      <c r="BX1767" s="166">
        <v>0</v>
      </c>
      <c r="BY1767" s="166">
        <v>0</v>
      </c>
      <c r="BZ1767" s="166">
        <v>0</v>
      </c>
      <c r="CA1767" s="166">
        <v>0</v>
      </c>
      <c r="CB1767" s="166">
        <v>0</v>
      </c>
      <c r="CC1767" s="166">
        <v>0</v>
      </c>
      <c r="CD1767" s="166">
        <v>0</v>
      </c>
      <c r="CE1767" s="166">
        <v>0</v>
      </c>
      <c r="CF1767" s="166">
        <v>0</v>
      </c>
      <c r="CG1767" s="166">
        <v>0</v>
      </c>
      <c r="CH1767" s="166">
        <v>0</v>
      </c>
      <c r="CI1767" s="166">
        <v>0</v>
      </c>
      <c r="CJ1767" s="166">
        <v>0</v>
      </c>
      <c r="CK1767" s="166">
        <v>0</v>
      </c>
      <c r="CL1767" s="166">
        <v>0</v>
      </c>
      <c r="CM1767" s="166">
        <v>0</v>
      </c>
      <c r="CN1767" s="166">
        <v>0</v>
      </c>
      <c r="CO1767" s="166">
        <v>0</v>
      </c>
      <c r="CP1767" s="166">
        <v>0</v>
      </c>
      <c r="CQ1767" s="166">
        <v>0</v>
      </c>
      <c r="CR1767" s="166">
        <v>0</v>
      </c>
      <c r="CS1767" s="166">
        <v>0</v>
      </c>
      <c r="CT1767" s="166">
        <v>0</v>
      </c>
      <c r="CU1767" s="166">
        <v>0</v>
      </c>
      <c r="CV1767" s="166">
        <v>0</v>
      </c>
      <c r="CW1767" s="166">
        <v>0</v>
      </c>
      <c r="CX1767" s="166">
        <v>0</v>
      </c>
      <c r="CY1767" s="166">
        <v>759759.146898982</v>
      </c>
      <c r="CZ1767" s="166">
        <v>759759.146898982</v>
      </c>
    </row>
    <row r="1768" spans="1:104" x14ac:dyDescent="0.2">
      <c r="A1768" s="167" t="s">
        <v>1063</v>
      </c>
      <c r="B1768" s="166">
        <v>0</v>
      </c>
      <c r="C1768" s="166">
        <v>0</v>
      </c>
      <c r="D1768" s="166">
        <v>0</v>
      </c>
      <c r="E1768" s="166">
        <v>0</v>
      </c>
      <c r="F1768" s="166">
        <v>0</v>
      </c>
      <c r="G1768" s="166">
        <v>0</v>
      </c>
      <c r="H1768" s="166">
        <v>0</v>
      </c>
      <c r="I1768" s="166">
        <v>0</v>
      </c>
      <c r="J1768" s="166">
        <v>0</v>
      </c>
      <c r="K1768" s="166">
        <v>0</v>
      </c>
      <c r="L1768" s="166">
        <v>0</v>
      </c>
      <c r="M1768" s="166">
        <v>0</v>
      </c>
      <c r="N1768" s="166">
        <v>0</v>
      </c>
      <c r="O1768" s="166">
        <v>0</v>
      </c>
      <c r="P1768" s="166">
        <v>0</v>
      </c>
      <c r="Q1768" s="166">
        <v>0</v>
      </c>
      <c r="R1768" s="166">
        <v>0</v>
      </c>
      <c r="S1768" s="166">
        <v>0</v>
      </c>
      <c r="T1768" s="166">
        <v>0</v>
      </c>
      <c r="U1768" s="166">
        <v>0</v>
      </c>
      <c r="V1768" s="166">
        <v>0</v>
      </c>
      <c r="W1768" s="166">
        <v>0</v>
      </c>
      <c r="X1768" s="166">
        <v>0</v>
      </c>
      <c r="Y1768" s="166">
        <v>0</v>
      </c>
      <c r="Z1768" s="166">
        <v>0</v>
      </c>
      <c r="AA1768" s="166">
        <v>0</v>
      </c>
      <c r="AB1768" s="166">
        <v>0</v>
      </c>
      <c r="AC1768" s="166">
        <v>0</v>
      </c>
      <c r="AD1768" s="166">
        <v>0</v>
      </c>
      <c r="AE1768" s="166">
        <v>0</v>
      </c>
      <c r="AF1768" s="166">
        <v>0</v>
      </c>
      <c r="AG1768" s="166">
        <v>0</v>
      </c>
      <c r="AH1768" s="166">
        <v>0</v>
      </c>
      <c r="AI1768" s="166">
        <v>0</v>
      </c>
      <c r="AJ1768" s="166">
        <v>0</v>
      </c>
      <c r="AK1768" s="166">
        <v>0</v>
      </c>
      <c r="AL1768" s="166">
        <v>0</v>
      </c>
      <c r="AM1768" s="166">
        <v>0</v>
      </c>
      <c r="AN1768" s="166">
        <v>0</v>
      </c>
      <c r="AO1768" s="166">
        <v>0</v>
      </c>
      <c r="AP1768" s="166">
        <v>0</v>
      </c>
      <c r="AQ1768" s="166">
        <v>0</v>
      </c>
      <c r="AR1768" s="166">
        <v>0</v>
      </c>
      <c r="AS1768" s="166">
        <v>0</v>
      </c>
      <c r="AT1768" s="166">
        <v>0</v>
      </c>
      <c r="AU1768" s="166">
        <v>0</v>
      </c>
      <c r="AV1768" s="166">
        <v>0</v>
      </c>
      <c r="AW1768" s="166">
        <v>0</v>
      </c>
      <c r="AX1768" s="166">
        <v>0</v>
      </c>
      <c r="AY1768" s="166">
        <v>0</v>
      </c>
      <c r="AZ1768" s="166">
        <v>0</v>
      </c>
      <c r="BA1768" s="166">
        <v>0</v>
      </c>
      <c r="BB1768" s="166">
        <v>0</v>
      </c>
      <c r="BC1768" s="166">
        <v>0</v>
      </c>
      <c r="BD1768" s="166">
        <v>0</v>
      </c>
      <c r="BE1768" s="166">
        <v>0</v>
      </c>
      <c r="BF1768" s="166">
        <v>0</v>
      </c>
      <c r="BG1768" s="166">
        <v>0</v>
      </c>
      <c r="BH1768" s="166">
        <v>0</v>
      </c>
      <c r="BI1768" s="166">
        <v>0</v>
      </c>
      <c r="BJ1768" s="166">
        <v>0</v>
      </c>
      <c r="BK1768" s="166">
        <v>0</v>
      </c>
      <c r="BL1768" s="166">
        <v>0</v>
      </c>
      <c r="BM1768" s="166">
        <v>0</v>
      </c>
      <c r="BN1768" s="166">
        <v>0</v>
      </c>
      <c r="BO1768" s="166">
        <v>0</v>
      </c>
      <c r="BP1768" s="166">
        <v>0</v>
      </c>
      <c r="BQ1768" s="166">
        <v>0</v>
      </c>
      <c r="BR1768" s="166">
        <v>0</v>
      </c>
      <c r="BS1768" s="166">
        <v>0</v>
      </c>
      <c r="BT1768" s="168">
        <v>0.99999527075910699</v>
      </c>
      <c r="BU1768" s="166">
        <v>0</v>
      </c>
      <c r="BV1768" s="166">
        <v>0</v>
      </c>
      <c r="BW1768" s="166">
        <v>0</v>
      </c>
      <c r="BX1768" s="166">
        <v>0</v>
      </c>
      <c r="BY1768" s="166">
        <v>0</v>
      </c>
      <c r="BZ1768" s="166">
        <v>0</v>
      </c>
      <c r="CA1768" s="166">
        <v>0</v>
      </c>
      <c r="CB1768" s="166">
        <v>0</v>
      </c>
      <c r="CC1768" s="166">
        <v>0</v>
      </c>
      <c r="CD1768" s="166">
        <v>0</v>
      </c>
      <c r="CE1768" s="166">
        <v>0</v>
      </c>
      <c r="CF1768" s="166">
        <v>0</v>
      </c>
      <c r="CG1768" s="166">
        <v>0</v>
      </c>
      <c r="CH1768" s="166">
        <v>0</v>
      </c>
      <c r="CI1768" s="166">
        <v>0</v>
      </c>
      <c r="CJ1768" s="166">
        <v>0</v>
      </c>
      <c r="CK1768" s="166">
        <v>0</v>
      </c>
      <c r="CL1768" s="166">
        <v>0</v>
      </c>
      <c r="CM1768" s="166">
        <v>0</v>
      </c>
      <c r="CN1768" s="166">
        <v>0</v>
      </c>
      <c r="CO1768" s="166">
        <v>0</v>
      </c>
      <c r="CP1768" s="166">
        <v>0</v>
      </c>
      <c r="CQ1768" s="166">
        <v>0</v>
      </c>
      <c r="CR1768" s="166">
        <v>0</v>
      </c>
      <c r="CS1768" s="166">
        <v>0</v>
      </c>
      <c r="CT1768" s="166">
        <v>0</v>
      </c>
      <c r="CU1768" s="166">
        <v>0</v>
      </c>
      <c r="CV1768" s="166">
        <v>0</v>
      </c>
      <c r="CW1768" s="166">
        <v>0</v>
      </c>
      <c r="CX1768" s="166">
        <v>0</v>
      </c>
      <c r="CY1768" s="166">
        <v>0</v>
      </c>
      <c r="CZ1768" s="166">
        <v>0</v>
      </c>
    </row>
    <row r="1769" spans="1:104" x14ac:dyDescent="0.2">
      <c r="A1769" s="167" t="s">
        <v>178</v>
      </c>
      <c r="B1769" s="166">
        <v>0</v>
      </c>
      <c r="C1769" s="166">
        <v>0</v>
      </c>
      <c r="D1769" s="166">
        <v>0</v>
      </c>
      <c r="E1769" s="166">
        <v>0</v>
      </c>
      <c r="F1769" s="166">
        <v>0</v>
      </c>
      <c r="G1769" s="166">
        <v>0</v>
      </c>
      <c r="H1769" s="166">
        <v>0</v>
      </c>
      <c r="I1769" s="166">
        <v>0</v>
      </c>
      <c r="J1769" s="166">
        <v>0</v>
      </c>
      <c r="K1769" s="166">
        <v>0</v>
      </c>
      <c r="L1769" s="166">
        <v>0</v>
      </c>
      <c r="M1769" s="166">
        <v>0</v>
      </c>
      <c r="N1769" s="166">
        <v>0</v>
      </c>
      <c r="O1769" s="166">
        <v>0</v>
      </c>
      <c r="P1769" s="166">
        <v>0</v>
      </c>
      <c r="Q1769" s="166">
        <v>0</v>
      </c>
      <c r="R1769" s="166">
        <v>0</v>
      </c>
      <c r="S1769" s="166">
        <v>0</v>
      </c>
      <c r="T1769" s="166">
        <v>0</v>
      </c>
      <c r="U1769" s="166">
        <v>0</v>
      </c>
      <c r="V1769" s="166">
        <v>0</v>
      </c>
      <c r="W1769" s="166">
        <v>0</v>
      </c>
      <c r="X1769" s="166">
        <v>0</v>
      </c>
      <c r="Y1769" s="166">
        <v>0</v>
      </c>
      <c r="Z1769" s="166">
        <v>0</v>
      </c>
      <c r="AA1769" s="166">
        <v>0</v>
      </c>
      <c r="AB1769" s="166">
        <v>0</v>
      </c>
      <c r="AC1769" s="166">
        <v>0</v>
      </c>
      <c r="AD1769" s="166">
        <v>0</v>
      </c>
      <c r="AE1769" s="166">
        <v>0</v>
      </c>
      <c r="AF1769" s="166">
        <v>0</v>
      </c>
      <c r="AG1769" s="166">
        <v>0</v>
      </c>
      <c r="AH1769" s="166">
        <v>0</v>
      </c>
      <c r="AI1769" s="166">
        <v>0</v>
      </c>
      <c r="AJ1769" s="166">
        <v>0</v>
      </c>
      <c r="AK1769" s="166">
        <v>0</v>
      </c>
      <c r="AL1769" s="166">
        <v>0</v>
      </c>
      <c r="AM1769" s="166">
        <v>0</v>
      </c>
      <c r="AN1769" s="166">
        <v>0</v>
      </c>
      <c r="AO1769" s="166">
        <v>0</v>
      </c>
      <c r="AP1769" s="166">
        <v>0</v>
      </c>
      <c r="AQ1769" s="166">
        <v>0</v>
      </c>
      <c r="AR1769" s="166">
        <v>0</v>
      </c>
      <c r="AS1769" s="166">
        <v>0</v>
      </c>
      <c r="AT1769" s="166">
        <v>0</v>
      </c>
      <c r="AU1769" s="166">
        <v>0</v>
      </c>
      <c r="AV1769" s="166">
        <v>0</v>
      </c>
      <c r="AW1769" s="166">
        <v>0</v>
      </c>
      <c r="AX1769" s="166">
        <v>0</v>
      </c>
      <c r="AY1769" s="166">
        <v>0</v>
      </c>
      <c r="AZ1769" s="166">
        <v>0</v>
      </c>
      <c r="BA1769" s="166">
        <v>0</v>
      </c>
      <c r="BB1769" s="166">
        <v>0</v>
      </c>
      <c r="BC1769" s="166">
        <v>0</v>
      </c>
      <c r="BD1769" s="166">
        <v>0</v>
      </c>
      <c r="BE1769" s="166">
        <v>0</v>
      </c>
      <c r="BF1769" s="166">
        <v>0</v>
      </c>
      <c r="BG1769" s="166">
        <v>0</v>
      </c>
      <c r="BH1769" s="166">
        <v>0</v>
      </c>
      <c r="BI1769" s="166">
        <v>0</v>
      </c>
      <c r="BJ1769" s="166">
        <v>0</v>
      </c>
      <c r="BK1769" s="166">
        <v>0</v>
      </c>
      <c r="BL1769" s="166">
        <v>0</v>
      </c>
      <c r="BM1769" s="166">
        <v>0</v>
      </c>
      <c r="BN1769" s="166">
        <v>0</v>
      </c>
      <c r="BO1769" s="166">
        <v>0</v>
      </c>
      <c r="BP1769" s="166">
        <v>0</v>
      </c>
      <c r="BQ1769" s="166">
        <v>0</v>
      </c>
      <c r="BR1769" s="166">
        <v>0</v>
      </c>
      <c r="BS1769" s="166">
        <v>0</v>
      </c>
      <c r="BT1769" s="166">
        <v>999.99527075910703</v>
      </c>
      <c r="BU1769" s="166">
        <v>0</v>
      </c>
      <c r="BV1769" s="166">
        <v>0</v>
      </c>
      <c r="BW1769" s="166">
        <v>0</v>
      </c>
      <c r="BX1769" s="166">
        <v>0</v>
      </c>
      <c r="BY1769" s="166">
        <v>0</v>
      </c>
      <c r="BZ1769" s="166">
        <v>0</v>
      </c>
      <c r="CA1769" s="166">
        <v>0</v>
      </c>
      <c r="CB1769" s="166">
        <v>0</v>
      </c>
      <c r="CC1769" s="166">
        <v>0</v>
      </c>
      <c r="CD1769" s="166">
        <v>0</v>
      </c>
      <c r="CE1769" s="166">
        <v>0</v>
      </c>
      <c r="CF1769" s="166">
        <v>0</v>
      </c>
      <c r="CG1769" s="166">
        <v>0</v>
      </c>
      <c r="CH1769" s="166">
        <v>0</v>
      </c>
      <c r="CI1769" s="166">
        <v>0</v>
      </c>
      <c r="CJ1769" s="166">
        <v>0</v>
      </c>
      <c r="CK1769" s="166">
        <v>0</v>
      </c>
      <c r="CL1769" s="166">
        <v>0</v>
      </c>
      <c r="CM1769" s="166">
        <v>0</v>
      </c>
      <c r="CN1769" s="166">
        <v>0</v>
      </c>
      <c r="CO1769" s="166">
        <v>0</v>
      </c>
      <c r="CP1769" s="166">
        <v>0</v>
      </c>
      <c r="CQ1769" s="166">
        <v>0</v>
      </c>
      <c r="CR1769" s="166">
        <v>0</v>
      </c>
      <c r="CS1769" s="166">
        <v>0</v>
      </c>
      <c r="CT1769" s="166">
        <v>0</v>
      </c>
      <c r="CU1769" s="166">
        <v>0</v>
      </c>
      <c r="CV1769" s="166">
        <v>0</v>
      </c>
      <c r="CW1769" s="166">
        <v>0</v>
      </c>
      <c r="CX1769" s="166">
        <v>0</v>
      </c>
      <c r="CY1769" s="166">
        <v>0</v>
      </c>
      <c r="CZ1769" s="166">
        <v>0</v>
      </c>
    </row>
    <row r="1770" spans="1:104" x14ac:dyDescent="0.2">
      <c r="A1770" s="167" t="s">
        <v>179</v>
      </c>
      <c r="B1770" s="166">
        <v>0</v>
      </c>
      <c r="C1770" s="166">
        <v>0</v>
      </c>
      <c r="D1770" s="166">
        <v>0</v>
      </c>
      <c r="E1770" s="166">
        <v>0</v>
      </c>
      <c r="F1770" s="166">
        <v>0</v>
      </c>
      <c r="G1770" s="166">
        <v>0</v>
      </c>
      <c r="H1770" s="166">
        <v>0</v>
      </c>
      <c r="I1770" s="166">
        <v>0</v>
      </c>
      <c r="J1770" s="166">
        <v>0</v>
      </c>
      <c r="K1770" s="166">
        <v>0</v>
      </c>
      <c r="L1770" s="166">
        <v>0</v>
      </c>
      <c r="M1770" s="166">
        <v>0</v>
      </c>
      <c r="N1770" s="166">
        <v>0</v>
      </c>
      <c r="O1770" s="166">
        <v>0</v>
      </c>
      <c r="P1770" s="166">
        <v>0</v>
      </c>
      <c r="Q1770" s="166">
        <v>0</v>
      </c>
      <c r="R1770" s="166">
        <v>0</v>
      </c>
      <c r="S1770" s="166">
        <v>0</v>
      </c>
      <c r="T1770" s="166">
        <v>0</v>
      </c>
      <c r="U1770" s="166">
        <v>0</v>
      </c>
      <c r="V1770" s="166">
        <v>0</v>
      </c>
      <c r="W1770" s="166">
        <v>0</v>
      </c>
      <c r="X1770" s="166">
        <v>0</v>
      </c>
      <c r="Y1770" s="166">
        <v>0</v>
      </c>
      <c r="Z1770" s="166">
        <v>0</v>
      </c>
      <c r="AA1770" s="166">
        <v>0</v>
      </c>
      <c r="AB1770" s="166">
        <v>0</v>
      </c>
      <c r="AC1770" s="166">
        <v>0</v>
      </c>
      <c r="AD1770" s="166">
        <v>0</v>
      </c>
      <c r="AE1770" s="166">
        <v>0</v>
      </c>
      <c r="AF1770" s="166">
        <v>0</v>
      </c>
      <c r="AG1770" s="166">
        <v>0</v>
      </c>
      <c r="AH1770" s="166">
        <v>0</v>
      </c>
      <c r="AI1770" s="166">
        <v>0</v>
      </c>
      <c r="AJ1770" s="166">
        <v>0</v>
      </c>
      <c r="AK1770" s="166">
        <v>0</v>
      </c>
      <c r="AL1770" s="166">
        <v>0</v>
      </c>
      <c r="AM1770" s="166">
        <v>0</v>
      </c>
      <c r="AN1770" s="166">
        <v>0</v>
      </c>
      <c r="AO1770" s="166">
        <v>0</v>
      </c>
      <c r="AP1770" s="166">
        <v>0</v>
      </c>
      <c r="AQ1770" s="166">
        <v>0</v>
      </c>
      <c r="AR1770" s="166">
        <v>0</v>
      </c>
      <c r="AS1770" s="166">
        <v>0</v>
      </c>
      <c r="AT1770" s="166">
        <v>0</v>
      </c>
      <c r="AU1770" s="166">
        <v>0</v>
      </c>
      <c r="AV1770" s="166">
        <v>0</v>
      </c>
      <c r="AW1770" s="166">
        <v>0</v>
      </c>
      <c r="AX1770" s="166">
        <v>0</v>
      </c>
      <c r="AY1770" s="166">
        <v>0</v>
      </c>
      <c r="AZ1770" s="166">
        <v>0</v>
      </c>
      <c r="BA1770" s="166">
        <v>0</v>
      </c>
      <c r="BB1770" s="166">
        <v>0</v>
      </c>
      <c r="BC1770" s="166">
        <v>0</v>
      </c>
      <c r="BD1770" s="166">
        <v>0</v>
      </c>
      <c r="BE1770" s="166">
        <v>0</v>
      </c>
      <c r="BF1770" s="166">
        <v>0</v>
      </c>
      <c r="BG1770" s="166">
        <v>0</v>
      </c>
      <c r="BH1770" s="166">
        <v>0</v>
      </c>
      <c r="BI1770" s="166">
        <v>0</v>
      </c>
      <c r="BJ1770" s="166">
        <v>0</v>
      </c>
      <c r="BK1770" s="166">
        <v>0</v>
      </c>
      <c r="BL1770" s="166">
        <v>0</v>
      </c>
      <c r="BM1770" s="166">
        <v>0</v>
      </c>
      <c r="BN1770" s="166">
        <v>0</v>
      </c>
      <c r="BO1770" s="166">
        <v>0</v>
      </c>
      <c r="BP1770" s="166">
        <v>0</v>
      </c>
      <c r="BQ1770" s="166">
        <v>0</v>
      </c>
      <c r="BR1770" s="166">
        <v>0</v>
      </c>
      <c r="BS1770" s="166">
        <v>0</v>
      </c>
      <c r="BT1770" s="168">
        <v>0.99999527075910699</v>
      </c>
      <c r="BU1770" s="166">
        <v>0</v>
      </c>
      <c r="BV1770" s="166">
        <v>0</v>
      </c>
      <c r="BW1770" s="166">
        <v>0</v>
      </c>
      <c r="BX1770" s="166">
        <v>0</v>
      </c>
      <c r="BY1770" s="166">
        <v>0</v>
      </c>
      <c r="BZ1770" s="166">
        <v>0</v>
      </c>
      <c r="CA1770" s="166">
        <v>0</v>
      </c>
      <c r="CB1770" s="166">
        <v>0</v>
      </c>
      <c r="CC1770" s="166">
        <v>0</v>
      </c>
      <c r="CD1770" s="166">
        <v>0</v>
      </c>
      <c r="CE1770" s="166">
        <v>0</v>
      </c>
      <c r="CF1770" s="166">
        <v>0</v>
      </c>
      <c r="CG1770" s="166">
        <v>0</v>
      </c>
      <c r="CH1770" s="166">
        <v>0</v>
      </c>
      <c r="CI1770" s="166">
        <v>0</v>
      </c>
      <c r="CJ1770" s="166">
        <v>0</v>
      </c>
      <c r="CK1770" s="166">
        <v>0</v>
      </c>
      <c r="CL1770" s="166">
        <v>0</v>
      </c>
      <c r="CM1770" s="166">
        <v>0</v>
      </c>
      <c r="CN1770" s="166">
        <v>0</v>
      </c>
      <c r="CO1770" s="166">
        <v>0</v>
      </c>
      <c r="CP1770" s="166">
        <v>0</v>
      </c>
      <c r="CQ1770" s="166">
        <v>0</v>
      </c>
      <c r="CR1770" s="166">
        <v>0</v>
      </c>
      <c r="CS1770" s="166">
        <v>0</v>
      </c>
      <c r="CT1770" s="166">
        <v>0</v>
      </c>
      <c r="CU1770" s="166">
        <v>0</v>
      </c>
      <c r="CV1770" s="166">
        <v>0</v>
      </c>
      <c r="CW1770" s="166">
        <v>0</v>
      </c>
      <c r="CX1770" s="166">
        <v>0</v>
      </c>
      <c r="CY1770" s="166">
        <v>0</v>
      </c>
      <c r="CZ1770" s="166">
        <v>0</v>
      </c>
    </row>
    <row r="1771" spans="1:104" x14ac:dyDescent="0.2">
      <c r="A1771" s="167" t="s">
        <v>180</v>
      </c>
      <c r="B1771" s="166">
        <v>0</v>
      </c>
      <c r="C1771" s="166">
        <v>0</v>
      </c>
      <c r="D1771" s="166">
        <v>0</v>
      </c>
      <c r="E1771" s="166">
        <v>0</v>
      </c>
      <c r="F1771" s="166">
        <v>0</v>
      </c>
      <c r="G1771" s="166">
        <v>0</v>
      </c>
      <c r="H1771" s="166">
        <v>0</v>
      </c>
      <c r="I1771" s="166">
        <v>0</v>
      </c>
      <c r="J1771" s="166">
        <v>0</v>
      </c>
      <c r="K1771" s="166">
        <v>0</v>
      </c>
      <c r="L1771" s="166">
        <v>0</v>
      </c>
      <c r="M1771" s="166">
        <v>0</v>
      </c>
      <c r="N1771" s="166">
        <v>0</v>
      </c>
      <c r="O1771" s="166">
        <v>0</v>
      </c>
      <c r="P1771" s="166">
        <v>0</v>
      </c>
      <c r="Q1771" s="166">
        <v>0</v>
      </c>
      <c r="R1771" s="166">
        <v>0</v>
      </c>
      <c r="S1771" s="166">
        <v>0</v>
      </c>
      <c r="T1771" s="166">
        <v>0</v>
      </c>
      <c r="U1771" s="166">
        <v>0</v>
      </c>
      <c r="V1771" s="166">
        <v>0</v>
      </c>
      <c r="W1771" s="166">
        <v>0</v>
      </c>
      <c r="X1771" s="166">
        <v>0</v>
      </c>
      <c r="Y1771" s="166">
        <v>0</v>
      </c>
      <c r="Z1771" s="166">
        <v>0</v>
      </c>
      <c r="AA1771" s="166">
        <v>0</v>
      </c>
      <c r="AB1771" s="166">
        <v>0</v>
      </c>
      <c r="AC1771" s="166">
        <v>0</v>
      </c>
      <c r="AD1771" s="166">
        <v>0</v>
      </c>
      <c r="AE1771" s="166">
        <v>0</v>
      </c>
      <c r="AF1771" s="166">
        <v>0</v>
      </c>
      <c r="AG1771" s="166">
        <v>0</v>
      </c>
      <c r="AH1771" s="166">
        <v>0</v>
      </c>
      <c r="AI1771" s="166">
        <v>0</v>
      </c>
      <c r="AJ1771" s="166">
        <v>0</v>
      </c>
      <c r="AK1771" s="166">
        <v>0</v>
      </c>
      <c r="AL1771" s="166">
        <v>0</v>
      </c>
      <c r="AM1771" s="166">
        <v>0</v>
      </c>
      <c r="AN1771" s="166">
        <v>0</v>
      </c>
      <c r="AO1771" s="166">
        <v>0</v>
      </c>
      <c r="AP1771" s="166">
        <v>0</v>
      </c>
      <c r="AQ1771" s="166">
        <v>0</v>
      </c>
      <c r="AR1771" s="166">
        <v>0</v>
      </c>
      <c r="AS1771" s="166">
        <v>0</v>
      </c>
      <c r="AT1771" s="166">
        <v>0</v>
      </c>
      <c r="AU1771" s="166">
        <v>0</v>
      </c>
      <c r="AV1771" s="166">
        <v>0</v>
      </c>
      <c r="AW1771" s="166">
        <v>0</v>
      </c>
      <c r="AX1771" s="166">
        <v>0</v>
      </c>
      <c r="AY1771" s="166">
        <v>0</v>
      </c>
      <c r="AZ1771" s="166">
        <v>0</v>
      </c>
      <c r="BA1771" s="166">
        <v>0</v>
      </c>
      <c r="BB1771" s="166">
        <v>0</v>
      </c>
      <c r="BC1771" s="166">
        <v>0</v>
      </c>
      <c r="BD1771" s="166">
        <v>0</v>
      </c>
      <c r="BE1771" s="166">
        <v>0</v>
      </c>
      <c r="BF1771" s="166">
        <v>0</v>
      </c>
      <c r="BG1771" s="166">
        <v>0</v>
      </c>
      <c r="BH1771" s="166">
        <v>0</v>
      </c>
      <c r="BI1771" s="166">
        <v>0</v>
      </c>
      <c r="BJ1771" s="166">
        <v>0</v>
      </c>
      <c r="BK1771" s="166">
        <v>0</v>
      </c>
      <c r="BL1771" s="166">
        <v>0</v>
      </c>
      <c r="BM1771" s="166">
        <v>0</v>
      </c>
      <c r="BN1771" s="166">
        <v>0</v>
      </c>
      <c r="BO1771" s="166">
        <v>0</v>
      </c>
      <c r="BP1771" s="166">
        <v>0</v>
      </c>
      <c r="BQ1771" s="166">
        <v>0</v>
      </c>
      <c r="BR1771" s="166">
        <v>0</v>
      </c>
      <c r="BS1771" s="166">
        <v>0</v>
      </c>
      <c r="BT1771" s="166">
        <v>999.99527075910703</v>
      </c>
      <c r="BU1771" s="166">
        <v>0</v>
      </c>
      <c r="BV1771" s="166">
        <v>0</v>
      </c>
      <c r="BW1771" s="166">
        <v>0</v>
      </c>
      <c r="BX1771" s="166">
        <v>0</v>
      </c>
      <c r="BY1771" s="166">
        <v>0</v>
      </c>
      <c r="BZ1771" s="166">
        <v>0</v>
      </c>
      <c r="CA1771" s="166">
        <v>0</v>
      </c>
      <c r="CB1771" s="166">
        <v>0</v>
      </c>
      <c r="CC1771" s="166">
        <v>0</v>
      </c>
      <c r="CD1771" s="166">
        <v>0</v>
      </c>
      <c r="CE1771" s="166">
        <v>0</v>
      </c>
      <c r="CF1771" s="166">
        <v>0</v>
      </c>
      <c r="CG1771" s="166">
        <v>0</v>
      </c>
      <c r="CH1771" s="166">
        <v>0</v>
      </c>
      <c r="CI1771" s="166">
        <v>0</v>
      </c>
      <c r="CJ1771" s="166">
        <v>0</v>
      </c>
      <c r="CK1771" s="166">
        <v>0</v>
      </c>
      <c r="CL1771" s="166">
        <v>0</v>
      </c>
      <c r="CM1771" s="166">
        <v>0</v>
      </c>
      <c r="CN1771" s="166">
        <v>0</v>
      </c>
      <c r="CO1771" s="166">
        <v>0</v>
      </c>
      <c r="CP1771" s="166">
        <v>0</v>
      </c>
      <c r="CQ1771" s="166">
        <v>0</v>
      </c>
      <c r="CR1771" s="166">
        <v>0</v>
      </c>
      <c r="CS1771" s="166">
        <v>0</v>
      </c>
      <c r="CT1771" s="166">
        <v>0</v>
      </c>
      <c r="CU1771" s="166">
        <v>0</v>
      </c>
      <c r="CV1771" s="166">
        <v>0</v>
      </c>
      <c r="CW1771" s="166">
        <v>0</v>
      </c>
      <c r="CX1771" s="166">
        <v>0</v>
      </c>
      <c r="CY1771" s="166">
        <v>0</v>
      </c>
      <c r="CZ1771" s="166">
        <v>0</v>
      </c>
    </row>
    <row r="1772" spans="1:104" x14ac:dyDescent="0.2">
      <c r="A1772" s="167" t="s">
        <v>181</v>
      </c>
      <c r="B1772" s="166">
        <v>0</v>
      </c>
      <c r="C1772" s="166">
        <v>0</v>
      </c>
      <c r="D1772" s="166">
        <v>0</v>
      </c>
      <c r="E1772" s="166">
        <v>0</v>
      </c>
      <c r="F1772" s="166">
        <v>0</v>
      </c>
      <c r="G1772" s="166">
        <v>0</v>
      </c>
      <c r="H1772" s="166">
        <v>0</v>
      </c>
      <c r="I1772" s="166">
        <v>0</v>
      </c>
      <c r="J1772" s="166">
        <v>0</v>
      </c>
      <c r="K1772" s="166">
        <v>0</v>
      </c>
      <c r="L1772" s="166">
        <v>0</v>
      </c>
      <c r="M1772" s="166">
        <v>0</v>
      </c>
      <c r="N1772" s="166">
        <v>0</v>
      </c>
      <c r="O1772" s="166">
        <v>0</v>
      </c>
      <c r="P1772" s="166">
        <v>0</v>
      </c>
      <c r="Q1772" s="166">
        <v>0</v>
      </c>
      <c r="R1772" s="166">
        <v>0</v>
      </c>
      <c r="S1772" s="166">
        <v>0</v>
      </c>
      <c r="T1772" s="166">
        <v>0</v>
      </c>
      <c r="U1772" s="166">
        <v>0</v>
      </c>
      <c r="V1772" s="166">
        <v>0</v>
      </c>
      <c r="W1772" s="166">
        <v>0</v>
      </c>
      <c r="X1772" s="166">
        <v>0</v>
      </c>
      <c r="Y1772" s="166">
        <v>0</v>
      </c>
      <c r="Z1772" s="166">
        <v>0</v>
      </c>
      <c r="AA1772" s="166">
        <v>0</v>
      </c>
      <c r="AB1772" s="166">
        <v>0</v>
      </c>
      <c r="AC1772" s="166">
        <v>0</v>
      </c>
      <c r="AD1772" s="166">
        <v>0</v>
      </c>
      <c r="AE1772" s="166">
        <v>0</v>
      </c>
      <c r="AF1772" s="166">
        <v>0</v>
      </c>
      <c r="AG1772" s="166">
        <v>0</v>
      </c>
      <c r="AH1772" s="166">
        <v>0</v>
      </c>
      <c r="AI1772" s="166">
        <v>0</v>
      </c>
      <c r="AJ1772" s="166">
        <v>0</v>
      </c>
      <c r="AK1772" s="166">
        <v>0</v>
      </c>
      <c r="AL1772" s="166">
        <v>0</v>
      </c>
      <c r="AM1772" s="166">
        <v>0</v>
      </c>
      <c r="AN1772" s="166">
        <v>0</v>
      </c>
      <c r="AO1772" s="166">
        <v>0</v>
      </c>
      <c r="AP1772" s="166">
        <v>0</v>
      </c>
      <c r="AQ1772" s="166">
        <v>0</v>
      </c>
      <c r="AR1772" s="166">
        <v>0</v>
      </c>
      <c r="AS1772" s="166">
        <v>0</v>
      </c>
      <c r="AT1772" s="166">
        <v>0</v>
      </c>
      <c r="AU1772" s="166">
        <v>0</v>
      </c>
      <c r="AV1772" s="166">
        <v>0</v>
      </c>
      <c r="AW1772" s="166">
        <v>0</v>
      </c>
      <c r="AX1772" s="166">
        <v>0</v>
      </c>
      <c r="AY1772" s="166">
        <v>0</v>
      </c>
      <c r="AZ1772" s="166">
        <v>0</v>
      </c>
      <c r="BA1772" s="166">
        <v>0</v>
      </c>
      <c r="BB1772" s="166">
        <v>0</v>
      </c>
      <c r="BC1772" s="166">
        <v>0</v>
      </c>
      <c r="BD1772" s="166">
        <v>0</v>
      </c>
      <c r="BE1772" s="166">
        <v>0</v>
      </c>
      <c r="BF1772" s="166">
        <v>0</v>
      </c>
      <c r="BG1772" s="166">
        <v>0</v>
      </c>
      <c r="BH1772" s="166">
        <v>0</v>
      </c>
      <c r="BI1772" s="166">
        <v>0</v>
      </c>
      <c r="BJ1772" s="166">
        <v>0</v>
      </c>
      <c r="BK1772" s="166">
        <v>0</v>
      </c>
      <c r="BL1772" s="166">
        <v>0</v>
      </c>
      <c r="BM1772" s="166">
        <v>0</v>
      </c>
      <c r="BN1772" s="166">
        <v>0</v>
      </c>
      <c r="BO1772" s="166">
        <v>0</v>
      </c>
      <c r="BP1772" s="166">
        <v>0</v>
      </c>
      <c r="BQ1772" s="166">
        <v>0</v>
      </c>
      <c r="BR1772" s="166">
        <v>0</v>
      </c>
      <c r="BS1772" s="166">
        <v>0</v>
      </c>
      <c r="BT1772" s="168">
        <v>0.99999527075910699</v>
      </c>
      <c r="BU1772" s="166">
        <v>0</v>
      </c>
      <c r="BV1772" s="166">
        <v>0</v>
      </c>
      <c r="BW1772" s="166">
        <v>0</v>
      </c>
      <c r="BX1772" s="166">
        <v>0</v>
      </c>
      <c r="BY1772" s="166">
        <v>0</v>
      </c>
      <c r="BZ1772" s="166">
        <v>0</v>
      </c>
      <c r="CA1772" s="166">
        <v>0</v>
      </c>
      <c r="CB1772" s="166">
        <v>0</v>
      </c>
      <c r="CC1772" s="166">
        <v>0</v>
      </c>
      <c r="CD1772" s="166">
        <v>0</v>
      </c>
      <c r="CE1772" s="166">
        <v>0</v>
      </c>
      <c r="CF1772" s="166">
        <v>0</v>
      </c>
      <c r="CG1772" s="166">
        <v>0</v>
      </c>
      <c r="CH1772" s="166">
        <v>0</v>
      </c>
      <c r="CI1772" s="166">
        <v>0</v>
      </c>
      <c r="CJ1772" s="166">
        <v>0</v>
      </c>
      <c r="CK1772" s="166">
        <v>0</v>
      </c>
      <c r="CL1772" s="166">
        <v>0</v>
      </c>
      <c r="CM1772" s="166">
        <v>0</v>
      </c>
      <c r="CN1772" s="166">
        <v>0</v>
      </c>
      <c r="CO1772" s="166">
        <v>0</v>
      </c>
      <c r="CP1772" s="166">
        <v>0</v>
      </c>
      <c r="CQ1772" s="166">
        <v>0</v>
      </c>
      <c r="CR1772" s="166">
        <v>0</v>
      </c>
      <c r="CS1772" s="166">
        <v>0</v>
      </c>
      <c r="CT1772" s="166">
        <v>0</v>
      </c>
      <c r="CU1772" s="166">
        <v>0</v>
      </c>
      <c r="CV1772" s="166">
        <v>0</v>
      </c>
      <c r="CW1772" s="166">
        <v>0</v>
      </c>
      <c r="CX1772" s="166">
        <v>0</v>
      </c>
      <c r="CY1772" s="166">
        <v>0</v>
      </c>
      <c r="CZ1772" s="166">
        <v>0</v>
      </c>
    </row>
    <row r="1773" spans="1:104" x14ac:dyDescent="0.2">
      <c r="A1773" s="167" t="s">
        <v>1064</v>
      </c>
      <c r="B1773" s="166">
        <v>0</v>
      </c>
      <c r="C1773" s="166">
        <v>0</v>
      </c>
      <c r="D1773" s="166">
        <v>0</v>
      </c>
      <c r="E1773" s="166">
        <v>0</v>
      </c>
      <c r="F1773" s="166">
        <v>0</v>
      </c>
      <c r="G1773" s="166">
        <v>0</v>
      </c>
      <c r="H1773" s="166">
        <v>0</v>
      </c>
      <c r="I1773" s="166">
        <v>0</v>
      </c>
      <c r="J1773" s="166">
        <v>0</v>
      </c>
      <c r="K1773" s="166">
        <v>0</v>
      </c>
      <c r="L1773" s="166">
        <v>0</v>
      </c>
      <c r="M1773" s="166">
        <v>0</v>
      </c>
      <c r="N1773" s="166">
        <v>0</v>
      </c>
      <c r="O1773" s="166">
        <v>0</v>
      </c>
      <c r="P1773" s="166">
        <v>0</v>
      </c>
      <c r="Q1773" s="166">
        <v>0</v>
      </c>
      <c r="R1773" s="166">
        <v>0</v>
      </c>
      <c r="S1773" s="166">
        <v>0</v>
      </c>
      <c r="T1773" s="166">
        <v>0</v>
      </c>
      <c r="U1773" s="166">
        <v>0</v>
      </c>
      <c r="V1773" s="166">
        <v>0</v>
      </c>
      <c r="W1773" s="166">
        <v>0</v>
      </c>
      <c r="X1773" s="166">
        <v>0</v>
      </c>
      <c r="Y1773" s="166">
        <v>0</v>
      </c>
      <c r="Z1773" s="166">
        <v>0</v>
      </c>
      <c r="AA1773" s="166">
        <v>0</v>
      </c>
      <c r="AB1773" s="166">
        <v>0</v>
      </c>
      <c r="AC1773" s="166">
        <v>0</v>
      </c>
      <c r="AD1773" s="166">
        <v>0</v>
      </c>
      <c r="AE1773" s="166">
        <v>0</v>
      </c>
      <c r="AF1773" s="166">
        <v>0</v>
      </c>
      <c r="AG1773" s="166">
        <v>0</v>
      </c>
      <c r="AH1773" s="166">
        <v>0</v>
      </c>
      <c r="AI1773" s="166">
        <v>0</v>
      </c>
      <c r="AJ1773" s="166">
        <v>0</v>
      </c>
      <c r="AK1773" s="166">
        <v>0</v>
      </c>
      <c r="AL1773" s="166">
        <v>0</v>
      </c>
      <c r="AM1773" s="166">
        <v>0</v>
      </c>
      <c r="AN1773" s="166">
        <v>0</v>
      </c>
      <c r="AO1773" s="166">
        <v>0</v>
      </c>
      <c r="AP1773" s="166">
        <v>0</v>
      </c>
      <c r="AQ1773" s="166">
        <v>0</v>
      </c>
      <c r="AR1773" s="166">
        <v>0</v>
      </c>
      <c r="AS1773" s="166">
        <v>0</v>
      </c>
      <c r="AT1773" s="166">
        <v>0</v>
      </c>
      <c r="AU1773" s="166">
        <v>0</v>
      </c>
      <c r="AV1773" s="166">
        <v>0</v>
      </c>
      <c r="AW1773" s="166">
        <v>0</v>
      </c>
      <c r="AX1773" s="166">
        <v>0</v>
      </c>
      <c r="AY1773" s="166">
        <v>0</v>
      </c>
      <c r="AZ1773" s="166">
        <v>0</v>
      </c>
      <c r="BA1773" s="166">
        <v>0</v>
      </c>
      <c r="BB1773" s="166">
        <v>0</v>
      </c>
      <c r="BC1773" s="166">
        <v>0</v>
      </c>
      <c r="BD1773" s="166">
        <v>0</v>
      </c>
      <c r="BE1773" s="166">
        <v>0</v>
      </c>
      <c r="BF1773" s="166">
        <v>0</v>
      </c>
      <c r="BG1773" s="166">
        <v>0</v>
      </c>
      <c r="BH1773" s="166">
        <v>0</v>
      </c>
      <c r="BI1773" s="166">
        <v>0</v>
      </c>
      <c r="BJ1773" s="166">
        <v>0</v>
      </c>
      <c r="BK1773" s="166">
        <v>0</v>
      </c>
      <c r="BL1773" s="166">
        <v>0</v>
      </c>
      <c r="BM1773" s="166">
        <v>0</v>
      </c>
      <c r="BN1773" s="166">
        <v>0</v>
      </c>
      <c r="BO1773" s="166">
        <v>0</v>
      </c>
      <c r="BP1773" s="166">
        <v>0</v>
      </c>
      <c r="BQ1773" s="166">
        <v>0</v>
      </c>
      <c r="BR1773" s="166">
        <v>0</v>
      </c>
      <c r="BS1773" s="166">
        <v>0</v>
      </c>
      <c r="BT1773" s="168">
        <v>0.99999527075910699</v>
      </c>
      <c r="BU1773" s="166">
        <v>0</v>
      </c>
      <c r="BV1773" s="166">
        <v>0</v>
      </c>
      <c r="BW1773" s="166">
        <v>0</v>
      </c>
      <c r="BX1773" s="166">
        <v>0</v>
      </c>
      <c r="BY1773" s="166">
        <v>0</v>
      </c>
      <c r="BZ1773" s="166">
        <v>0</v>
      </c>
      <c r="CA1773" s="166">
        <v>0</v>
      </c>
      <c r="CB1773" s="166">
        <v>0</v>
      </c>
      <c r="CC1773" s="166">
        <v>0</v>
      </c>
      <c r="CD1773" s="166">
        <v>0</v>
      </c>
      <c r="CE1773" s="166">
        <v>0</v>
      </c>
      <c r="CF1773" s="166">
        <v>0</v>
      </c>
      <c r="CG1773" s="166">
        <v>0</v>
      </c>
      <c r="CH1773" s="166">
        <v>0</v>
      </c>
      <c r="CI1773" s="166">
        <v>0</v>
      </c>
      <c r="CJ1773" s="166">
        <v>0</v>
      </c>
      <c r="CK1773" s="166">
        <v>0</v>
      </c>
      <c r="CL1773" s="166">
        <v>0</v>
      </c>
      <c r="CM1773" s="166">
        <v>0</v>
      </c>
      <c r="CN1773" s="166">
        <v>0</v>
      </c>
      <c r="CO1773" s="166">
        <v>0</v>
      </c>
      <c r="CP1773" s="166">
        <v>0</v>
      </c>
      <c r="CQ1773" s="166">
        <v>0</v>
      </c>
      <c r="CR1773" s="166">
        <v>0</v>
      </c>
      <c r="CS1773" s="166">
        <v>0</v>
      </c>
      <c r="CT1773" s="166">
        <v>0</v>
      </c>
      <c r="CU1773" s="166">
        <v>0</v>
      </c>
      <c r="CV1773" s="166">
        <v>0</v>
      </c>
      <c r="CW1773" s="166">
        <v>0</v>
      </c>
      <c r="CX1773" s="166">
        <v>0</v>
      </c>
      <c r="CY1773" s="166">
        <v>0</v>
      </c>
      <c r="CZ1773" s="166">
        <v>0</v>
      </c>
    </row>
    <row r="1774" spans="1:104" x14ac:dyDescent="0.2">
      <c r="A1774" s="170" t="s">
        <v>183</v>
      </c>
      <c r="B1774" s="166">
        <v>759762.74</v>
      </c>
      <c r="C1774" s="166">
        <v>759762.74</v>
      </c>
      <c r="D1774" s="166">
        <v>0</v>
      </c>
      <c r="E1774" s="166">
        <v>0</v>
      </c>
      <c r="F1774" s="166">
        <v>0</v>
      </c>
      <c r="G1774" s="166">
        <v>0</v>
      </c>
      <c r="H1774" s="166">
        <v>0</v>
      </c>
      <c r="I1774" s="166">
        <v>0</v>
      </c>
      <c r="J1774" s="166">
        <v>0</v>
      </c>
      <c r="K1774" s="166">
        <v>0</v>
      </c>
      <c r="L1774" s="166">
        <v>0</v>
      </c>
      <c r="M1774" s="166">
        <v>0</v>
      </c>
      <c r="N1774" s="166">
        <v>0</v>
      </c>
      <c r="O1774" s="166">
        <v>0</v>
      </c>
      <c r="P1774" s="166">
        <v>0</v>
      </c>
      <c r="Q1774" s="166">
        <v>0</v>
      </c>
      <c r="R1774" s="166">
        <v>0</v>
      </c>
      <c r="S1774" s="166">
        <v>0</v>
      </c>
      <c r="T1774" s="166">
        <v>0</v>
      </c>
      <c r="U1774" s="166">
        <v>0</v>
      </c>
      <c r="V1774" s="166">
        <v>0</v>
      </c>
      <c r="W1774" s="166">
        <v>0</v>
      </c>
      <c r="X1774" s="166">
        <v>0</v>
      </c>
      <c r="Y1774" s="166">
        <v>0</v>
      </c>
      <c r="Z1774" s="166">
        <v>0</v>
      </c>
      <c r="AA1774" s="166">
        <v>0</v>
      </c>
      <c r="AB1774" s="166">
        <v>0</v>
      </c>
      <c r="AC1774" s="166">
        <v>0</v>
      </c>
      <c r="AD1774" s="166">
        <v>0</v>
      </c>
      <c r="AE1774" s="166">
        <v>0</v>
      </c>
      <c r="AF1774" s="166">
        <v>0</v>
      </c>
      <c r="AG1774" s="166">
        <v>0</v>
      </c>
      <c r="AH1774" s="166">
        <v>0</v>
      </c>
      <c r="AI1774" s="166">
        <v>0</v>
      </c>
      <c r="AJ1774" s="166">
        <v>0</v>
      </c>
      <c r="AK1774" s="166">
        <v>0</v>
      </c>
      <c r="AL1774" s="166">
        <v>0</v>
      </c>
      <c r="AM1774" s="166">
        <v>0</v>
      </c>
      <c r="AN1774" s="166">
        <v>0</v>
      </c>
      <c r="AO1774" s="166">
        <v>0</v>
      </c>
      <c r="AP1774" s="166">
        <v>0</v>
      </c>
      <c r="AQ1774" s="166">
        <v>0</v>
      </c>
      <c r="AR1774" s="166">
        <v>0</v>
      </c>
      <c r="AS1774" s="166">
        <v>0</v>
      </c>
      <c r="AT1774" s="166">
        <v>0</v>
      </c>
      <c r="AU1774" s="166">
        <v>0</v>
      </c>
      <c r="AV1774" s="166">
        <v>0</v>
      </c>
      <c r="AW1774" s="166">
        <v>0</v>
      </c>
      <c r="AX1774" s="166">
        <v>0</v>
      </c>
      <c r="AY1774" s="166">
        <v>0</v>
      </c>
      <c r="AZ1774" s="166">
        <v>0</v>
      </c>
      <c r="BA1774" s="166">
        <v>0</v>
      </c>
      <c r="BB1774" s="166">
        <v>0</v>
      </c>
      <c r="BC1774" s="166">
        <v>0</v>
      </c>
      <c r="BD1774" s="166">
        <v>0</v>
      </c>
      <c r="BE1774" s="166">
        <v>0</v>
      </c>
      <c r="BF1774" s="166">
        <v>0</v>
      </c>
      <c r="BG1774" s="166">
        <v>0</v>
      </c>
      <c r="BH1774" s="166">
        <v>0</v>
      </c>
      <c r="BI1774" s="166">
        <v>0</v>
      </c>
      <c r="BJ1774" s="166">
        <v>0</v>
      </c>
      <c r="BK1774" s="166">
        <v>0</v>
      </c>
      <c r="BL1774" s="166">
        <v>0</v>
      </c>
      <c r="BM1774" s="166">
        <v>0</v>
      </c>
      <c r="BN1774" s="166">
        <v>0</v>
      </c>
      <c r="BO1774" s="166">
        <v>0</v>
      </c>
      <c r="BP1774" s="166">
        <v>0</v>
      </c>
      <c r="BQ1774" s="166">
        <v>0</v>
      </c>
      <c r="BR1774" s="166">
        <v>759762.74</v>
      </c>
      <c r="BS1774" s="166">
        <v>759762.74</v>
      </c>
      <c r="BT1774" s="168">
        <v>0</v>
      </c>
      <c r="BU1774" s="166">
        <v>63690.0087931815</v>
      </c>
      <c r="BV1774" s="166">
        <v>759759.146898982</v>
      </c>
      <c r="BW1774" s="166">
        <v>0</v>
      </c>
      <c r="BX1774" s="166">
        <v>0</v>
      </c>
      <c r="BY1774" s="166">
        <v>0</v>
      </c>
      <c r="BZ1774" s="166">
        <v>0</v>
      </c>
      <c r="CA1774" s="166">
        <v>0</v>
      </c>
      <c r="CB1774" s="166">
        <v>0</v>
      </c>
      <c r="CC1774" s="166">
        <v>0</v>
      </c>
      <c r="CD1774" s="166">
        <v>0</v>
      </c>
      <c r="CE1774" s="166">
        <v>0</v>
      </c>
      <c r="CF1774" s="166">
        <v>0</v>
      </c>
      <c r="CG1774" s="166">
        <v>0</v>
      </c>
      <c r="CH1774" s="166">
        <v>0</v>
      </c>
      <c r="CI1774" s="166">
        <v>0</v>
      </c>
      <c r="CJ1774" s="166">
        <v>0</v>
      </c>
      <c r="CK1774" s="166">
        <v>0</v>
      </c>
      <c r="CL1774" s="166">
        <v>0</v>
      </c>
      <c r="CM1774" s="166">
        <v>0</v>
      </c>
      <c r="CN1774" s="166">
        <v>0</v>
      </c>
      <c r="CO1774" s="166">
        <v>0</v>
      </c>
      <c r="CP1774" s="166">
        <v>0</v>
      </c>
      <c r="CQ1774" s="166">
        <v>0</v>
      </c>
      <c r="CR1774" s="166">
        <v>0</v>
      </c>
      <c r="CS1774" s="166">
        <v>0</v>
      </c>
      <c r="CT1774" s="166">
        <v>0</v>
      </c>
      <c r="CU1774" s="166">
        <v>0</v>
      </c>
      <c r="CV1774" s="166">
        <v>0</v>
      </c>
      <c r="CW1774" s="166">
        <v>0</v>
      </c>
      <c r="CX1774" s="166">
        <v>0</v>
      </c>
      <c r="CY1774" s="166">
        <v>759759.146898982</v>
      </c>
      <c r="CZ1774" s="166">
        <v>759759.146898982</v>
      </c>
    </row>
    <row r="1775" spans="1:104" x14ac:dyDescent="0.2">
      <c r="A1775" s="167" t="s">
        <v>184</v>
      </c>
      <c r="B1775" s="166">
        <v>0</v>
      </c>
      <c r="C1775" s="166">
        <v>0</v>
      </c>
      <c r="D1775" s="166">
        <v>0</v>
      </c>
      <c r="E1775" s="166">
        <v>0</v>
      </c>
      <c r="F1775" s="166">
        <v>0</v>
      </c>
      <c r="G1775" s="166">
        <v>0</v>
      </c>
      <c r="H1775" s="166">
        <v>0</v>
      </c>
      <c r="I1775" s="166">
        <v>0</v>
      </c>
      <c r="J1775" s="166">
        <v>0</v>
      </c>
      <c r="K1775" s="166">
        <v>0</v>
      </c>
      <c r="L1775" s="166">
        <v>0</v>
      </c>
      <c r="M1775" s="166">
        <v>0</v>
      </c>
      <c r="N1775" s="166">
        <v>0</v>
      </c>
      <c r="O1775" s="166">
        <v>0</v>
      </c>
      <c r="P1775" s="166">
        <v>0</v>
      </c>
      <c r="Q1775" s="166">
        <v>0</v>
      </c>
      <c r="R1775" s="166">
        <v>0</v>
      </c>
      <c r="S1775" s="166">
        <v>0</v>
      </c>
      <c r="T1775" s="166">
        <v>0</v>
      </c>
      <c r="U1775" s="166">
        <v>0</v>
      </c>
      <c r="V1775" s="166">
        <v>0</v>
      </c>
      <c r="W1775" s="166">
        <v>0</v>
      </c>
      <c r="X1775" s="166">
        <v>0</v>
      </c>
      <c r="Y1775" s="166">
        <v>0</v>
      </c>
      <c r="Z1775" s="166">
        <v>0</v>
      </c>
      <c r="AA1775" s="166">
        <v>0</v>
      </c>
      <c r="AB1775" s="166">
        <v>0</v>
      </c>
      <c r="AC1775" s="166">
        <v>0</v>
      </c>
      <c r="AD1775" s="166">
        <v>0</v>
      </c>
      <c r="AE1775" s="166">
        <v>0</v>
      </c>
      <c r="AF1775" s="166">
        <v>0</v>
      </c>
      <c r="AG1775" s="166">
        <v>0</v>
      </c>
      <c r="AH1775" s="166">
        <v>0</v>
      </c>
      <c r="AI1775" s="166">
        <v>0</v>
      </c>
      <c r="AJ1775" s="166">
        <v>0</v>
      </c>
      <c r="AK1775" s="166">
        <v>0</v>
      </c>
      <c r="AL1775" s="166">
        <v>0</v>
      </c>
      <c r="AM1775" s="166">
        <v>0</v>
      </c>
      <c r="AN1775" s="166">
        <v>0</v>
      </c>
      <c r="AO1775" s="166">
        <v>0</v>
      </c>
      <c r="AP1775" s="166">
        <v>0</v>
      </c>
      <c r="AQ1775" s="166">
        <v>0</v>
      </c>
      <c r="AR1775" s="166">
        <v>0</v>
      </c>
      <c r="AS1775" s="166">
        <v>0</v>
      </c>
      <c r="AT1775" s="166">
        <v>0</v>
      </c>
      <c r="AU1775" s="166">
        <v>0</v>
      </c>
      <c r="AV1775" s="166">
        <v>0</v>
      </c>
      <c r="AW1775" s="166">
        <v>0</v>
      </c>
      <c r="AX1775" s="166">
        <v>0</v>
      </c>
      <c r="AY1775" s="166">
        <v>0</v>
      </c>
      <c r="AZ1775" s="166">
        <v>0</v>
      </c>
      <c r="BA1775" s="166">
        <v>0</v>
      </c>
      <c r="BB1775" s="166">
        <v>0</v>
      </c>
      <c r="BC1775" s="166">
        <v>0</v>
      </c>
      <c r="BD1775" s="166">
        <v>0</v>
      </c>
      <c r="BE1775" s="166">
        <v>0</v>
      </c>
      <c r="BF1775" s="166">
        <v>0</v>
      </c>
      <c r="BG1775" s="166">
        <v>0</v>
      </c>
      <c r="BH1775" s="166">
        <v>0</v>
      </c>
      <c r="BI1775" s="166">
        <v>0</v>
      </c>
      <c r="BJ1775" s="166">
        <v>0</v>
      </c>
      <c r="BK1775" s="166">
        <v>0</v>
      </c>
      <c r="BL1775" s="166">
        <v>0</v>
      </c>
      <c r="BM1775" s="166">
        <v>0</v>
      </c>
      <c r="BN1775" s="166">
        <v>0</v>
      </c>
      <c r="BO1775" s="166">
        <v>0</v>
      </c>
      <c r="BP1775" s="166">
        <v>0</v>
      </c>
      <c r="BQ1775" s="166">
        <v>0</v>
      </c>
      <c r="BR1775" s="166">
        <v>0</v>
      </c>
      <c r="BS1775" s="166">
        <v>0</v>
      </c>
      <c r="BT1775" s="168">
        <v>0</v>
      </c>
      <c r="BU1775" s="166">
        <v>0</v>
      </c>
      <c r="BV1775" s="166">
        <v>0</v>
      </c>
      <c r="BW1775" s="166">
        <v>0</v>
      </c>
      <c r="BX1775" s="166">
        <v>0</v>
      </c>
      <c r="BY1775" s="166">
        <v>0</v>
      </c>
      <c r="BZ1775" s="166">
        <v>0</v>
      </c>
      <c r="CA1775" s="166">
        <v>0</v>
      </c>
      <c r="CB1775" s="166">
        <v>0</v>
      </c>
      <c r="CC1775" s="166">
        <v>0</v>
      </c>
      <c r="CD1775" s="166">
        <v>0</v>
      </c>
      <c r="CE1775" s="166">
        <v>0</v>
      </c>
      <c r="CF1775" s="166">
        <v>0</v>
      </c>
      <c r="CG1775" s="166">
        <v>0</v>
      </c>
      <c r="CH1775" s="166">
        <v>0</v>
      </c>
      <c r="CI1775" s="166">
        <v>0</v>
      </c>
      <c r="CJ1775" s="166">
        <v>0</v>
      </c>
      <c r="CK1775" s="166">
        <v>0</v>
      </c>
      <c r="CL1775" s="166">
        <v>0</v>
      </c>
      <c r="CM1775" s="166">
        <v>0</v>
      </c>
      <c r="CN1775" s="166">
        <v>0</v>
      </c>
      <c r="CO1775" s="166">
        <v>0</v>
      </c>
      <c r="CP1775" s="166">
        <v>0</v>
      </c>
      <c r="CQ1775" s="166">
        <v>0</v>
      </c>
      <c r="CR1775" s="166">
        <v>0</v>
      </c>
      <c r="CS1775" s="166">
        <v>0</v>
      </c>
      <c r="CT1775" s="166">
        <v>0</v>
      </c>
      <c r="CU1775" s="166">
        <v>0</v>
      </c>
      <c r="CV1775" s="166">
        <v>0</v>
      </c>
      <c r="CW1775" s="166">
        <v>0</v>
      </c>
      <c r="CX1775" s="166">
        <v>0</v>
      </c>
      <c r="CY1775" s="166">
        <v>0</v>
      </c>
      <c r="CZ1775" s="166">
        <v>0</v>
      </c>
    </row>
    <row r="1776" spans="1:104" x14ac:dyDescent="0.2">
      <c r="A1776" s="170" t="s">
        <v>185</v>
      </c>
      <c r="B1776" s="166">
        <v>0</v>
      </c>
      <c r="C1776" s="166">
        <v>0</v>
      </c>
      <c r="D1776" s="166">
        <v>0</v>
      </c>
      <c r="E1776" s="166">
        <v>0</v>
      </c>
      <c r="F1776" s="166">
        <v>0</v>
      </c>
      <c r="G1776" s="166">
        <v>0</v>
      </c>
      <c r="H1776" s="166">
        <v>0</v>
      </c>
      <c r="I1776" s="166">
        <v>0</v>
      </c>
      <c r="J1776" s="166">
        <v>0</v>
      </c>
      <c r="K1776" s="166">
        <v>0</v>
      </c>
      <c r="L1776" s="166">
        <v>0</v>
      </c>
      <c r="M1776" s="166">
        <v>0</v>
      </c>
      <c r="N1776" s="166">
        <v>0</v>
      </c>
      <c r="O1776" s="166">
        <v>0</v>
      </c>
      <c r="P1776" s="166">
        <v>0</v>
      </c>
      <c r="Q1776" s="166">
        <v>0</v>
      </c>
      <c r="R1776" s="166">
        <v>0</v>
      </c>
      <c r="S1776" s="166">
        <v>0</v>
      </c>
      <c r="T1776" s="166">
        <v>0</v>
      </c>
      <c r="U1776" s="166">
        <v>0</v>
      </c>
      <c r="V1776" s="166">
        <v>0</v>
      </c>
      <c r="W1776" s="166">
        <v>0</v>
      </c>
      <c r="X1776" s="166">
        <v>0</v>
      </c>
      <c r="Y1776" s="166">
        <v>0</v>
      </c>
      <c r="Z1776" s="166">
        <v>0</v>
      </c>
      <c r="AA1776" s="166">
        <v>0</v>
      </c>
      <c r="AB1776" s="166">
        <v>0</v>
      </c>
      <c r="AC1776" s="166">
        <v>0</v>
      </c>
      <c r="AD1776" s="166">
        <v>0</v>
      </c>
      <c r="AE1776" s="166">
        <v>0</v>
      </c>
      <c r="AF1776" s="166">
        <v>0</v>
      </c>
      <c r="AG1776" s="166">
        <v>0</v>
      </c>
      <c r="AH1776" s="166">
        <v>0</v>
      </c>
      <c r="AI1776" s="166">
        <v>0</v>
      </c>
      <c r="AJ1776" s="166">
        <v>0</v>
      </c>
      <c r="AK1776" s="166">
        <v>0</v>
      </c>
      <c r="AL1776" s="166">
        <v>0</v>
      </c>
      <c r="AM1776" s="166">
        <v>0</v>
      </c>
      <c r="AN1776" s="166">
        <v>0</v>
      </c>
      <c r="AO1776" s="166">
        <v>0</v>
      </c>
      <c r="AP1776" s="166">
        <v>0</v>
      </c>
      <c r="AQ1776" s="166">
        <v>0</v>
      </c>
      <c r="AR1776" s="166">
        <v>0</v>
      </c>
      <c r="AS1776" s="166">
        <v>0</v>
      </c>
      <c r="AT1776" s="166">
        <v>0</v>
      </c>
      <c r="AU1776" s="166">
        <v>0</v>
      </c>
      <c r="AV1776" s="166">
        <v>0</v>
      </c>
      <c r="AW1776" s="166">
        <v>0</v>
      </c>
      <c r="AX1776" s="166">
        <v>0</v>
      </c>
      <c r="AY1776" s="166">
        <v>0</v>
      </c>
      <c r="AZ1776" s="166">
        <v>0</v>
      </c>
      <c r="BA1776" s="166">
        <v>0</v>
      </c>
      <c r="BB1776" s="166">
        <v>0</v>
      </c>
      <c r="BC1776" s="166">
        <v>0</v>
      </c>
      <c r="BD1776" s="166">
        <v>0</v>
      </c>
      <c r="BE1776" s="166">
        <v>0</v>
      </c>
      <c r="BF1776" s="166">
        <v>0</v>
      </c>
      <c r="BG1776" s="166">
        <v>0</v>
      </c>
      <c r="BH1776" s="166">
        <v>0</v>
      </c>
      <c r="BI1776" s="166">
        <v>0</v>
      </c>
      <c r="BJ1776" s="166">
        <v>0</v>
      </c>
      <c r="BK1776" s="166">
        <v>0</v>
      </c>
      <c r="BL1776" s="166">
        <v>0</v>
      </c>
      <c r="BM1776" s="166">
        <v>0</v>
      </c>
      <c r="BN1776" s="166">
        <v>0</v>
      </c>
      <c r="BO1776" s="166">
        <v>0</v>
      </c>
      <c r="BP1776" s="166">
        <v>0</v>
      </c>
      <c r="BQ1776" s="166">
        <v>0</v>
      </c>
      <c r="BR1776" s="166">
        <v>0</v>
      </c>
      <c r="BS1776" s="166">
        <v>0</v>
      </c>
      <c r="BT1776" s="168">
        <v>0</v>
      </c>
      <c r="BU1776" s="166">
        <v>0</v>
      </c>
      <c r="BV1776" s="166">
        <v>0</v>
      </c>
      <c r="BW1776" s="166">
        <v>0</v>
      </c>
      <c r="BX1776" s="166">
        <v>0</v>
      </c>
      <c r="BY1776" s="166">
        <v>0</v>
      </c>
      <c r="BZ1776" s="166">
        <v>0</v>
      </c>
      <c r="CA1776" s="166">
        <v>0</v>
      </c>
      <c r="CB1776" s="166">
        <v>0</v>
      </c>
      <c r="CC1776" s="166">
        <v>0</v>
      </c>
      <c r="CD1776" s="166">
        <v>0</v>
      </c>
      <c r="CE1776" s="166">
        <v>0</v>
      </c>
      <c r="CF1776" s="166">
        <v>0</v>
      </c>
      <c r="CG1776" s="166">
        <v>0</v>
      </c>
      <c r="CH1776" s="166">
        <v>0</v>
      </c>
      <c r="CI1776" s="166">
        <v>0</v>
      </c>
      <c r="CJ1776" s="166">
        <v>0</v>
      </c>
      <c r="CK1776" s="166">
        <v>0</v>
      </c>
      <c r="CL1776" s="166">
        <v>0</v>
      </c>
      <c r="CM1776" s="166">
        <v>0</v>
      </c>
      <c r="CN1776" s="166">
        <v>0</v>
      </c>
      <c r="CO1776" s="166">
        <v>0</v>
      </c>
      <c r="CP1776" s="166">
        <v>0</v>
      </c>
      <c r="CQ1776" s="166">
        <v>0</v>
      </c>
      <c r="CR1776" s="166">
        <v>0</v>
      </c>
      <c r="CS1776" s="166">
        <v>0</v>
      </c>
      <c r="CT1776" s="166">
        <v>0</v>
      </c>
      <c r="CU1776" s="166">
        <v>0</v>
      </c>
      <c r="CV1776" s="166">
        <v>0</v>
      </c>
      <c r="CW1776" s="166">
        <v>0</v>
      </c>
      <c r="CX1776" s="166">
        <v>0</v>
      </c>
      <c r="CY1776" s="166">
        <v>0</v>
      </c>
      <c r="CZ1776" s="166">
        <v>0</v>
      </c>
    </row>
    <row r="1777" spans="1:104" x14ac:dyDescent="0.2">
      <c r="A1777" s="170" t="s">
        <v>186</v>
      </c>
      <c r="B1777" s="166">
        <v>173438408.90705901</v>
      </c>
      <c r="C1777" s="166">
        <v>173438408.90705901</v>
      </c>
      <c r="D1777" s="166">
        <v>0</v>
      </c>
      <c r="E1777" s="166">
        <v>0</v>
      </c>
      <c r="F1777" s="166">
        <v>0</v>
      </c>
      <c r="G1777" s="166">
        <v>0</v>
      </c>
      <c r="H1777" s="166">
        <v>0</v>
      </c>
      <c r="I1777" s="166">
        <v>0</v>
      </c>
      <c r="J1777" s="166">
        <v>0</v>
      </c>
      <c r="K1777" s="166">
        <v>0</v>
      </c>
      <c r="L1777" s="166">
        <v>0</v>
      </c>
      <c r="M1777" s="166">
        <v>0</v>
      </c>
      <c r="N1777" s="166">
        <v>0</v>
      </c>
      <c r="O1777" s="166">
        <v>0</v>
      </c>
      <c r="P1777" s="166">
        <v>0</v>
      </c>
      <c r="Q1777" s="166">
        <v>0</v>
      </c>
      <c r="R1777" s="166">
        <v>0</v>
      </c>
      <c r="S1777" s="166">
        <v>0</v>
      </c>
      <c r="T1777" s="166">
        <v>0</v>
      </c>
      <c r="U1777" s="166">
        <v>0</v>
      </c>
      <c r="V1777" s="166">
        <v>0</v>
      </c>
      <c r="W1777" s="166">
        <v>0</v>
      </c>
      <c r="X1777" s="166">
        <v>0</v>
      </c>
      <c r="Y1777" s="166">
        <v>0</v>
      </c>
      <c r="Z1777" s="166">
        <v>0</v>
      </c>
      <c r="AA1777" s="166">
        <v>0</v>
      </c>
      <c r="AB1777" s="166">
        <v>0</v>
      </c>
      <c r="AC1777" s="166">
        <v>0</v>
      </c>
      <c r="AD1777" s="166">
        <v>0</v>
      </c>
      <c r="AE1777" s="166">
        <v>0</v>
      </c>
      <c r="AF1777" s="166">
        <v>0</v>
      </c>
      <c r="AG1777" s="166">
        <v>0</v>
      </c>
      <c r="AH1777" s="166">
        <v>0</v>
      </c>
      <c r="AI1777" s="166">
        <v>0</v>
      </c>
      <c r="AJ1777" s="166">
        <v>0</v>
      </c>
      <c r="AK1777" s="166">
        <v>0</v>
      </c>
      <c r="AL1777" s="166">
        <v>0</v>
      </c>
      <c r="AM1777" s="166">
        <v>0</v>
      </c>
      <c r="AN1777" s="166">
        <v>0</v>
      </c>
      <c r="AO1777" s="166">
        <v>0</v>
      </c>
      <c r="AP1777" s="166">
        <v>0</v>
      </c>
      <c r="AQ1777" s="166">
        <v>0</v>
      </c>
      <c r="AR1777" s="166">
        <v>0</v>
      </c>
      <c r="AS1777" s="166">
        <v>0</v>
      </c>
      <c r="AT1777" s="166">
        <v>0</v>
      </c>
      <c r="AU1777" s="166">
        <v>0</v>
      </c>
      <c r="AV1777" s="166">
        <v>0</v>
      </c>
      <c r="AW1777" s="166">
        <v>0</v>
      </c>
      <c r="AX1777" s="166">
        <v>0</v>
      </c>
      <c r="AY1777" s="166">
        <v>0</v>
      </c>
      <c r="AZ1777" s="166">
        <v>0</v>
      </c>
      <c r="BA1777" s="166">
        <v>0</v>
      </c>
      <c r="BB1777" s="166">
        <v>0</v>
      </c>
      <c r="BC1777" s="166">
        <v>0</v>
      </c>
      <c r="BD1777" s="166">
        <v>0</v>
      </c>
      <c r="BE1777" s="166">
        <v>0</v>
      </c>
      <c r="BF1777" s="166">
        <v>0</v>
      </c>
      <c r="BG1777" s="166">
        <v>0</v>
      </c>
      <c r="BH1777" s="166">
        <v>0</v>
      </c>
      <c r="BI1777" s="166">
        <v>0</v>
      </c>
      <c r="BJ1777" s="166">
        <v>0</v>
      </c>
      <c r="BK1777" s="166">
        <v>0</v>
      </c>
      <c r="BL1777" s="166">
        <v>0</v>
      </c>
      <c r="BM1777" s="166">
        <v>0</v>
      </c>
      <c r="BN1777" s="166">
        <v>0</v>
      </c>
      <c r="BO1777" s="166">
        <v>0</v>
      </c>
      <c r="BP1777" s="166">
        <v>0</v>
      </c>
      <c r="BQ1777" s="166">
        <v>0</v>
      </c>
      <c r="BR1777" s="166">
        <v>173438408.90705901</v>
      </c>
      <c r="BS1777" s="166">
        <v>173438408.90705901</v>
      </c>
      <c r="BT1777" s="168">
        <v>0</v>
      </c>
      <c r="BU1777" s="166">
        <v>12317022.0066696</v>
      </c>
      <c r="BV1777" s="166">
        <v>172477290.49829301</v>
      </c>
      <c r="BW1777" s="166">
        <v>0</v>
      </c>
      <c r="BX1777" s="166">
        <v>0</v>
      </c>
      <c r="BY1777" s="166">
        <v>0</v>
      </c>
      <c r="BZ1777" s="166">
        <v>0</v>
      </c>
      <c r="CA1777" s="166">
        <v>0</v>
      </c>
      <c r="CB1777" s="166">
        <v>0</v>
      </c>
      <c r="CC1777" s="166">
        <v>0</v>
      </c>
      <c r="CD1777" s="166">
        <v>0</v>
      </c>
      <c r="CE1777" s="166">
        <v>0</v>
      </c>
      <c r="CF1777" s="166">
        <v>0</v>
      </c>
      <c r="CG1777" s="166">
        <v>0</v>
      </c>
      <c r="CH1777" s="166">
        <v>0</v>
      </c>
      <c r="CI1777" s="166">
        <v>0</v>
      </c>
      <c r="CJ1777" s="166">
        <v>0</v>
      </c>
      <c r="CK1777" s="166">
        <v>0</v>
      </c>
      <c r="CL1777" s="166">
        <v>0</v>
      </c>
      <c r="CM1777" s="166">
        <v>0</v>
      </c>
      <c r="CN1777" s="166">
        <v>0</v>
      </c>
      <c r="CO1777" s="166">
        <v>0</v>
      </c>
      <c r="CP1777" s="166">
        <v>0</v>
      </c>
      <c r="CQ1777" s="166">
        <v>0</v>
      </c>
      <c r="CR1777" s="166">
        <v>0</v>
      </c>
      <c r="CS1777" s="166">
        <v>0</v>
      </c>
      <c r="CT1777" s="166">
        <v>0</v>
      </c>
      <c r="CU1777" s="166">
        <v>0</v>
      </c>
      <c r="CV1777" s="166">
        <v>0</v>
      </c>
      <c r="CW1777" s="166">
        <v>0</v>
      </c>
      <c r="CX1777" s="166">
        <v>0</v>
      </c>
      <c r="CY1777" s="166">
        <v>172477290.49829301</v>
      </c>
      <c r="CZ1777" s="166">
        <v>172477290.49829301</v>
      </c>
    </row>
    <row r="1778" spans="1:104" x14ac:dyDescent="0.2">
      <c r="A1778" s="167" t="s">
        <v>187</v>
      </c>
    </row>
    <row r="1779" spans="1:104" ht="10.8" thickBot="1" x14ac:dyDescent="0.25">
      <c r="A1779" s="169" t="s">
        <v>188</v>
      </c>
    </row>
    <row r="1780" spans="1:104" x14ac:dyDescent="0.2">
      <c r="A1780" s="170" t="s">
        <v>189</v>
      </c>
      <c r="B1780" s="166">
        <v>0</v>
      </c>
      <c r="C1780" s="166">
        <v>0</v>
      </c>
      <c r="D1780" s="166">
        <v>0</v>
      </c>
      <c r="E1780" s="166">
        <v>0</v>
      </c>
      <c r="F1780" s="166">
        <v>0</v>
      </c>
      <c r="G1780" s="166">
        <v>0</v>
      </c>
      <c r="H1780" s="166">
        <v>0</v>
      </c>
      <c r="I1780" s="166">
        <v>0</v>
      </c>
      <c r="J1780" s="166">
        <v>0</v>
      </c>
      <c r="K1780" s="166">
        <v>0</v>
      </c>
      <c r="L1780" s="166">
        <v>0</v>
      </c>
      <c r="M1780" s="166">
        <v>0</v>
      </c>
      <c r="N1780" s="166">
        <v>0</v>
      </c>
      <c r="O1780" s="166">
        <v>0</v>
      </c>
      <c r="P1780" s="166">
        <v>0</v>
      </c>
      <c r="Q1780" s="166">
        <v>0</v>
      </c>
      <c r="R1780" s="166">
        <v>0</v>
      </c>
      <c r="S1780" s="166">
        <v>0</v>
      </c>
      <c r="T1780" s="166">
        <v>0</v>
      </c>
      <c r="U1780" s="166">
        <v>0</v>
      </c>
      <c r="V1780" s="166">
        <v>0</v>
      </c>
      <c r="W1780" s="166">
        <v>0</v>
      </c>
      <c r="X1780" s="166">
        <v>0</v>
      </c>
      <c r="Y1780" s="166">
        <v>0</v>
      </c>
      <c r="Z1780" s="166">
        <v>0</v>
      </c>
      <c r="AA1780" s="166">
        <v>0</v>
      </c>
      <c r="AB1780" s="166">
        <v>0</v>
      </c>
      <c r="AC1780" s="166">
        <v>0</v>
      </c>
      <c r="AD1780" s="166">
        <v>0</v>
      </c>
      <c r="AE1780" s="166">
        <v>0</v>
      </c>
      <c r="AF1780" s="166">
        <v>0</v>
      </c>
      <c r="AG1780" s="166">
        <v>0</v>
      </c>
      <c r="AH1780" s="166">
        <v>0</v>
      </c>
      <c r="AI1780" s="166">
        <v>0</v>
      </c>
      <c r="AJ1780" s="166">
        <v>0</v>
      </c>
      <c r="AK1780" s="166">
        <v>0</v>
      </c>
      <c r="AL1780" s="166">
        <v>0</v>
      </c>
      <c r="AM1780" s="166">
        <v>0</v>
      </c>
      <c r="AN1780" s="166">
        <v>0</v>
      </c>
      <c r="AO1780" s="166">
        <v>0</v>
      </c>
      <c r="AP1780" s="166">
        <v>0</v>
      </c>
      <c r="AQ1780" s="166">
        <v>0</v>
      </c>
      <c r="AR1780" s="166">
        <v>0</v>
      </c>
      <c r="AS1780" s="166">
        <v>0</v>
      </c>
      <c r="AT1780" s="166">
        <v>0</v>
      </c>
      <c r="AU1780" s="166">
        <v>0</v>
      </c>
      <c r="AV1780" s="166">
        <v>0</v>
      </c>
      <c r="AW1780" s="166">
        <v>0</v>
      </c>
      <c r="AX1780" s="166">
        <v>0</v>
      </c>
      <c r="AY1780" s="166">
        <v>0</v>
      </c>
      <c r="AZ1780" s="166">
        <v>0</v>
      </c>
      <c r="BA1780" s="166">
        <v>0</v>
      </c>
      <c r="BB1780" s="166">
        <v>0</v>
      </c>
      <c r="BC1780" s="166">
        <v>0</v>
      </c>
      <c r="BD1780" s="166">
        <v>0</v>
      </c>
      <c r="BE1780" s="166">
        <v>0</v>
      </c>
      <c r="BF1780" s="166">
        <v>0</v>
      </c>
      <c r="BG1780" s="166">
        <v>0</v>
      </c>
      <c r="BH1780" s="166">
        <v>0</v>
      </c>
      <c r="BI1780" s="166">
        <v>0</v>
      </c>
      <c r="BJ1780" s="166">
        <v>0</v>
      </c>
      <c r="BK1780" s="166">
        <v>0</v>
      </c>
      <c r="BL1780" s="166">
        <v>0</v>
      </c>
      <c r="BM1780" s="166">
        <v>0</v>
      </c>
      <c r="BN1780" s="166">
        <v>0</v>
      </c>
      <c r="BO1780" s="166">
        <v>0</v>
      </c>
      <c r="BP1780" s="166">
        <v>0</v>
      </c>
      <c r="BQ1780" s="166">
        <v>0</v>
      </c>
      <c r="BR1780" s="166">
        <v>0</v>
      </c>
      <c r="BS1780" s="166">
        <v>0</v>
      </c>
      <c r="BT1780" s="168">
        <v>0</v>
      </c>
      <c r="BU1780" s="166">
        <v>0</v>
      </c>
      <c r="BV1780" s="166">
        <v>0</v>
      </c>
      <c r="BW1780" s="166">
        <v>0</v>
      </c>
      <c r="BX1780" s="166">
        <v>0</v>
      </c>
      <c r="BY1780" s="166">
        <v>0</v>
      </c>
      <c r="BZ1780" s="166">
        <v>0</v>
      </c>
      <c r="CA1780" s="166">
        <v>0</v>
      </c>
      <c r="CB1780" s="166">
        <v>0</v>
      </c>
      <c r="CC1780" s="166">
        <v>0</v>
      </c>
      <c r="CD1780" s="166">
        <v>0</v>
      </c>
      <c r="CE1780" s="166">
        <v>0</v>
      </c>
      <c r="CF1780" s="166">
        <v>0</v>
      </c>
      <c r="CG1780" s="166">
        <v>0</v>
      </c>
      <c r="CH1780" s="166">
        <v>0</v>
      </c>
      <c r="CI1780" s="166">
        <v>0</v>
      </c>
      <c r="CJ1780" s="166">
        <v>0</v>
      </c>
      <c r="CK1780" s="166">
        <v>0</v>
      </c>
      <c r="CL1780" s="166">
        <v>0</v>
      </c>
      <c r="CM1780" s="166">
        <v>0</v>
      </c>
      <c r="CN1780" s="166">
        <v>0</v>
      </c>
      <c r="CO1780" s="166">
        <v>0</v>
      </c>
      <c r="CP1780" s="166">
        <v>0</v>
      </c>
      <c r="CQ1780" s="166">
        <v>0</v>
      </c>
      <c r="CR1780" s="166">
        <v>0</v>
      </c>
      <c r="CS1780" s="166">
        <v>0</v>
      </c>
      <c r="CT1780" s="166">
        <v>0</v>
      </c>
      <c r="CU1780" s="166">
        <v>0</v>
      </c>
      <c r="CV1780" s="166">
        <v>0</v>
      </c>
      <c r="CW1780" s="166">
        <v>0</v>
      </c>
      <c r="CX1780" s="166">
        <v>0</v>
      </c>
      <c r="CY1780" s="166">
        <v>0</v>
      </c>
      <c r="CZ1780" s="166">
        <v>0</v>
      </c>
    </row>
    <row r="1781" spans="1:104" x14ac:dyDescent="0.2">
      <c r="A1781" s="167" t="s">
        <v>1065</v>
      </c>
      <c r="B1781" s="166">
        <v>0</v>
      </c>
      <c r="C1781" s="166">
        <v>0</v>
      </c>
      <c r="D1781" s="166">
        <v>0</v>
      </c>
      <c r="E1781" s="166">
        <v>0</v>
      </c>
      <c r="F1781" s="166">
        <v>0</v>
      </c>
      <c r="G1781" s="166">
        <v>0</v>
      </c>
      <c r="H1781" s="166">
        <v>0</v>
      </c>
      <c r="I1781" s="166">
        <v>0</v>
      </c>
      <c r="J1781" s="166">
        <v>0</v>
      </c>
      <c r="K1781" s="166">
        <v>0</v>
      </c>
      <c r="L1781" s="166">
        <v>0</v>
      </c>
      <c r="M1781" s="166">
        <v>0</v>
      </c>
      <c r="N1781" s="166">
        <v>0</v>
      </c>
      <c r="O1781" s="166">
        <v>0</v>
      </c>
      <c r="P1781" s="166">
        <v>0</v>
      </c>
      <c r="Q1781" s="166">
        <v>0</v>
      </c>
      <c r="R1781" s="166">
        <v>0</v>
      </c>
      <c r="S1781" s="166">
        <v>0</v>
      </c>
      <c r="T1781" s="166">
        <v>0</v>
      </c>
      <c r="U1781" s="166">
        <v>0</v>
      </c>
      <c r="V1781" s="166">
        <v>0</v>
      </c>
      <c r="W1781" s="166">
        <v>0</v>
      </c>
      <c r="X1781" s="166">
        <v>0</v>
      </c>
      <c r="Y1781" s="166">
        <v>0</v>
      </c>
      <c r="Z1781" s="166">
        <v>0</v>
      </c>
      <c r="AA1781" s="166">
        <v>0</v>
      </c>
      <c r="AB1781" s="166">
        <v>0</v>
      </c>
      <c r="AC1781" s="166">
        <v>0</v>
      </c>
      <c r="AD1781" s="166">
        <v>0</v>
      </c>
      <c r="AE1781" s="166">
        <v>0</v>
      </c>
      <c r="AF1781" s="166">
        <v>0</v>
      </c>
      <c r="AG1781" s="166">
        <v>0</v>
      </c>
      <c r="AH1781" s="166">
        <v>0</v>
      </c>
      <c r="AI1781" s="166">
        <v>0</v>
      </c>
      <c r="AJ1781" s="166">
        <v>0</v>
      </c>
      <c r="AK1781" s="166">
        <v>0</v>
      </c>
      <c r="AL1781" s="166">
        <v>0</v>
      </c>
      <c r="AM1781" s="166">
        <v>0</v>
      </c>
      <c r="AN1781" s="166">
        <v>0</v>
      </c>
      <c r="AO1781" s="166">
        <v>0</v>
      </c>
      <c r="AP1781" s="166">
        <v>0</v>
      </c>
      <c r="AQ1781" s="166">
        <v>0</v>
      </c>
      <c r="AR1781" s="166">
        <v>0</v>
      </c>
      <c r="AS1781" s="166">
        <v>0</v>
      </c>
      <c r="AT1781" s="166">
        <v>0</v>
      </c>
      <c r="AU1781" s="166">
        <v>0</v>
      </c>
      <c r="AV1781" s="166">
        <v>0</v>
      </c>
      <c r="AW1781" s="166">
        <v>0</v>
      </c>
      <c r="AX1781" s="166">
        <v>0</v>
      </c>
      <c r="AY1781" s="166">
        <v>0</v>
      </c>
      <c r="AZ1781" s="166">
        <v>0</v>
      </c>
      <c r="BA1781" s="166">
        <v>0</v>
      </c>
      <c r="BB1781" s="166">
        <v>0</v>
      </c>
      <c r="BC1781" s="166">
        <v>0</v>
      </c>
      <c r="BD1781" s="166">
        <v>0</v>
      </c>
      <c r="BE1781" s="166">
        <v>0</v>
      </c>
      <c r="BF1781" s="166">
        <v>0</v>
      </c>
      <c r="BG1781" s="166">
        <v>0</v>
      </c>
      <c r="BH1781" s="166">
        <v>0</v>
      </c>
      <c r="BI1781" s="166">
        <v>0</v>
      </c>
      <c r="BJ1781" s="166">
        <v>0</v>
      </c>
      <c r="BK1781" s="166">
        <v>0</v>
      </c>
      <c r="BL1781" s="166">
        <v>0</v>
      </c>
      <c r="BM1781" s="166">
        <v>0</v>
      </c>
      <c r="BN1781" s="166">
        <v>0</v>
      </c>
      <c r="BO1781" s="166">
        <v>0</v>
      </c>
      <c r="BP1781" s="166">
        <v>0</v>
      </c>
      <c r="BQ1781" s="166">
        <v>0</v>
      </c>
      <c r="BR1781" s="166">
        <v>0</v>
      </c>
      <c r="BS1781" s="166">
        <v>0</v>
      </c>
      <c r="BT1781" s="168">
        <v>0.999998123540776</v>
      </c>
      <c r="BU1781" s="166">
        <v>0</v>
      </c>
      <c r="BV1781" s="166">
        <v>0</v>
      </c>
      <c r="BW1781" s="166">
        <v>0</v>
      </c>
      <c r="BX1781" s="166">
        <v>0</v>
      </c>
      <c r="BY1781" s="166">
        <v>0</v>
      </c>
      <c r="BZ1781" s="166">
        <v>0</v>
      </c>
      <c r="CA1781" s="166">
        <v>0</v>
      </c>
      <c r="CB1781" s="166">
        <v>0</v>
      </c>
      <c r="CC1781" s="166">
        <v>0</v>
      </c>
      <c r="CD1781" s="166">
        <v>0</v>
      </c>
      <c r="CE1781" s="166">
        <v>0</v>
      </c>
      <c r="CF1781" s="166">
        <v>0</v>
      </c>
      <c r="CG1781" s="166">
        <v>0</v>
      </c>
      <c r="CH1781" s="166">
        <v>0</v>
      </c>
      <c r="CI1781" s="166">
        <v>0</v>
      </c>
      <c r="CJ1781" s="166">
        <v>0</v>
      </c>
      <c r="CK1781" s="166">
        <v>0</v>
      </c>
      <c r="CL1781" s="166">
        <v>0</v>
      </c>
      <c r="CM1781" s="166">
        <v>0</v>
      </c>
      <c r="CN1781" s="166">
        <v>0</v>
      </c>
      <c r="CO1781" s="166">
        <v>0</v>
      </c>
      <c r="CP1781" s="166">
        <v>0</v>
      </c>
      <c r="CQ1781" s="166">
        <v>0</v>
      </c>
      <c r="CR1781" s="166">
        <v>0</v>
      </c>
      <c r="CS1781" s="166">
        <v>0</v>
      </c>
      <c r="CT1781" s="166">
        <v>0</v>
      </c>
      <c r="CU1781" s="166">
        <v>0</v>
      </c>
      <c r="CV1781" s="166">
        <v>0</v>
      </c>
      <c r="CW1781" s="166">
        <v>0</v>
      </c>
      <c r="CX1781" s="166">
        <v>0</v>
      </c>
      <c r="CY1781" s="166">
        <v>0</v>
      </c>
      <c r="CZ1781" s="166">
        <v>0</v>
      </c>
    </row>
    <row r="1782" spans="1:104" x14ac:dyDescent="0.2">
      <c r="A1782" s="167" t="s">
        <v>1066</v>
      </c>
      <c r="B1782" s="166">
        <v>0</v>
      </c>
      <c r="C1782" s="166">
        <v>0</v>
      </c>
      <c r="D1782" s="166">
        <v>0</v>
      </c>
      <c r="E1782" s="166">
        <v>0</v>
      </c>
      <c r="F1782" s="166">
        <v>0</v>
      </c>
      <c r="G1782" s="166">
        <v>0</v>
      </c>
      <c r="H1782" s="166">
        <v>0</v>
      </c>
      <c r="I1782" s="166">
        <v>0</v>
      </c>
      <c r="J1782" s="166">
        <v>0</v>
      </c>
      <c r="K1782" s="166">
        <v>0</v>
      </c>
      <c r="L1782" s="166">
        <v>0</v>
      </c>
      <c r="M1782" s="166">
        <v>0</v>
      </c>
      <c r="N1782" s="166">
        <v>0</v>
      </c>
      <c r="O1782" s="166">
        <v>0</v>
      </c>
      <c r="P1782" s="166">
        <v>0</v>
      </c>
      <c r="Q1782" s="166">
        <v>0</v>
      </c>
      <c r="R1782" s="166">
        <v>0</v>
      </c>
      <c r="S1782" s="166">
        <v>0</v>
      </c>
      <c r="T1782" s="166">
        <v>0</v>
      </c>
      <c r="U1782" s="166">
        <v>0</v>
      </c>
      <c r="V1782" s="166">
        <v>0</v>
      </c>
      <c r="W1782" s="166">
        <v>0</v>
      </c>
      <c r="X1782" s="166">
        <v>0</v>
      </c>
      <c r="Y1782" s="166">
        <v>0</v>
      </c>
      <c r="Z1782" s="166">
        <v>0</v>
      </c>
      <c r="AA1782" s="166">
        <v>0</v>
      </c>
      <c r="AB1782" s="166">
        <v>0</v>
      </c>
      <c r="AC1782" s="166">
        <v>0</v>
      </c>
      <c r="AD1782" s="166">
        <v>0</v>
      </c>
      <c r="AE1782" s="166">
        <v>0</v>
      </c>
      <c r="AF1782" s="166">
        <v>0</v>
      </c>
      <c r="AG1782" s="166">
        <v>0</v>
      </c>
      <c r="AH1782" s="166">
        <v>0</v>
      </c>
      <c r="AI1782" s="166">
        <v>0</v>
      </c>
      <c r="AJ1782" s="166">
        <v>0</v>
      </c>
      <c r="AK1782" s="166">
        <v>0</v>
      </c>
      <c r="AL1782" s="166">
        <v>0</v>
      </c>
      <c r="AM1782" s="166">
        <v>0</v>
      </c>
      <c r="AN1782" s="166">
        <v>0</v>
      </c>
      <c r="AO1782" s="166">
        <v>0</v>
      </c>
      <c r="AP1782" s="166">
        <v>0</v>
      </c>
      <c r="AQ1782" s="166">
        <v>0</v>
      </c>
      <c r="AR1782" s="166">
        <v>0</v>
      </c>
      <c r="AS1782" s="166">
        <v>0</v>
      </c>
      <c r="AT1782" s="166">
        <v>0</v>
      </c>
      <c r="AU1782" s="166">
        <v>0</v>
      </c>
      <c r="AV1782" s="166">
        <v>0</v>
      </c>
      <c r="AW1782" s="166">
        <v>0</v>
      </c>
      <c r="AX1782" s="166">
        <v>0</v>
      </c>
      <c r="AY1782" s="166">
        <v>0</v>
      </c>
      <c r="AZ1782" s="166">
        <v>0</v>
      </c>
      <c r="BA1782" s="166">
        <v>0</v>
      </c>
      <c r="BB1782" s="166">
        <v>0</v>
      </c>
      <c r="BC1782" s="166">
        <v>0</v>
      </c>
      <c r="BD1782" s="166">
        <v>0</v>
      </c>
      <c r="BE1782" s="166">
        <v>0</v>
      </c>
      <c r="BF1782" s="166">
        <v>0</v>
      </c>
      <c r="BG1782" s="166">
        <v>0</v>
      </c>
      <c r="BH1782" s="166">
        <v>0</v>
      </c>
      <c r="BI1782" s="166">
        <v>0</v>
      </c>
      <c r="BJ1782" s="166">
        <v>0</v>
      </c>
      <c r="BK1782" s="166">
        <v>0</v>
      </c>
      <c r="BL1782" s="166">
        <v>0</v>
      </c>
      <c r="BM1782" s="166">
        <v>0</v>
      </c>
      <c r="BN1782" s="166">
        <v>0</v>
      </c>
      <c r="BO1782" s="166">
        <v>0</v>
      </c>
      <c r="BP1782" s="166">
        <v>0</v>
      </c>
      <c r="BQ1782" s="166">
        <v>0</v>
      </c>
      <c r="BR1782" s="166">
        <v>0</v>
      </c>
      <c r="BS1782" s="166">
        <v>0</v>
      </c>
      <c r="BT1782" s="168">
        <v>0.95155251400307195</v>
      </c>
      <c r="BU1782" s="166">
        <v>0</v>
      </c>
      <c r="BV1782" s="166">
        <v>0</v>
      </c>
      <c r="BW1782" s="166">
        <v>0</v>
      </c>
      <c r="BX1782" s="166">
        <v>0</v>
      </c>
      <c r="BY1782" s="166">
        <v>0</v>
      </c>
      <c r="BZ1782" s="166">
        <v>0</v>
      </c>
      <c r="CA1782" s="166">
        <v>0</v>
      </c>
      <c r="CB1782" s="166">
        <v>0</v>
      </c>
      <c r="CC1782" s="166">
        <v>0</v>
      </c>
      <c r="CD1782" s="166">
        <v>0</v>
      </c>
      <c r="CE1782" s="166">
        <v>0</v>
      </c>
      <c r="CF1782" s="166">
        <v>0</v>
      </c>
      <c r="CG1782" s="166">
        <v>0</v>
      </c>
      <c r="CH1782" s="166">
        <v>0</v>
      </c>
      <c r="CI1782" s="166">
        <v>0</v>
      </c>
      <c r="CJ1782" s="166">
        <v>0</v>
      </c>
      <c r="CK1782" s="166">
        <v>0</v>
      </c>
      <c r="CL1782" s="166">
        <v>0</v>
      </c>
      <c r="CM1782" s="166">
        <v>0</v>
      </c>
      <c r="CN1782" s="166">
        <v>0</v>
      </c>
      <c r="CO1782" s="166">
        <v>0</v>
      </c>
      <c r="CP1782" s="166">
        <v>0</v>
      </c>
      <c r="CQ1782" s="166">
        <v>0</v>
      </c>
      <c r="CR1782" s="166">
        <v>0</v>
      </c>
      <c r="CS1782" s="166">
        <v>0</v>
      </c>
      <c r="CT1782" s="166">
        <v>0</v>
      </c>
      <c r="CU1782" s="166">
        <v>0</v>
      </c>
      <c r="CV1782" s="166">
        <v>0</v>
      </c>
      <c r="CW1782" s="166">
        <v>0</v>
      </c>
      <c r="CX1782" s="166">
        <v>0</v>
      </c>
      <c r="CY1782" s="166">
        <v>0</v>
      </c>
      <c r="CZ1782" s="166">
        <v>0</v>
      </c>
    </row>
    <row r="1783" spans="1:104" x14ac:dyDescent="0.2">
      <c r="A1783" s="167" t="s">
        <v>1067</v>
      </c>
      <c r="B1783" s="166">
        <v>0</v>
      </c>
      <c r="C1783" s="166">
        <v>0</v>
      </c>
      <c r="D1783" s="166">
        <v>0</v>
      </c>
      <c r="E1783" s="166">
        <v>0</v>
      </c>
      <c r="F1783" s="166">
        <v>0</v>
      </c>
      <c r="G1783" s="166">
        <v>0</v>
      </c>
      <c r="H1783" s="166">
        <v>0</v>
      </c>
      <c r="I1783" s="166">
        <v>0</v>
      </c>
      <c r="J1783" s="166">
        <v>0</v>
      </c>
      <c r="K1783" s="166">
        <v>0</v>
      </c>
      <c r="L1783" s="166">
        <v>0</v>
      </c>
      <c r="M1783" s="166">
        <v>0</v>
      </c>
      <c r="N1783" s="166">
        <v>0</v>
      </c>
      <c r="O1783" s="166">
        <v>0</v>
      </c>
      <c r="P1783" s="166">
        <v>0</v>
      </c>
      <c r="Q1783" s="166">
        <v>0</v>
      </c>
      <c r="R1783" s="166">
        <v>0</v>
      </c>
      <c r="S1783" s="166">
        <v>0</v>
      </c>
      <c r="T1783" s="166">
        <v>0</v>
      </c>
      <c r="U1783" s="166">
        <v>0</v>
      </c>
      <c r="V1783" s="166">
        <v>0</v>
      </c>
      <c r="W1783" s="166">
        <v>0</v>
      </c>
      <c r="X1783" s="166">
        <v>0</v>
      </c>
      <c r="Y1783" s="166">
        <v>0</v>
      </c>
      <c r="Z1783" s="166">
        <v>0</v>
      </c>
      <c r="AA1783" s="166">
        <v>0</v>
      </c>
      <c r="AB1783" s="166">
        <v>0</v>
      </c>
      <c r="AC1783" s="166">
        <v>0</v>
      </c>
      <c r="AD1783" s="166">
        <v>0</v>
      </c>
      <c r="AE1783" s="166">
        <v>0</v>
      </c>
      <c r="AF1783" s="166">
        <v>0</v>
      </c>
      <c r="AG1783" s="166">
        <v>0</v>
      </c>
      <c r="AH1783" s="166">
        <v>0</v>
      </c>
      <c r="AI1783" s="166">
        <v>0</v>
      </c>
      <c r="AJ1783" s="166">
        <v>0</v>
      </c>
      <c r="AK1783" s="166">
        <v>0</v>
      </c>
      <c r="AL1783" s="166">
        <v>0</v>
      </c>
      <c r="AM1783" s="166">
        <v>0</v>
      </c>
      <c r="AN1783" s="166">
        <v>0</v>
      </c>
      <c r="AO1783" s="166">
        <v>0</v>
      </c>
      <c r="AP1783" s="166">
        <v>0</v>
      </c>
      <c r="AQ1783" s="166">
        <v>0</v>
      </c>
      <c r="AR1783" s="166">
        <v>0</v>
      </c>
      <c r="AS1783" s="166">
        <v>0</v>
      </c>
      <c r="AT1783" s="166">
        <v>0</v>
      </c>
      <c r="AU1783" s="166">
        <v>0</v>
      </c>
      <c r="AV1783" s="166">
        <v>0</v>
      </c>
      <c r="AW1783" s="166">
        <v>0</v>
      </c>
      <c r="AX1783" s="166">
        <v>0</v>
      </c>
      <c r="AY1783" s="166">
        <v>0</v>
      </c>
      <c r="AZ1783" s="166">
        <v>0</v>
      </c>
      <c r="BA1783" s="166">
        <v>0</v>
      </c>
      <c r="BB1783" s="166">
        <v>0</v>
      </c>
      <c r="BC1783" s="166">
        <v>0</v>
      </c>
      <c r="BD1783" s="166">
        <v>0</v>
      </c>
      <c r="BE1783" s="166">
        <v>0</v>
      </c>
      <c r="BF1783" s="166">
        <v>0</v>
      </c>
      <c r="BG1783" s="166">
        <v>0</v>
      </c>
      <c r="BH1783" s="166">
        <v>0</v>
      </c>
      <c r="BI1783" s="166">
        <v>0</v>
      </c>
      <c r="BJ1783" s="166">
        <v>0</v>
      </c>
      <c r="BK1783" s="166">
        <v>0</v>
      </c>
      <c r="BL1783" s="166">
        <v>0</v>
      </c>
      <c r="BM1783" s="166">
        <v>0</v>
      </c>
      <c r="BN1783" s="166">
        <v>0</v>
      </c>
      <c r="BO1783" s="166">
        <v>0</v>
      </c>
      <c r="BP1783" s="166">
        <v>0</v>
      </c>
      <c r="BQ1783" s="166">
        <v>0</v>
      </c>
      <c r="BR1783" s="166">
        <v>0</v>
      </c>
      <c r="BS1783" s="166">
        <v>0</v>
      </c>
      <c r="BT1783" s="168">
        <v>0.97647221562039299</v>
      </c>
      <c r="BU1783" s="166">
        <v>0</v>
      </c>
      <c r="BV1783" s="166">
        <v>0</v>
      </c>
      <c r="BW1783" s="166">
        <v>0</v>
      </c>
      <c r="BX1783" s="166">
        <v>0</v>
      </c>
      <c r="BY1783" s="166">
        <v>0</v>
      </c>
      <c r="BZ1783" s="166">
        <v>0</v>
      </c>
      <c r="CA1783" s="166">
        <v>0</v>
      </c>
      <c r="CB1783" s="166">
        <v>0</v>
      </c>
      <c r="CC1783" s="166">
        <v>0</v>
      </c>
      <c r="CD1783" s="166">
        <v>0</v>
      </c>
      <c r="CE1783" s="166">
        <v>0</v>
      </c>
      <c r="CF1783" s="166">
        <v>0</v>
      </c>
      <c r="CG1783" s="166">
        <v>0</v>
      </c>
      <c r="CH1783" s="166">
        <v>0</v>
      </c>
      <c r="CI1783" s="166">
        <v>0</v>
      </c>
      <c r="CJ1783" s="166">
        <v>0</v>
      </c>
      <c r="CK1783" s="166">
        <v>0</v>
      </c>
      <c r="CL1783" s="166">
        <v>0</v>
      </c>
      <c r="CM1783" s="166">
        <v>0</v>
      </c>
      <c r="CN1783" s="166">
        <v>0</v>
      </c>
      <c r="CO1783" s="166">
        <v>0</v>
      </c>
      <c r="CP1783" s="166">
        <v>0</v>
      </c>
      <c r="CQ1783" s="166">
        <v>0</v>
      </c>
      <c r="CR1783" s="166">
        <v>0</v>
      </c>
      <c r="CS1783" s="166">
        <v>0</v>
      </c>
      <c r="CT1783" s="166">
        <v>0</v>
      </c>
      <c r="CU1783" s="166">
        <v>0</v>
      </c>
      <c r="CV1783" s="166">
        <v>0</v>
      </c>
      <c r="CW1783" s="166">
        <v>0</v>
      </c>
      <c r="CX1783" s="166">
        <v>0</v>
      </c>
      <c r="CY1783" s="166">
        <v>0</v>
      </c>
      <c r="CZ1783" s="166">
        <v>0</v>
      </c>
    </row>
    <row r="1784" spans="1:104" x14ac:dyDescent="0.2">
      <c r="A1784" s="167" t="s">
        <v>193</v>
      </c>
      <c r="B1784" s="166">
        <v>0</v>
      </c>
      <c r="C1784" s="166">
        <v>0</v>
      </c>
      <c r="D1784" s="166">
        <v>0</v>
      </c>
      <c r="E1784" s="166">
        <v>0</v>
      </c>
      <c r="F1784" s="166">
        <v>0</v>
      </c>
      <c r="G1784" s="166">
        <v>0</v>
      </c>
      <c r="H1784" s="166">
        <v>0</v>
      </c>
      <c r="I1784" s="166">
        <v>0</v>
      </c>
      <c r="J1784" s="166">
        <v>0</v>
      </c>
      <c r="K1784" s="166">
        <v>0</v>
      </c>
      <c r="L1784" s="166">
        <v>0</v>
      </c>
      <c r="M1784" s="166">
        <v>0</v>
      </c>
      <c r="N1784" s="166">
        <v>0</v>
      </c>
      <c r="O1784" s="166">
        <v>0</v>
      </c>
      <c r="P1784" s="166">
        <v>0</v>
      </c>
      <c r="Q1784" s="166">
        <v>0</v>
      </c>
      <c r="R1784" s="166">
        <v>0</v>
      </c>
      <c r="S1784" s="166">
        <v>0</v>
      </c>
      <c r="T1784" s="166">
        <v>0</v>
      </c>
      <c r="U1784" s="166">
        <v>0</v>
      </c>
      <c r="V1784" s="166">
        <v>0</v>
      </c>
      <c r="W1784" s="166">
        <v>0</v>
      </c>
      <c r="X1784" s="166">
        <v>0</v>
      </c>
      <c r="Y1784" s="166">
        <v>0</v>
      </c>
      <c r="Z1784" s="166">
        <v>0</v>
      </c>
      <c r="AA1784" s="166">
        <v>0</v>
      </c>
      <c r="AB1784" s="166">
        <v>0</v>
      </c>
      <c r="AC1784" s="166">
        <v>0</v>
      </c>
      <c r="AD1784" s="166">
        <v>0</v>
      </c>
      <c r="AE1784" s="166">
        <v>0</v>
      </c>
      <c r="AF1784" s="166">
        <v>0</v>
      </c>
      <c r="AG1784" s="166">
        <v>0</v>
      </c>
      <c r="AH1784" s="166">
        <v>0</v>
      </c>
      <c r="AI1784" s="166">
        <v>0</v>
      </c>
      <c r="AJ1784" s="166">
        <v>0</v>
      </c>
      <c r="AK1784" s="166">
        <v>0</v>
      </c>
      <c r="AL1784" s="166">
        <v>0</v>
      </c>
      <c r="AM1784" s="166">
        <v>0</v>
      </c>
      <c r="AN1784" s="166">
        <v>0</v>
      </c>
      <c r="AO1784" s="166">
        <v>0</v>
      </c>
      <c r="AP1784" s="166">
        <v>0</v>
      </c>
      <c r="AQ1784" s="166">
        <v>0</v>
      </c>
      <c r="AR1784" s="166">
        <v>0</v>
      </c>
      <c r="AS1784" s="166">
        <v>0</v>
      </c>
      <c r="AT1784" s="166">
        <v>0</v>
      </c>
      <c r="AU1784" s="166">
        <v>0</v>
      </c>
      <c r="AV1784" s="166">
        <v>0</v>
      </c>
      <c r="AW1784" s="166">
        <v>0</v>
      </c>
      <c r="AX1784" s="166">
        <v>0</v>
      </c>
      <c r="AY1784" s="166">
        <v>0</v>
      </c>
      <c r="AZ1784" s="166">
        <v>0</v>
      </c>
      <c r="BA1784" s="166">
        <v>0</v>
      </c>
      <c r="BB1784" s="166">
        <v>0</v>
      </c>
      <c r="BC1784" s="166">
        <v>0</v>
      </c>
      <c r="BD1784" s="166">
        <v>0</v>
      </c>
      <c r="BE1784" s="166">
        <v>0</v>
      </c>
      <c r="BF1784" s="166">
        <v>0</v>
      </c>
      <c r="BG1784" s="166">
        <v>0</v>
      </c>
      <c r="BH1784" s="166">
        <v>0</v>
      </c>
      <c r="BI1784" s="166">
        <v>0</v>
      </c>
      <c r="BJ1784" s="166">
        <v>0</v>
      </c>
      <c r="BK1784" s="166">
        <v>0</v>
      </c>
      <c r="BL1784" s="166">
        <v>0</v>
      </c>
      <c r="BM1784" s="166">
        <v>0</v>
      </c>
      <c r="BN1784" s="166">
        <v>0</v>
      </c>
      <c r="BO1784" s="166">
        <v>0</v>
      </c>
      <c r="BP1784" s="166">
        <v>0</v>
      </c>
      <c r="BQ1784" s="166">
        <v>0</v>
      </c>
      <c r="BR1784" s="166">
        <v>0</v>
      </c>
      <c r="BS1784" s="166">
        <v>0</v>
      </c>
      <c r="BT1784" s="168">
        <v>0.999998123540776</v>
      </c>
      <c r="BU1784" s="166">
        <v>0</v>
      </c>
      <c r="BV1784" s="166">
        <v>0</v>
      </c>
      <c r="BW1784" s="166">
        <v>0</v>
      </c>
      <c r="BX1784" s="166">
        <v>0</v>
      </c>
      <c r="BY1784" s="166">
        <v>0</v>
      </c>
      <c r="BZ1784" s="166">
        <v>0</v>
      </c>
      <c r="CA1784" s="166">
        <v>0</v>
      </c>
      <c r="CB1784" s="166">
        <v>0</v>
      </c>
      <c r="CC1784" s="166">
        <v>0</v>
      </c>
      <c r="CD1784" s="166">
        <v>0</v>
      </c>
      <c r="CE1784" s="166">
        <v>0</v>
      </c>
      <c r="CF1784" s="166">
        <v>0</v>
      </c>
      <c r="CG1784" s="166">
        <v>0</v>
      </c>
      <c r="CH1784" s="166">
        <v>0</v>
      </c>
      <c r="CI1784" s="166">
        <v>0</v>
      </c>
      <c r="CJ1784" s="166">
        <v>0</v>
      </c>
      <c r="CK1784" s="166">
        <v>0</v>
      </c>
      <c r="CL1784" s="166">
        <v>0</v>
      </c>
      <c r="CM1784" s="166">
        <v>0</v>
      </c>
      <c r="CN1784" s="166">
        <v>0</v>
      </c>
      <c r="CO1784" s="166">
        <v>0</v>
      </c>
      <c r="CP1784" s="166">
        <v>0</v>
      </c>
      <c r="CQ1784" s="166">
        <v>0</v>
      </c>
      <c r="CR1784" s="166">
        <v>0</v>
      </c>
      <c r="CS1784" s="166">
        <v>0</v>
      </c>
      <c r="CT1784" s="166">
        <v>0</v>
      </c>
      <c r="CU1784" s="166">
        <v>0</v>
      </c>
      <c r="CV1784" s="166">
        <v>0</v>
      </c>
      <c r="CW1784" s="166">
        <v>0</v>
      </c>
      <c r="CX1784" s="166">
        <v>0</v>
      </c>
      <c r="CY1784" s="166">
        <v>0</v>
      </c>
      <c r="CZ1784" s="166">
        <v>0</v>
      </c>
    </row>
    <row r="1785" spans="1:104" x14ac:dyDescent="0.2">
      <c r="A1785" s="167" t="s">
        <v>194</v>
      </c>
      <c r="B1785" s="166">
        <v>0</v>
      </c>
      <c r="C1785" s="166">
        <v>0</v>
      </c>
      <c r="D1785" s="166">
        <v>0</v>
      </c>
      <c r="E1785" s="166">
        <v>0</v>
      </c>
      <c r="F1785" s="166">
        <v>0</v>
      </c>
      <c r="G1785" s="166">
        <v>0</v>
      </c>
      <c r="H1785" s="166">
        <v>0</v>
      </c>
      <c r="I1785" s="166">
        <v>0</v>
      </c>
      <c r="J1785" s="166">
        <v>0</v>
      </c>
      <c r="K1785" s="166">
        <v>0</v>
      </c>
      <c r="L1785" s="166">
        <v>0</v>
      </c>
      <c r="M1785" s="166">
        <v>0</v>
      </c>
      <c r="N1785" s="166">
        <v>0</v>
      </c>
      <c r="O1785" s="166">
        <v>0</v>
      </c>
      <c r="P1785" s="166">
        <v>0</v>
      </c>
      <c r="Q1785" s="166">
        <v>0</v>
      </c>
      <c r="R1785" s="166">
        <v>0</v>
      </c>
      <c r="S1785" s="166">
        <v>0</v>
      </c>
      <c r="T1785" s="166">
        <v>0</v>
      </c>
      <c r="U1785" s="166">
        <v>0</v>
      </c>
      <c r="V1785" s="166">
        <v>0</v>
      </c>
      <c r="W1785" s="166">
        <v>0</v>
      </c>
      <c r="X1785" s="166">
        <v>0</v>
      </c>
      <c r="Y1785" s="166">
        <v>0</v>
      </c>
      <c r="Z1785" s="166">
        <v>0</v>
      </c>
      <c r="AA1785" s="166">
        <v>0</v>
      </c>
      <c r="AB1785" s="166">
        <v>0</v>
      </c>
      <c r="AC1785" s="166">
        <v>0</v>
      </c>
      <c r="AD1785" s="166">
        <v>0</v>
      </c>
      <c r="AE1785" s="166">
        <v>0</v>
      </c>
      <c r="AF1785" s="166">
        <v>0</v>
      </c>
      <c r="AG1785" s="166">
        <v>0</v>
      </c>
      <c r="AH1785" s="166">
        <v>0</v>
      </c>
      <c r="AI1785" s="166">
        <v>0</v>
      </c>
      <c r="AJ1785" s="166">
        <v>0</v>
      </c>
      <c r="AK1785" s="166">
        <v>0</v>
      </c>
      <c r="AL1785" s="166">
        <v>0</v>
      </c>
      <c r="AM1785" s="166">
        <v>0</v>
      </c>
      <c r="AN1785" s="166">
        <v>0</v>
      </c>
      <c r="AO1785" s="166">
        <v>0</v>
      </c>
      <c r="AP1785" s="166">
        <v>0</v>
      </c>
      <c r="AQ1785" s="166">
        <v>0</v>
      </c>
      <c r="AR1785" s="166">
        <v>0</v>
      </c>
      <c r="AS1785" s="166">
        <v>0</v>
      </c>
      <c r="AT1785" s="166">
        <v>0</v>
      </c>
      <c r="AU1785" s="166">
        <v>0</v>
      </c>
      <c r="AV1785" s="166">
        <v>0</v>
      </c>
      <c r="AW1785" s="166">
        <v>0</v>
      </c>
      <c r="AX1785" s="166">
        <v>0</v>
      </c>
      <c r="AY1785" s="166">
        <v>0</v>
      </c>
      <c r="AZ1785" s="166">
        <v>0</v>
      </c>
      <c r="BA1785" s="166">
        <v>0</v>
      </c>
      <c r="BB1785" s="166">
        <v>0</v>
      </c>
      <c r="BC1785" s="166">
        <v>0</v>
      </c>
      <c r="BD1785" s="166">
        <v>0</v>
      </c>
      <c r="BE1785" s="166">
        <v>0</v>
      </c>
      <c r="BF1785" s="166">
        <v>0</v>
      </c>
      <c r="BG1785" s="166">
        <v>0</v>
      </c>
      <c r="BH1785" s="166">
        <v>0</v>
      </c>
      <c r="BI1785" s="166">
        <v>0</v>
      </c>
      <c r="BJ1785" s="166">
        <v>0</v>
      </c>
      <c r="BK1785" s="166">
        <v>0</v>
      </c>
      <c r="BL1785" s="166">
        <v>0</v>
      </c>
      <c r="BM1785" s="166">
        <v>0</v>
      </c>
      <c r="BN1785" s="166">
        <v>0</v>
      </c>
      <c r="BO1785" s="166">
        <v>0</v>
      </c>
      <c r="BP1785" s="166">
        <v>0</v>
      </c>
      <c r="BQ1785" s="166">
        <v>0</v>
      </c>
      <c r="BR1785" s="166">
        <v>0</v>
      </c>
      <c r="BS1785" s="166">
        <v>0</v>
      </c>
      <c r="BT1785" s="166">
        <v>1000</v>
      </c>
      <c r="BU1785" s="166">
        <v>0</v>
      </c>
      <c r="BV1785" s="166">
        <v>0</v>
      </c>
      <c r="BW1785" s="166">
        <v>0</v>
      </c>
      <c r="BX1785" s="166">
        <v>0</v>
      </c>
      <c r="BY1785" s="166">
        <v>0</v>
      </c>
      <c r="BZ1785" s="166">
        <v>0</v>
      </c>
      <c r="CA1785" s="166">
        <v>0</v>
      </c>
      <c r="CB1785" s="166">
        <v>0</v>
      </c>
      <c r="CC1785" s="166">
        <v>0</v>
      </c>
      <c r="CD1785" s="166">
        <v>0</v>
      </c>
      <c r="CE1785" s="166">
        <v>0</v>
      </c>
      <c r="CF1785" s="166">
        <v>0</v>
      </c>
      <c r="CG1785" s="166">
        <v>0</v>
      </c>
      <c r="CH1785" s="166">
        <v>0</v>
      </c>
      <c r="CI1785" s="166">
        <v>0</v>
      </c>
      <c r="CJ1785" s="166">
        <v>0</v>
      </c>
      <c r="CK1785" s="166">
        <v>0</v>
      </c>
      <c r="CL1785" s="166">
        <v>0</v>
      </c>
      <c r="CM1785" s="166">
        <v>0</v>
      </c>
      <c r="CN1785" s="166">
        <v>0</v>
      </c>
      <c r="CO1785" s="166">
        <v>0</v>
      </c>
      <c r="CP1785" s="166">
        <v>0</v>
      </c>
      <c r="CQ1785" s="166">
        <v>0</v>
      </c>
      <c r="CR1785" s="166">
        <v>0</v>
      </c>
      <c r="CS1785" s="166">
        <v>0</v>
      </c>
      <c r="CT1785" s="166">
        <v>0</v>
      </c>
      <c r="CU1785" s="166">
        <v>0</v>
      </c>
      <c r="CV1785" s="166">
        <v>0</v>
      </c>
      <c r="CW1785" s="166">
        <v>0</v>
      </c>
      <c r="CX1785" s="166">
        <v>0</v>
      </c>
      <c r="CY1785" s="166">
        <v>0</v>
      </c>
      <c r="CZ1785" s="166">
        <v>0</v>
      </c>
    </row>
    <row r="1786" spans="1:104" x14ac:dyDescent="0.2">
      <c r="A1786" s="167" t="s">
        <v>1068</v>
      </c>
      <c r="B1786" s="166">
        <v>0</v>
      </c>
      <c r="C1786" s="166">
        <v>0</v>
      </c>
      <c r="D1786" s="166">
        <v>0</v>
      </c>
      <c r="E1786" s="166">
        <v>0</v>
      </c>
      <c r="F1786" s="166">
        <v>0</v>
      </c>
      <c r="G1786" s="166">
        <v>0</v>
      </c>
      <c r="H1786" s="166">
        <v>0</v>
      </c>
      <c r="I1786" s="166">
        <v>0</v>
      </c>
      <c r="J1786" s="166">
        <v>0</v>
      </c>
      <c r="K1786" s="166">
        <v>0</v>
      </c>
      <c r="L1786" s="166">
        <v>0</v>
      </c>
      <c r="M1786" s="166">
        <v>0</v>
      </c>
      <c r="N1786" s="166">
        <v>0</v>
      </c>
      <c r="O1786" s="166">
        <v>0</v>
      </c>
      <c r="P1786" s="166">
        <v>0</v>
      </c>
      <c r="Q1786" s="166">
        <v>0</v>
      </c>
      <c r="R1786" s="166">
        <v>0</v>
      </c>
      <c r="S1786" s="166">
        <v>0</v>
      </c>
      <c r="T1786" s="166">
        <v>0</v>
      </c>
      <c r="U1786" s="166">
        <v>0</v>
      </c>
      <c r="V1786" s="166">
        <v>0</v>
      </c>
      <c r="W1786" s="166">
        <v>0</v>
      </c>
      <c r="X1786" s="166">
        <v>0</v>
      </c>
      <c r="Y1786" s="166">
        <v>0</v>
      </c>
      <c r="Z1786" s="166">
        <v>0</v>
      </c>
      <c r="AA1786" s="166">
        <v>0</v>
      </c>
      <c r="AB1786" s="166">
        <v>0</v>
      </c>
      <c r="AC1786" s="166">
        <v>0</v>
      </c>
      <c r="AD1786" s="166">
        <v>0</v>
      </c>
      <c r="AE1786" s="166">
        <v>0</v>
      </c>
      <c r="AF1786" s="166">
        <v>0</v>
      </c>
      <c r="AG1786" s="166">
        <v>0</v>
      </c>
      <c r="AH1786" s="166">
        <v>0</v>
      </c>
      <c r="AI1786" s="166">
        <v>0</v>
      </c>
      <c r="AJ1786" s="166">
        <v>0</v>
      </c>
      <c r="AK1786" s="166">
        <v>0</v>
      </c>
      <c r="AL1786" s="166">
        <v>0</v>
      </c>
      <c r="AM1786" s="166">
        <v>0</v>
      </c>
      <c r="AN1786" s="166">
        <v>0</v>
      </c>
      <c r="AO1786" s="166">
        <v>0</v>
      </c>
      <c r="AP1786" s="166">
        <v>0</v>
      </c>
      <c r="AQ1786" s="166">
        <v>0</v>
      </c>
      <c r="AR1786" s="166">
        <v>0</v>
      </c>
      <c r="AS1786" s="166">
        <v>0</v>
      </c>
      <c r="AT1786" s="166">
        <v>0</v>
      </c>
      <c r="AU1786" s="166">
        <v>0</v>
      </c>
      <c r="AV1786" s="166">
        <v>0</v>
      </c>
      <c r="AW1786" s="166">
        <v>0</v>
      </c>
      <c r="AX1786" s="166">
        <v>0</v>
      </c>
      <c r="AY1786" s="166">
        <v>0</v>
      </c>
      <c r="AZ1786" s="166">
        <v>0</v>
      </c>
      <c r="BA1786" s="166">
        <v>0</v>
      </c>
      <c r="BB1786" s="166">
        <v>0</v>
      </c>
      <c r="BC1786" s="166">
        <v>0</v>
      </c>
      <c r="BD1786" s="166">
        <v>0</v>
      </c>
      <c r="BE1786" s="166">
        <v>0</v>
      </c>
      <c r="BF1786" s="166">
        <v>0</v>
      </c>
      <c r="BG1786" s="166">
        <v>0</v>
      </c>
      <c r="BH1786" s="166">
        <v>0</v>
      </c>
      <c r="BI1786" s="166">
        <v>0</v>
      </c>
      <c r="BJ1786" s="166">
        <v>0</v>
      </c>
      <c r="BK1786" s="166">
        <v>0</v>
      </c>
      <c r="BL1786" s="166">
        <v>0</v>
      </c>
      <c r="BM1786" s="166">
        <v>0</v>
      </c>
      <c r="BN1786" s="166">
        <v>0</v>
      </c>
      <c r="BO1786" s="166">
        <v>0</v>
      </c>
      <c r="BP1786" s="166">
        <v>0</v>
      </c>
      <c r="BQ1786" s="166">
        <v>0</v>
      </c>
      <c r="BR1786" s="166">
        <v>0</v>
      </c>
      <c r="BS1786" s="166">
        <v>0</v>
      </c>
      <c r="BT1786" s="168">
        <v>0.70823195131973704</v>
      </c>
      <c r="BU1786" s="166">
        <v>0</v>
      </c>
      <c r="BV1786" s="166">
        <v>0</v>
      </c>
      <c r="BW1786" s="166">
        <v>0</v>
      </c>
      <c r="BX1786" s="166">
        <v>0</v>
      </c>
      <c r="BY1786" s="166">
        <v>0</v>
      </c>
      <c r="BZ1786" s="166">
        <v>0</v>
      </c>
      <c r="CA1786" s="166">
        <v>0</v>
      </c>
      <c r="CB1786" s="166">
        <v>0</v>
      </c>
      <c r="CC1786" s="166">
        <v>0</v>
      </c>
      <c r="CD1786" s="166">
        <v>0</v>
      </c>
      <c r="CE1786" s="166">
        <v>0</v>
      </c>
      <c r="CF1786" s="166">
        <v>0</v>
      </c>
      <c r="CG1786" s="166">
        <v>0</v>
      </c>
      <c r="CH1786" s="166">
        <v>0</v>
      </c>
      <c r="CI1786" s="166">
        <v>0</v>
      </c>
      <c r="CJ1786" s="166">
        <v>0</v>
      </c>
      <c r="CK1786" s="166">
        <v>0</v>
      </c>
      <c r="CL1786" s="166">
        <v>0</v>
      </c>
      <c r="CM1786" s="166">
        <v>0</v>
      </c>
      <c r="CN1786" s="166">
        <v>0</v>
      </c>
      <c r="CO1786" s="166">
        <v>0</v>
      </c>
      <c r="CP1786" s="166">
        <v>0</v>
      </c>
      <c r="CQ1786" s="166">
        <v>0</v>
      </c>
      <c r="CR1786" s="166">
        <v>0</v>
      </c>
      <c r="CS1786" s="166">
        <v>0</v>
      </c>
      <c r="CT1786" s="166">
        <v>0</v>
      </c>
      <c r="CU1786" s="166">
        <v>0</v>
      </c>
      <c r="CV1786" s="166">
        <v>0</v>
      </c>
      <c r="CW1786" s="166">
        <v>0</v>
      </c>
      <c r="CX1786" s="166">
        <v>0</v>
      </c>
      <c r="CY1786" s="166">
        <v>0</v>
      </c>
      <c r="CZ1786" s="166">
        <v>0</v>
      </c>
    </row>
    <row r="1787" spans="1:104" x14ac:dyDescent="0.2">
      <c r="A1787" s="167" t="s">
        <v>1069</v>
      </c>
      <c r="B1787" s="166">
        <v>0</v>
      </c>
      <c r="C1787" s="166">
        <v>0</v>
      </c>
      <c r="D1787" s="166">
        <v>0</v>
      </c>
      <c r="E1787" s="166">
        <v>0</v>
      </c>
      <c r="F1787" s="166">
        <v>0</v>
      </c>
      <c r="G1787" s="166">
        <v>0</v>
      </c>
      <c r="H1787" s="166">
        <v>0</v>
      </c>
      <c r="I1787" s="166">
        <v>0</v>
      </c>
      <c r="J1787" s="166">
        <v>0</v>
      </c>
      <c r="K1787" s="166">
        <v>0</v>
      </c>
      <c r="L1787" s="166">
        <v>0</v>
      </c>
      <c r="M1787" s="166">
        <v>0</v>
      </c>
      <c r="N1787" s="166">
        <v>0</v>
      </c>
      <c r="O1787" s="166">
        <v>0</v>
      </c>
      <c r="P1787" s="166">
        <v>0</v>
      </c>
      <c r="Q1787" s="166">
        <v>0</v>
      </c>
      <c r="R1787" s="166">
        <v>0</v>
      </c>
      <c r="S1787" s="166">
        <v>0</v>
      </c>
      <c r="T1787" s="166">
        <v>0</v>
      </c>
      <c r="U1787" s="166">
        <v>0</v>
      </c>
      <c r="V1787" s="166">
        <v>0</v>
      </c>
      <c r="W1787" s="166">
        <v>0</v>
      </c>
      <c r="X1787" s="166">
        <v>0</v>
      </c>
      <c r="Y1787" s="166">
        <v>0</v>
      </c>
      <c r="Z1787" s="166">
        <v>0</v>
      </c>
      <c r="AA1787" s="166">
        <v>0</v>
      </c>
      <c r="AB1787" s="166">
        <v>0</v>
      </c>
      <c r="AC1787" s="166">
        <v>0</v>
      </c>
      <c r="AD1787" s="166">
        <v>0</v>
      </c>
      <c r="AE1787" s="166">
        <v>0</v>
      </c>
      <c r="AF1787" s="166">
        <v>0</v>
      </c>
      <c r="AG1787" s="166">
        <v>0</v>
      </c>
      <c r="AH1787" s="166">
        <v>0</v>
      </c>
      <c r="AI1787" s="166">
        <v>0</v>
      </c>
      <c r="AJ1787" s="166">
        <v>0</v>
      </c>
      <c r="AK1787" s="166">
        <v>0</v>
      </c>
      <c r="AL1787" s="166">
        <v>0</v>
      </c>
      <c r="AM1787" s="166">
        <v>0</v>
      </c>
      <c r="AN1787" s="166">
        <v>0</v>
      </c>
      <c r="AO1787" s="166">
        <v>0</v>
      </c>
      <c r="AP1787" s="166">
        <v>0</v>
      </c>
      <c r="AQ1787" s="166">
        <v>0</v>
      </c>
      <c r="AR1787" s="166">
        <v>0</v>
      </c>
      <c r="AS1787" s="166">
        <v>0</v>
      </c>
      <c r="AT1787" s="166">
        <v>0</v>
      </c>
      <c r="AU1787" s="166">
        <v>0</v>
      </c>
      <c r="AV1787" s="166">
        <v>0</v>
      </c>
      <c r="AW1787" s="166">
        <v>0</v>
      </c>
      <c r="AX1787" s="166">
        <v>0</v>
      </c>
      <c r="AY1787" s="166">
        <v>0</v>
      </c>
      <c r="AZ1787" s="166">
        <v>0</v>
      </c>
      <c r="BA1787" s="166">
        <v>0</v>
      </c>
      <c r="BB1787" s="166">
        <v>0</v>
      </c>
      <c r="BC1787" s="166">
        <v>0</v>
      </c>
      <c r="BD1787" s="166">
        <v>0</v>
      </c>
      <c r="BE1787" s="166">
        <v>0</v>
      </c>
      <c r="BF1787" s="166">
        <v>0</v>
      </c>
      <c r="BG1787" s="166">
        <v>0</v>
      </c>
      <c r="BH1787" s="166">
        <v>0</v>
      </c>
      <c r="BI1787" s="166">
        <v>0</v>
      </c>
      <c r="BJ1787" s="166">
        <v>0</v>
      </c>
      <c r="BK1787" s="166">
        <v>0</v>
      </c>
      <c r="BL1787" s="166">
        <v>0</v>
      </c>
      <c r="BM1787" s="166">
        <v>0</v>
      </c>
      <c r="BN1787" s="166">
        <v>0</v>
      </c>
      <c r="BO1787" s="166">
        <v>0</v>
      </c>
      <c r="BP1787" s="166">
        <v>0</v>
      </c>
      <c r="BQ1787" s="166">
        <v>0</v>
      </c>
      <c r="BR1787" s="166">
        <v>0</v>
      </c>
      <c r="BS1787" s="166">
        <v>0</v>
      </c>
      <c r="BT1787" s="168">
        <v>0</v>
      </c>
      <c r="BU1787" s="166">
        <v>0</v>
      </c>
      <c r="BV1787" s="166">
        <v>0</v>
      </c>
      <c r="BW1787" s="166">
        <v>0</v>
      </c>
      <c r="BX1787" s="166">
        <v>0</v>
      </c>
      <c r="BY1787" s="166">
        <v>0</v>
      </c>
      <c r="BZ1787" s="166">
        <v>0</v>
      </c>
      <c r="CA1787" s="166">
        <v>0</v>
      </c>
      <c r="CB1787" s="166">
        <v>0</v>
      </c>
      <c r="CC1787" s="166">
        <v>0</v>
      </c>
      <c r="CD1787" s="166">
        <v>0</v>
      </c>
      <c r="CE1787" s="166">
        <v>0</v>
      </c>
      <c r="CF1787" s="166">
        <v>0</v>
      </c>
      <c r="CG1787" s="166">
        <v>0</v>
      </c>
      <c r="CH1787" s="166">
        <v>0</v>
      </c>
      <c r="CI1787" s="166">
        <v>0</v>
      </c>
      <c r="CJ1787" s="166">
        <v>0</v>
      </c>
      <c r="CK1787" s="166">
        <v>0</v>
      </c>
      <c r="CL1787" s="166">
        <v>0</v>
      </c>
      <c r="CM1787" s="166">
        <v>0</v>
      </c>
      <c r="CN1787" s="166">
        <v>0</v>
      </c>
      <c r="CO1787" s="166">
        <v>0</v>
      </c>
      <c r="CP1787" s="166">
        <v>0</v>
      </c>
      <c r="CQ1787" s="166">
        <v>0</v>
      </c>
      <c r="CR1787" s="166">
        <v>0</v>
      </c>
      <c r="CS1787" s="166">
        <v>0</v>
      </c>
      <c r="CT1787" s="166">
        <v>0</v>
      </c>
      <c r="CU1787" s="166">
        <v>0</v>
      </c>
      <c r="CV1787" s="166">
        <v>0</v>
      </c>
      <c r="CW1787" s="166">
        <v>0</v>
      </c>
      <c r="CX1787" s="166">
        <v>0</v>
      </c>
      <c r="CY1787" s="166">
        <v>0</v>
      </c>
      <c r="CZ1787" s="166">
        <v>0</v>
      </c>
    </row>
    <row r="1788" spans="1:104" x14ac:dyDescent="0.2">
      <c r="A1788" s="167" t="s">
        <v>197</v>
      </c>
    </row>
    <row r="1789" spans="1:104" x14ac:dyDescent="0.2">
      <c r="A1789" s="167" t="s">
        <v>1070</v>
      </c>
      <c r="B1789" s="166">
        <v>5.97748098554425E-10</v>
      </c>
      <c r="C1789" s="166">
        <v>5.97748098554425E-10</v>
      </c>
      <c r="D1789" s="166">
        <v>0</v>
      </c>
      <c r="E1789" s="166">
        <v>0</v>
      </c>
      <c r="F1789" s="166">
        <v>0</v>
      </c>
      <c r="G1789" s="166">
        <v>0</v>
      </c>
      <c r="H1789" s="166">
        <v>0</v>
      </c>
      <c r="I1789" s="166">
        <v>0</v>
      </c>
      <c r="J1789" s="166">
        <v>0</v>
      </c>
      <c r="K1789" s="166">
        <v>0</v>
      </c>
      <c r="L1789" s="166">
        <v>0</v>
      </c>
      <c r="M1789" s="166">
        <v>0</v>
      </c>
      <c r="N1789" s="166">
        <v>0</v>
      </c>
      <c r="O1789" s="166">
        <v>0</v>
      </c>
      <c r="P1789" s="166">
        <v>0</v>
      </c>
      <c r="Q1789" s="166">
        <v>0</v>
      </c>
      <c r="R1789" s="166">
        <v>0</v>
      </c>
      <c r="S1789" s="166">
        <v>0</v>
      </c>
      <c r="T1789" s="166">
        <v>0</v>
      </c>
      <c r="U1789" s="166">
        <v>0</v>
      </c>
      <c r="V1789" s="166">
        <v>0</v>
      </c>
      <c r="W1789" s="166">
        <v>0</v>
      </c>
      <c r="X1789" s="166">
        <v>0</v>
      </c>
      <c r="Y1789" s="166">
        <v>0</v>
      </c>
      <c r="Z1789" s="166">
        <v>0</v>
      </c>
      <c r="AA1789" s="166">
        <v>0</v>
      </c>
      <c r="AB1789" s="166">
        <v>0</v>
      </c>
      <c r="AC1789" s="166">
        <v>0</v>
      </c>
      <c r="AD1789" s="166">
        <v>0</v>
      </c>
      <c r="AE1789" s="166">
        <v>0</v>
      </c>
      <c r="AF1789" s="166">
        <v>0</v>
      </c>
      <c r="AG1789" s="166">
        <v>0</v>
      </c>
      <c r="AH1789" s="166">
        <v>0</v>
      </c>
      <c r="AI1789" s="166">
        <v>0</v>
      </c>
      <c r="AJ1789" s="166">
        <v>0</v>
      </c>
      <c r="AK1789" s="166">
        <v>0</v>
      </c>
      <c r="AL1789" s="166">
        <v>0</v>
      </c>
      <c r="AM1789" s="166">
        <v>0</v>
      </c>
      <c r="AN1789" s="166">
        <v>0</v>
      </c>
      <c r="AO1789" s="166">
        <v>0</v>
      </c>
      <c r="AP1789" s="166">
        <v>0</v>
      </c>
      <c r="AQ1789" s="166">
        <v>0</v>
      </c>
      <c r="AR1789" s="166">
        <v>0</v>
      </c>
      <c r="AS1789" s="166">
        <v>0</v>
      </c>
      <c r="AT1789" s="166">
        <v>0</v>
      </c>
      <c r="AU1789" s="166">
        <v>0</v>
      </c>
      <c r="AV1789" s="166">
        <v>0</v>
      </c>
      <c r="AW1789" s="166">
        <v>0</v>
      </c>
      <c r="AX1789" s="166">
        <v>0</v>
      </c>
      <c r="AY1789" s="166">
        <v>0</v>
      </c>
      <c r="AZ1789" s="166">
        <v>0</v>
      </c>
      <c r="BA1789" s="166">
        <v>0</v>
      </c>
      <c r="BB1789" s="166">
        <v>0</v>
      </c>
      <c r="BC1789" s="166">
        <v>0</v>
      </c>
      <c r="BD1789" s="166">
        <v>0</v>
      </c>
      <c r="BE1789" s="166">
        <v>0</v>
      </c>
      <c r="BF1789" s="166">
        <v>0</v>
      </c>
      <c r="BG1789" s="166">
        <v>0</v>
      </c>
      <c r="BH1789" s="166">
        <v>0</v>
      </c>
      <c r="BI1789" s="166">
        <v>0</v>
      </c>
      <c r="BJ1789" s="166">
        <v>0</v>
      </c>
      <c r="BK1789" s="166">
        <v>0</v>
      </c>
      <c r="BL1789" s="166">
        <v>0</v>
      </c>
      <c r="BM1789" s="166">
        <v>0</v>
      </c>
      <c r="BN1789" s="166">
        <v>0</v>
      </c>
      <c r="BO1789" s="166">
        <v>0</v>
      </c>
      <c r="BP1789" s="166">
        <v>0</v>
      </c>
      <c r="BQ1789" s="166">
        <v>0</v>
      </c>
      <c r="BR1789" s="166">
        <v>5.97748098554425E-10</v>
      </c>
      <c r="BS1789" s="166">
        <v>5.97748098554425E-10</v>
      </c>
      <c r="BT1789" s="168">
        <v>0.999998123540776</v>
      </c>
      <c r="BU1789" s="166">
        <v>1.4711122483054499E-10</v>
      </c>
      <c r="BV1789" s="166">
        <v>5.9774697690449195E-10</v>
      </c>
      <c r="BW1789" s="166">
        <v>0</v>
      </c>
      <c r="BX1789" s="166">
        <v>0</v>
      </c>
      <c r="BY1789" s="166">
        <v>0</v>
      </c>
      <c r="BZ1789" s="166">
        <v>0</v>
      </c>
      <c r="CA1789" s="166">
        <v>0</v>
      </c>
      <c r="CB1789" s="166">
        <v>0</v>
      </c>
      <c r="CC1789" s="166">
        <v>0</v>
      </c>
      <c r="CD1789" s="166">
        <v>0</v>
      </c>
      <c r="CE1789" s="166">
        <v>0</v>
      </c>
      <c r="CF1789" s="166">
        <v>0</v>
      </c>
      <c r="CG1789" s="166">
        <v>0</v>
      </c>
      <c r="CH1789" s="166">
        <v>0</v>
      </c>
      <c r="CI1789" s="166">
        <v>0</v>
      </c>
      <c r="CJ1789" s="166">
        <v>0</v>
      </c>
      <c r="CK1789" s="166">
        <v>0</v>
      </c>
      <c r="CL1789" s="166">
        <v>0</v>
      </c>
      <c r="CM1789" s="166">
        <v>0</v>
      </c>
      <c r="CN1789" s="166">
        <v>0</v>
      </c>
      <c r="CO1789" s="166">
        <v>0</v>
      </c>
      <c r="CP1789" s="166">
        <v>0</v>
      </c>
      <c r="CQ1789" s="166">
        <v>0</v>
      </c>
      <c r="CR1789" s="166">
        <v>0</v>
      </c>
      <c r="CS1789" s="166">
        <v>0</v>
      </c>
      <c r="CT1789" s="166">
        <v>0</v>
      </c>
      <c r="CU1789" s="166">
        <v>0</v>
      </c>
      <c r="CV1789" s="166">
        <v>0</v>
      </c>
      <c r="CW1789" s="166">
        <v>0</v>
      </c>
      <c r="CX1789" s="166">
        <v>0</v>
      </c>
      <c r="CY1789" s="166">
        <v>5.9774697690449195E-10</v>
      </c>
      <c r="CZ1789" s="166">
        <v>5.9774697690449195E-10</v>
      </c>
    </row>
    <row r="1790" spans="1:104" x14ac:dyDescent="0.2">
      <c r="A1790" s="167" t="s">
        <v>1071</v>
      </c>
      <c r="B1790" s="166">
        <v>5.1967504807361303E-11</v>
      </c>
      <c r="C1790" s="166">
        <v>5.1967504807361303E-11</v>
      </c>
      <c r="D1790" s="166">
        <v>0</v>
      </c>
      <c r="E1790" s="166">
        <v>0</v>
      </c>
      <c r="F1790" s="166">
        <v>0</v>
      </c>
      <c r="G1790" s="166">
        <v>0</v>
      </c>
      <c r="H1790" s="166">
        <v>0</v>
      </c>
      <c r="I1790" s="166">
        <v>0</v>
      </c>
      <c r="J1790" s="166">
        <v>0</v>
      </c>
      <c r="K1790" s="166">
        <v>0</v>
      </c>
      <c r="L1790" s="166">
        <v>0</v>
      </c>
      <c r="M1790" s="166">
        <v>0</v>
      </c>
      <c r="N1790" s="166">
        <v>0</v>
      </c>
      <c r="O1790" s="166">
        <v>0</v>
      </c>
      <c r="P1790" s="166">
        <v>0</v>
      </c>
      <c r="Q1790" s="166">
        <v>0</v>
      </c>
      <c r="R1790" s="166">
        <v>0</v>
      </c>
      <c r="S1790" s="166">
        <v>0</v>
      </c>
      <c r="T1790" s="166">
        <v>0</v>
      </c>
      <c r="U1790" s="166">
        <v>0</v>
      </c>
      <c r="V1790" s="166">
        <v>0</v>
      </c>
      <c r="W1790" s="166">
        <v>0</v>
      </c>
      <c r="X1790" s="166">
        <v>0</v>
      </c>
      <c r="Y1790" s="166">
        <v>0</v>
      </c>
      <c r="Z1790" s="166">
        <v>0</v>
      </c>
      <c r="AA1790" s="166">
        <v>0</v>
      </c>
      <c r="AB1790" s="166">
        <v>0</v>
      </c>
      <c r="AC1790" s="166">
        <v>0</v>
      </c>
      <c r="AD1790" s="166">
        <v>0</v>
      </c>
      <c r="AE1790" s="166">
        <v>0</v>
      </c>
      <c r="AF1790" s="166">
        <v>0</v>
      </c>
      <c r="AG1790" s="166">
        <v>0</v>
      </c>
      <c r="AH1790" s="166">
        <v>0</v>
      </c>
      <c r="AI1790" s="166">
        <v>0</v>
      </c>
      <c r="AJ1790" s="166">
        <v>0</v>
      </c>
      <c r="AK1790" s="166">
        <v>0</v>
      </c>
      <c r="AL1790" s="166">
        <v>0</v>
      </c>
      <c r="AM1790" s="166">
        <v>0</v>
      </c>
      <c r="AN1790" s="166">
        <v>0</v>
      </c>
      <c r="AO1790" s="166">
        <v>0</v>
      </c>
      <c r="AP1790" s="166">
        <v>0</v>
      </c>
      <c r="AQ1790" s="166">
        <v>0</v>
      </c>
      <c r="AR1790" s="166">
        <v>0</v>
      </c>
      <c r="AS1790" s="166">
        <v>0</v>
      </c>
      <c r="AT1790" s="166">
        <v>0</v>
      </c>
      <c r="AU1790" s="166">
        <v>0</v>
      </c>
      <c r="AV1790" s="166">
        <v>0</v>
      </c>
      <c r="AW1790" s="166">
        <v>0</v>
      </c>
      <c r="AX1790" s="166">
        <v>0</v>
      </c>
      <c r="AY1790" s="166">
        <v>0</v>
      </c>
      <c r="AZ1790" s="166">
        <v>0</v>
      </c>
      <c r="BA1790" s="166">
        <v>0</v>
      </c>
      <c r="BB1790" s="166">
        <v>0</v>
      </c>
      <c r="BC1790" s="166">
        <v>0</v>
      </c>
      <c r="BD1790" s="166">
        <v>0</v>
      </c>
      <c r="BE1790" s="166">
        <v>0</v>
      </c>
      <c r="BF1790" s="166">
        <v>0</v>
      </c>
      <c r="BG1790" s="166">
        <v>0</v>
      </c>
      <c r="BH1790" s="166">
        <v>0</v>
      </c>
      <c r="BI1790" s="166">
        <v>0</v>
      </c>
      <c r="BJ1790" s="166">
        <v>0</v>
      </c>
      <c r="BK1790" s="166">
        <v>0</v>
      </c>
      <c r="BL1790" s="166">
        <v>0</v>
      </c>
      <c r="BM1790" s="166">
        <v>0</v>
      </c>
      <c r="BN1790" s="166">
        <v>0</v>
      </c>
      <c r="BO1790" s="166">
        <v>0</v>
      </c>
      <c r="BP1790" s="166">
        <v>0</v>
      </c>
      <c r="BQ1790" s="166">
        <v>0</v>
      </c>
      <c r="BR1790" s="166">
        <v>5.1967504807361303E-11</v>
      </c>
      <c r="BS1790" s="166">
        <v>5.1967504807361303E-11</v>
      </c>
      <c r="BT1790" s="168">
        <v>0.95155251400307195</v>
      </c>
      <c r="BU1790" s="166">
        <v>1.2208016030679101E-11</v>
      </c>
      <c r="BV1790" s="166">
        <v>4.9449809845911401E-11</v>
      </c>
      <c r="BW1790" s="166">
        <v>0</v>
      </c>
      <c r="BX1790" s="166">
        <v>0</v>
      </c>
      <c r="BY1790" s="166">
        <v>0</v>
      </c>
      <c r="BZ1790" s="166">
        <v>0</v>
      </c>
      <c r="CA1790" s="166">
        <v>0</v>
      </c>
      <c r="CB1790" s="166">
        <v>0</v>
      </c>
      <c r="CC1790" s="166">
        <v>0</v>
      </c>
      <c r="CD1790" s="166">
        <v>0</v>
      </c>
      <c r="CE1790" s="166">
        <v>0</v>
      </c>
      <c r="CF1790" s="166">
        <v>0</v>
      </c>
      <c r="CG1790" s="166">
        <v>0</v>
      </c>
      <c r="CH1790" s="166">
        <v>0</v>
      </c>
      <c r="CI1790" s="166">
        <v>0</v>
      </c>
      <c r="CJ1790" s="166">
        <v>0</v>
      </c>
      <c r="CK1790" s="166">
        <v>0</v>
      </c>
      <c r="CL1790" s="166">
        <v>0</v>
      </c>
      <c r="CM1790" s="166">
        <v>0</v>
      </c>
      <c r="CN1790" s="166">
        <v>0</v>
      </c>
      <c r="CO1790" s="166">
        <v>0</v>
      </c>
      <c r="CP1790" s="166">
        <v>0</v>
      </c>
      <c r="CQ1790" s="166">
        <v>0</v>
      </c>
      <c r="CR1790" s="166">
        <v>0</v>
      </c>
      <c r="CS1790" s="166">
        <v>0</v>
      </c>
      <c r="CT1790" s="166">
        <v>0</v>
      </c>
      <c r="CU1790" s="166">
        <v>0</v>
      </c>
      <c r="CV1790" s="166">
        <v>0</v>
      </c>
      <c r="CW1790" s="166">
        <v>0</v>
      </c>
      <c r="CX1790" s="166">
        <v>0</v>
      </c>
      <c r="CY1790" s="166">
        <v>4.9449809845911401E-11</v>
      </c>
      <c r="CZ1790" s="166">
        <v>4.9449809845911401E-11</v>
      </c>
    </row>
    <row r="1791" spans="1:104" x14ac:dyDescent="0.2">
      <c r="A1791" s="167" t="s">
        <v>1072</v>
      </c>
      <c r="B1791" s="166">
        <v>5.52245655547485E-11</v>
      </c>
      <c r="C1791" s="166">
        <v>5.52245655547485E-11</v>
      </c>
      <c r="D1791" s="166">
        <v>0</v>
      </c>
      <c r="E1791" s="166">
        <v>0</v>
      </c>
      <c r="F1791" s="166">
        <v>0</v>
      </c>
      <c r="G1791" s="166">
        <v>0</v>
      </c>
      <c r="H1791" s="166">
        <v>0</v>
      </c>
      <c r="I1791" s="166">
        <v>0</v>
      </c>
      <c r="J1791" s="166">
        <v>0</v>
      </c>
      <c r="K1791" s="166">
        <v>0</v>
      </c>
      <c r="L1791" s="166">
        <v>0</v>
      </c>
      <c r="M1791" s="166">
        <v>0</v>
      </c>
      <c r="N1791" s="166">
        <v>0</v>
      </c>
      <c r="O1791" s="166">
        <v>0</v>
      </c>
      <c r="P1791" s="166">
        <v>0</v>
      </c>
      <c r="Q1791" s="166">
        <v>0</v>
      </c>
      <c r="R1791" s="166">
        <v>0</v>
      </c>
      <c r="S1791" s="166">
        <v>0</v>
      </c>
      <c r="T1791" s="166">
        <v>0</v>
      </c>
      <c r="U1791" s="166">
        <v>0</v>
      </c>
      <c r="V1791" s="166">
        <v>0</v>
      </c>
      <c r="W1791" s="166">
        <v>0</v>
      </c>
      <c r="X1791" s="166">
        <v>0</v>
      </c>
      <c r="Y1791" s="166">
        <v>0</v>
      </c>
      <c r="Z1791" s="166">
        <v>0</v>
      </c>
      <c r="AA1791" s="166">
        <v>0</v>
      </c>
      <c r="AB1791" s="166">
        <v>0</v>
      </c>
      <c r="AC1791" s="166">
        <v>0</v>
      </c>
      <c r="AD1791" s="166">
        <v>0</v>
      </c>
      <c r="AE1791" s="166">
        <v>0</v>
      </c>
      <c r="AF1791" s="166">
        <v>0</v>
      </c>
      <c r="AG1791" s="166">
        <v>0</v>
      </c>
      <c r="AH1791" s="166">
        <v>0</v>
      </c>
      <c r="AI1791" s="166">
        <v>0</v>
      </c>
      <c r="AJ1791" s="166">
        <v>0</v>
      </c>
      <c r="AK1791" s="166">
        <v>0</v>
      </c>
      <c r="AL1791" s="166">
        <v>0</v>
      </c>
      <c r="AM1791" s="166">
        <v>0</v>
      </c>
      <c r="AN1791" s="166">
        <v>0</v>
      </c>
      <c r="AO1791" s="166">
        <v>0</v>
      </c>
      <c r="AP1791" s="166">
        <v>0</v>
      </c>
      <c r="AQ1791" s="166">
        <v>0</v>
      </c>
      <c r="AR1791" s="166">
        <v>0</v>
      </c>
      <c r="AS1791" s="166">
        <v>0</v>
      </c>
      <c r="AT1791" s="166">
        <v>0</v>
      </c>
      <c r="AU1791" s="166">
        <v>0</v>
      </c>
      <c r="AV1791" s="166">
        <v>0</v>
      </c>
      <c r="AW1791" s="166">
        <v>0</v>
      </c>
      <c r="AX1791" s="166">
        <v>0</v>
      </c>
      <c r="AY1791" s="166">
        <v>0</v>
      </c>
      <c r="AZ1791" s="166">
        <v>0</v>
      </c>
      <c r="BA1791" s="166">
        <v>0</v>
      </c>
      <c r="BB1791" s="166">
        <v>0</v>
      </c>
      <c r="BC1791" s="166">
        <v>0</v>
      </c>
      <c r="BD1791" s="166">
        <v>0</v>
      </c>
      <c r="BE1791" s="166">
        <v>0</v>
      </c>
      <c r="BF1791" s="166">
        <v>0</v>
      </c>
      <c r="BG1791" s="166">
        <v>0</v>
      </c>
      <c r="BH1791" s="166">
        <v>0</v>
      </c>
      <c r="BI1791" s="166">
        <v>0</v>
      </c>
      <c r="BJ1791" s="166">
        <v>0</v>
      </c>
      <c r="BK1791" s="166">
        <v>0</v>
      </c>
      <c r="BL1791" s="166">
        <v>0</v>
      </c>
      <c r="BM1791" s="166">
        <v>0</v>
      </c>
      <c r="BN1791" s="166">
        <v>0</v>
      </c>
      <c r="BO1791" s="166">
        <v>0</v>
      </c>
      <c r="BP1791" s="166">
        <v>0</v>
      </c>
      <c r="BQ1791" s="166">
        <v>0</v>
      </c>
      <c r="BR1791" s="166">
        <v>5.52245655547485E-11</v>
      </c>
      <c r="BS1791" s="166">
        <v>5.52245655547485E-11</v>
      </c>
      <c r="BT1791" s="168">
        <v>0.97647221562039299</v>
      </c>
      <c r="BU1791" s="166">
        <v>1.32930926304469E-11</v>
      </c>
      <c r="BV1791" s="166">
        <v>5.3925253883918903E-11</v>
      </c>
      <c r="BW1791" s="166">
        <v>0</v>
      </c>
      <c r="BX1791" s="166">
        <v>0</v>
      </c>
      <c r="BY1791" s="166">
        <v>0</v>
      </c>
      <c r="BZ1791" s="166">
        <v>0</v>
      </c>
      <c r="CA1791" s="166">
        <v>0</v>
      </c>
      <c r="CB1791" s="166">
        <v>0</v>
      </c>
      <c r="CC1791" s="166">
        <v>0</v>
      </c>
      <c r="CD1791" s="166">
        <v>0</v>
      </c>
      <c r="CE1791" s="166">
        <v>0</v>
      </c>
      <c r="CF1791" s="166">
        <v>0</v>
      </c>
      <c r="CG1791" s="166">
        <v>0</v>
      </c>
      <c r="CH1791" s="166">
        <v>0</v>
      </c>
      <c r="CI1791" s="166">
        <v>0</v>
      </c>
      <c r="CJ1791" s="166">
        <v>0</v>
      </c>
      <c r="CK1791" s="166">
        <v>0</v>
      </c>
      <c r="CL1791" s="166">
        <v>0</v>
      </c>
      <c r="CM1791" s="166">
        <v>0</v>
      </c>
      <c r="CN1791" s="166">
        <v>0</v>
      </c>
      <c r="CO1791" s="166">
        <v>0</v>
      </c>
      <c r="CP1791" s="166">
        <v>0</v>
      </c>
      <c r="CQ1791" s="166">
        <v>0</v>
      </c>
      <c r="CR1791" s="166">
        <v>0</v>
      </c>
      <c r="CS1791" s="166">
        <v>0</v>
      </c>
      <c r="CT1791" s="166">
        <v>0</v>
      </c>
      <c r="CU1791" s="166">
        <v>0</v>
      </c>
      <c r="CV1791" s="166">
        <v>0</v>
      </c>
      <c r="CW1791" s="166">
        <v>0</v>
      </c>
      <c r="CX1791" s="166">
        <v>0</v>
      </c>
      <c r="CY1791" s="166">
        <v>5.3925253883918903E-11</v>
      </c>
      <c r="CZ1791" s="166">
        <v>5.3925253883918903E-11</v>
      </c>
    </row>
    <row r="1792" spans="1:104" x14ac:dyDescent="0.2">
      <c r="A1792" s="167" t="s">
        <v>201</v>
      </c>
      <c r="B1792" s="166">
        <v>2.04554532856393E-10</v>
      </c>
      <c r="C1792" s="166">
        <v>2.04554532856393E-10</v>
      </c>
      <c r="D1792" s="166">
        <v>0</v>
      </c>
      <c r="E1792" s="166">
        <v>0</v>
      </c>
      <c r="F1792" s="166">
        <v>0</v>
      </c>
      <c r="G1792" s="166">
        <v>0</v>
      </c>
      <c r="H1792" s="166">
        <v>0</v>
      </c>
      <c r="I1792" s="166">
        <v>0</v>
      </c>
      <c r="J1792" s="166">
        <v>0</v>
      </c>
      <c r="K1792" s="166">
        <v>0</v>
      </c>
      <c r="L1792" s="166">
        <v>0</v>
      </c>
      <c r="M1792" s="166">
        <v>0</v>
      </c>
      <c r="N1792" s="166">
        <v>0</v>
      </c>
      <c r="O1792" s="166">
        <v>0</v>
      </c>
      <c r="P1792" s="166">
        <v>0</v>
      </c>
      <c r="Q1792" s="166">
        <v>0</v>
      </c>
      <c r="R1792" s="166">
        <v>0</v>
      </c>
      <c r="S1792" s="166">
        <v>0</v>
      </c>
      <c r="T1792" s="166">
        <v>0</v>
      </c>
      <c r="U1792" s="166">
        <v>0</v>
      </c>
      <c r="V1792" s="166">
        <v>0</v>
      </c>
      <c r="W1792" s="166">
        <v>0</v>
      </c>
      <c r="X1792" s="166">
        <v>0</v>
      </c>
      <c r="Y1792" s="166">
        <v>0</v>
      </c>
      <c r="Z1792" s="166">
        <v>0</v>
      </c>
      <c r="AA1792" s="166">
        <v>0</v>
      </c>
      <c r="AB1792" s="166">
        <v>0</v>
      </c>
      <c r="AC1792" s="166">
        <v>0</v>
      </c>
      <c r="AD1792" s="166">
        <v>0</v>
      </c>
      <c r="AE1792" s="166">
        <v>0</v>
      </c>
      <c r="AF1792" s="166">
        <v>0</v>
      </c>
      <c r="AG1792" s="166">
        <v>0</v>
      </c>
      <c r="AH1792" s="166">
        <v>0</v>
      </c>
      <c r="AI1792" s="166">
        <v>0</v>
      </c>
      <c r="AJ1792" s="166">
        <v>0</v>
      </c>
      <c r="AK1792" s="166">
        <v>0</v>
      </c>
      <c r="AL1792" s="166">
        <v>0</v>
      </c>
      <c r="AM1792" s="166">
        <v>0</v>
      </c>
      <c r="AN1792" s="166">
        <v>0</v>
      </c>
      <c r="AO1792" s="166">
        <v>0</v>
      </c>
      <c r="AP1792" s="166">
        <v>0</v>
      </c>
      <c r="AQ1792" s="166">
        <v>0</v>
      </c>
      <c r="AR1792" s="166">
        <v>0</v>
      </c>
      <c r="AS1792" s="166">
        <v>0</v>
      </c>
      <c r="AT1792" s="166">
        <v>0</v>
      </c>
      <c r="AU1792" s="166">
        <v>0</v>
      </c>
      <c r="AV1792" s="166">
        <v>0</v>
      </c>
      <c r="AW1792" s="166">
        <v>0</v>
      </c>
      <c r="AX1792" s="166">
        <v>0</v>
      </c>
      <c r="AY1792" s="166">
        <v>0</v>
      </c>
      <c r="AZ1792" s="166">
        <v>0</v>
      </c>
      <c r="BA1792" s="166">
        <v>0</v>
      </c>
      <c r="BB1792" s="166">
        <v>0</v>
      </c>
      <c r="BC1792" s="166">
        <v>0</v>
      </c>
      <c r="BD1792" s="166">
        <v>0</v>
      </c>
      <c r="BE1792" s="166">
        <v>0</v>
      </c>
      <c r="BF1792" s="166">
        <v>0</v>
      </c>
      <c r="BG1792" s="166">
        <v>0</v>
      </c>
      <c r="BH1792" s="166">
        <v>0</v>
      </c>
      <c r="BI1792" s="166">
        <v>0</v>
      </c>
      <c r="BJ1792" s="166">
        <v>0</v>
      </c>
      <c r="BK1792" s="166">
        <v>0</v>
      </c>
      <c r="BL1792" s="166">
        <v>0</v>
      </c>
      <c r="BM1792" s="166">
        <v>0</v>
      </c>
      <c r="BN1792" s="166">
        <v>0</v>
      </c>
      <c r="BO1792" s="166">
        <v>0</v>
      </c>
      <c r="BP1792" s="166">
        <v>0</v>
      </c>
      <c r="BQ1792" s="166">
        <v>0</v>
      </c>
      <c r="BR1792" s="166">
        <v>2.04554532856393E-10</v>
      </c>
      <c r="BS1792" s="166">
        <v>2.04554532856393E-10</v>
      </c>
      <c r="BT1792" s="168">
        <v>0.999998123540776</v>
      </c>
      <c r="BU1792" s="166">
        <v>5.3819111375264003E-11</v>
      </c>
      <c r="BV1792" s="166">
        <v>2.0455414901815299E-10</v>
      </c>
      <c r="BW1792" s="166">
        <v>0</v>
      </c>
      <c r="BX1792" s="166">
        <v>0</v>
      </c>
      <c r="BY1792" s="166">
        <v>0</v>
      </c>
      <c r="BZ1792" s="166">
        <v>0</v>
      </c>
      <c r="CA1792" s="166">
        <v>0</v>
      </c>
      <c r="CB1792" s="166">
        <v>0</v>
      </c>
      <c r="CC1792" s="166">
        <v>0</v>
      </c>
      <c r="CD1792" s="166">
        <v>0</v>
      </c>
      <c r="CE1792" s="166">
        <v>0</v>
      </c>
      <c r="CF1792" s="166">
        <v>0</v>
      </c>
      <c r="CG1792" s="166">
        <v>0</v>
      </c>
      <c r="CH1792" s="166">
        <v>0</v>
      </c>
      <c r="CI1792" s="166">
        <v>0</v>
      </c>
      <c r="CJ1792" s="166">
        <v>0</v>
      </c>
      <c r="CK1792" s="166">
        <v>0</v>
      </c>
      <c r="CL1792" s="166">
        <v>0</v>
      </c>
      <c r="CM1792" s="166">
        <v>0</v>
      </c>
      <c r="CN1792" s="166">
        <v>0</v>
      </c>
      <c r="CO1792" s="166">
        <v>0</v>
      </c>
      <c r="CP1792" s="166">
        <v>0</v>
      </c>
      <c r="CQ1792" s="166">
        <v>0</v>
      </c>
      <c r="CR1792" s="166">
        <v>0</v>
      </c>
      <c r="CS1792" s="166">
        <v>0</v>
      </c>
      <c r="CT1792" s="166">
        <v>0</v>
      </c>
      <c r="CU1792" s="166">
        <v>0</v>
      </c>
      <c r="CV1792" s="166">
        <v>0</v>
      </c>
      <c r="CW1792" s="166">
        <v>0</v>
      </c>
      <c r="CX1792" s="166">
        <v>0</v>
      </c>
      <c r="CY1792" s="166">
        <v>2.0455414901815299E-10</v>
      </c>
      <c r="CZ1792" s="166">
        <v>2.0455414901815299E-10</v>
      </c>
    </row>
    <row r="1793" spans="1:104" x14ac:dyDescent="0.2">
      <c r="A1793" s="167" t="s">
        <v>202</v>
      </c>
      <c r="B1793" s="166">
        <v>11541239.509999899</v>
      </c>
      <c r="C1793" s="166">
        <v>11541239.509999899</v>
      </c>
      <c r="D1793" s="166">
        <v>0</v>
      </c>
      <c r="E1793" s="166">
        <v>0</v>
      </c>
      <c r="F1793" s="166">
        <v>0</v>
      </c>
      <c r="G1793" s="166">
        <v>0</v>
      </c>
      <c r="H1793" s="166">
        <v>0</v>
      </c>
      <c r="I1793" s="166">
        <v>0</v>
      </c>
      <c r="J1793" s="166">
        <v>0</v>
      </c>
      <c r="K1793" s="166">
        <v>0</v>
      </c>
      <c r="L1793" s="166">
        <v>0</v>
      </c>
      <c r="M1793" s="166">
        <v>0</v>
      </c>
      <c r="N1793" s="166">
        <v>0</v>
      </c>
      <c r="O1793" s="166">
        <v>0</v>
      </c>
      <c r="P1793" s="166">
        <v>0</v>
      </c>
      <c r="Q1793" s="166">
        <v>0</v>
      </c>
      <c r="R1793" s="166">
        <v>0</v>
      </c>
      <c r="S1793" s="166">
        <v>0</v>
      </c>
      <c r="T1793" s="166">
        <v>0</v>
      </c>
      <c r="U1793" s="166">
        <v>0</v>
      </c>
      <c r="V1793" s="166">
        <v>0</v>
      </c>
      <c r="W1793" s="166">
        <v>0</v>
      </c>
      <c r="X1793" s="166">
        <v>0</v>
      </c>
      <c r="Y1793" s="166">
        <v>0</v>
      </c>
      <c r="Z1793" s="166">
        <v>0</v>
      </c>
      <c r="AA1793" s="166">
        <v>0</v>
      </c>
      <c r="AB1793" s="166">
        <v>0</v>
      </c>
      <c r="AC1793" s="166">
        <v>0</v>
      </c>
      <c r="AD1793" s="166">
        <v>0</v>
      </c>
      <c r="AE1793" s="166">
        <v>0</v>
      </c>
      <c r="AF1793" s="166">
        <v>0</v>
      </c>
      <c r="AG1793" s="166">
        <v>0</v>
      </c>
      <c r="AH1793" s="166">
        <v>0</v>
      </c>
      <c r="AI1793" s="166">
        <v>0</v>
      </c>
      <c r="AJ1793" s="166">
        <v>0</v>
      </c>
      <c r="AK1793" s="166">
        <v>0</v>
      </c>
      <c r="AL1793" s="166">
        <v>0</v>
      </c>
      <c r="AM1793" s="166">
        <v>0</v>
      </c>
      <c r="AN1793" s="166">
        <v>0</v>
      </c>
      <c r="AO1793" s="166">
        <v>0</v>
      </c>
      <c r="AP1793" s="166">
        <v>0</v>
      </c>
      <c r="AQ1793" s="166">
        <v>0</v>
      </c>
      <c r="AR1793" s="166">
        <v>0</v>
      </c>
      <c r="AS1793" s="166">
        <v>0</v>
      </c>
      <c r="AT1793" s="166">
        <v>0</v>
      </c>
      <c r="AU1793" s="166">
        <v>0</v>
      </c>
      <c r="AV1793" s="166">
        <v>0</v>
      </c>
      <c r="AW1793" s="166">
        <v>0</v>
      </c>
      <c r="AX1793" s="166">
        <v>0</v>
      </c>
      <c r="AY1793" s="166">
        <v>0</v>
      </c>
      <c r="AZ1793" s="166">
        <v>0</v>
      </c>
      <c r="BA1793" s="166">
        <v>0</v>
      </c>
      <c r="BB1793" s="166">
        <v>0</v>
      </c>
      <c r="BC1793" s="166">
        <v>0</v>
      </c>
      <c r="BD1793" s="166">
        <v>0</v>
      </c>
      <c r="BE1793" s="166">
        <v>0</v>
      </c>
      <c r="BF1793" s="166">
        <v>0</v>
      </c>
      <c r="BG1793" s="166">
        <v>0</v>
      </c>
      <c r="BH1793" s="166">
        <v>0</v>
      </c>
      <c r="BI1793" s="166">
        <v>0</v>
      </c>
      <c r="BJ1793" s="166">
        <v>0</v>
      </c>
      <c r="BK1793" s="166">
        <v>0</v>
      </c>
      <c r="BL1793" s="166">
        <v>0</v>
      </c>
      <c r="BM1793" s="166">
        <v>0</v>
      </c>
      <c r="BN1793" s="166">
        <v>0</v>
      </c>
      <c r="BO1793" s="166">
        <v>0</v>
      </c>
      <c r="BP1793" s="166">
        <v>0</v>
      </c>
      <c r="BQ1793" s="166">
        <v>0</v>
      </c>
      <c r="BR1793" s="166">
        <v>11541239.509999899</v>
      </c>
      <c r="BS1793" s="166">
        <v>11541239.509999899</v>
      </c>
      <c r="BT1793" s="168">
        <v>0.70823195131973704</v>
      </c>
      <c r="BU1793" s="166">
        <v>1248167.7355720899</v>
      </c>
      <c r="BV1793" s="166">
        <v>8173874.5788157396</v>
      </c>
      <c r="BW1793" s="166">
        <v>0</v>
      </c>
      <c r="BX1793" s="166">
        <v>0</v>
      </c>
      <c r="BY1793" s="166">
        <v>0</v>
      </c>
      <c r="BZ1793" s="166">
        <v>0</v>
      </c>
      <c r="CA1793" s="166">
        <v>0</v>
      </c>
      <c r="CB1793" s="166">
        <v>0</v>
      </c>
      <c r="CC1793" s="166">
        <v>0</v>
      </c>
      <c r="CD1793" s="166">
        <v>0</v>
      </c>
      <c r="CE1793" s="166">
        <v>0</v>
      </c>
      <c r="CF1793" s="166">
        <v>0</v>
      </c>
      <c r="CG1793" s="166">
        <v>0</v>
      </c>
      <c r="CH1793" s="166">
        <v>0</v>
      </c>
      <c r="CI1793" s="166">
        <v>0</v>
      </c>
      <c r="CJ1793" s="166">
        <v>0</v>
      </c>
      <c r="CK1793" s="166">
        <v>0</v>
      </c>
      <c r="CL1793" s="166">
        <v>0</v>
      </c>
      <c r="CM1793" s="166">
        <v>0</v>
      </c>
      <c r="CN1793" s="166">
        <v>0</v>
      </c>
      <c r="CO1793" s="166">
        <v>0</v>
      </c>
      <c r="CP1793" s="166">
        <v>0</v>
      </c>
      <c r="CQ1793" s="166">
        <v>0</v>
      </c>
      <c r="CR1793" s="166">
        <v>0</v>
      </c>
      <c r="CS1793" s="166">
        <v>0</v>
      </c>
      <c r="CT1793" s="166">
        <v>0</v>
      </c>
      <c r="CU1793" s="166">
        <v>0</v>
      </c>
      <c r="CV1793" s="166">
        <v>0</v>
      </c>
      <c r="CW1793" s="166">
        <v>0</v>
      </c>
      <c r="CX1793" s="166">
        <v>0</v>
      </c>
      <c r="CY1793" s="166">
        <v>8173874.5788157396</v>
      </c>
      <c r="CZ1793" s="166">
        <v>8173874.5788157396</v>
      </c>
    </row>
    <row r="1794" spans="1:104" x14ac:dyDescent="0.2">
      <c r="A1794" s="167" t="s">
        <v>1073</v>
      </c>
      <c r="B1794" s="166">
        <v>11541239.51</v>
      </c>
      <c r="C1794" s="166">
        <v>11541239.51</v>
      </c>
      <c r="D1794" s="166">
        <v>0</v>
      </c>
      <c r="E1794" s="166">
        <v>0</v>
      </c>
      <c r="F1794" s="166">
        <v>0</v>
      </c>
      <c r="G1794" s="166">
        <v>0</v>
      </c>
      <c r="H1794" s="166">
        <v>0</v>
      </c>
      <c r="I1794" s="166">
        <v>0</v>
      </c>
      <c r="J1794" s="166">
        <v>0</v>
      </c>
      <c r="K1794" s="166">
        <v>0</v>
      </c>
      <c r="L1794" s="166">
        <v>0</v>
      </c>
      <c r="M1794" s="166">
        <v>0</v>
      </c>
      <c r="N1794" s="166">
        <v>0</v>
      </c>
      <c r="O1794" s="166">
        <v>0</v>
      </c>
      <c r="P1794" s="166">
        <v>0</v>
      </c>
      <c r="Q1794" s="166">
        <v>0</v>
      </c>
      <c r="R1794" s="166">
        <v>0</v>
      </c>
      <c r="S1794" s="166">
        <v>0</v>
      </c>
      <c r="T1794" s="166">
        <v>0</v>
      </c>
      <c r="U1794" s="166">
        <v>0</v>
      </c>
      <c r="V1794" s="166">
        <v>0</v>
      </c>
      <c r="W1794" s="166">
        <v>0</v>
      </c>
      <c r="X1794" s="166">
        <v>0</v>
      </c>
      <c r="Y1794" s="166">
        <v>0</v>
      </c>
      <c r="Z1794" s="166">
        <v>0</v>
      </c>
      <c r="AA1794" s="166">
        <v>0</v>
      </c>
      <c r="AB1794" s="166">
        <v>0</v>
      </c>
      <c r="AC1794" s="166">
        <v>0</v>
      </c>
      <c r="AD1794" s="166">
        <v>0</v>
      </c>
      <c r="AE1794" s="166">
        <v>0</v>
      </c>
      <c r="AF1794" s="166">
        <v>0</v>
      </c>
      <c r="AG1794" s="166">
        <v>0</v>
      </c>
      <c r="AH1794" s="166">
        <v>0</v>
      </c>
      <c r="AI1794" s="166">
        <v>0</v>
      </c>
      <c r="AJ1794" s="166">
        <v>0</v>
      </c>
      <c r="AK1794" s="166">
        <v>0</v>
      </c>
      <c r="AL1794" s="166">
        <v>0</v>
      </c>
      <c r="AM1794" s="166">
        <v>0</v>
      </c>
      <c r="AN1794" s="166">
        <v>0</v>
      </c>
      <c r="AO1794" s="166">
        <v>0</v>
      </c>
      <c r="AP1794" s="166">
        <v>0</v>
      </c>
      <c r="AQ1794" s="166">
        <v>0</v>
      </c>
      <c r="AR1794" s="166">
        <v>0</v>
      </c>
      <c r="AS1794" s="166">
        <v>0</v>
      </c>
      <c r="AT1794" s="166">
        <v>0</v>
      </c>
      <c r="AU1794" s="166">
        <v>0</v>
      </c>
      <c r="AV1794" s="166">
        <v>0</v>
      </c>
      <c r="AW1794" s="166">
        <v>0</v>
      </c>
      <c r="AX1794" s="166">
        <v>0</v>
      </c>
      <c r="AY1794" s="166">
        <v>0</v>
      </c>
      <c r="AZ1794" s="166">
        <v>0</v>
      </c>
      <c r="BA1794" s="166">
        <v>0</v>
      </c>
      <c r="BB1794" s="166">
        <v>0</v>
      </c>
      <c r="BC1794" s="166">
        <v>0</v>
      </c>
      <c r="BD1794" s="166">
        <v>0</v>
      </c>
      <c r="BE1794" s="166">
        <v>0</v>
      </c>
      <c r="BF1794" s="166">
        <v>0</v>
      </c>
      <c r="BG1794" s="166">
        <v>0</v>
      </c>
      <c r="BH1794" s="166">
        <v>0</v>
      </c>
      <c r="BI1794" s="166">
        <v>0</v>
      </c>
      <c r="BJ1794" s="166">
        <v>0</v>
      </c>
      <c r="BK1794" s="166">
        <v>0</v>
      </c>
      <c r="BL1794" s="166">
        <v>0</v>
      </c>
      <c r="BM1794" s="166">
        <v>0</v>
      </c>
      <c r="BN1794" s="166">
        <v>0</v>
      </c>
      <c r="BO1794" s="166">
        <v>0</v>
      </c>
      <c r="BP1794" s="166">
        <v>0</v>
      </c>
      <c r="BQ1794" s="166">
        <v>0</v>
      </c>
      <c r="BR1794" s="166">
        <v>11541239.51</v>
      </c>
      <c r="BS1794" s="166">
        <v>11541239.51</v>
      </c>
      <c r="BT1794" s="168">
        <v>0</v>
      </c>
      <c r="BU1794" s="166">
        <v>1248167.7355720899</v>
      </c>
      <c r="BV1794" s="166">
        <v>8173874.5788157396</v>
      </c>
      <c r="BW1794" s="166">
        <v>0</v>
      </c>
      <c r="BX1794" s="166">
        <v>0</v>
      </c>
      <c r="BY1794" s="166">
        <v>0</v>
      </c>
      <c r="BZ1794" s="166">
        <v>0</v>
      </c>
      <c r="CA1794" s="166">
        <v>0</v>
      </c>
      <c r="CB1794" s="166">
        <v>0</v>
      </c>
      <c r="CC1794" s="166">
        <v>0</v>
      </c>
      <c r="CD1794" s="166">
        <v>0</v>
      </c>
      <c r="CE1794" s="166">
        <v>0</v>
      </c>
      <c r="CF1794" s="166">
        <v>0</v>
      </c>
      <c r="CG1794" s="166">
        <v>0</v>
      </c>
      <c r="CH1794" s="166">
        <v>0</v>
      </c>
      <c r="CI1794" s="166">
        <v>0</v>
      </c>
      <c r="CJ1794" s="166">
        <v>0</v>
      </c>
      <c r="CK1794" s="166">
        <v>0</v>
      </c>
      <c r="CL1794" s="166">
        <v>0</v>
      </c>
      <c r="CM1794" s="166">
        <v>0</v>
      </c>
      <c r="CN1794" s="166">
        <v>0</v>
      </c>
      <c r="CO1794" s="166">
        <v>0</v>
      </c>
      <c r="CP1794" s="166">
        <v>0</v>
      </c>
      <c r="CQ1794" s="166">
        <v>0</v>
      </c>
      <c r="CR1794" s="166">
        <v>0</v>
      </c>
      <c r="CS1794" s="166">
        <v>0</v>
      </c>
      <c r="CT1794" s="166">
        <v>0</v>
      </c>
      <c r="CU1794" s="166">
        <v>0</v>
      </c>
      <c r="CV1794" s="166">
        <v>0</v>
      </c>
      <c r="CW1794" s="166">
        <v>0</v>
      </c>
      <c r="CX1794" s="166">
        <v>0</v>
      </c>
      <c r="CY1794" s="166">
        <v>8173874.5788157396</v>
      </c>
      <c r="CZ1794" s="166">
        <v>8173874.5788157396</v>
      </c>
    </row>
    <row r="1795" spans="1:104" x14ac:dyDescent="0.2">
      <c r="A1795" s="167" t="s">
        <v>204</v>
      </c>
    </row>
    <row r="1796" spans="1:104" x14ac:dyDescent="0.2">
      <c r="A1796" s="167" t="s">
        <v>1074</v>
      </c>
      <c r="B1796" s="166">
        <v>7280.6064063285703</v>
      </c>
      <c r="C1796" s="166">
        <v>7280.6064063285703</v>
      </c>
      <c r="D1796" s="166">
        <v>0</v>
      </c>
      <c r="E1796" s="166">
        <v>0</v>
      </c>
      <c r="F1796" s="166">
        <v>0</v>
      </c>
      <c r="G1796" s="166">
        <v>0</v>
      </c>
      <c r="H1796" s="166">
        <v>0</v>
      </c>
      <c r="I1796" s="166">
        <v>0</v>
      </c>
      <c r="J1796" s="166">
        <v>0</v>
      </c>
      <c r="K1796" s="166">
        <v>0</v>
      </c>
      <c r="L1796" s="166">
        <v>0</v>
      </c>
      <c r="M1796" s="166">
        <v>0</v>
      </c>
      <c r="N1796" s="166">
        <v>0</v>
      </c>
      <c r="O1796" s="166">
        <v>0</v>
      </c>
      <c r="P1796" s="166">
        <v>0</v>
      </c>
      <c r="Q1796" s="166">
        <v>0</v>
      </c>
      <c r="R1796" s="166">
        <v>0</v>
      </c>
      <c r="S1796" s="166">
        <v>0</v>
      </c>
      <c r="T1796" s="166">
        <v>0</v>
      </c>
      <c r="U1796" s="166">
        <v>0</v>
      </c>
      <c r="V1796" s="166">
        <v>0</v>
      </c>
      <c r="W1796" s="166">
        <v>0</v>
      </c>
      <c r="X1796" s="166">
        <v>0</v>
      </c>
      <c r="Y1796" s="166">
        <v>0</v>
      </c>
      <c r="Z1796" s="166">
        <v>0</v>
      </c>
      <c r="AA1796" s="166">
        <v>0</v>
      </c>
      <c r="AB1796" s="166">
        <v>0</v>
      </c>
      <c r="AC1796" s="166">
        <v>0</v>
      </c>
      <c r="AD1796" s="166">
        <v>0</v>
      </c>
      <c r="AE1796" s="166">
        <v>0</v>
      </c>
      <c r="AF1796" s="166">
        <v>0</v>
      </c>
      <c r="AG1796" s="166">
        <v>0</v>
      </c>
      <c r="AH1796" s="166">
        <v>0</v>
      </c>
      <c r="AI1796" s="166">
        <v>0</v>
      </c>
      <c r="AJ1796" s="166">
        <v>0</v>
      </c>
      <c r="AK1796" s="166">
        <v>0</v>
      </c>
      <c r="AL1796" s="166">
        <v>0</v>
      </c>
      <c r="AM1796" s="166">
        <v>0</v>
      </c>
      <c r="AN1796" s="166">
        <v>0</v>
      </c>
      <c r="AO1796" s="166">
        <v>0</v>
      </c>
      <c r="AP1796" s="166">
        <v>0</v>
      </c>
      <c r="AQ1796" s="166">
        <v>0</v>
      </c>
      <c r="AR1796" s="166">
        <v>0</v>
      </c>
      <c r="AS1796" s="166">
        <v>0</v>
      </c>
      <c r="AT1796" s="166">
        <v>0</v>
      </c>
      <c r="AU1796" s="166">
        <v>0</v>
      </c>
      <c r="AV1796" s="166">
        <v>0</v>
      </c>
      <c r="AW1796" s="166">
        <v>0</v>
      </c>
      <c r="AX1796" s="166">
        <v>0</v>
      </c>
      <c r="AY1796" s="166">
        <v>0</v>
      </c>
      <c r="AZ1796" s="166">
        <v>0</v>
      </c>
      <c r="BA1796" s="166">
        <v>0</v>
      </c>
      <c r="BB1796" s="166">
        <v>0</v>
      </c>
      <c r="BC1796" s="166">
        <v>0</v>
      </c>
      <c r="BD1796" s="166">
        <v>0</v>
      </c>
      <c r="BE1796" s="166">
        <v>0</v>
      </c>
      <c r="BF1796" s="166">
        <v>0</v>
      </c>
      <c r="BG1796" s="166">
        <v>0</v>
      </c>
      <c r="BH1796" s="166">
        <v>0</v>
      </c>
      <c r="BI1796" s="166">
        <v>0</v>
      </c>
      <c r="BJ1796" s="166">
        <v>0</v>
      </c>
      <c r="BK1796" s="166">
        <v>0</v>
      </c>
      <c r="BL1796" s="166">
        <v>0</v>
      </c>
      <c r="BM1796" s="166">
        <v>0</v>
      </c>
      <c r="BN1796" s="166">
        <v>0</v>
      </c>
      <c r="BO1796" s="166">
        <v>0</v>
      </c>
      <c r="BP1796" s="166">
        <v>0</v>
      </c>
      <c r="BQ1796" s="166">
        <v>0</v>
      </c>
      <c r="BR1796" s="166">
        <v>7280.6064063285703</v>
      </c>
      <c r="BS1796" s="166">
        <v>7280.6064063285703</v>
      </c>
      <c r="BT1796" s="168">
        <v>0.999998123540776</v>
      </c>
      <c r="BU1796" s="166">
        <v>86.963692034907098</v>
      </c>
      <c r="BV1796" s="166">
        <v>7280.5927445675297</v>
      </c>
      <c r="BW1796" s="166">
        <v>0</v>
      </c>
      <c r="BX1796" s="166">
        <v>0</v>
      </c>
      <c r="BY1796" s="166">
        <v>0</v>
      </c>
      <c r="BZ1796" s="166">
        <v>0</v>
      </c>
      <c r="CA1796" s="166">
        <v>0</v>
      </c>
      <c r="CB1796" s="166">
        <v>0</v>
      </c>
      <c r="CC1796" s="166">
        <v>0</v>
      </c>
      <c r="CD1796" s="166">
        <v>0</v>
      </c>
      <c r="CE1796" s="166">
        <v>0</v>
      </c>
      <c r="CF1796" s="166">
        <v>0</v>
      </c>
      <c r="CG1796" s="166">
        <v>0</v>
      </c>
      <c r="CH1796" s="166">
        <v>0</v>
      </c>
      <c r="CI1796" s="166">
        <v>0</v>
      </c>
      <c r="CJ1796" s="166">
        <v>0</v>
      </c>
      <c r="CK1796" s="166">
        <v>0</v>
      </c>
      <c r="CL1796" s="166">
        <v>0</v>
      </c>
      <c r="CM1796" s="166">
        <v>0</v>
      </c>
      <c r="CN1796" s="166">
        <v>0</v>
      </c>
      <c r="CO1796" s="166">
        <v>0</v>
      </c>
      <c r="CP1796" s="166">
        <v>0</v>
      </c>
      <c r="CQ1796" s="166">
        <v>0</v>
      </c>
      <c r="CR1796" s="166">
        <v>0</v>
      </c>
      <c r="CS1796" s="166">
        <v>0</v>
      </c>
      <c r="CT1796" s="166">
        <v>0</v>
      </c>
      <c r="CU1796" s="166">
        <v>0</v>
      </c>
      <c r="CV1796" s="166">
        <v>0</v>
      </c>
      <c r="CW1796" s="166">
        <v>0</v>
      </c>
      <c r="CX1796" s="166">
        <v>0</v>
      </c>
      <c r="CY1796" s="166">
        <v>7280.5927445675297</v>
      </c>
      <c r="CZ1796" s="166">
        <v>7280.5927445675297</v>
      </c>
    </row>
    <row r="1797" spans="1:104" x14ac:dyDescent="0.2">
      <c r="A1797" s="167" t="s">
        <v>1075</v>
      </c>
      <c r="B1797" s="166">
        <v>230.18760349981699</v>
      </c>
      <c r="C1797" s="166">
        <v>230.18760349981699</v>
      </c>
      <c r="D1797" s="166">
        <v>0</v>
      </c>
      <c r="E1797" s="166">
        <v>0</v>
      </c>
      <c r="F1797" s="166">
        <v>0</v>
      </c>
      <c r="G1797" s="166">
        <v>0</v>
      </c>
      <c r="H1797" s="166">
        <v>0</v>
      </c>
      <c r="I1797" s="166">
        <v>0</v>
      </c>
      <c r="J1797" s="166">
        <v>0</v>
      </c>
      <c r="K1797" s="166">
        <v>0</v>
      </c>
      <c r="L1797" s="166">
        <v>0</v>
      </c>
      <c r="M1797" s="166">
        <v>0</v>
      </c>
      <c r="N1797" s="166">
        <v>0</v>
      </c>
      <c r="O1797" s="166">
        <v>0</v>
      </c>
      <c r="P1797" s="166">
        <v>0</v>
      </c>
      <c r="Q1797" s="166">
        <v>0</v>
      </c>
      <c r="R1797" s="166">
        <v>0</v>
      </c>
      <c r="S1797" s="166">
        <v>0</v>
      </c>
      <c r="T1797" s="166">
        <v>0</v>
      </c>
      <c r="U1797" s="166">
        <v>0</v>
      </c>
      <c r="V1797" s="166">
        <v>0</v>
      </c>
      <c r="W1797" s="166">
        <v>0</v>
      </c>
      <c r="X1797" s="166">
        <v>0</v>
      </c>
      <c r="Y1797" s="166">
        <v>0</v>
      </c>
      <c r="Z1797" s="166">
        <v>0</v>
      </c>
      <c r="AA1797" s="166">
        <v>0</v>
      </c>
      <c r="AB1797" s="166">
        <v>0</v>
      </c>
      <c r="AC1797" s="166">
        <v>0</v>
      </c>
      <c r="AD1797" s="166">
        <v>0</v>
      </c>
      <c r="AE1797" s="166">
        <v>0</v>
      </c>
      <c r="AF1797" s="166">
        <v>0</v>
      </c>
      <c r="AG1797" s="166">
        <v>0</v>
      </c>
      <c r="AH1797" s="166">
        <v>0</v>
      </c>
      <c r="AI1797" s="166">
        <v>0</v>
      </c>
      <c r="AJ1797" s="166">
        <v>0</v>
      </c>
      <c r="AK1797" s="166">
        <v>0</v>
      </c>
      <c r="AL1797" s="166">
        <v>0</v>
      </c>
      <c r="AM1797" s="166">
        <v>0</v>
      </c>
      <c r="AN1797" s="166">
        <v>0</v>
      </c>
      <c r="AO1797" s="166">
        <v>0</v>
      </c>
      <c r="AP1797" s="166">
        <v>0</v>
      </c>
      <c r="AQ1797" s="166">
        <v>0</v>
      </c>
      <c r="AR1797" s="166">
        <v>0</v>
      </c>
      <c r="AS1797" s="166">
        <v>0</v>
      </c>
      <c r="AT1797" s="166">
        <v>0</v>
      </c>
      <c r="AU1797" s="166">
        <v>0</v>
      </c>
      <c r="AV1797" s="166">
        <v>0</v>
      </c>
      <c r="AW1797" s="166">
        <v>0</v>
      </c>
      <c r="AX1797" s="166">
        <v>0</v>
      </c>
      <c r="AY1797" s="166">
        <v>0</v>
      </c>
      <c r="AZ1797" s="166">
        <v>0</v>
      </c>
      <c r="BA1797" s="166">
        <v>0</v>
      </c>
      <c r="BB1797" s="166">
        <v>0</v>
      </c>
      <c r="BC1797" s="166">
        <v>0</v>
      </c>
      <c r="BD1797" s="166">
        <v>0</v>
      </c>
      <c r="BE1797" s="166">
        <v>0</v>
      </c>
      <c r="BF1797" s="166">
        <v>0</v>
      </c>
      <c r="BG1797" s="166">
        <v>0</v>
      </c>
      <c r="BH1797" s="166">
        <v>0</v>
      </c>
      <c r="BI1797" s="166">
        <v>0</v>
      </c>
      <c r="BJ1797" s="166">
        <v>0</v>
      </c>
      <c r="BK1797" s="166">
        <v>0</v>
      </c>
      <c r="BL1797" s="166">
        <v>0</v>
      </c>
      <c r="BM1797" s="166">
        <v>0</v>
      </c>
      <c r="BN1797" s="166">
        <v>0</v>
      </c>
      <c r="BO1797" s="166">
        <v>0</v>
      </c>
      <c r="BP1797" s="166">
        <v>0</v>
      </c>
      <c r="BQ1797" s="166">
        <v>0</v>
      </c>
      <c r="BR1797" s="166">
        <v>230.18760349981699</v>
      </c>
      <c r="BS1797" s="166">
        <v>230.18760349981699</v>
      </c>
      <c r="BT1797" s="168">
        <v>0.95155251400307195</v>
      </c>
      <c r="BU1797" s="166">
        <v>2.6162902534798298</v>
      </c>
      <c r="BV1797" s="166">
        <v>219.03559280259299</v>
      </c>
      <c r="BW1797" s="166">
        <v>0</v>
      </c>
      <c r="BX1797" s="166">
        <v>0</v>
      </c>
      <c r="BY1797" s="166">
        <v>0</v>
      </c>
      <c r="BZ1797" s="166">
        <v>0</v>
      </c>
      <c r="CA1797" s="166">
        <v>0</v>
      </c>
      <c r="CB1797" s="166">
        <v>0</v>
      </c>
      <c r="CC1797" s="166">
        <v>0</v>
      </c>
      <c r="CD1797" s="166">
        <v>0</v>
      </c>
      <c r="CE1797" s="166">
        <v>0</v>
      </c>
      <c r="CF1797" s="166">
        <v>0</v>
      </c>
      <c r="CG1797" s="166">
        <v>0</v>
      </c>
      <c r="CH1797" s="166">
        <v>0</v>
      </c>
      <c r="CI1797" s="166">
        <v>0</v>
      </c>
      <c r="CJ1797" s="166">
        <v>0</v>
      </c>
      <c r="CK1797" s="166">
        <v>0</v>
      </c>
      <c r="CL1797" s="166">
        <v>0</v>
      </c>
      <c r="CM1797" s="166">
        <v>0</v>
      </c>
      <c r="CN1797" s="166">
        <v>0</v>
      </c>
      <c r="CO1797" s="166">
        <v>0</v>
      </c>
      <c r="CP1797" s="166">
        <v>0</v>
      </c>
      <c r="CQ1797" s="166">
        <v>0</v>
      </c>
      <c r="CR1797" s="166">
        <v>0</v>
      </c>
      <c r="CS1797" s="166">
        <v>0</v>
      </c>
      <c r="CT1797" s="166">
        <v>0</v>
      </c>
      <c r="CU1797" s="166">
        <v>0</v>
      </c>
      <c r="CV1797" s="166">
        <v>0</v>
      </c>
      <c r="CW1797" s="166">
        <v>0</v>
      </c>
      <c r="CX1797" s="166">
        <v>0</v>
      </c>
      <c r="CY1797" s="166">
        <v>219.03559280259299</v>
      </c>
      <c r="CZ1797" s="166">
        <v>219.03559280259299</v>
      </c>
    </row>
    <row r="1798" spans="1:104" x14ac:dyDescent="0.2">
      <c r="A1798" s="167" t="s">
        <v>1076</v>
      </c>
      <c r="B1798" s="166">
        <v>1660.5336498138199</v>
      </c>
      <c r="C1798" s="166">
        <v>1660.5336498138199</v>
      </c>
      <c r="D1798" s="166">
        <v>0</v>
      </c>
      <c r="E1798" s="166">
        <v>0</v>
      </c>
      <c r="F1798" s="166">
        <v>0</v>
      </c>
      <c r="G1798" s="166">
        <v>0</v>
      </c>
      <c r="H1798" s="166">
        <v>0</v>
      </c>
      <c r="I1798" s="166">
        <v>0</v>
      </c>
      <c r="J1798" s="166">
        <v>0</v>
      </c>
      <c r="K1798" s="166">
        <v>0</v>
      </c>
      <c r="L1798" s="166">
        <v>0</v>
      </c>
      <c r="M1798" s="166">
        <v>0</v>
      </c>
      <c r="N1798" s="166">
        <v>0</v>
      </c>
      <c r="O1798" s="166">
        <v>0</v>
      </c>
      <c r="P1798" s="166">
        <v>0</v>
      </c>
      <c r="Q1798" s="166">
        <v>0</v>
      </c>
      <c r="R1798" s="166">
        <v>0</v>
      </c>
      <c r="S1798" s="166">
        <v>0</v>
      </c>
      <c r="T1798" s="166">
        <v>0</v>
      </c>
      <c r="U1798" s="166">
        <v>0</v>
      </c>
      <c r="V1798" s="166">
        <v>0</v>
      </c>
      <c r="W1798" s="166">
        <v>0</v>
      </c>
      <c r="X1798" s="166">
        <v>0</v>
      </c>
      <c r="Y1798" s="166">
        <v>0</v>
      </c>
      <c r="Z1798" s="166">
        <v>0</v>
      </c>
      <c r="AA1798" s="166">
        <v>0</v>
      </c>
      <c r="AB1798" s="166">
        <v>0</v>
      </c>
      <c r="AC1798" s="166">
        <v>0</v>
      </c>
      <c r="AD1798" s="166">
        <v>0</v>
      </c>
      <c r="AE1798" s="166">
        <v>0</v>
      </c>
      <c r="AF1798" s="166">
        <v>0</v>
      </c>
      <c r="AG1798" s="166">
        <v>0</v>
      </c>
      <c r="AH1798" s="166">
        <v>0</v>
      </c>
      <c r="AI1798" s="166">
        <v>0</v>
      </c>
      <c r="AJ1798" s="166">
        <v>0</v>
      </c>
      <c r="AK1798" s="166">
        <v>0</v>
      </c>
      <c r="AL1798" s="166">
        <v>0</v>
      </c>
      <c r="AM1798" s="166">
        <v>0</v>
      </c>
      <c r="AN1798" s="166">
        <v>0</v>
      </c>
      <c r="AO1798" s="166">
        <v>0</v>
      </c>
      <c r="AP1798" s="166">
        <v>0</v>
      </c>
      <c r="AQ1798" s="166">
        <v>0</v>
      </c>
      <c r="AR1798" s="166">
        <v>0</v>
      </c>
      <c r="AS1798" s="166">
        <v>0</v>
      </c>
      <c r="AT1798" s="166">
        <v>0</v>
      </c>
      <c r="AU1798" s="166">
        <v>0</v>
      </c>
      <c r="AV1798" s="166">
        <v>0</v>
      </c>
      <c r="AW1798" s="166">
        <v>0</v>
      </c>
      <c r="AX1798" s="166">
        <v>0</v>
      </c>
      <c r="AY1798" s="166">
        <v>0</v>
      </c>
      <c r="AZ1798" s="166">
        <v>0</v>
      </c>
      <c r="BA1798" s="166">
        <v>0</v>
      </c>
      <c r="BB1798" s="166">
        <v>0</v>
      </c>
      <c r="BC1798" s="166">
        <v>0</v>
      </c>
      <c r="BD1798" s="166">
        <v>0</v>
      </c>
      <c r="BE1798" s="166">
        <v>0</v>
      </c>
      <c r="BF1798" s="166">
        <v>0</v>
      </c>
      <c r="BG1798" s="166">
        <v>0</v>
      </c>
      <c r="BH1798" s="166">
        <v>0</v>
      </c>
      <c r="BI1798" s="166">
        <v>0</v>
      </c>
      <c r="BJ1798" s="166">
        <v>0</v>
      </c>
      <c r="BK1798" s="166">
        <v>0</v>
      </c>
      <c r="BL1798" s="166">
        <v>0</v>
      </c>
      <c r="BM1798" s="166">
        <v>0</v>
      </c>
      <c r="BN1798" s="166">
        <v>0</v>
      </c>
      <c r="BO1798" s="166">
        <v>0</v>
      </c>
      <c r="BP1798" s="166">
        <v>0</v>
      </c>
      <c r="BQ1798" s="166">
        <v>0</v>
      </c>
      <c r="BR1798" s="166">
        <v>1660.5336498138199</v>
      </c>
      <c r="BS1798" s="166">
        <v>1660.5336498138199</v>
      </c>
      <c r="BT1798" s="168">
        <v>0.97647221562039299</v>
      </c>
      <c r="BU1798" s="166">
        <v>19.367733566515199</v>
      </c>
      <c r="BV1798" s="166">
        <v>1621.46497214592</v>
      </c>
      <c r="BW1798" s="166">
        <v>0</v>
      </c>
      <c r="BX1798" s="166">
        <v>0</v>
      </c>
      <c r="BY1798" s="166">
        <v>0</v>
      </c>
      <c r="BZ1798" s="166">
        <v>0</v>
      </c>
      <c r="CA1798" s="166">
        <v>0</v>
      </c>
      <c r="CB1798" s="166">
        <v>0</v>
      </c>
      <c r="CC1798" s="166">
        <v>0</v>
      </c>
      <c r="CD1798" s="166">
        <v>0</v>
      </c>
      <c r="CE1798" s="166">
        <v>0</v>
      </c>
      <c r="CF1798" s="166">
        <v>0</v>
      </c>
      <c r="CG1798" s="166">
        <v>0</v>
      </c>
      <c r="CH1798" s="166">
        <v>0</v>
      </c>
      <c r="CI1798" s="166">
        <v>0</v>
      </c>
      <c r="CJ1798" s="166">
        <v>0</v>
      </c>
      <c r="CK1798" s="166">
        <v>0</v>
      </c>
      <c r="CL1798" s="166">
        <v>0</v>
      </c>
      <c r="CM1798" s="166">
        <v>0</v>
      </c>
      <c r="CN1798" s="166">
        <v>0</v>
      </c>
      <c r="CO1798" s="166">
        <v>0</v>
      </c>
      <c r="CP1798" s="166">
        <v>0</v>
      </c>
      <c r="CQ1798" s="166">
        <v>0</v>
      </c>
      <c r="CR1798" s="166">
        <v>0</v>
      </c>
      <c r="CS1798" s="166">
        <v>0</v>
      </c>
      <c r="CT1798" s="166">
        <v>0</v>
      </c>
      <c r="CU1798" s="166">
        <v>0</v>
      </c>
      <c r="CV1798" s="166">
        <v>0</v>
      </c>
      <c r="CW1798" s="166">
        <v>0</v>
      </c>
      <c r="CX1798" s="166">
        <v>0</v>
      </c>
      <c r="CY1798" s="166">
        <v>1621.46497214592</v>
      </c>
      <c r="CZ1798" s="166">
        <v>1621.46497214592</v>
      </c>
    </row>
    <row r="1799" spans="1:104" x14ac:dyDescent="0.2">
      <c r="A1799" s="167" t="s">
        <v>208</v>
      </c>
      <c r="B1799" s="166">
        <v>5312.0387949903497</v>
      </c>
      <c r="C1799" s="166">
        <v>5312.0387949903497</v>
      </c>
      <c r="D1799" s="166">
        <v>0</v>
      </c>
      <c r="E1799" s="166">
        <v>0</v>
      </c>
      <c r="F1799" s="166">
        <v>0</v>
      </c>
      <c r="G1799" s="166">
        <v>0</v>
      </c>
      <c r="H1799" s="166">
        <v>0</v>
      </c>
      <c r="I1799" s="166">
        <v>0</v>
      </c>
      <c r="J1799" s="166">
        <v>0</v>
      </c>
      <c r="K1799" s="166">
        <v>0</v>
      </c>
      <c r="L1799" s="166">
        <v>0</v>
      </c>
      <c r="M1799" s="166">
        <v>0</v>
      </c>
      <c r="N1799" s="166">
        <v>0</v>
      </c>
      <c r="O1799" s="166">
        <v>0</v>
      </c>
      <c r="P1799" s="166">
        <v>0</v>
      </c>
      <c r="Q1799" s="166">
        <v>0</v>
      </c>
      <c r="R1799" s="166">
        <v>0</v>
      </c>
      <c r="S1799" s="166">
        <v>0</v>
      </c>
      <c r="T1799" s="166">
        <v>0</v>
      </c>
      <c r="U1799" s="166">
        <v>0</v>
      </c>
      <c r="V1799" s="166">
        <v>0</v>
      </c>
      <c r="W1799" s="166">
        <v>0</v>
      </c>
      <c r="X1799" s="166">
        <v>0</v>
      </c>
      <c r="Y1799" s="166">
        <v>0</v>
      </c>
      <c r="Z1799" s="166">
        <v>0</v>
      </c>
      <c r="AA1799" s="166">
        <v>0</v>
      </c>
      <c r="AB1799" s="166">
        <v>0</v>
      </c>
      <c r="AC1799" s="166">
        <v>0</v>
      </c>
      <c r="AD1799" s="166">
        <v>0</v>
      </c>
      <c r="AE1799" s="166">
        <v>0</v>
      </c>
      <c r="AF1799" s="166">
        <v>0</v>
      </c>
      <c r="AG1799" s="166">
        <v>0</v>
      </c>
      <c r="AH1799" s="166">
        <v>0</v>
      </c>
      <c r="AI1799" s="166">
        <v>0</v>
      </c>
      <c r="AJ1799" s="166">
        <v>0</v>
      </c>
      <c r="AK1799" s="166">
        <v>0</v>
      </c>
      <c r="AL1799" s="166">
        <v>0</v>
      </c>
      <c r="AM1799" s="166">
        <v>0</v>
      </c>
      <c r="AN1799" s="166">
        <v>0</v>
      </c>
      <c r="AO1799" s="166">
        <v>0</v>
      </c>
      <c r="AP1799" s="166">
        <v>0</v>
      </c>
      <c r="AQ1799" s="166">
        <v>0</v>
      </c>
      <c r="AR1799" s="166">
        <v>0</v>
      </c>
      <c r="AS1799" s="166">
        <v>0</v>
      </c>
      <c r="AT1799" s="166">
        <v>0</v>
      </c>
      <c r="AU1799" s="166">
        <v>0</v>
      </c>
      <c r="AV1799" s="166">
        <v>0</v>
      </c>
      <c r="AW1799" s="166">
        <v>0</v>
      </c>
      <c r="AX1799" s="166">
        <v>0</v>
      </c>
      <c r="AY1799" s="166">
        <v>0</v>
      </c>
      <c r="AZ1799" s="166">
        <v>0</v>
      </c>
      <c r="BA1799" s="166">
        <v>0</v>
      </c>
      <c r="BB1799" s="166">
        <v>0</v>
      </c>
      <c r="BC1799" s="166">
        <v>0</v>
      </c>
      <c r="BD1799" s="166">
        <v>0</v>
      </c>
      <c r="BE1799" s="166">
        <v>0</v>
      </c>
      <c r="BF1799" s="166">
        <v>0</v>
      </c>
      <c r="BG1799" s="166">
        <v>0</v>
      </c>
      <c r="BH1799" s="166">
        <v>0</v>
      </c>
      <c r="BI1799" s="166">
        <v>0</v>
      </c>
      <c r="BJ1799" s="166">
        <v>0</v>
      </c>
      <c r="BK1799" s="166">
        <v>0</v>
      </c>
      <c r="BL1799" s="166">
        <v>0</v>
      </c>
      <c r="BM1799" s="166">
        <v>0</v>
      </c>
      <c r="BN1799" s="166">
        <v>0</v>
      </c>
      <c r="BO1799" s="166">
        <v>0</v>
      </c>
      <c r="BP1799" s="166">
        <v>0</v>
      </c>
      <c r="BQ1799" s="166">
        <v>0</v>
      </c>
      <c r="BR1799" s="166">
        <v>5312.0387949903497</v>
      </c>
      <c r="BS1799" s="166">
        <v>5312.0387949903497</v>
      </c>
      <c r="BT1799" s="168">
        <v>0.999998123540776</v>
      </c>
      <c r="BU1799" s="166">
        <v>63.450004033108002</v>
      </c>
      <c r="BV1799" s="166">
        <v>5312.0288271661602</v>
      </c>
      <c r="BW1799" s="166">
        <v>0</v>
      </c>
      <c r="BX1799" s="166">
        <v>0</v>
      </c>
      <c r="BY1799" s="166">
        <v>0</v>
      </c>
      <c r="BZ1799" s="166">
        <v>0</v>
      </c>
      <c r="CA1799" s="166">
        <v>0</v>
      </c>
      <c r="CB1799" s="166">
        <v>0</v>
      </c>
      <c r="CC1799" s="166">
        <v>0</v>
      </c>
      <c r="CD1799" s="166">
        <v>0</v>
      </c>
      <c r="CE1799" s="166">
        <v>0</v>
      </c>
      <c r="CF1799" s="166">
        <v>0</v>
      </c>
      <c r="CG1799" s="166">
        <v>0</v>
      </c>
      <c r="CH1799" s="166">
        <v>0</v>
      </c>
      <c r="CI1799" s="166">
        <v>0</v>
      </c>
      <c r="CJ1799" s="166">
        <v>0</v>
      </c>
      <c r="CK1799" s="166">
        <v>0</v>
      </c>
      <c r="CL1799" s="166">
        <v>0</v>
      </c>
      <c r="CM1799" s="166">
        <v>0</v>
      </c>
      <c r="CN1799" s="166">
        <v>0</v>
      </c>
      <c r="CO1799" s="166">
        <v>0</v>
      </c>
      <c r="CP1799" s="166">
        <v>0</v>
      </c>
      <c r="CQ1799" s="166">
        <v>0</v>
      </c>
      <c r="CR1799" s="166">
        <v>0</v>
      </c>
      <c r="CS1799" s="166">
        <v>0</v>
      </c>
      <c r="CT1799" s="166">
        <v>0</v>
      </c>
      <c r="CU1799" s="166">
        <v>0</v>
      </c>
      <c r="CV1799" s="166">
        <v>0</v>
      </c>
      <c r="CW1799" s="166">
        <v>0</v>
      </c>
      <c r="CX1799" s="166">
        <v>0</v>
      </c>
      <c r="CY1799" s="166">
        <v>5312.0288271661602</v>
      </c>
      <c r="CZ1799" s="166">
        <v>5312.0288271661602</v>
      </c>
    </row>
    <row r="1800" spans="1:104" x14ac:dyDescent="0.2">
      <c r="A1800" s="167" t="s">
        <v>209</v>
      </c>
      <c r="B1800" s="166">
        <v>4170.2715044816596</v>
      </c>
      <c r="C1800" s="166">
        <v>4170.2715044816596</v>
      </c>
      <c r="D1800" s="166">
        <v>0</v>
      </c>
      <c r="E1800" s="166">
        <v>0</v>
      </c>
      <c r="F1800" s="166">
        <v>0</v>
      </c>
      <c r="G1800" s="166">
        <v>0</v>
      </c>
      <c r="H1800" s="166">
        <v>0</v>
      </c>
      <c r="I1800" s="166">
        <v>0</v>
      </c>
      <c r="J1800" s="166">
        <v>0</v>
      </c>
      <c r="K1800" s="166">
        <v>0</v>
      </c>
      <c r="L1800" s="166">
        <v>0</v>
      </c>
      <c r="M1800" s="166">
        <v>0</v>
      </c>
      <c r="N1800" s="166">
        <v>0</v>
      </c>
      <c r="O1800" s="166">
        <v>0</v>
      </c>
      <c r="P1800" s="166">
        <v>0</v>
      </c>
      <c r="Q1800" s="166">
        <v>0</v>
      </c>
      <c r="R1800" s="166">
        <v>0</v>
      </c>
      <c r="S1800" s="166">
        <v>0</v>
      </c>
      <c r="T1800" s="166">
        <v>0</v>
      </c>
      <c r="U1800" s="166">
        <v>0</v>
      </c>
      <c r="V1800" s="166">
        <v>0</v>
      </c>
      <c r="W1800" s="166">
        <v>0</v>
      </c>
      <c r="X1800" s="166">
        <v>0</v>
      </c>
      <c r="Y1800" s="166">
        <v>0</v>
      </c>
      <c r="Z1800" s="166">
        <v>0</v>
      </c>
      <c r="AA1800" s="166">
        <v>0</v>
      </c>
      <c r="AB1800" s="166">
        <v>0</v>
      </c>
      <c r="AC1800" s="166">
        <v>0</v>
      </c>
      <c r="AD1800" s="166">
        <v>0</v>
      </c>
      <c r="AE1800" s="166">
        <v>0</v>
      </c>
      <c r="AF1800" s="166">
        <v>0</v>
      </c>
      <c r="AG1800" s="166">
        <v>0</v>
      </c>
      <c r="AH1800" s="166">
        <v>0</v>
      </c>
      <c r="AI1800" s="166">
        <v>0</v>
      </c>
      <c r="AJ1800" s="166">
        <v>0</v>
      </c>
      <c r="AK1800" s="166">
        <v>0</v>
      </c>
      <c r="AL1800" s="166">
        <v>0</v>
      </c>
      <c r="AM1800" s="166">
        <v>0</v>
      </c>
      <c r="AN1800" s="166">
        <v>0</v>
      </c>
      <c r="AO1800" s="166">
        <v>0</v>
      </c>
      <c r="AP1800" s="166">
        <v>0</v>
      </c>
      <c r="AQ1800" s="166">
        <v>0</v>
      </c>
      <c r="AR1800" s="166">
        <v>0</v>
      </c>
      <c r="AS1800" s="166">
        <v>0</v>
      </c>
      <c r="AT1800" s="166">
        <v>0</v>
      </c>
      <c r="AU1800" s="166">
        <v>0</v>
      </c>
      <c r="AV1800" s="166">
        <v>0</v>
      </c>
      <c r="AW1800" s="166">
        <v>0</v>
      </c>
      <c r="AX1800" s="166">
        <v>0</v>
      </c>
      <c r="AY1800" s="166">
        <v>0</v>
      </c>
      <c r="AZ1800" s="166">
        <v>0</v>
      </c>
      <c r="BA1800" s="166">
        <v>0</v>
      </c>
      <c r="BB1800" s="166">
        <v>0</v>
      </c>
      <c r="BC1800" s="166">
        <v>0</v>
      </c>
      <c r="BD1800" s="166">
        <v>0</v>
      </c>
      <c r="BE1800" s="166">
        <v>0</v>
      </c>
      <c r="BF1800" s="166">
        <v>0</v>
      </c>
      <c r="BG1800" s="166">
        <v>0</v>
      </c>
      <c r="BH1800" s="166">
        <v>0</v>
      </c>
      <c r="BI1800" s="166">
        <v>0</v>
      </c>
      <c r="BJ1800" s="166">
        <v>0</v>
      </c>
      <c r="BK1800" s="166">
        <v>0</v>
      </c>
      <c r="BL1800" s="166">
        <v>0</v>
      </c>
      <c r="BM1800" s="166">
        <v>0</v>
      </c>
      <c r="BN1800" s="166">
        <v>0</v>
      </c>
      <c r="BO1800" s="166">
        <v>0</v>
      </c>
      <c r="BP1800" s="166">
        <v>0</v>
      </c>
      <c r="BQ1800" s="166">
        <v>0</v>
      </c>
      <c r="BR1800" s="166">
        <v>4170.2715044816596</v>
      </c>
      <c r="BS1800" s="166">
        <v>4170.2715044816596</v>
      </c>
      <c r="BT1800" s="166">
        <v>1000</v>
      </c>
      <c r="BU1800" s="166">
        <v>49.8121814447451</v>
      </c>
      <c r="BV1800" s="166">
        <v>4170.2715044816596</v>
      </c>
      <c r="BW1800" s="166">
        <v>0</v>
      </c>
      <c r="BX1800" s="166">
        <v>0</v>
      </c>
      <c r="BY1800" s="166">
        <v>0</v>
      </c>
      <c r="BZ1800" s="166">
        <v>0</v>
      </c>
      <c r="CA1800" s="166">
        <v>0</v>
      </c>
      <c r="CB1800" s="166">
        <v>0</v>
      </c>
      <c r="CC1800" s="166">
        <v>0</v>
      </c>
      <c r="CD1800" s="166">
        <v>0</v>
      </c>
      <c r="CE1800" s="166">
        <v>0</v>
      </c>
      <c r="CF1800" s="166">
        <v>0</v>
      </c>
      <c r="CG1800" s="166">
        <v>0</v>
      </c>
      <c r="CH1800" s="166">
        <v>0</v>
      </c>
      <c r="CI1800" s="166">
        <v>0</v>
      </c>
      <c r="CJ1800" s="166">
        <v>0</v>
      </c>
      <c r="CK1800" s="166">
        <v>0</v>
      </c>
      <c r="CL1800" s="166">
        <v>0</v>
      </c>
      <c r="CM1800" s="166">
        <v>0</v>
      </c>
      <c r="CN1800" s="166">
        <v>0</v>
      </c>
      <c r="CO1800" s="166">
        <v>0</v>
      </c>
      <c r="CP1800" s="166">
        <v>0</v>
      </c>
      <c r="CQ1800" s="166">
        <v>0</v>
      </c>
      <c r="CR1800" s="166">
        <v>0</v>
      </c>
      <c r="CS1800" s="166">
        <v>0</v>
      </c>
      <c r="CT1800" s="166">
        <v>0</v>
      </c>
      <c r="CU1800" s="166">
        <v>0</v>
      </c>
      <c r="CV1800" s="166">
        <v>0</v>
      </c>
      <c r="CW1800" s="166">
        <v>0</v>
      </c>
      <c r="CX1800" s="166">
        <v>0</v>
      </c>
      <c r="CY1800" s="166">
        <v>4170.2715044816596</v>
      </c>
      <c r="CZ1800" s="166">
        <v>4170.2715044816596</v>
      </c>
    </row>
    <row r="1801" spans="1:104" x14ac:dyDescent="0.2">
      <c r="A1801" s="167" t="s">
        <v>1077</v>
      </c>
      <c r="B1801" s="166">
        <v>635602.39204088505</v>
      </c>
      <c r="C1801" s="166">
        <v>635602.39204088505</v>
      </c>
      <c r="D1801" s="166">
        <v>0</v>
      </c>
      <c r="E1801" s="166">
        <v>0</v>
      </c>
      <c r="F1801" s="166">
        <v>0</v>
      </c>
      <c r="G1801" s="166">
        <v>0</v>
      </c>
      <c r="H1801" s="166">
        <v>0</v>
      </c>
      <c r="I1801" s="166">
        <v>0</v>
      </c>
      <c r="J1801" s="166">
        <v>0</v>
      </c>
      <c r="K1801" s="166">
        <v>0</v>
      </c>
      <c r="L1801" s="166">
        <v>0</v>
      </c>
      <c r="M1801" s="166">
        <v>0</v>
      </c>
      <c r="N1801" s="166">
        <v>0</v>
      </c>
      <c r="O1801" s="166">
        <v>0</v>
      </c>
      <c r="P1801" s="166">
        <v>0</v>
      </c>
      <c r="Q1801" s="166">
        <v>0</v>
      </c>
      <c r="R1801" s="166">
        <v>0</v>
      </c>
      <c r="S1801" s="166">
        <v>0</v>
      </c>
      <c r="T1801" s="166">
        <v>0</v>
      </c>
      <c r="U1801" s="166">
        <v>0</v>
      </c>
      <c r="V1801" s="166">
        <v>0</v>
      </c>
      <c r="W1801" s="166">
        <v>0</v>
      </c>
      <c r="X1801" s="166">
        <v>0</v>
      </c>
      <c r="Y1801" s="166">
        <v>0</v>
      </c>
      <c r="Z1801" s="166">
        <v>0</v>
      </c>
      <c r="AA1801" s="166">
        <v>0</v>
      </c>
      <c r="AB1801" s="166">
        <v>0</v>
      </c>
      <c r="AC1801" s="166">
        <v>0</v>
      </c>
      <c r="AD1801" s="166">
        <v>0</v>
      </c>
      <c r="AE1801" s="166">
        <v>0</v>
      </c>
      <c r="AF1801" s="166">
        <v>0</v>
      </c>
      <c r="AG1801" s="166">
        <v>0</v>
      </c>
      <c r="AH1801" s="166">
        <v>0</v>
      </c>
      <c r="AI1801" s="166">
        <v>0</v>
      </c>
      <c r="AJ1801" s="166">
        <v>0</v>
      </c>
      <c r="AK1801" s="166">
        <v>0</v>
      </c>
      <c r="AL1801" s="166">
        <v>0</v>
      </c>
      <c r="AM1801" s="166">
        <v>0</v>
      </c>
      <c r="AN1801" s="166">
        <v>0</v>
      </c>
      <c r="AO1801" s="166">
        <v>0</v>
      </c>
      <c r="AP1801" s="166">
        <v>0</v>
      </c>
      <c r="AQ1801" s="166">
        <v>0</v>
      </c>
      <c r="AR1801" s="166">
        <v>0</v>
      </c>
      <c r="AS1801" s="166">
        <v>0</v>
      </c>
      <c r="AT1801" s="166">
        <v>0</v>
      </c>
      <c r="AU1801" s="166">
        <v>0</v>
      </c>
      <c r="AV1801" s="166">
        <v>0</v>
      </c>
      <c r="AW1801" s="166">
        <v>0</v>
      </c>
      <c r="AX1801" s="166">
        <v>0</v>
      </c>
      <c r="AY1801" s="166">
        <v>0</v>
      </c>
      <c r="AZ1801" s="166">
        <v>0</v>
      </c>
      <c r="BA1801" s="166">
        <v>0</v>
      </c>
      <c r="BB1801" s="166">
        <v>0</v>
      </c>
      <c r="BC1801" s="166">
        <v>0</v>
      </c>
      <c r="BD1801" s="166">
        <v>0</v>
      </c>
      <c r="BE1801" s="166">
        <v>0</v>
      </c>
      <c r="BF1801" s="166">
        <v>0</v>
      </c>
      <c r="BG1801" s="166">
        <v>0</v>
      </c>
      <c r="BH1801" s="166">
        <v>0</v>
      </c>
      <c r="BI1801" s="166">
        <v>0</v>
      </c>
      <c r="BJ1801" s="166">
        <v>0</v>
      </c>
      <c r="BK1801" s="166">
        <v>0</v>
      </c>
      <c r="BL1801" s="166">
        <v>0</v>
      </c>
      <c r="BM1801" s="166">
        <v>0</v>
      </c>
      <c r="BN1801" s="166">
        <v>0</v>
      </c>
      <c r="BO1801" s="166">
        <v>0</v>
      </c>
      <c r="BP1801" s="166">
        <v>0</v>
      </c>
      <c r="BQ1801" s="166">
        <v>0</v>
      </c>
      <c r="BR1801" s="166">
        <v>635602.39204088505</v>
      </c>
      <c r="BS1801" s="166">
        <v>635602.39204088505</v>
      </c>
      <c r="BT1801" s="168">
        <v>0.70823195131973704</v>
      </c>
      <c r="BU1801" s="166">
        <v>5603.6373988687401</v>
      </c>
      <c r="BV1801" s="166">
        <v>450153.92237860902</v>
      </c>
      <c r="BW1801" s="166">
        <v>0</v>
      </c>
      <c r="BX1801" s="166">
        <v>0</v>
      </c>
      <c r="BY1801" s="166">
        <v>0</v>
      </c>
      <c r="BZ1801" s="166">
        <v>0</v>
      </c>
      <c r="CA1801" s="166">
        <v>0</v>
      </c>
      <c r="CB1801" s="166">
        <v>0</v>
      </c>
      <c r="CC1801" s="166">
        <v>0</v>
      </c>
      <c r="CD1801" s="166">
        <v>0</v>
      </c>
      <c r="CE1801" s="166">
        <v>0</v>
      </c>
      <c r="CF1801" s="166">
        <v>0</v>
      </c>
      <c r="CG1801" s="166">
        <v>0</v>
      </c>
      <c r="CH1801" s="166">
        <v>0</v>
      </c>
      <c r="CI1801" s="166">
        <v>0</v>
      </c>
      <c r="CJ1801" s="166">
        <v>0</v>
      </c>
      <c r="CK1801" s="166">
        <v>0</v>
      </c>
      <c r="CL1801" s="166">
        <v>0</v>
      </c>
      <c r="CM1801" s="166">
        <v>0</v>
      </c>
      <c r="CN1801" s="166">
        <v>0</v>
      </c>
      <c r="CO1801" s="166">
        <v>0</v>
      </c>
      <c r="CP1801" s="166">
        <v>0</v>
      </c>
      <c r="CQ1801" s="166">
        <v>0</v>
      </c>
      <c r="CR1801" s="166">
        <v>0</v>
      </c>
      <c r="CS1801" s="166">
        <v>0</v>
      </c>
      <c r="CT1801" s="166">
        <v>0</v>
      </c>
      <c r="CU1801" s="166">
        <v>0</v>
      </c>
      <c r="CV1801" s="166">
        <v>0</v>
      </c>
      <c r="CW1801" s="166">
        <v>0</v>
      </c>
      <c r="CX1801" s="166">
        <v>0</v>
      </c>
      <c r="CY1801" s="166">
        <v>450153.92237860902</v>
      </c>
      <c r="CZ1801" s="166">
        <v>450153.92237860902</v>
      </c>
    </row>
    <row r="1802" spans="1:104" x14ac:dyDescent="0.2">
      <c r="A1802" s="167" t="s">
        <v>1078</v>
      </c>
      <c r="B1802" s="166">
        <v>654256.03</v>
      </c>
      <c r="C1802" s="166">
        <v>654256.03</v>
      </c>
      <c r="D1802" s="166">
        <v>0</v>
      </c>
      <c r="E1802" s="166">
        <v>0</v>
      </c>
      <c r="F1802" s="166">
        <v>0</v>
      </c>
      <c r="G1802" s="166">
        <v>0</v>
      </c>
      <c r="H1802" s="166">
        <v>0</v>
      </c>
      <c r="I1802" s="166">
        <v>0</v>
      </c>
      <c r="J1802" s="166">
        <v>0</v>
      </c>
      <c r="K1802" s="166">
        <v>0</v>
      </c>
      <c r="L1802" s="166">
        <v>0</v>
      </c>
      <c r="M1802" s="166">
        <v>0</v>
      </c>
      <c r="N1802" s="166">
        <v>0</v>
      </c>
      <c r="O1802" s="166">
        <v>0</v>
      </c>
      <c r="P1802" s="166">
        <v>0</v>
      </c>
      <c r="Q1802" s="166">
        <v>0</v>
      </c>
      <c r="R1802" s="166">
        <v>0</v>
      </c>
      <c r="S1802" s="166">
        <v>0</v>
      </c>
      <c r="T1802" s="166">
        <v>0</v>
      </c>
      <c r="U1802" s="166">
        <v>0</v>
      </c>
      <c r="V1802" s="166">
        <v>0</v>
      </c>
      <c r="W1802" s="166">
        <v>0</v>
      </c>
      <c r="X1802" s="166">
        <v>0</v>
      </c>
      <c r="Y1802" s="166">
        <v>0</v>
      </c>
      <c r="Z1802" s="166">
        <v>0</v>
      </c>
      <c r="AA1802" s="166">
        <v>0</v>
      </c>
      <c r="AB1802" s="166">
        <v>0</v>
      </c>
      <c r="AC1802" s="166">
        <v>0</v>
      </c>
      <c r="AD1802" s="166">
        <v>0</v>
      </c>
      <c r="AE1802" s="166">
        <v>0</v>
      </c>
      <c r="AF1802" s="166">
        <v>0</v>
      </c>
      <c r="AG1802" s="166">
        <v>0</v>
      </c>
      <c r="AH1802" s="166">
        <v>0</v>
      </c>
      <c r="AI1802" s="166">
        <v>0</v>
      </c>
      <c r="AJ1802" s="166">
        <v>0</v>
      </c>
      <c r="AK1802" s="166">
        <v>0</v>
      </c>
      <c r="AL1802" s="166">
        <v>0</v>
      </c>
      <c r="AM1802" s="166">
        <v>0</v>
      </c>
      <c r="AN1802" s="166">
        <v>0</v>
      </c>
      <c r="AO1802" s="166">
        <v>0</v>
      </c>
      <c r="AP1802" s="166">
        <v>0</v>
      </c>
      <c r="AQ1802" s="166">
        <v>0</v>
      </c>
      <c r="AR1802" s="166">
        <v>0</v>
      </c>
      <c r="AS1802" s="166">
        <v>0</v>
      </c>
      <c r="AT1802" s="166">
        <v>0</v>
      </c>
      <c r="AU1802" s="166">
        <v>0</v>
      </c>
      <c r="AV1802" s="166">
        <v>0</v>
      </c>
      <c r="AW1802" s="166">
        <v>0</v>
      </c>
      <c r="AX1802" s="166">
        <v>0</v>
      </c>
      <c r="AY1802" s="166">
        <v>0</v>
      </c>
      <c r="AZ1802" s="166">
        <v>0</v>
      </c>
      <c r="BA1802" s="166">
        <v>0</v>
      </c>
      <c r="BB1802" s="166">
        <v>0</v>
      </c>
      <c r="BC1802" s="166">
        <v>0</v>
      </c>
      <c r="BD1802" s="166">
        <v>0</v>
      </c>
      <c r="BE1802" s="166">
        <v>0</v>
      </c>
      <c r="BF1802" s="166">
        <v>0</v>
      </c>
      <c r="BG1802" s="166">
        <v>0</v>
      </c>
      <c r="BH1802" s="166">
        <v>0</v>
      </c>
      <c r="BI1802" s="166">
        <v>0</v>
      </c>
      <c r="BJ1802" s="166">
        <v>0</v>
      </c>
      <c r="BK1802" s="166">
        <v>0</v>
      </c>
      <c r="BL1802" s="166">
        <v>0</v>
      </c>
      <c r="BM1802" s="166">
        <v>0</v>
      </c>
      <c r="BN1802" s="166">
        <v>0</v>
      </c>
      <c r="BO1802" s="166">
        <v>0</v>
      </c>
      <c r="BP1802" s="166">
        <v>0</v>
      </c>
      <c r="BQ1802" s="166">
        <v>0</v>
      </c>
      <c r="BR1802" s="166">
        <v>654256.03</v>
      </c>
      <c r="BS1802" s="166">
        <v>654256.03</v>
      </c>
      <c r="BT1802" s="168">
        <v>0</v>
      </c>
      <c r="BU1802" s="166">
        <v>5825.8473002014898</v>
      </c>
      <c r="BV1802" s="166">
        <v>468757.31601977203</v>
      </c>
      <c r="BW1802" s="166">
        <v>0</v>
      </c>
      <c r="BX1802" s="166">
        <v>0</v>
      </c>
      <c r="BY1802" s="166">
        <v>0</v>
      </c>
      <c r="BZ1802" s="166">
        <v>0</v>
      </c>
      <c r="CA1802" s="166">
        <v>0</v>
      </c>
      <c r="CB1802" s="166">
        <v>0</v>
      </c>
      <c r="CC1802" s="166">
        <v>0</v>
      </c>
      <c r="CD1802" s="166">
        <v>0</v>
      </c>
      <c r="CE1802" s="166">
        <v>0</v>
      </c>
      <c r="CF1802" s="166">
        <v>0</v>
      </c>
      <c r="CG1802" s="166">
        <v>0</v>
      </c>
      <c r="CH1802" s="166">
        <v>0</v>
      </c>
      <c r="CI1802" s="166">
        <v>0</v>
      </c>
      <c r="CJ1802" s="166">
        <v>0</v>
      </c>
      <c r="CK1802" s="166">
        <v>0</v>
      </c>
      <c r="CL1802" s="166">
        <v>0</v>
      </c>
      <c r="CM1802" s="166">
        <v>0</v>
      </c>
      <c r="CN1802" s="166">
        <v>0</v>
      </c>
      <c r="CO1802" s="166">
        <v>0</v>
      </c>
      <c r="CP1802" s="166">
        <v>0</v>
      </c>
      <c r="CQ1802" s="166">
        <v>0</v>
      </c>
      <c r="CR1802" s="166">
        <v>0</v>
      </c>
      <c r="CS1802" s="166">
        <v>0</v>
      </c>
      <c r="CT1802" s="166">
        <v>0</v>
      </c>
      <c r="CU1802" s="166">
        <v>0</v>
      </c>
      <c r="CV1802" s="166">
        <v>0</v>
      </c>
      <c r="CW1802" s="166">
        <v>0</v>
      </c>
      <c r="CX1802" s="166">
        <v>0</v>
      </c>
      <c r="CY1802" s="166">
        <v>468757.31601977203</v>
      </c>
      <c r="CZ1802" s="166">
        <v>468757.31601977203</v>
      </c>
    </row>
    <row r="1803" spans="1:104" x14ac:dyDescent="0.2">
      <c r="A1803" s="167" t="s">
        <v>212</v>
      </c>
    </row>
    <row r="1804" spans="1:104" x14ac:dyDescent="0.2">
      <c r="A1804" s="167" t="s">
        <v>213</v>
      </c>
      <c r="B1804" s="166">
        <v>11620.9320770249</v>
      </c>
      <c r="C1804" s="166">
        <v>11620.9320770249</v>
      </c>
      <c r="D1804" s="166">
        <v>0</v>
      </c>
      <c r="E1804" s="166">
        <v>0</v>
      </c>
      <c r="F1804" s="166">
        <v>0</v>
      </c>
      <c r="G1804" s="166">
        <v>0</v>
      </c>
      <c r="H1804" s="166">
        <v>0</v>
      </c>
      <c r="I1804" s="166">
        <v>0</v>
      </c>
      <c r="J1804" s="166">
        <v>0</v>
      </c>
      <c r="K1804" s="166">
        <v>0</v>
      </c>
      <c r="L1804" s="166">
        <v>0</v>
      </c>
      <c r="M1804" s="166">
        <v>0</v>
      </c>
      <c r="N1804" s="166">
        <v>0</v>
      </c>
      <c r="O1804" s="166">
        <v>0</v>
      </c>
      <c r="P1804" s="166">
        <v>0</v>
      </c>
      <c r="Q1804" s="166">
        <v>0</v>
      </c>
      <c r="R1804" s="166">
        <v>0</v>
      </c>
      <c r="S1804" s="166">
        <v>0</v>
      </c>
      <c r="T1804" s="166">
        <v>0</v>
      </c>
      <c r="U1804" s="166">
        <v>0</v>
      </c>
      <c r="V1804" s="166">
        <v>0</v>
      </c>
      <c r="W1804" s="166">
        <v>0</v>
      </c>
      <c r="X1804" s="166">
        <v>0</v>
      </c>
      <c r="Y1804" s="166">
        <v>0</v>
      </c>
      <c r="Z1804" s="166">
        <v>0</v>
      </c>
      <c r="AA1804" s="166">
        <v>0</v>
      </c>
      <c r="AB1804" s="166">
        <v>0</v>
      </c>
      <c r="AC1804" s="166">
        <v>0</v>
      </c>
      <c r="AD1804" s="166">
        <v>0</v>
      </c>
      <c r="AE1804" s="166">
        <v>0</v>
      </c>
      <c r="AF1804" s="166">
        <v>0</v>
      </c>
      <c r="AG1804" s="166">
        <v>0</v>
      </c>
      <c r="AH1804" s="166">
        <v>0</v>
      </c>
      <c r="AI1804" s="166">
        <v>0</v>
      </c>
      <c r="AJ1804" s="166">
        <v>0</v>
      </c>
      <c r="AK1804" s="166">
        <v>0</v>
      </c>
      <c r="AL1804" s="166">
        <v>0</v>
      </c>
      <c r="AM1804" s="166">
        <v>0</v>
      </c>
      <c r="AN1804" s="166">
        <v>0</v>
      </c>
      <c r="AO1804" s="166">
        <v>0</v>
      </c>
      <c r="AP1804" s="166">
        <v>0</v>
      </c>
      <c r="AQ1804" s="166">
        <v>0</v>
      </c>
      <c r="AR1804" s="166">
        <v>0</v>
      </c>
      <c r="AS1804" s="166">
        <v>0</v>
      </c>
      <c r="AT1804" s="166">
        <v>0</v>
      </c>
      <c r="AU1804" s="166">
        <v>0</v>
      </c>
      <c r="AV1804" s="166">
        <v>0</v>
      </c>
      <c r="AW1804" s="166">
        <v>0</v>
      </c>
      <c r="AX1804" s="166">
        <v>0</v>
      </c>
      <c r="AY1804" s="166">
        <v>0</v>
      </c>
      <c r="AZ1804" s="166">
        <v>0</v>
      </c>
      <c r="BA1804" s="166">
        <v>0</v>
      </c>
      <c r="BB1804" s="166">
        <v>0</v>
      </c>
      <c r="BC1804" s="166">
        <v>0</v>
      </c>
      <c r="BD1804" s="166">
        <v>0</v>
      </c>
      <c r="BE1804" s="166">
        <v>0</v>
      </c>
      <c r="BF1804" s="166">
        <v>0</v>
      </c>
      <c r="BG1804" s="166">
        <v>0</v>
      </c>
      <c r="BH1804" s="166">
        <v>0</v>
      </c>
      <c r="BI1804" s="166">
        <v>0</v>
      </c>
      <c r="BJ1804" s="166">
        <v>0</v>
      </c>
      <c r="BK1804" s="166">
        <v>0</v>
      </c>
      <c r="BL1804" s="166">
        <v>0</v>
      </c>
      <c r="BM1804" s="166">
        <v>0</v>
      </c>
      <c r="BN1804" s="166">
        <v>0</v>
      </c>
      <c r="BO1804" s="166">
        <v>0</v>
      </c>
      <c r="BP1804" s="166">
        <v>0</v>
      </c>
      <c r="BQ1804" s="166">
        <v>0</v>
      </c>
      <c r="BR1804" s="166">
        <v>11620.9320770249</v>
      </c>
      <c r="BS1804" s="166">
        <v>11620.9320770249</v>
      </c>
      <c r="BT1804" s="166">
        <v>999.99812354077596</v>
      </c>
      <c r="BU1804" s="166">
        <v>805.74100891719604</v>
      </c>
      <c r="BV1804" s="166">
        <v>11620.910270819701</v>
      </c>
      <c r="BW1804" s="166">
        <v>0</v>
      </c>
      <c r="BX1804" s="166">
        <v>0</v>
      </c>
      <c r="BY1804" s="166">
        <v>0</v>
      </c>
      <c r="BZ1804" s="166">
        <v>0</v>
      </c>
      <c r="CA1804" s="166">
        <v>0</v>
      </c>
      <c r="CB1804" s="166">
        <v>0</v>
      </c>
      <c r="CC1804" s="166">
        <v>0</v>
      </c>
      <c r="CD1804" s="166">
        <v>0</v>
      </c>
      <c r="CE1804" s="166">
        <v>0</v>
      </c>
      <c r="CF1804" s="166">
        <v>0</v>
      </c>
      <c r="CG1804" s="166">
        <v>0</v>
      </c>
      <c r="CH1804" s="166">
        <v>0</v>
      </c>
      <c r="CI1804" s="166">
        <v>0</v>
      </c>
      <c r="CJ1804" s="166">
        <v>0</v>
      </c>
      <c r="CK1804" s="166">
        <v>0</v>
      </c>
      <c r="CL1804" s="166">
        <v>0</v>
      </c>
      <c r="CM1804" s="166">
        <v>0</v>
      </c>
      <c r="CN1804" s="166">
        <v>0</v>
      </c>
      <c r="CO1804" s="166">
        <v>0</v>
      </c>
      <c r="CP1804" s="166">
        <v>0</v>
      </c>
      <c r="CQ1804" s="166">
        <v>0</v>
      </c>
      <c r="CR1804" s="166">
        <v>0</v>
      </c>
      <c r="CS1804" s="166">
        <v>0</v>
      </c>
      <c r="CT1804" s="166">
        <v>0</v>
      </c>
      <c r="CU1804" s="166">
        <v>0</v>
      </c>
      <c r="CV1804" s="166">
        <v>0</v>
      </c>
      <c r="CW1804" s="166">
        <v>0</v>
      </c>
      <c r="CX1804" s="166">
        <v>0</v>
      </c>
      <c r="CY1804" s="166">
        <v>11620.910270819701</v>
      </c>
      <c r="CZ1804" s="166">
        <v>11620.910270819701</v>
      </c>
    </row>
    <row r="1805" spans="1:104" x14ac:dyDescent="0.2">
      <c r="A1805" s="167" t="s">
        <v>214</v>
      </c>
      <c r="B1805" s="166">
        <v>367.41369550197402</v>
      </c>
      <c r="C1805" s="166">
        <v>367.41369550197402</v>
      </c>
      <c r="D1805" s="166">
        <v>0</v>
      </c>
      <c r="E1805" s="166">
        <v>0</v>
      </c>
      <c r="F1805" s="166">
        <v>0</v>
      </c>
      <c r="G1805" s="166">
        <v>0</v>
      </c>
      <c r="H1805" s="166">
        <v>0</v>
      </c>
      <c r="I1805" s="166">
        <v>0</v>
      </c>
      <c r="J1805" s="166">
        <v>0</v>
      </c>
      <c r="K1805" s="166">
        <v>0</v>
      </c>
      <c r="L1805" s="166">
        <v>0</v>
      </c>
      <c r="M1805" s="166">
        <v>0</v>
      </c>
      <c r="N1805" s="166">
        <v>0</v>
      </c>
      <c r="O1805" s="166">
        <v>0</v>
      </c>
      <c r="P1805" s="166">
        <v>0</v>
      </c>
      <c r="Q1805" s="166">
        <v>0</v>
      </c>
      <c r="R1805" s="166">
        <v>0</v>
      </c>
      <c r="S1805" s="166">
        <v>0</v>
      </c>
      <c r="T1805" s="166">
        <v>0</v>
      </c>
      <c r="U1805" s="166">
        <v>0</v>
      </c>
      <c r="V1805" s="166">
        <v>0</v>
      </c>
      <c r="W1805" s="166">
        <v>0</v>
      </c>
      <c r="X1805" s="166">
        <v>0</v>
      </c>
      <c r="Y1805" s="166">
        <v>0</v>
      </c>
      <c r="Z1805" s="166">
        <v>0</v>
      </c>
      <c r="AA1805" s="166">
        <v>0</v>
      </c>
      <c r="AB1805" s="166">
        <v>0</v>
      </c>
      <c r="AC1805" s="166">
        <v>0</v>
      </c>
      <c r="AD1805" s="166">
        <v>0</v>
      </c>
      <c r="AE1805" s="166">
        <v>0</v>
      </c>
      <c r="AF1805" s="166">
        <v>0</v>
      </c>
      <c r="AG1805" s="166">
        <v>0</v>
      </c>
      <c r="AH1805" s="166">
        <v>0</v>
      </c>
      <c r="AI1805" s="166">
        <v>0</v>
      </c>
      <c r="AJ1805" s="166">
        <v>0</v>
      </c>
      <c r="AK1805" s="166">
        <v>0</v>
      </c>
      <c r="AL1805" s="166">
        <v>0</v>
      </c>
      <c r="AM1805" s="166">
        <v>0</v>
      </c>
      <c r="AN1805" s="166">
        <v>0</v>
      </c>
      <c r="AO1805" s="166">
        <v>0</v>
      </c>
      <c r="AP1805" s="166">
        <v>0</v>
      </c>
      <c r="AQ1805" s="166">
        <v>0</v>
      </c>
      <c r="AR1805" s="166">
        <v>0</v>
      </c>
      <c r="AS1805" s="166">
        <v>0</v>
      </c>
      <c r="AT1805" s="166">
        <v>0</v>
      </c>
      <c r="AU1805" s="166">
        <v>0</v>
      </c>
      <c r="AV1805" s="166">
        <v>0</v>
      </c>
      <c r="AW1805" s="166">
        <v>0</v>
      </c>
      <c r="AX1805" s="166">
        <v>0</v>
      </c>
      <c r="AY1805" s="166">
        <v>0</v>
      </c>
      <c r="AZ1805" s="166">
        <v>0</v>
      </c>
      <c r="BA1805" s="166">
        <v>0</v>
      </c>
      <c r="BB1805" s="166">
        <v>0</v>
      </c>
      <c r="BC1805" s="166">
        <v>0</v>
      </c>
      <c r="BD1805" s="166">
        <v>0</v>
      </c>
      <c r="BE1805" s="166">
        <v>0</v>
      </c>
      <c r="BF1805" s="166">
        <v>0</v>
      </c>
      <c r="BG1805" s="166">
        <v>0</v>
      </c>
      <c r="BH1805" s="166">
        <v>0</v>
      </c>
      <c r="BI1805" s="166">
        <v>0</v>
      </c>
      <c r="BJ1805" s="166">
        <v>0</v>
      </c>
      <c r="BK1805" s="166">
        <v>0</v>
      </c>
      <c r="BL1805" s="166">
        <v>0</v>
      </c>
      <c r="BM1805" s="166">
        <v>0</v>
      </c>
      <c r="BN1805" s="166">
        <v>0</v>
      </c>
      <c r="BO1805" s="166">
        <v>0</v>
      </c>
      <c r="BP1805" s="166">
        <v>0</v>
      </c>
      <c r="BQ1805" s="166">
        <v>0</v>
      </c>
      <c r="BR1805" s="166">
        <v>367.41369550197402</v>
      </c>
      <c r="BS1805" s="166">
        <v>367.41369550197402</v>
      </c>
      <c r="BT1805" s="166">
        <v>951.55251400307202</v>
      </c>
      <c r="BU1805" s="166">
        <v>24.240603165892502</v>
      </c>
      <c r="BV1805" s="166">
        <v>349.61342563406203</v>
      </c>
      <c r="BW1805" s="166">
        <v>0</v>
      </c>
      <c r="BX1805" s="166">
        <v>0</v>
      </c>
      <c r="BY1805" s="166">
        <v>0</v>
      </c>
      <c r="BZ1805" s="166">
        <v>0</v>
      </c>
      <c r="CA1805" s="166">
        <v>0</v>
      </c>
      <c r="CB1805" s="166">
        <v>0</v>
      </c>
      <c r="CC1805" s="166">
        <v>0</v>
      </c>
      <c r="CD1805" s="166">
        <v>0</v>
      </c>
      <c r="CE1805" s="166">
        <v>0</v>
      </c>
      <c r="CF1805" s="166">
        <v>0</v>
      </c>
      <c r="CG1805" s="166">
        <v>0</v>
      </c>
      <c r="CH1805" s="166">
        <v>0</v>
      </c>
      <c r="CI1805" s="166">
        <v>0</v>
      </c>
      <c r="CJ1805" s="166">
        <v>0</v>
      </c>
      <c r="CK1805" s="166">
        <v>0</v>
      </c>
      <c r="CL1805" s="166">
        <v>0</v>
      </c>
      <c r="CM1805" s="166">
        <v>0</v>
      </c>
      <c r="CN1805" s="166">
        <v>0</v>
      </c>
      <c r="CO1805" s="166">
        <v>0</v>
      </c>
      <c r="CP1805" s="166">
        <v>0</v>
      </c>
      <c r="CQ1805" s="166">
        <v>0</v>
      </c>
      <c r="CR1805" s="166">
        <v>0</v>
      </c>
      <c r="CS1805" s="166">
        <v>0</v>
      </c>
      <c r="CT1805" s="166">
        <v>0</v>
      </c>
      <c r="CU1805" s="166">
        <v>0</v>
      </c>
      <c r="CV1805" s="166">
        <v>0</v>
      </c>
      <c r="CW1805" s="166">
        <v>0</v>
      </c>
      <c r="CX1805" s="166">
        <v>0</v>
      </c>
      <c r="CY1805" s="166">
        <v>349.61342563406203</v>
      </c>
      <c r="CZ1805" s="166">
        <v>349.61342563406203</v>
      </c>
    </row>
    <row r="1806" spans="1:104" x14ac:dyDescent="0.2">
      <c r="A1806" s="167" t="s">
        <v>215</v>
      </c>
      <c r="B1806" s="166">
        <v>2650.4589973889001</v>
      </c>
      <c r="C1806" s="166">
        <v>2650.4589973889001</v>
      </c>
      <c r="D1806" s="166">
        <v>0</v>
      </c>
      <c r="E1806" s="166">
        <v>0</v>
      </c>
      <c r="F1806" s="166">
        <v>0</v>
      </c>
      <c r="G1806" s="166">
        <v>0</v>
      </c>
      <c r="H1806" s="166">
        <v>0</v>
      </c>
      <c r="I1806" s="166">
        <v>0</v>
      </c>
      <c r="J1806" s="166">
        <v>0</v>
      </c>
      <c r="K1806" s="166">
        <v>0</v>
      </c>
      <c r="L1806" s="166">
        <v>0</v>
      </c>
      <c r="M1806" s="166">
        <v>0</v>
      </c>
      <c r="N1806" s="166">
        <v>0</v>
      </c>
      <c r="O1806" s="166">
        <v>0</v>
      </c>
      <c r="P1806" s="166">
        <v>0</v>
      </c>
      <c r="Q1806" s="166">
        <v>0</v>
      </c>
      <c r="R1806" s="166">
        <v>0</v>
      </c>
      <c r="S1806" s="166">
        <v>0</v>
      </c>
      <c r="T1806" s="166">
        <v>0</v>
      </c>
      <c r="U1806" s="166">
        <v>0</v>
      </c>
      <c r="V1806" s="166">
        <v>0</v>
      </c>
      <c r="W1806" s="166">
        <v>0</v>
      </c>
      <c r="X1806" s="166">
        <v>0</v>
      </c>
      <c r="Y1806" s="166">
        <v>0</v>
      </c>
      <c r="Z1806" s="166">
        <v>0</v>
      </c>
      <c r="AA1806" s="166">
        <v>0</v>
      </c>
      <c r="AB1806" s="166">
        <v>0</v>
      </c>
      <c r="AC1806" s="166">
        <v>0</v>
      </c>
      <c r="AD1806" s="166">
        <v>0</v>
      </c>
      <c r="AE1806" s="166">
        <v>0</v>
      </c>
      <c r="AF1806" s="166">
        <v>0</v>
      </c>
      <c r="AG1806" s="166">
        <v>0</v>
      </c>
      <c r="AH1806" s="166">
        <v>0</v>
      </c>
      <c r="AI1806" s="166">
        <v>0</v>
      </c>
      <c r="AJ1806" s="166">
        <v>0</v>
      </c>
      <c r="AK1806" s="166">
        <v>0</v>
      </c>
      <c r="AL1806" s="166">
        <v>0</v>
      </c>
      <c r="AM1806" s="166">
        <v>0</v>
      </c>
      <c r="AN1806" s="166">
        <v>0</v>
      </c>
      <c r="AO1806" s="166">
        <v>0</v>
      </c>
      <c r="AP1806" s="166">
        <v>0</v>
      </c>
      <c r="AQ1806" s="166">
        <v>0</v>
      </c>
      <c r="AR1806" s="166">
        <v>0</v>
      </c>
      <c r="AS1806" s="166">
        <v>0</v>
      </c>
      <c r="AT1806" s="166">
        <v>0</v>
      </c>
      <c r="AU1806" s="166">
        <v>0</v>
      </c>
      <c r="AV1806" s="166">
        <v>0</v>
      </c>
      <c r="AW1806" s="166">
        <v>0</v>
      </c>
      <c r="AX1806" s="166">
        <v>0</v>
      </c>
      <c r="AY1806" s="166">
        <v>0</v>
      </c>
      <c r="AZ1806" s="166">
        <v>0</v>
      </c>
      <c r="BA1806" s="166">
        <v>0</v>
      </c>
      <c r="BB1806" s="166">
        <v>0</v>
      </c>
      <c r="BC1806" s="166">
        <v>0</v>
      </c>
      <c r="BD1806" s="166">
        <v>0</v>
      </c>
      <c r="BE1806" s="166">
        <v>0</v>
      </c>
      <c r="BF1806" s="166">
        <v>0</v>
      </c>
      <c r="BG1806" s="166">
        <v>0</v>
      </c>
      <c r="BH1806" s="166">
        <v>0</v>
      </c>
      <c r="BI1806" s="166">
        <v>0</v>
      </c>
      <c r="BJ1806" s="166">
        <v>0</v>
      </c>
      <c r="BK1806" s="166">
        <v>0</v>
      </c>
      <c r="BL1806" s="166">
        <v>0</v>
      </c>
      <c r="BM1806" s="166">
        <v>0</v>
      </c>
      <c r="BN1806" s="166">
        <v>0</v>
      </c>
      <c r="BO1806" s="166">
        <v>0</v>
      </c>
      <c r="BP1806" s="166">
        <v>0</v>
      </c>
      <c r="BQ1806" s="166">
        <v>0</v>
      </c>
      <c r="BR1806" s="166">
        <v>2650.4589973889001</v>
      </c>
      <c r="BS1806" s="166">
        <v>2650.4589973889001</v>
      </c>
      <c r="BT1806" s="166">
        <v>976.47221562039294</v>
      </c>
      <c r="BU1806" s="166">
        <v>179.447040703601</v>
      </c>
      <c r="BV1806" s="166">
        <v>2588.0995695913398</v>
      </c>
      <c r="BW1806" s="166">
        <v>0</v>
      </c>
      <c r="BX1806" s="166">
        <v>0</v>
      </c>
      <c r="BY1806" s="166">
        <v>0</v>
      </c>
      <c r="BZ1806" s="166">
        <v>0</v>
      </c>
      <c r="CA1806" s="166">
        <v>0</v>
      </c>
      <c r="CB1806" s="166">
        <v>0</v>
      </c>
      <c r="CC1806" s="166">
        <v>0</v>
      </c>
      <c r="CD1806" s="166">
        <v>0</v>
      </c>
      <c r="CE1806" s="166">
        <v>0</v>
      </c>
      <c r="CF1806" s="166">
        <v>0</v>
      </c>
      <c r="CG1806" s="166">
        <v>0</v>
      </c>
      <c r="CH1806" s="166">
        <v>0</v>
      </c>
      <c r="CI1806" s="166">
        <v>0</v>
      </c>
      <c r="CJ1806" s="166">
        <v>0</v>
      </c>
      <c r="CK1806" s="166">
        <v>0</v>
      </c>
      <c r="CL1806" s="166">
        <v>0</v>
      </c>
      <c r="CM1806" s="166">
        <v>0</v>
      </c>
      <c r="CN1806" s="166">
        <v>0</v>
      </c>
      <c r="CO1806" s="166">
        <v>0</v>
      </c>
      <c r="CP1806" s="166">
        <v>0</v>
      </c>
      <c r="CQ1806" s="166">
        <v>0</v>
      </c>
      <c r="CR1806" s="166">
        <v>0</v>
      </c>
      <c r="CS1806" s="166">
        <v>0</v>
      </c>
      <c r="CT1806" s="166">
        <v>0</v>
      </c>
      <c r="CU1806" s="166">
        <v>0</v>
      </c>
      <c r="CV1806" s="166">
        <v>0</v>
      </c>
      <c r="CW1806" s="166">
        <v>0</v>
      </c>
      <c r="CX1806" s="166">
        <v>0</v>
      </c>
      <c r="CY1806" s="166">
        <v>2588.0995695913398</v>
      </c>
      <c r="CZ1806" s="166">
        <v>2588.0995695913398</v>
      </c>
    </row>
    <row r="1807" spans="1:104" x14ac:dyDescent="0.2">
      <c r="A1807" s="167" t="s">
        <v>216</v>
      </c>
      <c r="B1807" s="166">
        <v>8478.8050035840006</v>
      </c>
      <c r="C1807" s="166">
        <v>8478.8050035840006</v>
      </c>
      <c r="D1807" s="166">
        <v>0</v>
      </c>
      <c r="E1807" s="166">
        <v>0</v>
      </c>
      <c r="F1807" s="166">
        <v>0</v>
      </c>
      <c r="G1807" s="166">
        <v>0</v>
      </c>
      <c r="H1807" s="166">
        <v>0</v>
      </c>
      <c r="I1807" s="166">
        <v>0</v>
      </c>
      <c r="J1807" s="166">
        <v>0</v>
      </c>
      <c r="K1807" s="166">
        <v>0</v>
      </c>
      <c r="L1807" s="166">
        <v>0</v>
      </c>
      <c r="M1807" s="166">
        <v>0</v>
      </c>
      <c r="N1807" s="166">
        <v>0</v>
      </c>
      <c r="O1807" s="166">
        <v>0</v>
      </c>
      <c r="P1807" s="166">
        <v>0</v>
      </c>
      <c r="Q1807" s="166">
        <v>0</v>
      </c>
      <c r="R1807" s="166">
        <v>0</v>
      </c>
      <c r="S1807" s="166">
        <v>0</v>
      </c>
      <c r="T1807" s="166">
        <v>0</v>
      </c>
      <c r="U1807" s="166">
        <v>0</v>
      </c>
      <c r="V1807" s="166">
        <v>0</v>
      </c>
      <c r="W1807" s="166">
        <v>0</v>
      </c>
      <c r="X1807" s="166">
        <v>0</v>
      </c>
      <c r="Y1807" s="166">
        <v>0</v>
      </c>
      <c r="Z1807" s="166">
        <v>0</v>
      </c>
      <c r="AA1807" s="166">
        <v>0</v>
      </c>
      <c r="AB1807" s="166">
        <v>0</v>
      </c>
      <c r="AC1807" s="166">
        <v>0</v>
      </c>
      <c r="AD1807" s="166">
        <v>0</v>
      </c>
      <c r="AE1807" s="166">
        <v>0</v>
      </c>
      <c r="AF1807" s="166">
        <v>0</v>
      </c>
      <c r="AG1807" s="166">
        <v>0</v>
      </c>
      <c r="AH1807" s="166">
        <v>0</v>
      </c>
      <c r="AI1807" s="166">
        <v>0</v>
      </c>
      <c r="AJ1807" s="166">
        <v>0</v>
      </c>
      <c r="AK1807" s="166">
        <v>0</v>
      </c>
      <c r="AL1807" s="166">
        <v>0</v>
      </c>
      <c r="AM1807" s="166">
        <v>0</v>
      </c>
      <c r="AN1807" s="166">
        <v>0</v>
      </c>
      <c r="AO1807" s="166">
        <v>0</v>
      </c>
      <c r="AP1807" s="166">
        <v>0</v>
      </c>
      <c r="AQ1807" s="166">
        <v>0</v>
      </c>
      <c r="AR1807" s="166">
        <v>0</v>
      </c>
      <c r="AS1807" s="166">
        <v>0</v>
      </c>
      <c r="AT1807" s="166">
        <v>0</v>
      </c>
      <c r="AU1807" s="166">
        <v>0</v>
      </c>
      <c r="AV1807" s="166">
        <v>0</v>
      </c>
      <c r="AW1807" s="166">
        <v>0</v>
      </c>
      <c r="AX1807" s="166">
        <v>0</v>
      </c>
      <c r="AY1807" s="166">
        <v>0</v>
      </c>
      <c r="AZ1807" s="166">
        <v>0</v>
      </c>
      <c r="BA1807" s="166">
        <v>0</v>
      </c>
      <c r="BB1807" s="166">
        <v>0</v>
      </c>
      <c r="BC1807" s="166">
        <v>0</v>
      </c>
      <c r="BD1807" s="166">
        <v>0</v>
      </c>
      <c r="BE1807" s="166">
        <v>0</v>
      </c>
      <c r="BF1807" s="166">
        <v>0</v>
      </c>
      <c r="BG1807" s="166">
        <v>0</v>
      </c>
      <c r="BH1807" s="166">
        <v>0</v>
      </c>
      <c r="BI1807" s="166">
        <v>0</v>
      </c>
      <c r="BJ1807" s="166">
        <v>0</v>
      </c>
      <c r="BK1807" s="166">
        <v>0</v>
      </c>
      <c r="BL1807" s="166">
        <v>0</v>
      </c>
      <c r="BM1807" s="166">
        <v>0</v>
      </c>
      <c r="BN1807" s="166">
        <v>0</v>
      </c>
      <c r="BO1807" s="166">
        <v>0</v>
      </c>
      <c r="BP1807" s="166">
        <v>0</v>
      </c>
      <c r="BQ1807" s="166">
        <v>0</v>
      </c>
      <c r="BR1807" s="166">
        <v>8478.8050035840006</v>
      </c>
      <c r="BS1807" s="166">
        <v>8478.8050035840006</v>
      </c>
      <c r="BT1807" s="166">
        <v>999.99812354077596</v>
      </c>
      <c r="BU1807" s="166">
        <v>587.88063235534401</v>
      </c>
      <c r="BV1807" s="166">
        <v>8478.7890934521402</v>
      </c>
      <c r="BW1807" s="166">
        <v>0</v>
      </c>
      <c r="BX1807" s="166">
        <v>0</v>
      </c>
      <c r="BY1807" s="166">
        <v>0</v>
      </c>
      <c r="BZ1807" s="166">
        <v>0</v>
      </c>
      <c r="CA1807" s="166">
        <v>0</v>
      </c>
      <c r="CB1807" s="166">
        <v>0</v>
      </c>
      <c r="CC1807" s="166">
        <v>0</v>
      </c>
      <c r="CD1807" s="166">
        <v>0</v>
      </c>
      <c r="CE1807" s="166">
        <v>0</v>
      </c>
      <c r="CF1807" s="166">
        <v>0</v>
      </c>
      <c r="CG1807" s="166">
        <v>0</v>
      </c>
      <c r="CH1807" s="166">
        <v>0</v>
      </c>
      <c r="CI1807" s="166">
        <v>0</v>
      </c>
      <c r="CJ1807" s="166">
        <v>0</v>
      </c>
      <c r="CK1807" s="166">
        <v>0</v>
      </c>
      <c r="CL1807" s="166">
        <v>0</v>
      </c>
      <c r="CM1807" s="166">
        <v>0</v>
      </c>
      <c r="CN1807" s="166">
        <v>0</v>
      </c>
      <c r="CO1807" s="166">
        <v>0</v>
      </c>
      <c r="CP1807" s="166">
        <v>0</v>
      </c>
      <c r="CQ1807" s="166">
        <v>0</v>
      </c>
      <c r="CR1807" s="166">
        <v>0</v>
      </c>
      <c r="CS1807" s="166">
        <v>0</v>
      </c>
      <c r="CT1807" s="166">
        <v>0</v>
      </c>
      <c r="CU1807" s="166">
        <v>0</v>
      </c>
      <c r="CV1807" s="166">
        <v>0</v>
      </c>
      <c r="CW1807" s="166">
        <v>0</v>
      </c>
      <c r="CX1807" s="166">
        <v>0</v>
      </c>
      <c r="CY1807" s="166">
        <v>8478.7890934521402</v>
      </c>
      <c r="CZ1807" s="166">
        <v>8478.7890934521402</v>
      </c>
    </row>
    <row r="1808" spans="1:104" x14ac:dyDescent="0.2">
      <c r="A1808" s="167" t="s">
        <v>217</v>
      </c>
      <c r="B1808" s="166">
        <v>6656.3743720864804</v>
      </c>
      <c r="C1808" s="166">
        <v>6656.3743720864804</v>
      </c>
      <c r="D1808" s="166">
        <v>0</v>
      </c>
      <c r="E1808" s="166">
        <v>0</v>
      </c>
      <c r="F1808" s="166">
        <v>0</v>
      </c>
      <c r="G1808" s="166">
        <v>0</v>
      </c>
      <c r="H1808" s="166">
        <v>0</v>
      </c>
      <c r="I1808" s="166">
        <v>0</v>
      </c>
      <c r="J1808" s="166">
        <v>0</v>
      </c>
      <c r="K1808" s="166">
        <v>0</v>
      </c>
      <c r="L1808" s="166">
        <v>0</v>
      </c>
      <c r="M1808" s="166">
        <v>0</v>
      </c>
      <c r="N1808" s="166">
        <v>0</v>
      </c>
      <c r="O1808" s="166">
        <v>0</v>
      </c>
      <c r="P1808" s="166">
        <v>0</v>
      </c>
      <c r="Q1808" s="166">
        <v>0</v>
      </c>
      <c r="R1808" s="166">
        <v>0</v>
      </c>
      <c r="S1808" s="166">
        <v>0</v>
      </c>
      <c r="T1808" s="166">
        <v>0</v>
      </c>
      <c r="U1808" s="166">
        <v>0</v>
      </c>
      <c r="V1808" s="166">
        <v>0</v>
      </c>
      <c r="W1808" s="166">
        <v>0</v>
      </c>
      <c r="X1808" s="166">
        <v>0</v>
      </c>
      <c r="Y1808" s="166">
        <v>0</v>
      </c>
      <c r="Z1808" s="166">
        <v>0</v>
      </c>
      <c r="AA1808" s="166">
        <v>0</v>
      </c>
      <c r="AB1808" s="166">
        <v>0</v>
      </c>
      <c r="AC1808" s="166">
        <v>0</v>
      </c>
      <c r="AD1808" s="166">
        <v>0</v>
      </c>
      <c r="AE1808" s="166">
        <v>0</v>
      </c>
      <c r="AF1808" s="166">
        <v>0</v>
      </c>
      <c r="AG1808" s="166">
        <v>0</v>
      </c>
      <c r="AH1808" s="166">
        <v>0</v>
      </c>
      <c r="AI1808" s="166">
        <v>0</v>
      </c>
      <c r="AJ1808" s="166">
        <v>0</v>
      </c>
      <c r="AK1808" s="166">
        <v>0</v>
      </c>
      <c r="AL1808" s="166">
        <v>0</v>
      </c>
      <c r="AM1808" s="166">
        <v>0</v>
      </c>
      <c r="AN1808" s="166">
        <v>0</v>
      </c>
      <c r="AO1808" s="166">
        <v>0</v>
      </c>
      <c r="AP1808" s="166">
        <v>0</v>
      </c>
      <c r="AQ1808" s="166">
        <v>0</v>
      </c>
      <c r="AR1808" s="166">
        <v>0</v>
      </c>
      <c r="AS1808" s="166">
        <v>0</v>
      </c>
      <c r="AT1808" s="166">
        <v>0</v>
      </c>
      <c r="AU1808" s="166">
        <v>0</v>
      </c>
      <c r="AV1808" s="166">
        <v>0</v>
      </c>
      <c r="AW1808" s="166">
        <v>0</v>
      </c>
      <c r="AX1808" s="166">
        <v>0</v>
      </c>
      <c r="AY1808" s="166">
        <v>0</v>
      </c>
      <c r="AZ1808" s="166">
        <v>0</v>
      </c>
      <c r="BA1808" s="166">
        <v>0</v>
      </c>
      <c r="BB1808" s="166">
        <v>0</v>
      </c>
      <c r="BC1808" s="166">
        <v>0</v>
      </c>
      <c r="BD1808" s="166">
        <v>0</v>
      </c>
      <c r="BE1808" s="166">
        <v>0</v>
      </c>
      <c r="BF1808" s="166">
        <v>0</v>
      </c>
      <c r="BG1808" s="166">
        <v>0</v>
      </c>
      <c r="BH1808" s="166">
        <v>0</v>
      </c>
      <c r="BI1808" s="166">
        <v>0</v>
      </c>
      <c r="BJ1808" s="166">
        <v>0</v>
      </c>
      <c r="BK1808" s="166">
        <v>0</v>
      </c>
      <c r="BL1808" s="166">
        <v>0</v>
      </c>
      <c r="BM1808" s="166">
        <v>0</v>
      </c>
      <c r="BN1808" s="166">
        <v>0</v>
      </c>
      <c r="BO1808" s="166">
        <v>0</v>
      </c>
      <c r="BP1808" s="166">
        <v>0</v>
      </c>
      <c r="BQ1808" s="166">
        <v>0</v>
      </c>
      <c r="BR1808" s="166">
        <v>6656.3743720864804</v>
      </c>
      <c r="BS1808" s="166">
        <v>6656.3743720864804</v>
      </c>
      <c r="BT1808" s="166">
        <v>1000</v>
      </c>
      <c r="BU1808" s="166">
        <v>461.52269291355401</v>
      </c>
      <c r="BV1808" s="166">
        <v>6656.3743720864804</v>
      </c>
      <c r="BW1808" s="166">
        <v>0</v>
      </c>
      <c r="BX1808" s="166">
        <v>0</v>
      </c>
      <c r="BY1808" s="166">
        <v>0</v>
      </c>
      <c r="BZ1808" s="166">
        <v>0</v>
      </c>
      <c r="CA1808" s="166">
        <v>0</v>
      </c>
      <c r="CB1808" s="166">
        <v>0</v>
      </c>
      <c r="CC1808" s="166">
        <v>0</v>
      </c>
      <c r="CD1808" s="166">
        <v>0</v>
      </c>
      <c r="CE1808" s="166">
        <v>0</v>
      </c>
      <c r="CF1808" s="166">
        <v>0</v>
      </c>
      <c r="CG1808" s="166">
        <v>0</v>
      </c>
      <c r="CH1808" s="166">
        <v>0</v>
      </c>
      <c r="CI1808" s="166">
        <v>0</v>
      </c>
      <c r="CJ1808" s="166">
        <v>0</v>
      </c>
      <c r="CK1808" s="166">
        <v>0</v>
      </c>
      <c r="CL1808" s="166">
        <v>0</v>
      </c>
      <c r="CM1808" s="166">
        <v>0</v>
      </c>
      <c r="CN1808" s="166">
        <v>0</v>
      </c>
      <c r="CO1808" s="166">
        <v>0</v>
      </c>
      <c r="CP1808" s="166">
        <v>0</v>
      </c>
      <c r="CQ1808" s="166">
        <v>0</v>
      </c>
      <c r="CR1808" s="166">
        <v>0</v>
      </c>
      <c r="CS1808" s="166">
        <v>0</v>
      </c>
      <c r="CT1808" s="166">
        <v>0</v>
      </c>
      <c r="CU1808" s="166">
        <v>0</v>
      </c>
      <c r="CV1808" s="166">
        <v>0</v>
      </c>
      <c r="CW1808" s="166">
        <v>0</v>
      </c>
      <c r="CX1808" s="166">
        <v>0</v>
      </c>
      <c r="CY1808" s="166">
        <v>6656.3743720864804</v>
      </c>
      <c r="CZ1808" s="166">
        <v>6656.3743720864804</v>
      </c>
    </row>
    <row r="1809" spans="1:104" x14ac:dyDescent="0.2">
      <c r="A1809" s="167" t="s">
        <v>218</v>
      </c>
      <c r="B1809" s="166">
        <v>1024411.97585441</v>
      </c>
      <c r="C1809" s="166">
        <v>1024411.97585441</v>
      </c>
      <c r="D1809" s="166">
        <v>0</v>
      </c>
      <c r="E1809" s="166">
        <v>0</v>
      </c>
      <c r="F1809" s="166">
        <v>0</v>
      </c>
      <c r="G1809" s="166">
        <v>0</v>
      </c>
      <c r="H1809" s="166">
        <v>0</v>
      </c>
      <c r="I1809" s="166">
        <v>0</v>
      </c>
      <c r="J1809" s="166">
        <v>0</v>
      </c>
      <c r="K1809" s="166">
        <v>0</v>
      </c>
      <c r="L1809" s="166">
        <v>0</v>
      </c>
      <c r="M1809" s="166">
        <v>0</v>
      </c>
      <c r="N1809" s="166">
        <v>0</v>
      </c>
      <c r="O1809" s="166">
        <v>0</v>
      </c>
      <c r="P1809" s="166">
        <v>0</v>
      </c>
      <c r="Q1809" s="166">
        <v>0</v>
      </c>
      <c r="R1809" s="166">
        <v>0</v>
      </c>
      <c r="S1809" s="166">
        <v>0</v>
      </c>
      <c r="T1809" s="166">
        <v>0</v>
      </c>
      <c r="U1809" s="166">
        <v>0</v>
      </c>
      <c r="V1809" s="166">
        <v>0</v>
      </c>
      <c r="W1809" s="166">
        <v>0</v>
      </c>
      <c r="X1809" s="166">
        <v>0</v>
      </c>
      <c r="Y1809" s="166">
        <v>0</v>
      </c>
      <c r="Z1809" s="166">
        <v>0</v>
      </c>
      <c r="AA1809" s="166">
        <v>0</v>
      </c>
      <c r="AB1809" s="166">
        <v>0</v>
      </c>
      <c r="AC1809" s="166">
        <v>0</v>
      </c>
      <c r="AD1809" s="166">
        <v>0</v>
      </c>
      <c r="AE1809" s="166">
        <v>0</v>
      </c>
      <c r="AF1809" s="166">
        <v>0</v>
      </c>
      <c r="AG1809" s="166">
        <v>0</v>
      </c>
      <c r="AH1809" s="166">
        <v>0</v>
      </c>
      <c r="AI1809" s="166">
        <v>0</v>
      </c>
      <c r="AJ1809" s="166">
        <v>0</v>
      </c>
      <c r="AK1809" s="166">
        <v>0</v>
      </c>
      <c r="AL1809" s="166">
        <v>0</v>
      </c>
      <c r="AM1809" s="166">
        <v>0</v>
      </c>
      <c r="AN1809" s="166">
        <v>0</v>
      </c>
      <c r="AO1809" s="166">
        <v>0</v>
      </c>
      <c r="AP1809" s="166">
        <v>0</v>
      </c>
      <c r="AQ1809" s="166">
        <v>0</v>
      </c>
      <c r="AR1809" s="166">
        <v>0</v>
      </c>
      <c r="AS1809" s="166">
        <v>0</v>
      </c>
      <c r="AT1809" s="166">
        <v>0</v>
      </c>
      <c r="AU1809" s="166">
        <v>0</v>
      </c>
      <c r="AV1809" s="166">
        <v>0</v>
      </c>
      <c r="AW1809" s="166">
        <v>0</v>
      </c>
      <c r="AX1809" s="166">
        <v>0</v>
      </c>
      <c r="AY1809" s="166">
        <v>0</v>
      </c>
      <c r="AZ1809" s="166">
        <v>0</v>
      </c>
      <c r="BA1809" s="166">
        <v>0</v>
      </c>
      <c r="BB1809" s="166">
        <v>0</v>
      </c>
      <c r="BC1809" s="166">
        <v>0</v>
      </c>
      <c r="BD1809" s="166">
        <v>0</v>
      </c>
      <c r="BE1809" s="166">
        <v>0</v>
      </c>
      <c r="BF1809" s="166">
        <v>0</v>
      </c>
      <c r="BG1809" s="166">
        <v>0</v>
      </c>
      <c r="BH1809" s="166">
        <v>0</v>
      </c>
      <c r="BI1809" s="166">
        <v>0</v>
      </c>
      <c r="BJ1809" s="166">
        <v>0</v>
      </c>
      <c r="BK1809" s="166">
        <v>0</v>
      </c>
      <c r="BL1809" s="166">
        <v>0</v>
      </c>
      <c r="BM1809" s="166">
        <v>0</v>
      </c>
      <c r="BN1809" s="166">
        <v>0</v>
      </c>
      <c r="BO1809" s="166">
        <v>0</v>
      </c>
      <c r="BP1809" s="166">
        <v>0</v>
      </c>
      <c r="BQ1809" s="166">
        <v>0</v>
      </c>
      <c r="BR1809" s="166">
        <v>1024411.97585441</v>
      </c>
      <c r="BS1809" s="166">
        <v>1024411.97585441</v>
      </c>
      <c r="BT1809" s="166">
        <v>708.23195131973705</v>
      </c>
      <c r="BU1809" s="166">
        <v>51919.144021142602</v>
      </c>
      <c r="BV1809" s="166">
        <v>725521.29261467804</v>
      </c>
      <c r="BW1809" s="166">
        <v>0</v>
      </c>
      <c r="BX1809" s="166">
        <v>0</v>
      </c>
      <c r="BY1809" s="166">
        <v>0</v>
      </c>
      <c r="BZ1809" s="166">
        <v>0</v>
      </c>
      <c r="CA1809" s="166">
        <v>0</v>
      </c>
      <c r="CB1809" s="166">
        <v>0</v>
      </c>
      <c r="CC1809" s="166">
        <v>0</v>
      </c>
      <c r="CD1809" s="166">
        <v>0</v>
      </c>
      <c r="CE1809" s="166">
        <v>0</v>
      </c>
      <c r="CF1809" s="166">
        <v>0</v>
      </c>
      <c r="CG1809" s="166">
        <v>0</v>
      </c>
      <c r="CH1809" s="166">
        <v>0</v>
      </c>
      <c r="CI1809" s="166">
        <v>0</v>
      </c>
      <c r="CJ1809" s="166">
        <v>0</v>
      </c>
      <c r="CK1809" s="166">
        <v>0</v>
      </c>
      <c r="CL1809" s="166">
        <v>0</v>
      </c>
      <c r="CM1809" s="166">
        <v>0</v>
      </c>
      <c r="CN1809" s="166">
        <v>0</v>
      </c>
      <c r="CO1809" s="166">
        <v>0</v>
      </c>
      <c r="CP1809" s="166">
        <v>0</v>
      </c>
      <c r="CQ1809" s="166">
        <v>0</v>
      </c>
      <c r="CR1809" s="166">
        <v>0</v>
      </c>
      <c r="CS1809" s="166">
        <v>0</v>
      </c>
      <c r="CT1809" s="166">
        <v>0</v>
      </c>
      <c r="CU1809" s="166">
        <v>0</v>
      </c>
      <c r="CV1809" s="166">
        <v>0</v>
      </c>
      <c r="CW1809" s="166">
        <v>0</v>
      </c>
      <c r="CX1809" s="166">
        <v>0</v>
      </c>
      <c r="CY1809" s="166">
        <v>725521.29261467804</v>
      </c>
      <c r="CZ1809" s="166">
        <v>725521.29261467804</v>
      </c>
    </row>
    <row r="1810" spans="1:104" x14ac:dyDescent="0.2">
      <c r="A1810" s="167" t="s">
        <v>219</v>
      </c>
      <c r="B1810" s="166">
        <v>1054185.95999999</v>
      </c>
      <c r="C1810" s="166">
        <v>1054185.95999999</v>
      </c>
      <c r="D1810" s="166">
        <v>0</v>
      </c>
      <c r="E1810" s="166">
        <v>0</v>
      </c>
      <c r="F1810" s="166">
        <v>0</v>
      </c>
      <c r="G1810" s="166">
        <v>0</v>
      </c>
      <c r="H1810" s="166">
        <v>0</v>
      </c>
      <c r="I1810" s="166">
        <v>0</v>
      </c>
      <c r="J1810" s="166">
        <v>0</v>
      </c>
      <c r="K1810" s="166">
        <v>0</v>
      </c>
      <c r="L1810" s="166">
        <v>0</v>
      </c>
      <c r="M1810" s="166">
        <v>0</v>
      </c>
      <c r="N1810" s="166">
        <v>0</v>
      </c>
      <c r="O1810" s="166">
        <v>0</v>
      </c>
      <c r="P1810" s="166">
        <v>0</v>
      </c>
      <c r="Q1810" s="166">
        <v>0</v>
      </c>
      <c r="R1810" s="166">
        <v>0</v>
      </c>
      <c r="S1810" s="166">
        <v>0</v>
      </c>
      <c r="T1810" s="166">
        <v>0</v>
      </c>
      <c r="U1810" s="166">
        <v>0</v>
      </c>
      <c r="V1810" s="166">
        <v>0</v>
      </c>
      <c r="W1810" s="166">
        <v>0</v>
      </c>
      <c r="X1810" s="166">
        <v>0</v>
      </c>
      <c r="Y1810" s="166">
        <v>0</v>
      </c>
      <c r="Z1810" s="166">
        <v>0</v>
      </c>
      <c r="AA1810" s="166">
        <v>0</v>
      </c>
      <c r="AB1810" s="166">
        <v>0</v>
      </c>
      <c r="AC1810" s="166">
        <v>0</v>
      </c>
      <c r="AD1810" s="166">
        <v>0</v>
      </c>
      <c r="AE1810" s="166">
        <v>0</v>
      </c>
      <c r="AF1810" s="166">
        <v>0</v>
      </c>
      <c r="AG1810" s="166">
        <v>0</v>
      </c>
      <c r="AH1810" s="166">
        <v>0</v>
      </c>
      <c r="AI1810" s="166">
        <v>0</v>
      </c>
      <c r="AJ1810" s="166">
        <v>0</v>
      </c>
      <c r="AK1810" s="166">
        <v>0</v>
      </c>
      <c r="AL1810" s="166">
        <v>0</v>
      </c>
      <c r="AM1810" s="166">
        <v>0</v>
      </c>
      <c r="AN1810" s="166">
        <v>0</v>
      </c>
      <c r="AO1810" s="166">
        <v>0</v>
      </c>
      <c r="AP1810" s="166">
        <v>0</v>
      </c>
      <c r="AQ1810" s="166">
        <v>0</v>
      </c>
      <c r="AR1810" s="166">
        <v>0</v>
      </c>
      <c r="AS1810" s="166">
        <v>0</v>
      </c>
      <c r="AT1810" s="166">
        <v>0</v>
      </c>
      <c r="AU1810" s="166">
        <v>0</v>
      </c>
      <c r="AV1810" s="166">
        <v>0</v>
      </c>
      <c r="AW1810" s="166">
        <v>0</v>
      </c>
      <c r="AX1810" s="166">
        <v>0</v>
      </c>
      <c r="AY1810" s="166">
        <v>0</v>
      </c>
      <c r="AZ1810" s="166">
        <v>0</v>
      </c>
      <c r="BA1810" s="166">
        <v>0</v>
      </c>
      <c r="BB1810" s="166">
        <v>0</v>
      </c>
      <c r="BC1810" s="166">
        <v>0</v>
      </c>
      <c r="BD1810" s="166">
        <v>0</v>
      </c>
      <c r="BE1810" s="166">
        <v>0</v>
      </c>
      <c r="BF1810" s="166">
        <v>0</v>
      </c>
      <c r="BG1810" s="166">
        <v>0</v>
      </c>
      <c r="BH1810" s="166">
        <v>0</v>
      </c>
      <c r="BI1810" s="166">
        <v>0</v>
      </c>
      <c r="BJ1810" s="166">
        <v>0</v>
      </c>
      <c r="BK1810" s="166">
        <v>0</v>
      </c>
      <c r="BL1810" s="166">
        <v>0</v>
      </c>
      <c r="BM1810" s="166">
        <v>0</v>
      </c>
      <c r="BN1810" s="166">
        <v>0</v>
      </c>
      <c r="BO1810" s="166">
        <v>0</v>
      </c>
      <c r="BP1810" s="166">
        <v>0</v>
      </c>
      <c r="BQ1810" s="166">
        <v>0</v>
      </c>
      <c r="BR1810" s="166">
        <v>1054185.95999999</v>
      </c>
      <c r="BS1810" s="166">
        <v>1054185.96</v>
      </c>
      <c r="BT1810" s="168">
        <v>0</v>
      </c>
      <c r="BU1810" s="166">
        <v>53977.975999198199</v>
      </c>
      <c r="BV1810" s="166">
        <v>755215.07934626203</v>
      </c>
      <c r="BW1810" s="166">
        <v>0</v>
      </c>
      <c r="BX1810" s="166">
        <v>0</v>
      </c>
      <c r="BY1810" s="166">
        <v>0</v>
      </c>
      <c r="BZ1810" s="166">
        <v>0</v>
      </c>
      <c r="CA1810" s="166">
        <v>0</v>
      </c>
      <c r="CB1810" s="166">
        <v>0</v>
      </c>
      <c r="CC1810" s="166">
        <v>0</v>
      </c>
      <c r="CD1810" s="166">
        <v>0</v>
      </c>
      <c r="CE1810" s="166">
        <v>0</v>
      </c>
      <c r="CF1810" s="166">
        <v>0</v>
      </c>
      <c r="CG1810" s="166">
        <v>0</v>
      </c>
      <c r="CH1810" s="166">
        <v>0</v>
      </c>
      <c r="CI1810" s="166">
        <v>0</v>
      </c>
      <c r="CJ1810" s="166">
        <v>0</v>
      </c>
      <c r="CK1810" s="166">
        <v>0</v>
      </c>
      <c r="CL1810" s="166">
        <v>0</v>
      </c>
      <c r="CM1810" s="166">
        <v>0</v>
      </c>
      <c r="CN1810" s="166">
        <v>0</v>
      </c>
      <c r="CO1810" s="166">
        <v>0</v>
      </c>
      <c r="CP1810" s="166">
        <v>0</v>
      </c>
      <c r="CQ1810" s="166">
        <v>0</v>
      </c>
      <c r="CR1810" s="166">
        <v>0</v>
      </c>
      <c r="CS1810" s="166">
        <v>0</v>
      </c>
      <c r="CT1810" s="166">
        <v>0</v>
      </c>
      <c r="CU1810" s="166">
        <v>0</v>
      </c>
      <c r="CV1810" s="166">
        <v>0</v>
      </c>
      <c r="CW1810" s="166">
        <v>0</v>
      </c>
      <c r="CX1810" s="166">
        <v>0</v>
      </c>
      <c r="CY1810" s="166">
        <v>755215.07934626203</v>
      </c>
      <c r="CZ1810" s="166">
        <v>755215.07934626203</v>
      </c>
    </row>
    <row r="1811" spans="1:104" x14ac:dyDescent="0.2">
      <c r="A1811" s="167" t="s">
        <v>220</v>
      </c>
    </row>
    <row r="1812" spans="1:104" x14ac:dyDescent="0.2">
      <c r="A1812" s="167" t="s">
        <v>221</v>
      </c>
      <c r="B1812" s="166">
        <v>-5.0400000009176402</v>
      </c>
      <c r="C1812" s="166">
        <v>-5.0400000009176402</v>
      </c>
      <c r="D1812" s="166">
        <v>0</v>
      </c>
      <c r="E1812" s="166">
        <v>0</v>
      </c>
      <c r="F1812" s="166">
        <v>0</v>
      </c>
      <c r="G1812" s="166">
        <v>0</v>
      </c>
      <c r="H1812" s="166">
        <v>0</v>
      </c>
      <c r="I1812" s="166">
        <v>0</v>
      </c>
      <c r="J1812" s="166">
        <v>0</v>
      </c>
      <c r="K1812" s="166">
        <v>0</v>
      </c>
      <c r="L1812" s="166">
        <v>0</v>
      </c>
      <c r="M1812" s="166">
        <v>0</v>
      </c>
      <c r="N1812" s="166">
        <v>0</v>
      </c>
      <c r="O1812" s="166">
        <v>0</v>
      </c>
      <c r="P1812" s="166">
        <v>0</v>
      </c>
      <c r="Q1812" s="166">
        <v>0</v>
      </c>
      <c r="R1812" s="166">
        <v>0</v>
      </c>
      <c r="S1812" s="166">
        <v>0</v>
      </c>
      <c r="T1812" s="166">
        <v>0</v>
      </c>
      <c r="U1812" s="166">
        <v>0</v>
      </c>
      <c r="V1812" s="166">
        <v>0</v>
      </c>
      <c r="W1812" s="166">
        <v>0</v>
      </c>
      <c r="X1812" s="166">
        <v>0</v>
      </c>
      <c r="Y1812" s="166">
        <v>0</v>
      </c>
      <c r="Z1812" s="166">
        <v>0</v>
      </c>
      <c r="AA1812" s="166">
        <v>0</v>
      </c>
      <c r="AB1812" s="166">
        <v>0</v>
      </c>
      <c r="AC1812" s="166">
        <v>0</v>
      </c>
      <c r="AD1812" s="166">
        <v>0</v>
      </c>
      <c r="AE1812" s="166">
        <v>0</v>
      </c>
      <c r="AF1812" s="166">
        <v>0</v>
      </c>
      <c r="AG1812" s="166">
        <v>0</v>
      </c>
      <c r="AH1812" s="166">
        <v>0</v>
      </c>
      <c r="AI1812" s="166">
        <v>0</v>
      </c>
      <c r="AJ1812" s="166">
        <v>0</v>
      </c>
      <c r="AK1812" s="166">
        <v>0</v>
      </c>
      <c r="AL1812" s="166">
        <v>0</v>
      </c>
      <c r="AM1812" s="166">
        <v>0</v>
      </c>
      <c r="AN1812" s="166">
        <v>0</v>
      </c>
      <c r="AO1812" s="166">
        <v>0</v>
      </c>
      <c r="AP1812" s="166">
        <v>0</v>
      </c>
      <c r="AQ1812" s="166">
        <v>0</v>
      </c>
      <c r="AR1812" s="166">
        <v>0</v>
      </c>
      <c r="AS1812" s="166">
        <v>0</v>
      </c>
      <c r="AT1812" s="166">
        <v>0</v>
      </c>
      <c r="AU1812" s="166">
        <v>0</v>
      </c>
      <c r="AV1812" s="166">
        <v>0</v>
      </c>
      <c r="AW1812" s="166">
        <v>0</v>
      </c>
      <c r="AX1812" s="166">
        <v>0</v>
      </c>
      <c r="AY1812" s="166">
        <v>0</v>
      </c>
      <c r="AZ1812" s="166">
        <v>0</v>
      </c>
      <c r="BA1812" s="166">
        <v>0</v>
      </c>
      <c r="BB1812" s="166">
        <v>0</v>
      </c>
      <c r="BC1812" s="166">
        <v>0</v>
      </c>
      <c r="BD1812" s="166">
        <v>0</v>
      </c>
      <c r="BE1812" s="166">
        <v>0</v>
      </c>
      <c r="BF1812" s="166">
        <v>0</v>
      </c>
      <c r="BG1812" s="166">
        <v>0</v>
      </c>
      <c r="BH1812" s="166">
        <v>0</v>
      </c>
      <c r="BI1812" s="166">
        <v>0</v>
      </c>
      <c r="BJ1812" s="166">
        <v>0</v>
      </c>
      <c r="BK1812" s="166">
        <v>0</v>
      </c>
      <c r="BL1812" s="166">
        <v>0</v>
      </c>
      <c r="BM1812" s="166">
        <v>0</v>
      </c>
      <c r="BN1812" s="166">
        <v>0</v>
      </c>
      <c r="BO1812" s="166">
        <v>0</v>
      </c>
      <c r="BP1812" s="166">
        <v>0</v>
      </c>
      <c r="BQ1812" s="166">
        <v>0</v>
      </c>
      <c r="BR1812" s="166">
        <v>-5.0400000009176402</v>
      </c>
      <c r="BS1812" s="166">
        <v>-5.0400000009176402</v>
      </c>
      <c r="BT1812" s="168">
        <v>0.999998123540776</v>
      </c>
      <c r="BU1812" s="166">
        <v>-0.41999921196359602</v>
      </c>
      <c r="BV1812" s="166">
        <v>-5.0399905435631496</v>
      </c>
      <c r="BW1812" s="166">
        <v>0</v>
      </c>
      <c r="BX1812" s="166">
        <v>0</v>
      </c>
      <c r="BY1812" s="166">
        <v>0</v>
      </c>
      <c r="BZ1812" s="166">
        <v>0</v>
      </c>
      <c r="CA1812" s="166">
        <v>0</v>
      </c>
      <c r="CB1812" s="166">
        <v>0</v>
      </c>
      <c r="CC1812" s="166">
        <v>0</v>
      </c>
      <c r="CD1812" s="166">
        <v>0</v>
      </c>
      <c r="CE1812" s="166">
        <v>0</v>
      </c>
      <c r="CF1812" s="166">
        <v>0</v>
      </c>
      <c r="CG1812" s="166">
        <v>0</v>
      </c>
      <c r="CH1812" s="166">
        <v>0</v>
      </c>
      <c r="CI1812" s="166">
        <v>0</v>
      </c>
      <c r="CJ1812" s="166">
        <v>0</v>
      </c>
      <c r="CK1812" s="166">
        <v>0</v>
      </c>
      <c r="CL1812" s="166">
        <v>0</v>
      </c>
      <c r="CM1812" s="166">
        <v>0</v>
      </c>
      <c r="CN1812" s="166">
        <v>0</v>
      </c>
      <c r="CO1812" s="166">
        <v>0</v>
      </c>
      <c r="CP1812" s="166">
        <v>0</v>
      </c>
      <c r="CQ1812" s="166">
        <v>0</v>
      </c>
      <c r="CR1812" s="166">
        <v>0</v>
      </c>
      <c r="CS1812" s="166">
        <v>0</v>
      </c>
      <c r="CT1812" s="166">
        <v>0</v>
      </c>
      <c r="CU1812" s="166">
        <v>0</v>
      </c>
      <c r="CV1812" s="166">
        <v>0</v>
      </c>
      <c r="CW1812" s="166">
        <v>0</v>
      </c>
      <c r="CX1812" s="166">
        <v>0</v>
      </c>
      <c r="CY1812" s="166">
        <v>-5.0399905435631496</v>
      </c>
      <c r="CZ1812" s="166">
        <v>-5.0399905435631496</v>
      </c>
    </row>
    <row r="1813" spans="1:104" x14ac:dyDescent="0.2">
      <c r="A1813" s="167" t="s">
        <v>222</v>
      </c>
    </row>
    <row r="1814" spans="1:104" x14ac:dyDescent="0.2">
      <c r="A1814" s="167" t="s">
        <v>1079</v>
      </c>
      <c r="B1814" s="166">
        <v>54648.998031037998</v>
      </c>
      <c r="C1814" s="166">
        <v>54648.998031037998</v>
      </c>
      <c r="D1814" s="166">
        <v>0</v>
      </c>
      <c r="E1814" s="166">
        <v>0</v>
      </c>
      <c r="F1814" s="166">
        <v>0</v>
      </c>
      <c r="G1814" s="166">
        <v>0</v>
      </c>
      <c r="H1814" s="166">
        <v>0</v>
      </c>
      <c r="I1814" s="166">
        <v>0</v>
      </c>
      <c r="J1814" s="166">
        <v>0</v>
      </c>
      <c r="K1814" s="166">
        <v>0</v>
      </c>
      <c r="L1814" s="166">
        <v>0</v>
      </c>
      <c r="M1814" s="166">
        <v>0</v>
      </c>
      <c r="N1814" s="166">
        <v>0</v>
      </c>
      <c r="O1814" s="166">
        <v>0</v>
      </c>
      <c r="P1814" s="166">
        <v>0</v>
      </c>
      <c r="Q1814" s="166">
        <v>0</v>
      </c>
      <c r="R1814" s="166">
        <v>0</v>
      </c>
      <c r="S1814" s="166">
        <v>0</v>
      </c>
      <c r="T1814" s="166">
        <v>0</v>
      </c>
      <c r="U1814" s="166">
        <v>0</v>
      </c>
      <c r="V1814" s="166">
        <v>0</v>
      </c>
      <c r="W1814" s="166">
        <v>0</v>
      </c>
      <c r="X1814" s="166">
        <v>0</v>
      </c>
      <c r="Y1814" s="166">
        <v>0</v>
      </c>
      <c r="Z1814" s="166">
        <v>0</v>
      </c>
      <c r="AA1814" s="166">
        <v>0</v>
      </c>
      <c r="AB1814" s="166">
        <v>0</v>
      </c>
      <c r="AC1814" s="166">
        <v>0</v>
      </c>
      <c r="AD1814" s="166">
        <v>0</v>
      </c>
      <c r="AE1814" s="166">
        <v>0</v>
      </c>
      <c r="AF1814" s="166">
        <v>0</v>
      </c>
      <c r="AG1814" s="166">
        <v>0</v>
      </c>
      <c r="AH1814" s="166">
        <v>0</v>
      </c>
      <c r="AI1814" s="166">
        <v>0</v>
      </c>
      <c r="AJ1814" s="166">
        <v>0</v>
      </c>
      <c r="AK1814" s="166">
        <v>0</v>
      </c>
      <c r="AL1814" s="166">
        <v>0</v>
      </c>
      <c r="AM1814" s="166">
        <v>0</v>
      </c>
      <c r="AN1814" s="166">
        <v>0</v>
      </c>
      <c r="AO1814" s="166">
        <v>0</v>
      </c>
      <c r="AP1814" s="166">
        <v>0</v>
      </c>
      <c r="AQ1814" s="166">
        <v>0</v>
      </c>
      <c r="AR1814" s="166">
        <v>0</v>
      </c>
      <c r="AS1814" s="166">
        <v>0</v>
      </c>
      <c r="AT1814" s="166">
        <v>0</v>
      </c>
      <c r="AU1814" s="166">
        <v>0</v>
      </c>
      <c r="AV1814" s="166">
        <v>0</v>
      </c>
      <c r="AW1814" s="166">
        <v>0</v>
      </c>
      <c r="AX1814" s="166">
        <v>0</v>
      </c>
      <c r="AY1814" s="166">
        <v>0</v>
      </c>
      <c r="AZ1814" s="166">
        <v>0</v>
      </c>
      <c r="BA1814" s="166">
        <v>0</v>
      </c>
      <c r="BB1814" s="166">
        <v>0</v>
      </c>
      <c r="BC1814" s="166">
        <v>0</v>
      </c>
      <c r="BD1814" s="166">
        <v>0</v>
      </c>
      <c r="BE1814" s="166">
        <v>0</v>
      </c>
      <c r="BF1814" s="166">
        <v>0</v>
      </c>
      <c r="BG1814" s="166">
        <v>0</v>
      </c>
      <c r="BH1814" s="166">
        <v>0</v>
      </c>
      <c r="BI1814" s="166">
        <v>0</v>
      </c>
      <c r="BJ1814" s="166">
        <v>0</v>
      </c>
      <c r="BK1814" s="166">
        <v>0</v>
      </c>
      <c r="BL1814" s="166">
        <v>0</v>
      </c>
      <c r="BM1814" s="166">
        <v>0</v>
      </c>
      <c r="BN1814" s="166">
        <v>0</v>
      </c>
      <c r="BO1814" s="166">
        <v>0</v>
      </c>
      <c r="BP1814" s="166">
        <v>0</v>
      </c>
      <c r="BQ1814" s="166">
        <v>0</v>
      </c>
      <c r="BR1814" s="166">
        <v>54648.998031037998</v>
      </c>
      <c r="BS1814" s="166">
        <v>54648.998031037998</v>
      </c>
      <c r="BT1814" s="168">
        <v>0.999998123540776</v>
      </c>
      <c r="BU1814" s="166">
        <v>2646.51475192727</v>
      </c>
      <c r="BV1814" s="166">
        <v>54648.895484421599</v>
      </c>
      <c r="BW1814" s="166">
        <v>0</v>
      </c>
      <c r="BX1814" s="166">
        <v>0</v>
      </c>
      <c r="BY1814" s="166">
        <v>0</v>
      </c>
      <c r="BZ1814" s="166">
        <v>0</v>
      </c>
      <c r="CA1814" s="166">
        <v>0</v>
      </c>
      <c r="CB1814" s="166">
        <v>0</v>
      </c>
      <c r="CC1814" s="166">
        <v>0</v>
      </c>
      <c r="CD1814" s="166">
        <v>0</v>
      </c>
      <c r="CE1814" s="166">
        <v>0</v>
      </c>
      <c r="CF1814" s="166">
        <v>0</v>
      </c>
      <c r="CG1814" s="166">
        <v>0</v>
      </c>
      <c r="CH1814" s="166">
        <v>0</v>
      </c>
      <c r="CI1814" s="166">
        <v>0</v>
      </c>
      <c r="CJ1814" s="166">
        <v>0</v>
      </c>
      <c r="CK1814" s="166">
        <v>0</v>
      </c>
      <c r="CL1814" s="166">
        <v>0</v>
      </c>
      <c r="CM1814" s="166">
        <v>0</v>
      </c>
      <c r="CN1814" s="166">
        <v>0</v>
      </c>
      <c r="CO1814" s="166">
        <v>0</v>
      </c>
      <c r="CP1814" s="166">
        <v>0</v>
      </c>
      <c r="CQ1814" s="166">
        <v>0</v>
      </c>
      <c r="CR1814" s="166">
        <v>0</v>
      </c>
      <c r="CS1814" s="166">
        <v>0</v>
      </c>
      <c r="CT1814" s="166">
        <v>0</v>
      </c>
      <c r="CU1814" s="166">
        <v>0</v>
      </c>
      <c r="CV1814" s="166">
        <v>0</v>
      </c>
      <c r="CW1814" s="166">
        <v>0</v>
      </c>
      <c r="CX1814" s="166">
        <v>0</v>
      </c>
      <c r="CY1814" s="166">
        <v>54648.895484421599</v>
      </c>
      <c r="CZ1814" s="166">
        <v>54648.895484421599</v>
      </c>
    </row>
    <row r="1815" spans="1:104" x14ac:dyDescent="0.2">
      <c r="A1815" s="167" t="s">
        <v>1080</v>
      </c>
      <c r="B1815" s="166">
        <v>1727.81238105335</v>
      </c>
      <c r="C1815" s="166">
        <v>1727.81238105335</v>
      </c>
      <c r="D1815" s="166">
        <v>0</v>
      </c>
      <c r="E1815" s="166">
        <v>0</v>
      </c>
      <c r="F1815" s="166">
        <v>0</v>
      </c>
      <c r="G1815" s="166">
        <v>0</v>
      </c>
      <c r="H1815" s="166">
        <v>0</v>
      </c>
      <c r="I1815" s="166">
        <v>0</v>
      </c>
      <c r="J1815" s="166">
        <v>0</v>
      </c>
      <c r="K1815" s="166">
        <v>0</v>
      </c>
      <c r="L1815" s="166">
        <v>0</v>
      </c>
      <c r="M1815" s="166">
        <v>0</v>
      </c>
      <c r="N1815" s="166">
        <v>0</v>
      </c>
      <c r="O1815" s="166">
        <v>0</v>
      </c>
      <c r="P1815" s="166">
        <v>0</v>
      </c>
      <c r="Q1815" s="166">
        <v>0</v>
      </c>
      <c r="R1815" s="166">
        <v>0</v>
      </c>
      <c r="S1815" s="166">
        <v>0</v>
      </c>
      <c r="T1815" s="166">
        <v>0</v>
      </c>
      <c r="U1815" s="166">
        <v>0</v>
      </c>
      <c r="V1815" s="166">
        <v>0</v>
      </c>
      <c r="W1815" s="166">
        <v>0</v>
      </c>
      <c r="X1815" s="166">
        <v>0</v>
      </c>
      <c r="Y1815" s="166">
        <v>0</v>
      </c>
      <c r="Z1815" s="166">
        <v>0</v>
      </c>
      <c r="AA1815" s="166">
        <v>0</v>
      </c>
      <c r="AB1815" s="166">
        <v>0</v>
      </c>
      <c r="AC1815" s="166">
        <v>0</v>
      </c>
      <c r="AD1815" s="166">
        <v>0</v>
      </c>
      <c r="AE1815" s="166">
        <v>0</v>
      </c>
      <c r="AF1815" s="166">
        <v>0</v>
      </c>
      <c r="AG1815" s="166">
        <v>0</v>
      </c>
      <c r="AH1815" s="166">
        <v>0</v>
      </c>
      <c r="AI1815" s="166">
        <v>0</v>
      </c>
      <c r="AJ1815" s="166">
        <v>0</v>
      </c>
      <c r="AK1815" s="166">
        <v>0</v>
      </c>
      <c r="AL1815" s="166">
        <v>0</v>
      </c>
      <c r="AM1815" s="166">
        <v>0</v>
      </c>
      <c r="AN1815" s="166">
        <v>0</v>
      </c>
      <c r="AO1815" s="166">
        <v>0</v>
      </c>
      <c r="AP1815" s="166">
        <v>0</v>
      </c>
      <c r="AQ1815" s="166">
        <v>0</v>
      </c>
      <c r="AR1815" s="166">
        <v>0</v>
      </c>
      <c r="AS1815" s="166">
        <v>0</v>
      </c>
      <c r="AT1815" s="166">
        <v>0</v>
      </c>
      <c r="AU1815" s="166">
        <v>0</v>
      </c>
      <c r="AV1815" s="166">
        <v>0</v>
      </c>
      <c r="AW1815" s="166">
        <v>0</v>
      </c>
      <c r="AX1815" s="166">
        <v>0</v>
      </c>
      <c r="AY1815" s="166">
        <v>0</v>
      </c>
      <c r="AZ1815" s="166">
        <v>0</v>
      </c>
      <c r="BA1815" s="166">
        <v>0</v>
      </c>
      <c r="BB1815" s="166">
        <v>0</v>
      </c>
      <c r="BC1815" s="166">
        <v>0</v>
      </c>
      <c r="BD1815" s="166">
        <v>0</v>
      </c>
      <c r="BE1815" s="166">
        <v>0</v>
      </c>
      <c r="BF1815" s="166">
        <v>0</v>
      </c>
      <c r="BG1815" s="166">
        <v>0</v>
      </c>
      <c r="BH1815" s="166">
        <v>0</v>
      </c>
      <c r="BI1815" s="166">
        <v>0</v>
      </c>
      <c r="BJ1815" s="166">
        <v>0</v>
      </c>
      <c r="BK1815" s="166">
        <v>0</v>
      </c>
      <c r="BL1815" s="166">
        <v>0</v>
      </c>
      <c r="BM1815" s="166">
        <v>0</v>
      </c>
      <c r="BN1815" s="166">
        <v>0</v>
      </c>
      <c r="BO1815" s="166">
        <v>0</v>
      </c>
      <c r="BP1815" s="166">
        <v>0</v>
      </c>
      <c r="BQ1815" s="166">
        <v>0</v>
      </c>
      <c r="BR1815" s="166">
        <v>1727.81238105335</v>
      </c>
      <c r="BS1815" s="166">
        <v>1727.81238105335</v>
      </c>
      <c r="BT1815" s="168">
        <v>0.95155251400307195</v>
      </c>
      <c r="BU1815" s="166">
        <v>79.620018298885299</v>
      </c>
      <c r="BV1815" s="166">
        <v>1644.10421491695</v>
      </c>
      <c r="BW1815" s="166">
        <v>0</v>
      </c>
      <c r="BX1815" s="166">
        <v>0</v>
      </c>
      <c r="BY1815" s="166">
        <v>0</v>
      </c>
      <c r="BZ1815" s="166">
        <v>0</v>
      </c>
      <c r="CA1815" s="166">
        <v>0</v>
      </c>
      <c r="CB1815" s="166">
        <v>0</v>
      </c>
      <c r="CC1815" s="166">
        <v>0</v>
      </c>
      <c r="CD1815" s="166">
        <v>0</v>
      </c>
      <c r="CE1815" s="166">
        <v>0</v>
      </c>
      <c r="CF1815" s="166">
        <v>0</v>
      </c>
      <c r="CG1815" s="166">
        <v>0</v>
      </c>
      <c r="CH1815" s="166">
        <v>0</v>
      </c>
      <c r="CI1815" s="166">
        <v>0</v>
      </c>
      <c r="CJ1815" s="166">
        <v>0</v>
      </c>
      <c r="CK1815" s="166">
        <v>0</v>
      </c>
      <c r="CL1815" s="166">
        <v>0</v>
      </c>
      <c r="CM1815" s="166">
        <v>0</v>
      </c>
      <c r="CN1815" s="166">
        <v>0</v>
      </c>
      <c r="CO1815" s="166">
        <v>0</v>
      </c>
      <c r="CP1815" s="166">
        <v>0</v>
      </c>
      <c r="CQ1815" s="166">
        <v>0</v>
      </c>
      <c r="CR1815" s="166">
        <v>0</v>
      </c>
      <c r="CS1815" s="166">
        <v>0</v>
      </c>
      <c r="CT1815" s="166">
        <v>0</v>
      </c>
      <c r="CU1815" s="166">
        <v>0</v>
      </c>
      <c r="CV1815" s="166">
        <v>0</v>
      </c>
      <c r="CW1815" s="166">
        <v>0</v>
      </c>
      <c r="CX1815" s="166">
        <v>0</v>
      </c>
      <c r="CY1815" s="166">
        <v>1644.10421491695</v>
      </c>
      <c r="CZ1815" s="166">
        <v>1644.10421491695</v>
      </c>
    </row>
    <row r="1816" spans="1:104" x14ac:dyDescent="0.2">
      <c r="A1816" s="167" t="s">
        <v>1081</v>
      </c>
      <c r="B1816" s="166">
        <v>12464.1403606529</v>
      </c>
      <c r="C1816" s="166">
        <v>12464.1403606529</v>
      </c>
      <c r="D1816" s="166">
        <v>0</v>
      </c>
      <c r="E1816" s="166">
        <v>0</v>
      </c>
      <c r="F1816" s="166">
        <v>0</v>
      </c>
      <c r="G1816" s="166">
        <v>0</v>
      </c>
      <c r="H1816" s="166">
        <v>0</v>
      </c>
      <c r="I1816" s="166">
        <v>0</v>
      </c>
      <c r="J1816" s="166">
        <v>0</v>
      </c>
      <c r="K1816" s="166">
        <v>0</v>
      </c>
      <c r="L1816" s="166">
        <v>0</v>
      </c>
      <c r="M1816" s="166">
        <v>0</v>
      </c>
      <c r="N1816" s="166">
        <v>0</v>
      </c>
      <c r="O1816" s="166">
        <v>0</v>
      </c>
      <c r="P1816" s="166">
        <v>0</v>
      </c>
      <c r="Q1816" s="166">
        <v>0</v>
      </c>
      <c r="R1816" s="166">
        <v>0</v>
      </c>
      <c r="S1816" s="166">
        <v>0</v>
      </c>
      <c r="T1816" s="166">
        <v>0</v>
      </c>
      <c r="U1816" s="166">
        <v>0</v>
      </c>
      <c r="V1816" s="166">
        <v>0</v>
      </c>
      <c r="W1816" s="166">
        <v>0</v>
      </c>
      <c r="X1816" s="166">
        <v>0</v>
      </c>
      <c r="Y1816" s="166">
        <v>0</v>
      </c>
      <c r="Z1816" s="166">
        <v>0</v>
      </c>
      <c r="AA1816" s="166">
        <v>0</v>
      </c>
      <c r="AB1816" s="166">
        <v>0</v>
      </c>
      <c r="AC1816" s="166">
        <v>0</v>
      </c>
      <c r="AD1816" s="166">
        <v>0</v>
      </c>
      <c r="AE1816" s="166">
        <v>0</v>
      </c>
      <c r="AF1816" s="166">
        <v>0</v>
      </c>
      <c r="AG1816" s="166">
        <v>0</v>
      </c>
      <c r="AH1816" s="166">
        <v>0</v>
      </c>
      <c r="AI1816" s="166">
        <v>0</v>
      </c>
      <c r="AJ1816" s="166">
        <v>0</v>
      </c>
      <c r="AK1816" s="166">
        <v>0</v>
      </c>
      <c r="AL1816" s="166">
        <v>0</v>
      </c>
      <c r="AM1816" s="166">
        <v>0</v>
      </c>
      <c r="AN1816" s="166">
        <v>0</v>
      </c>
      <c r="AO1816" s="166">
        <v>0</v>
      </c>
      <c r="AP1816" s="166">
        <v>0</v>
      </c>
      <c r="AQ1816" s="166">
        <v>0</v>
      </c>
      <c r="AR1816" s="166">
        <v>0</v>
      </c>
      <c r="AS1816" s="166">
        <v>0</v>
      </c>
      <c r="AT1816" s="166">
        <v>0</v>
      </c>
      <c r="AU1816" s="166">
        <v>0</v>
      </c>
      <c r="AV1816" s="166">
        <v>0</v>
      </c>
      <c r="AW1816" s="166">
        <v>0</v>
      </c>
      <c r="AX1816" s="166">
        <v>0</v>
      </c>
      <c r="AY1816" s="166">
        <v>0</v>
      </c>
      <c r="AZ1816" s="166">
        <v>0</v>
      </c>
      <c r="BA1816" s="166">
        <v>0</v>
      </c>
      <c r="BB1816" s="166">
        <v>0</v>
      </c>
      <c r="BC1816" s="166">
        <v>0</v>
      </c>
      <c r="BD1816" s="166">
        <v>0</v>
      </c>
      <c r="BE1816" s="166">
        <v>0</v>
      </c>
      <c r="BF1816" s="166">
        <v>0</v>
      </c>
      <c r="BG1816" s="166">
        <v>0</v>
      </c>
      <c r="BH1816" s="166">
        <v>0</v>
      </c>
      <c r="BI1816" s="166">
        <v>0</v>
      </c>
      <c r="BJ1816" s="166">
        <v>0</v>
      </c>
      <c r="BK1816" s="166">
        <v>0</v>
      </c>
      <c r="BL1816" s="166">
        <v>0</v>
      </c>
      <c r="BM1816" s="166">
        <v>0</v>
      </c>
      <c r="BN1816" s="166">
        <v>0</v>
      </c>
      <c r="BO1816" s="166">
        <v>0</v>
      </c>
      <c r="BP1816" s="166">
        <v>0</v>
      </c>
      <c r="BQ1816" s="166">
        <v>0</v>
      </c>
      <c r="BR1816" s="166">
        <v>12464.1403606529</v>
      </c>
      <c r="BS1816" s="166">
        <v>12464.1403606529</v>
      </c>
      <c r="BT1816" s="168">
        <v>0.97647221562039299</v>
      </c>
      <c r="BU1816" s="166">
        <v>589.40681330094606</v>
      </c>
      <c r="BV1816" s="166">
        <v>12170.886753770301</v>
      </c>
      <c r="BW1816" s="166">
        <v>0</v>
      </c>
      <c r="BX1816" s="166">
        <v>0</v>
      </c>
      <c r="BY1816" s="166">
        <v>0</v>
      </c>
      <c r="BZ1816" s="166">
        <v>0</v>
      </c>
      <c r="CA1816" s="166">
        <v>0</v>
      </c>
      <c r="CB1816" s="166">
        <v>0</v>
      </c>
      <c r="CC1816" s="166">
        <v>0</v>
      </c>
      <c r="CD1816" s="166">
        <v>0</v>
      </c>
      <c r="CE1816" s="166">
        <v>0</v>
      </c>
      <c r="CF1816" s="166">
        <v>0</v>
      </c>
      <c r="CG1816" s="166">
        <v>0</v>
      </c>
      <c r="CH1816" s="166">
        <v>0</v>
      </c>
      <c r="CI1816" s="166">
        <v>0</v>
      </c>
      <c r="CJ1816" s="166">
        <v>0</v>
      </c>
      <c r="CK1816" s="166">
        <v>0</v>
      </c>
      <c r="CL1816" s="166">
        <v>0</v>
      </c>
      <c r="CM1816" s="166">
        <v>0</v>
      </c>
      <c r="CN1816" s="166">
        <v>0</v>
      </c>
      <c r="CO1816" s="166">
        <v>0</v>
      </c>
      <c r="CP1816" s="166">
        <v>0</v>
      </c>
      <c r="CQ1816" s="166">
        <v>0</v>
      </c>
      <c r="CR1816" s="166">
        <v>0</v>
      </c>
      <c r="CS1816" s="166">
        <v>0</v>
      </c>
      <c r="CT1816" s="166">
        <v>0</v>
      </c>
      <c r="CU1816" s="166">
        <v>0</v>
      </c>
      <c r="CV1816" s="166">
        <v>0</v>
      </c>
      <c r="CW1816" s="166">
        <v>0</v>
      </c>
      <c r="CX1816" s="166">
        <v>0</v>
      </c>
      <c r="CY1816" s="166">
        <v>12170.886753770301</v>
      </c>
      <c r="CZ1816" s="166">
        <v>12170.886753770301</v>
      </c>
    </row>
    <row r="1817" spans="1:104" x14ac:dyDescent="0.2">
      <c r="A1817" s="167" t="s">
        <v>226</v>
      </c>
      <c r="B1817" s="166">
        <v>39872.722332014499</v>
      </c>
      <c r="C1817" s="166">
        <v>39872.722332014499</v>
      </c>
      <c r="D1817" s="166">
        <v>0</v>
      </c>
      <c r="E1817" s="166">
        <v>0</v>
      </c>
      <c r="F1817" s="166">
        <v>0</v>
      </c>
      <c r="G1817" s="166">
        <v>0</v>
      </c>
      <c r="H1817" s="166">
        <v>0</v>
      </c>
      <c r="I1817" s="166">
        <v>0</v>
      </c>
      <c r="J1817" s="166">
        <v>0</v>
      </c>
      <c r="K1817" s="166">
        <v>0</v>
      </c>
      <c r="L1817" s="166">
        <v>0</v>
      </c>
      <c r="M1817" s="166">
        <v>0</v>
      </c>
      <c r="N1817" s="166">
        <v>0</v>
      </c>
      <c r="O1817" s="166">
        <v>0</v>
      </c>
      <c r="P1817" s="166">
        <v>0</v>
      </c>
      <c r="Q1817" s="166">
        <v>0</v>
      </c>
      <c r="R1817" s="166">
        <v>0</v>
      </c>
      <c r="S1817" s="166">
        <v>0</v>
      </c>
      <c r="T1817" s="166">
        <v>0</v>
      </c>
      <c r="U1817" s="166">
        <v>0</v>
      </c>
      <c r="V1817" s="166">
        <v>0</v>
      </c>
      <c r="W1817" s="166">
        <v>0</v>
      </c>
      <c r="X1817" s="166">
        <v>0</v>
      </c>
      <c r="Y1817" s="166">
        <v>0</v>
      </c>
      <c r="Z1817" s="166">
        <v>0</v>
      </c>
      <c r="AA1817" s="166">
        <v>0</v>
      </c>
      <c r="AB1817" s="166">
        <v>0</v>
      </c>
      <c r="AC1817" s="166">
        <v>0</v>
      </c>
      <c r="AD1817" s="166">
        <v>0</v>
      </c>
      <c r="AE1817" s="166">
        <v>0</v>
      </c>
      <c r="AF1817" s="166">
        <v>0</v>
      </c>
      <c r="AG1817" s="166">
        <v>0</v>
      </c>
      <c r="AH1817" s="166">
        <v>0</v>
      </c>
      <c r="AI1817" s="166">
        <v>0</v>
      </c>
      <c r="AJ1817" s="166">
        <v>0</v>
      </c>
      <c r="AK1817" s="166">
        <v>0</v>
      </c>
      <c r="AL1817" s="166">
        <v>0</v>
      </c>
      <c r="AM1817" s="166">
        <v>0</v>
      </c>
      <c r="AN1817" s="166">
        <v>0</v>
      </c>
      <c r="AO1817" s="166">
        <v>0</v>
      </c>
      <c r="AP1817" s="166">
        <v>0</v>
      </c>
      <c r="AQ1817" s="166">
        <v>0</v>
      </c>
      <c r="AR1817" s="166">
        <v>0</v>
      </c>
      <c r="AS1817" s="166">
        <v>0</v>
      </c>
      <c r="AT1817" s="166">
        <v>0</v>
      </c>
      <c r="AU1817" s="166">
        <v>0</v>
      </c>
      <c r="AV1817" s="166">
        <v>0</v>
      </c>
      <c r="AW1817" s="166">
        <v>0</v>
      </c>
      <c r="AX1817" s="166">
        <v>0</v>
      </c>
      <c r="AY1817" s="166">
        <v>0</v>
      </c>
      <c r="AZ1817" s="166">
        <v>0</v>
      </c>
      <c r="BA1817" s="166">
        <v>0</v>
      </c>
      <c r="BB1817" s="166">
        <v>0</v>
      </c>
      <c r="BC1817" s="166">
        <v>0</v>
      </c>
      <c r="BD1817" s="166">
        <v>0</v>
      </c>
      <c r="BE1817" s="166">
        <v>0</v>
      </c>
      <c r="BF1817" s="166">
        <v>0</v>
      </c>
      <c r="BG1817" s="166">
        <v>0</v>
      </c>
      <c r="BH1817" s="166">
        <v>0</v>
      </c>
      <c r="BI1817" s="166">
        <v>0</v>
      </c>
      <c r="BJ1817" s="166">
        <v>0</v>
      </c>
      <c r="BK1817" s="166">
        <v>0</v>
      </c>
      <c r="BL1817" s="166">
        <v>0</v>
      </c>
      <c r="BM1817" s="166">
        <v>0</v>
      </c>
      <c r="BN1817" s="166">
        <v>0</v>
      </c>
      <c r="BO1817" s="166">
        <v>0</v>
      </c>
      <c r="BP1817" s="166">
        <v>0</v>
      </c>
      <c r="BQ1817" s="166">
        <v>0</v>
      </c>
      <c r="BR1817" s="166">
        <v>39872.722332014499</v>
      </c>
      <c r="BS1817" s="166">
        <v>39872.722332014499</v>
      </c>
      <c r="BT1817" s="168">
        <v>0.999998123540776</v>
      </c>
      <c r="BU1817" s="166">
        <v>1930.93655241847</v>
      </c>
      <c r="BV1817" s="166">
        <v>39872.647512476899</v>
      </c>
      <c r="BW1817" s="166">
        <v>0</v>
      </c>
      <c r="BX1817" s="166">
        <v>0</v>
      </c>
      <c r="BY1817" s="166">
        <v>0</v>
      </c>
      <c r="BZ1817" s="166">
        <v>0</v>
      </c>
      <c r="CA1817" s="166">
        <v>0</v>
      </c>
      <c r="CB1817" s="166">
        <v>0</v>
      </c>
      <c r="CC1817" s="166">
        <v>0</v>
      </c>
      <c r="CD1817" s="166">
        <v>0</v>
      </c>
      <c r="CE1817" s="166">
        <v>0</v>
      </c>
      <c r="CF1817" s="166">
        <v>0</v>
      </c>
      <c r="CG1817" s="166">
        <v>0</v>
      </c>
      <c r="CH1817" s="166">
        <v>0</v>
      </c>
      <c r="CI1817" s="166">
        <v>0</v>
      </c>
      <c r="CJ1817" s="166">
        <v>0</v>
      </c>
      <c r="CK1817" s="166">
        <v>0</v>
      </c>
      <c r="CL1817" s="166">
        <v>0</v>
      </c>
      <c r="CM1817" s="166">
        <v>0</v>
      </c>
      <c r="CN1817" s="166">
        <v>0</v>
      </c>
      <c r="CO1817" s="166">
        <v>0</v>
      </c>
      <c r="CP1817" s="166">
        <v>0</v>
      </c>
      <c r="CQ1817" s="166">
        <v>0</v>
      </c>
      <c r="CR1817" s="166">
        <v>0</v>
      </c>
      <c r="CS1817" s="166">
        <v>0</v>
      </c>
      <c r="CT1817" s="166">
        <v>0</v>
      </c>
      <c r="CU1817" s="166">
        <v>0</v>
      </c>
      <c r="CV1817" s="166">
        <v>0</v>
      </c>
      <c r="CW1817" s="166">
        <v>0</v>
      </c>
      <c r="CX1817" s="166">
        <v>0</v>
      </c>
      <c r="CY1817" s="166">
        <v>39872.647512476899</v>
      </c>
      <c r="CZ1817" s="166">
        <v>39872.647512476899</v>
      </c>
    </row>
    <row r="1818" spans="1:104" x14ac:dyDescent="0.2">
      <c r="A1818" s="167" t="s">
        <v>227</v>
      </c>
      <c r="B1818" s="166">
        <v>31302.496868833899</v>
      </c>
      <c r="C1818" s="166">
        <v>31302.496868833899</v>
      </c>
      <c r="D1818" s="166">
        <v>0</v>
      </c>
      <c r="E1818" s="166">
        <v>0</v>
      </c>
      <c r="F1818" s="166">
        <v>0</v>
      </c>
      <c r="G1818" s="166">
        <v>0</v>
      </c>
      <c r="H1818" s="166">
        <v>0</v>
      </c>
      <c r="I1818" s="166">
        <v>0</v>
      </c>
      <c r="J1818" s="166">
        <v>0</v>
      </c>
      <c r="K1818" s="166">
        <v>0</v>
      </c>
      <c r="L1818" s="166">
        <v>0</v>
      </c>
      <c r="M1818" s="166">
        <v>0</v>
      </c>
      <c r="N1818" s="166">
        <v>0</v>
      </c>
      <c r="O1818" s="166">
        <v>0</v>
      </c>
      <c r="P1818" s="166">
        <v>0</v>
      </c>
      <c r="Q1818" s="166">
        <v>0</v>
      </c>
      <c r="R1818" s="166">
        <v>0</v>
      </c>
      <c r="S1818" s="166">
        <v>0</v>
      </c>
      <c r="T1818" s="166">
        <v>0</v>
      </c>
      <c r="U1818" s="166">
        <v>0</v>
      </c>
      <c r="V1818" s="166">
        <v>0</v>
      </c>
      <c r="W1818" s="166">
        <v>0</v>
      </c>
      <c r="X1818" s="166">
        <v>0</v>
      </c>
      <c r="Y1818" s="166">
        <v>0</v>
      </c>
      <c r="Z1818" s="166">
        <v>0</v>
      </c>
      <c r="AA1818" s="166">
        <v>0</v>
      </c>
      <c r="AB1818" s="166">
        <v>0</v>
      </c>
      <c r="AC1818" s="166">
        <v>0</v>
      </c>
      <c r="AD1818" s="166">
        <v>0</v>
      </c>
      <c r="AE1818" s="166">
        <v>0</v>
      </c>
      <c r="AF1818" s="166">
        <v>0</v>
      </c>
      <c r="AG1818" s="166">
        <v>0</v>
      </c>
      <c r="AH1818" s="166">
        <v>0</v>
      </c>
      <c r="AI1818" s="166">
        <v>0</v>
      </c>
      <c r="AJ1818" s="166">
        <v>0</v>
      </c>
      <c r="AK1818" s="166">
        <v>0</v>
      </c>
      <c r="AL1818" s="166">
        <v>0</v>
      </c>
      <c r="AM1818" s="166">
        <v>0</v>
      </c>
      <c r="AN1818" s="166">
        <v>0</v>
      </c>
      <c r="AO1818" s="166">
        <v>0</v>
      </c>
      <c r="AP1818" s="166">
        <v>0</v>
      </c>
      <c r="AQ1818" s="166">
        <v>0</v>
      </c>
      <c r="AR1818" s="166">
        <v>0</v>
      </c>
      <c r="AS1818" s="166">
        <v>0</v>
      </c>
      <c r="AT1818" s="166">
        <v>0</v>
      </c>
      <c r="AU1818" s="166">
        <v>0</v>
      </c>
      <c r="AV1818" s="166">
        <v>0</v>
      </c>
      <c r="AW1818" s="166">
        <v>0</v>
      </c>
      <c r="AX1818" s="166">
        <v>0</v>
      </c>
      <c r="AY1818" s="166">
        <v>0</v>
      </c>
      <c r="AZ1818" s="166">
        <v>0</v>
      </c>
      <c r="BA1818" s="166">
        <v>0</v>
      </c>
      <c r="BB1818" s="166">
        <v>0</v>
      </c>
      <c r="BC1818" s="166">
        <v>0</v>
      </c>
      <c r="BD1818" s="166">
        <v>0</v>
      </c>
      <c r="BE1818" s="166">
        <v>0</v>
      </c>
      <c r="BF1818" s="166">
        <v>0</v>
      </c>
      <c r="BG1818" s="166">
        <v>0</v>
      </c>
      <c r="BH1818" s="166">
        <v>0</v>
      </c>
      <c r="BI1818" s="166">
        <v>0</v>
      </c>
      <c r="BJ1818" s="166">
        <v>0</v>
      </c>
      <c r="BK1818" s="166">
        <v>0</v>
      </c>
      <c r="BL1818" s="166">
        <v>0</v>
      </c>
      <c r="BM1818" s="166">
        <v>0</v>
      </c>
      <c r="BN1818" s="166">
        <v>0</v>
      </c>
      <c r="BO1818" s="166">
        <v>0</v>
      </c>
      <c r="BP1818" s="166">
        <v>0</v>
      </c>
      <c r="BQ1818" s="166">
        <v>0</v>
      </c>
      <c r="BR1818" s="166">
        <v>31302.496868833899</v>
      </c>
      <c r="BS1818" s="166">
        <v>31302.496868833899</v>
      </c>
      <c r="BT1818" s="166">
        <v>1000</v>
      </c>
      <c r="BU1818" s="166">
        <v>1515.9047406391101</v>
      </c>
      <c r="BV1818" s="166">
        <v>31302.496868833899</v>
      </c>
      <c r="BW1818" s="166">
        <v>0</v>
      </c>
      <c r="BX1818" s="166">
        <v>0</v>
      </c>
      <c r="BY1818" s="166">
        <v>0</v>
      </c>
      <c r="BZ1818" s="166">
        <v>0</v>
      </c>
      <c r="CA1818" s="166">
        <v>0</v>
      </c>
      <c r="CB1818" s="166">
        <v>0</v>
      </c>
      <c r="CC1818" s="166">
        <v>0</v>
      </c>
      <c r="CD1818" s="166">
        <v>0</v>
      </c>
      <c r="CE1818" s="166">
        <v>0</v>
      </c>
      <c r="CF1818" s="166">
        <v>0</v>
      </c>
      <c r="CG1818" s="166">
        <v>0</v>
      </c>
      <c r="CH1818" s="166">
        <v>0</v>
      </c>
      <c r="CI1818" s="166">
        <v>0</v>
      </c>
      <c r="CJ1818" s="166">
        <v>0</v>
      </c>
      <c r="CK1818" s="166">
        <v>0</v>
      </c>
      <c r="CL1818" s="166">
        <v>0</v>
      </c>
      <c r="CM1818" s="166">
        <v>0</v>
      </c>
      <c r="CN1818" s="166">
        <v>0</v>
      </c>
      <c r="CO1818" s="166">
        <v>0</v>
      </c>
      <c r="CP1818" s="166">
        <v>0</v>
      </c>
      <c r="CQ1818" s="166">
        <v>0</v>
      </c>
      <c r="CR1818" s="166">
        <v>0</v>
      </c>
      <c r="CS1818" s="166">
        <v>0</v>
      </c>
      <c r="CT1818" s="166">
        <v>0</v>
      </c>
      <c r="CU1818" s="166">
        <v>0</v>
      </c>
      <c r="CV1818" s="166">
        <v>0</v>
      </c>
      <c r="CW1818" s="166">
        <v>0</v>
      </c>
      <c r="CX1818" s="166">
        <v>0</v>
      </c>
      <c r="CY1818" s="166">
        <v>31302.496868833899</v>
      </c>
      <c r="CZ1818" s="166">
        <v>31302.496868833899</v>
      </c>
    </row>
    <row r="1819" spans="1:104" x14ac:dyDescent="0.2">
      <c r="A1819" s="167" t="s">
        <v>1082</v>
      </c>
      <c r="B1819" s="166">
        <v>4787252.3700264003</v>
      </c>
      <c r="C1819" s="166">
        <v>4787252.3700264003</v>
      </c>
      <c r="D1819" s="166">
        <v>0</v>
      </c>
      <c r="E1819" s="166">
        <v>0</v>
      </c>
      <c r="F1819" s="166">
        <v>0</v>
      </c>
      <c r="G1819" s="166">
        <v>0</v>
      </c>
      <c r="H1819" s="166">
        <v>0</v>
      </c>
      <c r="I1819" s="166">
        <v>0</v>
      </c>
      <c r="J1819" s="166">
        <v>0</v>
      </c>
      <c r="K1819" s="166">
        <v>0</v>
      </c>
      <c r="L1819" s="166">
        <v>0</v>
      </c>
      <c r="M1819" s="166">
        <v>0</v>
      </c>
      <c r="N1819" s="166">
        <v>0</v>
      </c>
      <c r="O1819" s="166">
        <v>0</v>
      </c>
      <c r="P1819" s="166">
        <v>0</v>
      </c>
      <c r="Q1819" s="166">
        <v>0</v>
      </c>
      <c r="R1819" s="166">
        <v>0</v>
      </c>
      <c r="S1819" s="166">
        <v>0</v>
      </c>
      <c r="T1819" s="166">
        <v>0</v>
      </c>
      <c r="U1819" s="166">
        <v>0</v>
      </c>
      <c r="V1819" s="166">
        <v>0</v>
      </c>
      <c r="W1819" s="166">
        <v>0</v>
      </c>
      <c r="X1819" s="166">
        <v>0</v>
      </c>
      <c r="Y1819" s="166">
        <v>0</v>
      </c>
      <c r="Z1819" s="166">
        <v>0</v>
      </c>
      <c r="AA1819" s="166">
        <v>0</v>
      </c>
      <c r="AB1819" s="166">
        <v>0</v>
      </c>
      <c r="AC1819" s="166">
        <v>0</v>
      </c>
      <c r="AD1819" s="166">
        <v>0</v>
      </c>
      <c r="AE1819" s="166">
        <v>0</v>
      </c>
      <c r="AF1819" s="166">
        <v>0</v>
      </c>
      <c r="AG1819" s="166">
        <v>0</v>
      </c>
      <c r="AH1819" s="166">
        <v>0</v>
      </c>
      <c r="AI1819" s="166">
        <v>0</v>
      </c>
      <c r="AJ1819" s="166">
        <v>0</v>
      </c>
      <c r="AK1819" s="166">
        <v>0</v>
      </c>
      <c r="AL1819" s="166">
        <v>0</v>
      </c>
      <c r="AM1819" s="166">
        <v>0</v>
      </c>
      <c r="AN1819" s="166">
        <v>0</v>
      </c>
      <c r="AO1819" s="166">
        <v>0</v>
      </c>
      <c r="AP1819" s="166">
        <v>0</v>
      </c>
      <c r="AQ1819" s="166">
        <v>0</v>
      </c>
      <c r="AR1819" s="166">
        <v>0</v>
      </c>
      <c r="AS1819" s="166">
        <v>0</v>
      </c>
      <c r="AT1819" s="166">
        <v>0</v>
      </c>
      <c r="AU1819" s="166">
        <v>0</v>
      </c>
      <c r="AV1819" s="166">
        <v>0</v>
      </c>
      <c r="AW1819" s="166">
        <v>0</v>
      </c>
      <c r="AX1819" s="166">
        <v>0</v>
      </c>
      <c r="AY1819" s="166">
        <v>0</v>
      </c>
      <c r="AZ1819" s="166">
        <v>0</v>
      </c>
      <c r="BA1819" s="166">
        <v>0</v>
      </c>
      <c r="BB1819" s="166">
        <v>0</v>
      </c>
      <c r="BC1819" s="166">
        <v>0</v>
      </c>
      <c r="BD1819" s="166">
        <v>0</v>
      </c>
      <c r="BE1819" s="166">
        <v>0</v>
      </c>
      <c r="BF1819" s="166">
        <v>0</v>
      </c>
      <c r="BG1819" s="166">
        <v>0</v>
      </c>
      <c r="BH1819" s="166">
        <v>0</v>
      </c>
      <c r="BI1819" s="166">
        <v>0</v>
      </c>
      <c r="BJ1819" s="166">
        <v>0</v>
      </c>
      <c r="BK1819" s="166">
        <v>0</v>
      </c>
      <c r="BL1819" s="166">
        <v>0</v>
      </c>
      <c r="BM1819" s="166">
        <v>0</v>
      </c>
      <c r="BN1819" s="166">
        <v>0</v>
      </c>
      <c r="BO1819" s="166">
        <v>0</v>
      </c>
      <c r="BP1819" s="166">
        <v>0</v>
      </c>
      <c r="BQ1819" s="166">
        <v>0</v>
      </c>
      <c r="BR1819" s="166">
        <v>4787252.3700264003</v>
      </c>
      <c r="BS1819" s="166">
        <v>4787252.3700264003</v>
      </c>
      <c r="BT1819" s="168">
        <v>0.70823195131973704</v>
      </c>
      <c r="BU1819" s="166">
        <v>170532.19215445299</v>
      </c>
      <c r="BV1819" s="166">
        <v>3390485.0874838298</v>
      </c>
      <c r="BW1819" s="166">
        <v>0</v>
      </c>
      <c r="BX1819" s="166">
        <v>0</v>
      </c>
      <c r="BY1819" s="166">
        <v>0</v>
      </c>
      <c r="BZ1819" s="166">
        <v>0</v>
      </c>
      <c r="CA1819" s="166">
        <v>0</v>
      </c>
      <c r="CB1819" s="166">
        <v>0</v>
      </c>
      <c r="CC1819" s="166">
        <v>0</v>
      </c>
      <c r="CD1819" s="166">
        <v>0</v>
      </c>
      <c r="CE1819" s="166">
        <v>0</v>
      </c>
      <c r="CF1819" s="166">
        <v>0</v>
      </c>
      <c r="CG1819" s="166">
        <v>0</v>
      </c>
      <c r="CH1819" s="166">
        <v>0</v>
      </c>
      <c r="CI1819" s="166">
        <v>0</v>
      </c>
      <c r="CJ1819" s="166">
        <v>0</v>
      </c>
      <c r="CK1819" s="166">
        <v>0</v>
      </c>
      <c r="CL1819" s="166">
        <v>0</v>
      </c>
      <c r="CM1819" s="166">
        <v>0</v>
      </c>
      <c r="CN1819" s="166">
        <v>0</v>
      </c>
      <c r="CO1819" s="166">
        <v>0</v>
      </c>
      <c r="CP1819" s="166">
        <v>0</v>
      </c>
      <c r="CQ1819" s="166">
        <v>0</v>
      </c>
      <c r="CR1819" s="166">
        <v>0</v>
      </c>
      <c r="CS1819" s="166">
        <v>0</v>
      </c>
      <c r="CT1819" s="166">
        <v>0</v>
      </c>
      <c r="CU1819" s="166">
        <v>0</v>
      </c>
      <c r="CV1819" s="166">
        <v>0</v>
      </c>
      <c r="CW1819" s="166">
        <v>0</v>
      </c>
      <c r="CX1819" s="166">
        <v>0</v>
      </c>
      <c r="CY1819" s="166">
        <v>3390485.0874838298</v>
      </c>
      <c r="CZ1819" s="166">
        <v>3390485.0874838298</v>
      </c>
    </row>
    <row r="1820" spans="1:104" x14ac:dyDescent="0.2">
      <c r="A1820" s="167" t="s">
        <v>1083</v>
      </c>
      <c r="B1820" s="166">
        <v>4927268.5399999898</v>
      </c>
      <c r="C1820" s="166">
        <v>4927268.5399999898</v>
      </c>
      <c r="D1820" s="166">
        <v>0</v>
      </c>
      <c r="E1820" s="166">
        <v>0</v>
      </c>
      <c r="F1820" s="166">
        <v>0</v>
      </c>
      <c r="G1820" s="166">
        <v>0</v>
      </c>
      <c r="H1820" s="166">
        <v>0</v>
      </c>
      <c r="I1820" s="166">
        <v>0</v>
      </c>
      <c r="J1820" s="166">
        <v>0</v>
      </c>
      <c r="K1820" s="166">
        <v>0</v>
      </c>
      <c r="L1820" s="166">
        <v>0</v>
      </c>
      <c r="M1820" s="166">
        <v>0</v>
      </c>
      <c r="N1820" s="166">
        <v>0</v>
      </c>
      <c r="O1820" s="166">
        <v>0</v>
      </c>
      <c r="P1820" s="166">
        <v>0</v>
      </c>
      <c r="Q1820" s="166">
        <v>0</v>
      </c>
      <c r="R1820" s="166">
        <v>0</v>
      </c>
      <c r="S1820" s="166">
        <v>0</v>
      </c>
      <c r="T1820" s="166">
        <v>0</v>
      </c>
      <c r="U1820" s="166">
        <v>0</v>
      </c>
      <c r="V1820" s="166">
        <v>0</v>
      </c>
      <c r="W1820" s="166">
        <v>0</v>
      </c>
      <c r="X1820" s="166">
        <v>0</v>
      </c>
      <c r="Y1820" s="166">
        <v>0</v>
      </c>
      <c r="Z1820" s="166">
        <v>0</v>
      </c>
      <c r="AA1820" s="166">
        <v>0</v>
      </c>
      <c r="AB1820" s="166">
        <v>0</v>
      </c>
      <c r="AC1820" s="166">
        <v>0</v>
      </c>
      <c r="AD1820" s="166">
        <v>0</v>
      </c>
      <c r="AE1820" s="166">
        <v>0</v>
      </c>
      <c r="AF1820" s="166">
        <v>0</v>
      </c>
      <c r="AG1820" s="166">
        <v>0</v>
      </c>
      <c r="AH1820" s="166">
        <v>0</v>
      </c>
      <c r="AI1820" s="166">
        <v>0</v>
      </c>
      <c r="AJ1820" s="166">
        <v>0</v>
      </c>
      <c r="AK1820" s="166">
        <v>0</v>
      </c>
      <c r="AL1820" s="166">
        <v>0</v>
      </c>
      <c r="AM1820" s="166">
        <v>0</v>
      </c>
      <c r="AN1820" s="166">
        <v>0</v>
      </c>
      <c r="AO1820" s="166">
        <v>0</v>
      </c>
      <c r="AP1820" s="166">
        <v>0</v>
      </c>
      <c r="AQ1820" s="166">
        <v>0</v>
      </c>
      <c r="AR1820" s="166">
        <v>0</v>
      </c>
      <c r="AS1820" s="166">
        <v>0</v>
      </c>
      <c r="AT1820" s="166">
        <v>0</v>
      </c>
      <c r="AU1820" s="166">
        <v>0</v>
      </c>
      <c r="AV1820" s="166">
        <v>0</v>
      </c>
      <c r="AW1820" s="166">
        <v>0</v>
      </c>
      <c r="AX1820" s="166">
        <v>0</v>
      </c>
      <c r="AY1820" s="166">
        <v>0</v>
      </c>
      <c r="AZ1820" s="166">
        <v>0</v>
      </c>
      <c r="BA1820" s="166">
        <v>0</v>
      </c>
      <c r="BB1820" s="166">
        <v>0</v>
      </c>
      <c r="BC1820" s="166">
        <v>0</v>
      </c>
      <c r="BD1820" s="166">
        <v>0</v>
      </c>
      <c r="BE1820" s="166">
        <v>0</v>
      </c>
      <c r="BF1820" s="166">
        <v>0</v>
      </c>
      <c r="BG1820" s="166">
        <v>0</v>
      </c>
      <c r="BH1820" s="166">
        <v>0</v>
      </c>
      <c r="BI1820" s="166">
        <v>0</v>
      </c>
      <c r="BJ1820" s="166">
        <v>0</v>
      </c>
      <c r="BK1820" s="166">
        <v>0</v>
      </c>
      <c r="BL1820" s="166">
        <v>0</v>
      </c>
      <c r="BM1820" s="166">
        <v>0</v>
      </c>
      <c r="BN1820" s="166">
        <v>0</v>
      </c>
      <c r="BO1820" s="166">
        <v>0</v>
      </c>
      <c r="BP1820" s="166">
        <v>0</v>
      </c>
      <c r="BQ1820" s="166">
        <v>0</v>
      </c>
      <c r="BR1820" s="166">
        <v>4927268.5399999898</v>
      </c>
      <c r="BS1820" s="166">
        <v>4927268.5399999898</v>
      </c>
      <c r="BT1820" s="168">
        <v>0</v>
      </c>
      <c r="BU1820" s="166">
        <v>177294.575031038</v>
      </c>
      <c r="BV1820" s="166">
        <v>3530124.1183182499</v>
      </c>
      <c r="BW1820" s="166">
        <v>0</v>
      </c>
      <c r="BX1820" s="166">
        <v>0</v>
      </c>
      <c r="BY1820" s="166">
        <v>0</v>
      </c>
      <c r="BZ1820" s="166">
        <v>0</v>
      </c>
      <c r="CA1820" s="166">
        <v>0</v>
      </c>
      <c r="CB1820" s="166">
        <v>0</v>
      </c>
      <c r="CC1820" s="166">
        <v>0</v>
      </c>
      <c r="CD1820" s="166">
        <v>0</v>
      </c>
      <c r="CE1820" s="166">
        <v>0</v>
      </c>
      <c r="CF1820" s="166">
        <v>0</v>
      </c>
      <c r="CG1820" s="166">
        <v>0</v>
      </c>
      <c r="CH1820" s="166">
        <v>0</v>
      </c>
      <c r="CI1820" s="166">
        <v>0</v>
      </c>
      <c r="CJ1820" s="166">
        <v>0</v>
      </c>
      <c r="CK1820" s="166">
        <v>0</v>
      </c>
      <c r="CL1820" s="166">
        <v>0</v>
      </c>
      <c r="CM1820" s="166">
        <v>0</v>
      </c>
      <c r="CN1820" s="166">
        <v>0</v>
      </c>
      <c r="CO1820" s="166">
        <v>0</v>
      </c>
      <c r="CP1820" s="166">
        <v>0</v>
      </c>
      <c r="CQ1820" s="166">
        <v>0</v>
      </c>
      <c r="CR1820" s="166">
        <v>0</v>
      </c>
      <c r="CS1820" s="166">
        <v>0</v>
      </c>
      <c r="CT1820" s="166">
        <v>0</v>
      </c>
      <c r="CU1820" s="166">
        <v>0</v>
      </c>
      <c r="CV1820" s="166">
        <v>0</v>
      </c>
      <c r="CW1820" s="166">
        <v>0</v>
      </c>
      <c r="CX1820" s="166">
        <v>0</v>
      </c>
      <c r="CY1820" s="166">
        <v>3530124.1183182499</v>
      </c>
      <c r="CZ1820" s="166">
        <v>3530124.1183182499</v>
      </c>
    </row>
    <row r="1821" spans="1:104" x14ac:dyDescent="0.2">
      <c r="A1821" s="167" t="s">
        <v>230</v>
      </c>
    </row>
    <row r="1822" spans="1:104" x14ac:dyDescent="0.2">
      <c r="A1822" s="167" t="s">
        <v>231</v>
      </c>
      <c r="B1822" s="166">
        <v>430000</v>
      </c>
      <c r="C1822" s="166">
        <v>430000</v>
      </c>
      <c r="D1822" s="166">
        <v>0</v>
      </c>
      <c r="E1822" s="166">
        <v>0</v>
      </c>
      <c r="F1822" s="166">
        <v>0</v>
      </c>
      <c r="G1822" s="166">
        <v>0</v>
      </c>
      <c r="H1822" s="166">
        <v>0</v>
      </c>
      <c r="I1822" s="166">
        <v>0</v>
      </c>
      <c r="J1822" s="166">
        <v>0</v>
      </c>
      <c r="K1822" s="166">
        <v>0</v>
      </c>
      <c r="L1822" s="166">
        <v>0</v>
      </c>
      <c r="M1822" s="166">
        <v>0</v>
      </c>
      <c r="N1822" s="166">
        <v>0</v>
      </c>
      <c r="O1822" s="166">
        <v>0</v>
      </c>
      <c r="P1822" s="166">
        <v>0</v>
      </c>
      <c r="Q1822" s="166">
        <v>0</v>
      </c>
      <c r="R1822" s="166">
        <v>0</v>
      </c>
      <c r="S1822" s="166">
        <v>0</v>
      </c>
      <c r="T1822" s="166">
        <v>0</v>
      </c>
      <c r="U1822" s="166">
        <v>0</v>
      </c>
      <c r="V1822" s="166">
        <v>0</v>
      </c>
      <c r="W1822" s="166">
        <v>0</v>
      </c>
      <c r="X1822" s="166">
        <v>0</v>
      </c>
      <c r="Y1822" s="166">
        <v>0</v>
      </c>
      <c r="Z1822" s="166">
        <v>0</v>
      </c>
      <c r="AA1822" s="166">
        <v>0</v>
      </c>
      <c r="AB1822" s="166">
        <v>0</v>
      </c>
      <c r="AC1822" s="166">
        <v>0</v>
      </c>
      <c r="AD1822" s="166">
        <v>0</v>
      </c>
      <c r="AE1822" s="166">
        <v>0</v>
      </c>
      <c r="AF1822" s="166">
        <v>0</v>
      </c>
      <c r="AG1822" s="166">
        <v>0</v>
      </c>
      <c r="AH1822" s="166">
        <v>0</v>
      </c>
      <c r="AI1822" s="166">
        <v>0</v>
      </c>
      <c r="AJ1822" s="166">
        <v>0</v>
      </c>
      <c r="AK1822" s="166">
        <v>0</v>
      </c>
      <c r="AL1822" s="166">
        <v>0</v>
      </c>
      <c r="AM1822" s="166">
        <v>0</v>
      </c>
      <c r="AN1822" s="166">
        <v>0</v>
      </c>
      <c r="AO1822" s="166">
        <v>0</v>
      </c>
      <c r="AP1822" s="166">
        <v>0</v>
      </c>
      <c r="AQ1822" s="166">
        <v>0</v>
      </c>
      <c r="AR1822" s="166">
        <v>0</v>
      </c>
      <c r="AS1822" s="166">
        <v>0</v>
      </c>
      <c r="AT1822" s="166">
        <v>0</v>
      </c>
      <c r="AU1822" s="166">
        <v>0</v>
      </c>
      <c r="AV1822" s="166">
        <v>0</v>
      </c>
      <c r="AW1822" s="166">
        <v>0</v>
      </c>
      <c r="AX1822" s="166">
        <v>0</v>
      </c>
      <c r="AY1822" s="166">
        <v>0</v>
      </c>
      <c r="AZ1822" s="166">
        <v>0</v>
      </c>
      <c r="BA1822" s="166">
        <v>0</v>
      </c>
      <c r="BB1822" s="166">
        <v>0</v>
      </c>
      <c r="BC1822" s="166">
        <v>0</v>
      </c>
      <c r="BD1822" s="166">
        <v>0</v>
      </c>
      <c r="BE1822" s="166">
        <v>0</v>
      </c>
      <c r="BF1822" s="166">
        <v>0</v>
      </c>
      <c r="BG1822" s="166">
        <v>0</v>
      </c>
      <c r="BH1822" s="166">
        <v>0</v>
      </c>
      <c r="BI1822" s="166">
        <v>0</v>
      </c>
      <c r="BJ1822" s="166">
        <v>0</v>
      </c>
      <c r="BK1822" s="166">
        <v>0</v>
      </c>
      <c r="BL1822" s="166">
        <v>0</v>
      </c>
      <c r="BM1822" s="166">
        <v>0</v>
      </c>
      <c r="BN1822" s="166">
        <v>0</v>
      </c>
      <c r="BO1822" s="166">
        <v>0</v>
      </c>
      <c r="BP1822" s="166">
        <v>0</v>
      </c>
      <c r="BQ1822" s="166">
        <v>0</v>
      </c>
      <c r="BR1822" s="166">
        <v>430000</v>
      </c>
      <c r="BS1822" s="166">
        <v>430000</v>
      </c>
      <c r="BT1822" s="168">
        <v>0.70823195131973704</v>
      </c>
      <c r="BU1822" s="166">
        <v>8852.8993914967105</v>
      </c>
      <c r="BV1822" s="166">
        <v>304539.73906748602</v>
      </c>
      <c r="BW1822" s="166">
        <v>0</v>
      </c>
      <c r="BX1822" s="166">
        <v>0</v>
      </c>
      <c r="BY1822" s="166">
        <v>0</v>
      </c>
      <c r="BZ1822" s="166">
        <v>0</v>
      </c>
      <c r="CA1822" s="166">
        <v>0</v>
      </c>
      <c r="CB1822" s="166">
        <v>0</v>
      </c>
      <c r="CC1822" s="166">
        <v>0</v>
      </c>
      <c r="CD1822" s="166">
        <v>0</v>
      </c>
      <c r="CE1822" s="166">
        <v>0</v>
      </c>
      <c r="CF1822" s="166">
        <v>0</v>
      </c>
      <c r="CG1822" s="166">
        <v>0</v>
      </c>
      <c r="CH1822" s="166">
        <v>0</v>
      </c>
      <c r="CI1822" s="166">
        <v>0</v>
      </c>
      <c r="CJ1822" s="166">
        <v>0</v>
      </c>
      <c r="CK1822" s="166">
        <v>0</v>
      </c>
      <c r="CL1822" s="166">
        <v>0</v>
      </c>
      <c r="CM1822" s="166">
        <v>0</v>
      </c>
      <c r="CN1822" s="166">
        <v>0</v>
      </c>
      <c r="CO1822" s="166">
        <v>0</v>
      </c>
      <c r="CP1822" s="166">
        <v>0</v>
      </c>
      <c r="CQ1822" s="166">
        <v>0</v>
      </c>
      <c r="CR1822" s="166">
        <v>0</v>
      </c>
      <c r="CS1822" s="166">
        <v>0</v>
      </c>
      <c r="CT1822" s="166">
        <v>0</v>
      </c>
      <c r="CU1822" s="166">
        <v>0</v>
      </c>
      <c r="CV1822" s="166">
        <v>0</v>
      </c>
      <c r="CW1822" s="166">
        <v>0</v>
      </c>
      <c r="CX1822" s="166">
        <v>0</v>
      </c>
      <c r="CY1822" s="166">
        <v>304539.73906748602</v>
      </c>
      <c r="CZ1822" s="166">
        <v>304539.73906748602</v>
      </c>
    </row>
    <row r="1823" spans="1:104" x14ac:dyDescent="0.2">
      <c r="A1823" s="170" t="s">
        <v>232</v>
      </c>
      <c r="B1823" s="166">
        <v>18606944.999999899</v>
      </c>
      <c r="C1823" s="166">
        <v>18606944.999999899</v>
      </c>
      <c r="D1823" s="166">
        <v>0</v>
      </c>
      <c r="E1823" s="166">
        <v>0</v>
      </c>
      <c r="F1823" s="166">
        <v>0</v>
      </c>
      <c r="G1823" s="166">
        <v>0</v>
      </c>
      <c r="H1823" s="166">
        <v>0</v>
      </c>
      <c r="I1823" s="166">
        <v>0</v>
      </c>
      <c r="J1823" s="166">
        <v>0</v>
      </c>
      <c r="K1823" s="166">
        <v>0</v>
      </c>
      <c r="L1823" s="166">
        <v>0</v>
      </c>
      <c r="M1823" s="166">
        <v>0</v>
      </c>
      <c r="N1823" s="166">
        <v>0</v>
      </c>
      <c r="O1823" s="166">
        <v>0</v>
      </c>
      <c r="P1823" s="166">
        <v>0</v>
      </c>
      <c r="Q1823" s="166">
        <v>0</v>
      </c>
      <c r="R1823" s="166">
        <v>0</v>
      </c>
      <c r="S1823" s="166">
        <v>0</v>
      </c>
      <c r="T1823" s="166">
        <v>0</v>
      </c>
      <c r="U1823" s="166">
        <v>0</v>
      </c>
      <c r="V1823" s="166">
        <v>0</v>
      </c>
      <c r="W1823" s="166">
        <v>0</v>
      </c>
      <c r="X1823" s="166">
        <v>0</v>
      </c>
      <c r="Y1823" s="166">
        <v>0</v>
      </c>
      <c r="Z1823" s="166">
        <v>0</v>
      </c>
      <c r="AA1823" s="166">
        <v>0</v>
      </c>
      <c r="AB1823" s="166">
        <v>0</v>
      </c>
      <c r="AC1823" s="166">
        <v>0</v>
      </c>
      <c r="AD1823" s="166">
        <v>0</v>
      </c>
      <c r="AE1823" s="166">
        <v>0</v>
      </c>
      <c r="AF1823" s="166">
        <v>0</v>
      </c>
      <c r="AG1823" s="166">
        <v>0</v>
      </c>
      <c r="AH1823" s="166">
        <v>0</v>
      </c>
      <c r="AI1823" s="166">
        <v>0</v>
      </c>
      <c r="AJ1823" s="166">
        <v>0</v>
      </c>
      <c r="AK1823" s="166">
        <v>0</v>
      </c>
      <c r="AL1823" s="166">
        <v>0</v>
      </c>
      <c r="AM1823" s="166">
        <v>0</v>
      </c>
      <c r="AN1823" s="166">
        <v>0</v>
      </c>
      <c r="AO1823" s="166">
        <v>0</v>
      </c>
      <c r="AP1823" s="166">
        <v>0</v>
      </c>
      <c r="AQ1823" s="166">
        <v>0</v>
      </c>
      <c r="AR1823" s="166">
        <v>0</v>
      </c>
      <c r="AS1823" s="166">
        <v>0</v>
      </c>
      <c r="AT1823" s="166">
        <v>0</v>
      </c>
      <c r="AU1823" s="166">
        <v>0</v>
      </c>
      <c r="AV1823" s="166">
        <v>0</v>
      </c>
      <c r="AW1823" s="166">
        <v>0</v>
      </c>
      <c r="AX1823" s="166">
        <v>0</v>
      </c>
      <c r="AY1823" s="166">
        <v>0</v>
      </c>
      <c r="AZ1823" s="166">
        <v>0</v>
      </c>
      <c r="BA1823" s="166">
        <v>0</v>
      </c>
      <c r="BB1823" s="166">
        <v>0</v>
      </c>
      <c r="BC1823" s="166">
        <v>0</v>
      </c>
      <c r="BD1823" s="166">
        <v>0</v>
      </c>
      <c r="BE1823" s="166">
        <v>0</v>
      </c>
      <c r="BF1823" s="166">
        <v>0</v>
      </c>
      <c r="BG1823" s="166">
        <v>0</v>
      </c>
      <c r="BH1823" s="166">
        <v>0</v>
      </c>
      <c r="BI1823" s="166">
        <v>0</v>
      </c>
      <c r="BJ1823" s="166">
        <v>0</v>
      </c>
      <c r="BK1823" s="166">
        <v>0</v>
      </c>
      <c r="BL1823" s="166">
        <v>0</v>
      </c>
      <c r="BM1823" s="166">
        <v>0</v>
      </c>
      <c r="BN1823" s="166">
        <v>0</v>
      </c>
      <c r="BO1823" s="166">
        <v>0</v>
      </c>
      <c r="BP1823" s="166">
        <v>0</v>
      </c>
      <c r="BQ1823" s="166">
        <v>0</v>
      </c>
      <c r="BR1823" s="166">
        <v>18606944.999999899</v>
      </c>
      <c r="BS1823" s="166">
        <v>18606945</v>
      </c>
      <c r="BT1823" s="168">
        <v>0</v>
      </c>
      <c r="BU1823" s="166">
        <v>1494118.6132948101</v>
      </c>
      <c r="BV1823" s="166">
        <v>13232505.7915769</v>
      </c>
      <c r="BW1823" s="166">
        <v>0</v>
      </c>
      <c r="BX1823" s="166">
        <v>0</v>
      </c>
      <c r="BY1823" s="166">
        <v>0</v>
      </c>
      <c r="BZ1823" s="166">
        <v>0</v>
      </c>
      <c r="CA1823" s="166">
        <v>0</v>
      </c>
      <c r="CB1823" s="166">
        <v>0</v>
      </c>
      <c r="CC1823" s="166">
        <v>0</v>
      </c>
      <c r="CD1823" s="166">
        <v>0</v>
      </c>
      <c r="CE1823" s="166">
        <v>0</v>
      </c>
      <c r="CF1823" s="166">
        <v>0</v>
      </c>
      <c r="CG1823" s="166">
        <v>0</v>
      </c>
      <c r="CH1823" s="166">
        <v>0</v>
      </c>
      <c r="CI1823" s="166">
        <v>0</v>
      </c>
      <c r="CJ1823" s="166">
        <v>0</v>
      </c>
      <c r="CK1823" s="166">
        <v>0</v>
      </c>
      <c r="CL1823" s="166">
        <v>0</v>
      </c>
      <c r="CM1823" s="166">
        <v>0</v>
      </c>
      <c r="CN1823" s="166">
        <v>0</v>
      </c>
      <c r="CO1823" s="166">
        <v>0</v>
      </c>
      <c r="CP1823" s="166">
        <v>0</v>
      </c>
      <c r="CQ1823" s="166">
        <v>0</v>
      </c>
      <c r="CR1823" s="166">
        <v>0</v>
      </c>
      <c r="CS1823" s="166">
        <v>0</v>
      </c>
      <c r="CT1823" s="166">
        <v>0</v>
      </c>
      <c r="CU1823" s="166">
        <v>0</v>
      </c>
      <c r="CV1823" s="166">
        <v>0</v>
      </c>
      <c r="CW1823" s="166">
        <v>0</v>
      </c>
      <c r="CX1823" s="166">
        <v>0</v>
      </c>
      <c r="CY1823" s="166">
        <v>13232505.7915769</v>
      </c>
      <c r="CZ1823" s="166">
        <v>13232505.7915769</v>
      </c>
    </row>
    <row r="1824" spans="1:104" x14ac:dyDescent="0.2">
      <c r="A1824" s="170" t="s">
        <v>233</v>
      </c>
    </row>
    <row r="1825" spans="1:104" x14ac:dyDescent="0.2">
      <c r="A1825" s="167" t="s">
        <v>1084</v>
      </c>
      <c r="B1825" s="166">
        <v>0</v>
      </c>
      <c r="C1825" s="166">
        <v>0</v>
      </c>
      <c r="D1825" s="166">
        <v>0</v>
      </c>
      <c r="E1825" s="166">
        <v>0</v>
      </c>
      <c r="F1825" s="166">
        <v>0</v>
      </c>
      <c r="G1825" s="166">
        <v>0</v>
      </c>
      <c r="H1825" s="166">
        <v>0</v>
      </c>
      <c r="I1825" s="166">
        <v>0</v>
      </c>
      <c r="J1825" s="166">
        <v>0</v>
      </c>
      <c r="K1825" s="166">
        <v>0</v>
      </c>
      <c r="L1825" s="166">
        <v>0</v>
      </c>
      <c r="M1825" s="166">
        <v>0</v>
      </c>
      <c r="N1825" s="166">
        <v>0</v>
      </c>
      <c r="O1825" s="166">
        <v>0</v>
      </c>
      <c r="P1825" s="166">
        <v>0</v>
      </c>
      <c r="Q1825" s="166">
        <v>0</v>
      </c>
      <c r="R1825" s="166">
        <v>0</v>
      </c>
      <c r="S1825" s="166">
        <v>0</v>
      </c>
      <c r="T1825" s="166">
        <v>0</v>
      </c>
      <c r="U1825" s="166">
        <v>0</v>
      </c>
      <c r="V1825" s="166">
        <v>0</v>
      </c>
      <c r="W1825" s="166">
        <v>0</v>
      </c>
      <c r="X1825" s="166">
        <v>0</v>
      </c>
      <c r="Y1825" s="166">
        <v>0</v>
      </c>
      <c r="Z1825" s="166">
        <v>0</v>
      </c>
      <c r="AA1825" s="166">
        <v>0</v>
      </c>
      <c r="AB1825" s="166">
        <v>0</v>
      </c>
      <c r="AC1825" s="166">
        <v>0</v>
      </c>
      <c r="AD1825" s="166">
        <v>0</v>
      </c>
      <c r="AE1825" s="166">
        <v>0</v>
      </c>
      <c r="AF1825" s="166">
        <v>0</v>
      </c>
      <c r="AG1825" s="166">
        <v>0</v>
      </c>
      <c r="AH1825" s="166">
        <v>0</v>
      </c>
      <c r="AI1825" s="166">
        <v>0</v>
      </c>
      <c r="AJ1825" s="166">
        <v>0</v>
      </c>
      <c r="AK1825" s="166">
        <v>0</v>
      </c>
      <c r="AL1825" s="166">
        <v>0</v>
      </c>
      <c r="AM1825" s="166">
        <v>0</v>
      </c>
      <c r="AN1825" s="166">
        <v>0</v>
      </c>
      <c r="AO1825" s="166">
        <v>0</v>
      </c>
      <c r="AP1825" s="166">
        <v>0</v>
      </c>
      <c r="AQ1825" s="166">
        <v>0</v>
      </c>
      <c r="AR1825" s="166">
        <v>0</v>
      </c>
      <c r="AS1825" s="166">
        <v>0</v>
      </c>
      <c r="AT1825" s="166">
        <v>0</v>
      </c>
      <c r="AU1825" s="166">
        <v>0</v>
      </c>
      <c r="AV1825" s="166">
        <v>0</v>
      </c>
      <c r="AW1825" s="166">
        <v>0</v>
      </c>
      <c r="AX1825" s="166">
        <v>0</v>
      </c>
      <c r="AY1825" s="166">
        <v>0</v>
      </c>
      <c r="AZ1825" s="166">
        <v>0</v>
      </c>
      <c r="BA1825" s="166">
        <v>0</v>
      </c>
      <c r="BB1825" s="166">
        <v>0</v>
      </c>
      <c r="BC1825" s="166">
        <v>0</v>
      </c>
      <c r="BD1825" s="166">
        <v>0</v>
      </c>
      <c r="BE1825" s="166">
        <v>0</v>
      </c>
      <c r="BF1825" s="166">
        <v>0</v>
      </c>
      <c r="BG1825" s="166">
        <v>0</v>
      </c>
      <c r="BH1825" s="166">
        <v>0</v>
      </c>
      <c r="BI1825" s="166">
        <v>0</v>
      </c>
      <c r="BJ1825" s="166">
        <v>0</v>
      </c>
      <c r="BK1825" s="166">
        <v>0</v>
      </c>
      <c r="BL1825" s="166">
        <v>0</v>
      </c>
      <c r="BM1825" s="166">
        <v>0</v>
      </c>
      <c r="BN1825" s="166">
        <v>0</v>
      </c>
      <c r="BO1825" s="166">
        <v>0</v>
      </c>
      <c r="BP1825" s="166">
        <v>0</v>
      </c>
      <c r="BQ1825" s="166">
        <v>0</v>
      </c>
      <c r="BR1825" s="166">
        <v>0</v>
      </c>
      <c r="BS1825" s="166">
        <v>0</v>
      </c>
      <c r="BT1825" s="168">
        <v>0.999998123540776</v>
      </c>
      <c r="BU1825" s="166">
        <v>0</v>
      </c>
      <c r="BV1825" s="166">
        <v>0</v>
      </c>
      <c r="BW1825" s="166">
        <v>0</v>
      </c>
      <c r="BX1825" s="166">
        <v>0</v>
      </c>
      <c r="BY1825" s="166">
        <v>0</v>
      </c>
      <c r="BZ1825" s="166">
        <v>0</v>
      </c>
      <c r="CA1825" s="166">
        <v>0</v>
      </c>
      <c r="CB1825" s="166">
        <v>0</v>
      </c>
      <c r="CC1825" s="166">
        <v>0</v>
      </c>
      <c r="CD1825" s="166">
        <v>0</v>
      </c>
      <c r="CE1825" s="166">
        <v>0</v>
      </c>
      <c r="CF1825" s="166">
        <v>0</v>
      </c>
      <c r="CG1825" s="166">
        <v>0</v>
      </c>
      <c r="CH1825" s="166">
        <v>0</v>
      </c>
      <c r="CI1825" s="166">
        <v>0</v>
      </c>
      <c r="CJ1825" s="166">
        <v>0</v>
      </c>
      <c r="CK1825" s="166">
        <v>0</v>
      </c>
      <c r="CL1825" s="166">
        <v>0</v>
      </c>
      <c r="CM1825" s="166">
        <v>0</v>
      </c>
      <c r="CN1825" s="166">
        <v>0</v>
      </c>
      <c r="CO1825" s="166">
        <v>0</v>
      </c>
      <c r="CP1825" s="166">
        <v>0</v>
      </c>
      <c r="CQ1825" s="166">
        <v>0</v>
      </c>
      <c r="CR1825" s="166">
        <v>0</v>
      </c>
      <c r="CS1825" s="166">
        <v>0</v>
      </c>
      <c r="CT1825" s="166">
        <v>0</v>
      </c>
      <c r="CU1825" s="166">
        <v>0</v>
      </c>
      <c r="CV1825" s="166">
        <v>0</v>
      </c>
      <c r="CW1825" s="166">
        <v>0</v>
      </c>
      <c r="CX1825" s="166">
        <v>0</v>
      </c>
      <c r="CY1825" s="166">
        <v>0</v>
      </c>
      <c r="CZ1825" s="166">
        <v>0</v>
      </c>
    </row>
    <row r="1826" spans="1:104" x14ac:dyDescent="0.2">
      <c r="A1826" s="167" t="s">
        <v>1085</v>
      </c>
      <c r="B1826" s="166">
        <v>0</v>
      </c>
      <c r="C1826" s="166">
        <v>0</v>
      </c>
      <c r="D1826" s="166">
        <v>0</v>
      </c>
      <c r="E1826" s="166">
        <v>0</v>
      </c>
      <c r="F1826" s="166">
        <v>0</v>
      </c>
      <c r="G1826" s="166">
        <v>0</v>
      </c>
      <c r="H1826" s="166">
        <v>0</v>
      </c>
      <c r="I1826" s="166">
        <v>0</v>
      </c>
      <c r="J1826" s="166">
        <v>0</v>
      </c>
      <c r="K1826" s="166">
        <v>0</v>
      </c>
      <c r="L1826" s="166">
        <v>0</v>
      </c>
      <c r="M1826" s="166">
        <v>0</v>
      </c>
      <c r="N1826" s="166">
        <v>0</v>
      </c>
      <c r="O1826" s="166">
        <v>0</v>
      </c>
      <c r="P1826" s="166">
        <v>0</v>
      </c>
      <c r="Q1826" s="166">
        <v>0</v>
      </c>
      <c r="R1826" s="166">
        <v>0</v>
      </c>
      <c r="S1826" s="166">
        <v>0</v>
      </c>
      <c r="T1826" s="166">
        <v>0</v>
      </c>
      <c r="U1826" s="166">
        <v>0</v>
      </c>
      <c r="V1826" s="166">
        <v>0</v>
      </c>
      <c r="W1826" s="166">
        <v>0</v>
      </c>
      <c r="X1826" s="166">
        <v>0</v>
      </c>
      <c r="Y1826" s="166">
        <v>0</v>
      </c>
      <c r="Z1826" s="166">
        <v>0</v>
      </c>
      <c r="AA1826" s="166">
        <v>0</v>
      </c>
      <c r="AB1826" s="166">
        <v>0</v>
      </c>
      <c r="AC1826" s="166">
        <v>0</v>
      </c>
      <c r="AD1826" s="166">
        <v>0</v>
      </c>
      <c r="AE1826" s="166">
        <v>0</v>
      </c>
      <c r="AF1826" s="166">
        <v>0</v>
      </c>
      <c r="AG1826" s="166">
        <v>0</v>
      </c>
      <c r="AH1826" s="166">
        <v>0</v>
      </c>
      <c r="AI1826" s="166">
        <v>0</v>
      </c>
      <c r="AJ1826" s="166">
        <v>0</v>
      </c>
      <c r="AK1826" s="166">
        <v>0</v>
      </c>
      <c r="AL1826" s="166">
        <v>0</v>
      </c>
      <c r="AM1826" s="166">
        <v>0</v>
      </c>
      <c r="AN1826" s="166">
        <v>0</v>
      </c>
      <c r="AO1826" s="166">
        <v>0</v>
      </c>
      <c r="AP1826" s="166">
        <v>0</v>
      </c>
      <c r="AQ1826" s="166">
        <v>0</v>
      </c>
      <c r="AR1826" s="166">
        <v>0</v>
      </c>
      <c r="AS1826" s="166">
        <v>0</v>
      </c>
      <c r="AT1826" s="166">
        <v>0</v>
      </c>
      <c r="AU1826" s="166">
        <v>0</v>
      </c>
      <c r="AV1826" s="166">
        <v>0</v>
      </c>
      <c r="AW1826" s="166">
        <v>0</v>
      </c>
      <c r="AX1826" s="166">
        <v>0</v>
      </c>
      <c r="AY1826" s="166">
        <v>0</v>
      </c>
      <c r="AZ1826" s="166">
        <v>0</v>
      </c>
      <c r="BA1826" s="166">
        <v>0</v>
      </c>
      <c r="BB1826" s="166">
        <v>0</v>
      </c>
      <c r="BC1826" s="166">
        <v>0</v>
      </c>
      <c r="BD1826" s="166">
        <v>0</v>
      </c>
      <c r="BE1826" s="166">
        <v>0</v>
      </c>
      <c r="BF1826" s="166">
        <v>0</v>
      </c>
      <c r="BG1826" s="166">
        <v>0</v>
      </c>
      <c r="BH1826" s="166">
        <v>0</v>
      </c>
      <c r="BI1826" s="166">
        <v>0</v>
      </c>
      <c r="BJ1826" s="166">
        <v>0</v>
      </c>
      <c r="BK1826" s="166">
        <v>0</v>
      </c>
      <c r="BL1826" s="166">
        <v>0</v>
      </c>
      <c r="BM1826" s="166">
        <v>0</v>
      </c>
      <c r="BN1826" s="166">
        <v>0</v>
      </c>
      <c r="BO1826" s="166">
        <v>0</v>
      </c>
      <c r="BP1826" s="166">
        <v>0</v>
      </c>
      <c r="BQ1826" s="166">
        <v>0</v>
      </c>
      <c r="BR1826" s="166">
        <v>0</v>
      </c>
      <c r="BS1826" s="166">
        <v>0</v>
      </c>
      <c r="BT1826" s="168">
        <v>0.95155251400307195</v>
      </c>
      <c r="BU1826" s="166">
        <v>0</v>
      </c>
      <c r="BV1826" s="166">
        <v>0</v>
      </c>
      <c r="BW1826" s="166">
        <v>0</v>
      </c>
      <c r="BX1826" s="166">
        <v>0</v>
      </c>
      <c r="BY1826" s="166">
        <v>0</v>
      </c>
      <c r="BZ1826" s="166">
        <v>0</v>
      </c>
      <c r="CA1826" s="166">
        <v>0</v>
      </c>
      <c r="CB1826" s="166">
        <v>0</v>
      </c>
      <c r="CC1826" s="166">
        <v>0</v>
      </c>
      <c r="CD1826" s="166">
        <v>0</v>
      </c>
      <c r="CE1826" s="166">
        <v>0</v>
      </c>
      <c r="CF1826" s="166">
        <v>0</v>
      </c>
      <c r="CG1826" s="166">
        <v>0</v>
      </c>
      <c r="CH1826" s="166">
        <v>0</v>
      </c>
      <c r="CI1826" s="166">
        <v>0</v>
      </c>
      <c r="CJ1826" s="166">
        <v>0</v>
      </c>
      <c r="CK1826" s="166">
        <v>0</v>
      </c>
      <c r="CL1826" s="166">
        <v>0</v>
      </c>
      <c r="CM1826" s="166">
        <v>0</v>
      </c>
      <c r="CN1826" s="166">
        <v>0</v>
      </c>
      <c r="CO1826" s="166">
        <v>0</v>
      </c>
      <c r="CP1826" s="166">
        <v>0</v>
      </c>
      <c r="CQ1826" s="166">
        <v>0</v>
      </c>
      <c r="CR1826" s="166">
        <v>0</v>
      </c>
      <c r="CS1826" s="166">
        <v>0</v>
      </c>
      <c r="CT1826" s="166">
        <v>0</v>
      </c>
      <c r="CU1826" s="166">
        <v>0</v>
      </c>
      <c r="CV1826" s="166">
        <v>0</v>
      </c>
      <c r="CW1826" s="166">
        <v>0</v>
      </c>
      <c r="CX1826" s="166">
        <v>0</v>
      </c>
      <c r="CY1826" s="166">
        <v>0</v>
      </c>
      <c r="CZ1826" s="166">
        <v>0</v>
      </c>
    </row>
    <row r="1827" spans="1:104" x14ac:dyDescent="0.2">
      <c r="A1827" s="167" t="s">
        <v>1086</v>
      </c>
      <c r="B1827" s="166">
        <v>0</v>
      </c>
      <c r="C1827" s="166">
        <v>0</v>
      </c>
      <c r="D1827" s="166">
        <v>0</v>
      </c>
      <c r="E1827" s="166">
        <v>0</v>
      </c>
      <c r="F1827" s="166">
        <v>0</v>
      </c>
      <c r="G1827" s="166">
        <v>0</v>
      </c>
      <c r="H1827" s="166">
        <v>0</v>
      </c>
      <c r="I1827" s="166">
        <v>0</v>
      </c>
      <c r="J1827" s="166">
        <v>0</v>
      </c>
      <c r="K1827" s="166">
        <v>0</v>
      </c>
      <c r="L1827" s="166">
        <v>0</v>
      </c>
      <c r="M1827" s="166">
        <v>0</v>
      </c>
      <c r="N1827" s="166">
        <v>0</v>
      </c>
      <c r="O1827" s="166">
        <v>0</v>
      </c>
      <c r="P1827" s="166">
        <v>0</v>
      </c>
      <c r="Q1827" s="166">
        <v>0</v>
      </c>
      <c r="R1827" s="166">
        <v>0</v>
      </c>
      <c r="S1827" s="166">
        <v>0</v>
      </c>
      <c r="T1827" s="166">
        <v>0</v>
      </c>
      <c r="U1827" s="166">
        <v>0</v>
      </c>
      <c r="V1827" s="166">
        <v>0</v>
      </c>
      <c r="W1827" s="166">
        <v>0</v>
      </c>
      <c r="X1827" s="166">
        <v>0</v>
      </c>
      <c r="Y1827" s="166">
        <v>0</v>
      </c>
      <c r="Z1827" s="166">
        <v>0</v>
      </c>
      <c r="AA1827" s="166">
        <v>0</v>
      </c>
      <c r="AB1827" s="166">
        <v>0</v>
      </c>
      <c r="AC1827" s="166">
        <v>0</v>
      </c>
      <c r="AD1827" s="166">
        <v>0</v>
      </c>
      <c r="AE1827" s="166">
        <v>0</v>
      </c>
      <c r="AF1827" s="166">
        <v>0</v>
      </c>
      <c r="AG1827" s="166">
        <v>0</v>
      </c>
      <c r="AH1827" s="166">
        <v>0</v>
      </c>
      <c r="AI1827" s="166">
        <v>0</v>
      </c>
      <c r="AJ1827" s="166">
        <v>0</v>
      </c>
      <c r="AK1827" s="166">
        <v>0</v>
      </c>
      <c r="AL1827" s="166">
        <v>0</v>
      </c>
      <c r="AM1827" s="166">
        <v>0</v>
      </c>
      <c r="AN1827" s="166">
        <v>0</v>
      </c>
      <c r="AO1827" s="166">
        <v>0</v>
      </c>
      <c r="AP1827" s="166">
        <v>0</v>
      </c>
      <c r="AQ1827" s="166">
        <v>0</v>
      </c>
      <c r="AR1827" s="166">
        <v>0</v>
      </c>
      <c r="AS1827" s="166">
        <v>0</v>
      </c>
      <c r="AT1827" s="166">
        <v>0</v>
      </c>
      <c r="AU1827" s="166">
        <v>0</v>
      </c>
      <c r="AV1827" s="166">
        <v>0</v>
      </c>
      <c r="AW1827" s="166">
        <v>0</v>
      </c>
      <c r="AX1827" s="166">
        <v>0</v>
      </c>
      <c r="AY1827" s="166">
        <v>0</v>
      </c>
      <c r="AZ1827" s="166">
        <v>0</v>
      </c>
      <c r="BA1827" s="166">
        <v>0</v>
      </c>
      <c r="BB1827" s="166">
        <v>0</v>
      </c>
      <c r="BC1827" s="166">
        <v>0</v>
      </c>
      <c r="BD1827" s="166">
        <v>0</v>
      </c>
      <c r="BE1827" s="166">
        <v>0</v>
      </c>
      <c r="BF1827" s="166">
        <v>0</v>
      </c>
      <c r="BG1827" s="166">
        <v>0</v>
      </c>
      <c r="BH1827" s="166">
        <v>0</v>
      </c>
      <c r="BI1827" s="166">
        <v>0</v>
      </c>
      <c r="BJ1827" s="166">
        <v>0</v>
      </c>
      <c r="BK1827" s="166">
        <v>0</v>
      </c>
      <c r="BL1827" s="166">
        <v>0</v>
      </c>
      <c r="BM1827" s="166">
        <v>0</v>
      </c>
      <c r="BN1827" s="166">
        <v>0</v>
      </c>
      <c r="BO1827" s="166">
        <v>0</v>
      </c>
      <c r="BP1827" s="166">
        <v>0</v>
      </c>
      <c r="BQ1827" s="166">
        <v>0</v>
      </c>
      <c r="BR1827" s="166">
        <v>0</v>
      </c>
      <c r="BS1827" s="166">
        <v>0</v>
      </c>
      <c r="BT1827" s="168">
        <v>0.97647221562039299</v>
      </c>
      <c r="BU1827" s="166">
        <v>0</v>
      </c>
      <c r="BV1827" s="166">
        <v>0</v>
      </c>
      <c r="BW1827" s="166">
        <v>0</v>
      </c>
      <c r="BX1827" s="166">
        <v>0</v>
      </c>
      <c r="BY1827" s="166">
        <v>0</v>
      </c>
      <c r="BZ1827" s="166">
        <v>0</v>
      </c>
      <c r="CA1827" s="166">
        <v>0</v>
      </c>
      <c r="CB1827" s="166">
        <v>0</v>
      </c>
      <c r="CC1827" s="166">
        <v>0</v>
      </c>
      <c r="CD1827" s="166">
        <v>0</v>
      </c>
      <c r="CE1827" s="166">
        <v>0</v>
      </c>
      <c r="CF1827" s="166">
        <v>0</v>
      </c>
      <c r="CG1827" s="166">
        <v>0</v>
      </c>
      <c r="CH1827" s="166">
        <v>0</v>
      </c>
      <c r="CI1827" s="166">
        <v>0</v>
      </c>
      <c r="CJ1827" s="166">
        <v>0</v>
      </c>
      <c r="CK1827" s="166">
        <v>0</v>
      </c>
      <c r="CL1827" s="166">
        <v>0</v>
      </c>
      <c r="CM1827" s="166">
        <v>0</v>
      </c>
      <c r="CN1827" s="166">
        <v>0</v>
      </c>
      <c r="CO1827" s="166">
        <v>0</v>
      </c>
      <c r="CP1827" s="166">
        <v>0</v>
      </c>
      <c r="CQ1827" s="166">
        <v>0</v>
      </c>
      <c r="CR1827" s="166">
        <v>0</v>
      </c>
      <c r="CS1827" s="166">
        <v>0</v>
      </c>
      <c r="CT1827" s="166">
        <v>0</v>
      </c>
      <c r="CU1827" s="166">
        <v>0</v>
      </c>
      <c r="CV1827" s="166">
        <v>0</v>
      </c>
      <c r="CW1827" s="166">
        <v>0</v>
      </c>
      <c r="CX1827" s="166">
        <v>0</v>
      </c>
      <c r="CY1827" s="166">
        <v>0</v>
      </c>
      <c r="CZ1827" s="166">
        <v>0</v>
      </c>
    </row>
    <row r="1828" spans="1:104" x14ac:dyDescent="0.2">
      <c r="A1828" s="167" t="s">
        <v>237</v>
      </c>
      <c r="B1828" s="166">
        <v>0</v>
      </c>
      <c r="C1828" s="166">
        <v>0</v>
      </c>
      <c r="D1828" s="166">
        <v>0</v>
      </c>
      <c r="E1828" s="166">
        <v>0</v>
      </c>
      <c r="F1828" s="166">
        <v>0</v>
      </c>
      <c r="G1828" s="166">
        <v>0</v>
      </c>
      <c r="H1828" s="166">
        <v>0</v>
      </c>
      <c r="I1828" s="166">
        <v>0</v>
      </c>
      <c r="J1828" s="166">
        <v>0</v>
      </c>
      <c r="K1828" s="166">
        <v>0</v>
      </c>
      <c r="L1828" s="166">
        <v>0</v>
      </c>
      <c r="M1828" s="166">
        <v>0</v>
      </c>
      <c r="N1828" s="166">
        <v>0</v>
      </c>
      <c r="O1828" s="166">
        <v>0</v>
      </c>
      <c r="P1828" s="166">
        <v>0</v>
      </c>
      <c r="Q1828" s="166">
        <v>0</v>
      </c>
      <c r="R1828" s="166">
        <v>0</v>
      </c>
      <c r="S1828" s="166">
        <v>0</v>
      </c>
      <c r="T1828" s="166">
        <v>0</v>
      </c>
      <c r="U1828" s="166">
        <v>0</v>
      </c>
      <c r="V1828" s="166">
        <v>0</v>
      </c>
      <c r="W1828" s="166">
        <v>0</v>
      </c>
      <c r="X1828" s="166">
        <v>0</v>
      </c>
      <c r="Y1828" s="166">
        <v>0</v>
      </c>
      <c r="Z1828" s="166">
        <v>0</v>
      </c>
      <c r="AA1828" s="166">
        <v>0</v>
      </c>
      <c r="AB1828" s="166">
        <v>0</v>
      </c>
      <c r="AC1828" s="166">
        <v>0</v>
      </c>
      <c r="AD1828" s="166">
        <v>0</v>
      </c>
      <c r="AE1828" s="166">
        <v>0</v>
      </c>
      <c r="AF1828" s="166">
        <v>0</v>
      </c>
      <c r="AG1828" s="166">
        <v>0</v>
      </c>
      <c r="AH1828" s="166">
        <v>0</v>
      </c>
      <c r="AI1828" s="166">
        <v>0</v>
      </c>
      <c r="AJ1828" s="166">
        <v>0</v>
      </c>
      <c r="AK1828" s="166">
        <v>0</v>
      </c>
      <c r="AL1828" s="166">
        <v>0</v>
      </c>
      <c r="AM1828" s="166">
        <v>0</v>
      </c>
      <c r="AN1828" s="166">
        <v>0</v>
      </c>
      <c r="AO1828" s="166">
        <v>0</v>
      </c>
      <c r="AP1828" s="166">
        <v>0</v>
      </c>
      <c r="AQ1828" s="166">
        <v>0</v>
      </c>
      <c r="AR1828" s="166">
        <v>0</v>
      </c>
      <c r="AS1828" s="166">
        <v>0</v>
      </c>
      <c r="AT1828" s="166">
        <v>0</v>
      </c>
      <c r="AU1828" s="166">
        <v>0</v>
      </c>
      <c r="AV1828" s="166">
        <v>0</v>
      </c>
      <c r="AW1828" s="166">
        <v>0</v>
      </c>
      <c r="AX1828" s="166">
        <v>0</v>
      </c>
      <c r="AY1828" s="166">
        <v>0</v>
      </c>
      <c r="AZ1828" s="166">
        <v>0</v>
      </c>
      <c r="BA1828" s="166">
        <v>0</v>
      </c>
      <c r="BB1828" s="166">
        <v>0</v>
      </c>
      <c r="BC1828" s="166">
        <v>0</v>
      </c>
      <c r="BD1828" s="166">
        <v>0</v>
      </c>
      <c r="BE1828" s="166">
        <v>0</v>
      </c>
      <c r="BF1828" s="166">
        <v>0</v>
      </c>
      <c r="BG1828" s="166">
        <v>0</v>
      </c>
      <c r="BH1828" s="166">
        <v>0</v>
      </c>
      <c r="BI1828" s="166">
        <v>0</v>
      </c>
      <c r="BJ1828" s="166">
        <v>0</v>
      </c>
      <c r="BK1828" s="166">
        <v>0</v>
      </c>
      <c r="BL1828" s="166">
        <v>0</v>
      </c>
      <c r="BM1828" s="166">
        <v>0</v>
      </c>
      <c r="BN1828" s="166">
        <v>0</v>
      </c>
      <c r="BO1828" s="166">
        <v>0</v>
      </c>
      <c r="BP1828" s="166">
        <v>0</v>
      </c>
      <c r="BQ1828" s="166">
        <v>0</v>
      </c>
      <c r="BR1828" s="166">
        <v>0</v>
      </c>
      <c r="BS1828" s="166">
        <v>0</v>
      </c>
      <c r="BT1828" s="168">
        <v>0.999998123540776</v>
      </c>
      <c r="BU1828" s="166">
        <v>0</v>
      </c>
      <c r="BV1828" s="166">
        <v>0</v>
      </c>
      <c r="BW1828" s="166">
        <v>0</v>
      </c>
      <c r="BX1828" s="166">
        <v>0</v>
      </c>
      <c r="BY1828" s="166">
        <v>0</v>
      </c>
      <c r="BZ1828" s="166">
        <v>0</v>
      </c>
      <c r="CA1828" s="166">
        <v>0</v>
      </c>
      <c r="CB1828" s="166">
        <v>0</v>
      </c>
      <c r="CC1828" s="166">
        <v>0</v>
      </c>
      <c r="CD1828" s="166">
        <v>0</v>
      </c>
      <c r="CE1828" s="166">
        <v>0</v>
      </c>
      <c r="CF1828" s="166">
        <v>0</v>
      </c>
      <c r="CG1828" s="166">
        <v>0</v>
      </c>
      <c r="CH1828" s="166">
        <v>0</v>
      </c>
      <c r="CI1828" s="166">
        <v>0</v>
      </c>
      <c r="CJ1828" s="166">
        <v>0</v>
      </c>
      <c r="CK1828" s="166">
        <v>0</v>
      </c>
      <c r="CL1828" s="166">
        <v>0</v>
      </c>
      <c r="CM1828" s="166">
        <v>0</v>
      </c>
      <c r="CN1828" s="166">
        <v>0</v>
      </c>
      <c r="CO1828" s="166">
        <v>0</v>
      </c>
      <c r="CP1828" s="166">
        <v>0</v>
      </c>
      <c r="CQ1828" s="166">
        <v>0</v>
      </c>
      <c r="CR1828" s="166">
        <v>0</v>
      </c>
      <c r="CS1828" s="166">
        <v>0</v>
      </c>
      <c r="CT1828" s="166">
        <v>0</v>
      </c>
      <c r="CU1828" s="166">
        <v>0</v>
      </c>
      <c r="CV1828" s="166">
        <v>0</v>
      </c>
      <c r="CW1828" s="166">
        <v>0</v>
      </c>
      <c r="CX1828" s="166">
        <v>0</v>
      </c>
      <c r="CY1828" s="166">
        <v>0</v>
      </c>
      <c r="CZ1828" s="166">
        <v>0</v>
      </c>
    </row>
    <row r="1829" spans="1:104" x14ac:dyDescent="0.2">
      <c r="A1829" s="167" t="s">
        <v>238</v>
      </c>
      <c r="B1829" s="166">
        <v>0</v>
      </c>
      <c r="C1829" s="166">
        <v>0</v>
      </c>
      <c r="D1829" s="166">
        <v>0</v>
      </c>
      <c r="E1829" s="166">
        <v>0</v>
      </c>
      <c r="F1829" s="166">
        <v>0</v>
      </c>
      <c r="G1829" s="166">
        <v>0</v>
      </c>
      <c r="H1829" s="166">
        <v>0</v>
      </c>
      <c r="I1829" s="166">
        <v>0</v>
      </c>
      <c r="J1829" s="166">
        <v>0</v>
      </c>
      <c r="K1829" s="166">
        <v>0</v>
      </c>
      <c r="L1829" s="166">
        <v>0</v>
      </c>
      <c r="M1829" s="166">
        <v>0</v>
      </c>
      <c r="N1829" s="166">
        <v>0</v>
      </c>
      <c r="O1829" s="166">
        <v>0</v>
      </c>
      <c r="P1829" s="166">
        <v>0</v>
      </c>
      <c r="Q1829" s="166">
        <v>0</v>
      </c>
      <c r="R1829" s="166">
        <v>0</v>
      </c>
      <c r="S1829" s="166">
        <v>0</v>
      </c>
      <c r="T1829" s="166">
        <v>0</v>
      </c>
      <c r="U1829" s="166">
        <v>0</v>
      </c>
      <c r="V1829" s="166">
        <v>0</v>
      </c>
      <c r="W1829" s="166">
        <v>0</v>
      </c>
      <c r="X1829" s="166">
        <v>0</v>
      </c>
      <c r="Y1829" s="166">
        <v>0</v>
      </c>
      <c r="Z1829" s="166">
        <v>0</v>
      </c>
      <c r="AA1829" s="166">
        <v>0</v>
      </c>
      <c r="AB1829" s="166">
        <v>0</v>
      </c>
      <c r="AC1829" s="166">
        <v>0</v>
      </c>
      <c r="AD1829" s="166">
        <v>0</v>
      </c>
      <c r="AE1829" s="166">
        <v>0</v>
      </c>
      <c r="AF1829" s="166">
        <v>0</v>
      </c>
      <c r="AG1829" s="166">
        <v>0</v>
      </c>
      <c r="AH1829" s="166">
        <v>0</v>
      </c>
      <c r="AI1829" s="166">
        <v>0</v>
      </c>
      <c r="AJ1829" s="166">
        <v>0</v>
      </c>
      <c r="AK1829" s="166">
        <v>0</v>
      </c>
      <c r="AL1829" s="166">
        <v>0</v>
      </c>
      <c r="AM1829" s="166">
        <v>0</v>
      </c>
      <c r="AN1829" s="166">
        <v>0</v>
      </c>
      <c r="AO1829" s="166">
        <v>0</v>
      </c>
      <c r="AP1829" s="166">
        <v>0</v>
      </c>
      <c r="AQ1829" s="166">
        <v>0</v>
      </c>
      <c r="AR1829" s="166">
        <v>0</v>
      </c>
      <c r="AS1829" s="166">
        <v>0</v>
      </c>
      <c r="AT1829" s="166">
        <v>0</v>
      </c>
      <c r="AU1829" s="166">
        <v>0</v>
      </c>
      <c r="AV1829" s="166">
        <v>0</v>
      </c>
      <c r="AW1829" s="166">
        <v>0</v>
      </c>
      <c r="AX1829" s="166">
        <v>0</v>
      </c>
      <c r="AY1829" s="166">
        <v>0</v>
      </c>
      <c r="AZ1829" s="166">
        <v>0</v>
      </c>
      <c r="BA1829" s="166">
        <v>0</v>
      </c>
      <c r="BB1829" s="166">
        <v>0</v>
      </c>
      <c r="BC1829" s="166">
        <v>0</v>
      </c>
      <c r="BD1829" s="166">
        <v>0</v>
      </c>
      <c r="BE1829" s="166">
        <v>0</v>
      </c>
      <c r="BF1829" s="166">
        <v>0</v>
      </c>
      <c r="BG1829" s="166">
        <v>0</v>
      </c>
      <c r="BH1829" s="166">
        <v>0</v>
      </c>
      <c r="BI1829" s="166">
        <v>0</v>
      </c>
      <c r="BJ1829" s="166">
        <v>0</v>
      </c>
      <c r="BK1829" s="166">
        <v>0</v>
      </c>
      <c r="BL1829" s="166">
        <v>0</v>
      </c>
      <c r="BM1829" s="166">
        <v>0</v>
      </c>
      <c r="BN1829" s="166">
        <v>0</v>
      </c>
      <c r="BO1829" s="166">
        <v>0</v>
      </c>
      <c r="BP1829" s="166">
        <v>0</v>
      </c>
      <c r="BQ1829" s="166">
        <v>0</v>
      </c>
      <c r="BR1829" s="166">
        <v>0</v>
      </c>
      <c r="BS1829" s="166">
        <v>0</v>
      </c>
      <c r="BT1829" s="166">
        <v>1000</v>
      </c>
      <c r="BU1829" s="166">
        <v>0</v>
      </c>
      <c r="BV1829" s="166">
        <v>0</v>
      </c>
      <c r="BW1829" s="166">
        <v>0</v>
      </c>
      <c r="BX1829" s="166">
        <v>0</v>
      </c>
      <c r="BY1829" s="166">
        <v>0</v>
      </c>
      <c r="BZ1829" s="166">
        <v>0</v>
      </c>
      <c r="CA1829" s="166">
        <v>0</v>
      </c>
      <c r="CB1829" s="166">
        <v>0</v>
      </c>
      <c r="CC1829" s="166">
        <v>0</v>
      </c>
      <c r="CD1829" s="166">
        <v>0</v>
      </c>
      <c r="CE1829" s="166">
        <v>0</v>
      </c>
      <c r="CF1829" s="166">
        <v>0</v>
      </c>
      <c r="CG1829" s="166">
        <v>0</v>
      </c>
      <c r="CH1829" s="166">
        <v>0</v>
      </c>
      <c r="CI1829" s="166">
        <v>0</v>
      </c>
      <c r="CJ1829" s="166">
        <v>0</v>
      </c>
      <c r="CK1829" s="166">
        <v>0</v>
      </c>
      <c r="CL1829" s="166">
        <v>0</v>
      </c>
      <c r="CM1829" s="166">
        <v>0</v>
      </c>
      <c r="CN1829" s="166">
        <v>0</v>
      </c>
      <c r="CO1829" s="166">
        <v>0</v>
      </c>
      <c r="CP1829" s="166">
        <v>0</v>
      </c>
      <c r="CQ1829" s="166">
        <v>0</v>
      </c>
      <c r="CR1829" s="166">
        <v>0</v>
      </c>
      <c r="CS1829" s="166">
        <v>0</v>
      </c>
      <c r="CT1829" s="166">
        <v>0</v>
      </c>
      <c r="CU1829" s="166">
        <v>0</v>
      </c>
      <c r="CV1829" s="166">
        <v>0</v>
      </c>
      <c r="CW1829" s="166">
        <v>0</v>
      </c>
      <c r="CX1829" s="166">
        <v>0</v>
      </c>
      <c r="CY1829" s="166">
        <v>0</v>
      </c>
      <c r="CZ1829" s="166">
        <v>0</v>
      </c>
    </row>
    <row r="1830" spans="1:104" x14ac:dyDescent="0.2">
      <c r="A1830" s="167" t="s">
        <v>1087</v>
      </c>
      <c r="B1830" s="166">
        <v>0</v>
      </c>
      <c r="C1830" s="166">
        <v>0</v>
      </c>
      <c r="D1830" s="166">
        <v>0</v>
      </c>
      <c r="E1830" s="166">
        <v>0</v>
      </c>
      <c r="F1830" s="166">
        <v>0</v>
      </c>
      <c r="G1830" s="166">
        <v>0</v>
      </c>
      <c r="H1830" s="166">
        <v>0</v>
      </c>
      <c r="I1830" s="166">
        <v>0</v>
      </c>
      <c r="J1830" s="166">
        <v>0</v>
      </c>
      <c r="K1830" s="166">
        <v>0</v>
      </c>
      <c r="L1830" s="166">
        <v>0</v>
      </c>
      <c r="M1830" s="166">
        <v>0</v>
      </c>
      <c r="N1830" s="166">
        <v>0</v>
      </c>
      <c r="O1830" s="166">
        <v>0</v>
      </c>
      <c r="P1830" s="166">
        <v>0</v>
      </c>
      <c r="Q1830" s="166">
        <v>0</v>
      </c>
      <c r="R1830" s="166">
        <v>0</v>
      </c>
      <c r="S1830" s="166">
        <v>0</v>
      </c>
      <c r="T1830" s="166">
        <v>0</v>
      </c>
      <c r="U1830" s="166">
        <v>0</v>
      </c>
      <c r="V1830" s="166">
        <v>0</v>
      </c>
      <c r="W1830" s="166">
        <v>0</v>
      </c>
      <c r="X1830" s="166">
        <v>0</v>
      </c>
      <c r="Y1830" s="166">
        <v>0</v>
      </c>
      <c r="Z1830" s="166">
        <v>0</v>
      </c>
      <c r="AA1830" s="166">
        <v>0</v>
      </c>
      <c r="AB1830" s="166">
        <v>0</v>
      </c>
      <c r="AC1830" s="166">
        <v>0</v>
      </c>
      <c r="AD1830" s="166">
        <v>0</v>
      </c>
      <c r="AE1830" s="166">
        <v>0</v>
      </c>
      <c r="AF1830" s="166">
        <v>0</v>
      </c>
      <c r="AG1830" s="166">
        <v>0</v>
      </c>
      <c r="AH1830" s="166">
        <v>0</v>
      </c>
      <c r="AI1830" s="166">
        <v>0</v>
      </c>
      <c r="AJ1830" s="166">
        <v>0</v>
      </c>
      <c r="AK1830" s="166">
        <v>0</v>
      </c>
      <c r="AL1830" s="166">
        <v>0</v>
      </c>
      <c r="AM1830" s="166">
        <v>0</v>
      </c>
      <c r="AN1830" s="166">
        <v>0</v>
      </c>
      <c r="AO1830" s="166">
        <v>0</v>
      </c>
      <c r="AP1830" s="166">
        <v>0</v>
      </c>
      <c r="AQ1830" s="166">
        <v>0</v>
      </c>
      <c r="AR1830" s="166">
        <v>0</v>
      </c>
      <c r="AS1830" s="166">
        <v>0</v>
      </c>
      <c r="AT1830" s="166">
        <v>0</v>
      </c>
      <c r="AU1830" s="166">
        <v>0</v>
      </c>
      <c r="AV1830" s="166">
        <v>0</v>
      </c>
      <c r="AW1830" s="166">
        <v>0</v>
      </c>
      <c r="AX1830" s="166">
        <v>0</v>
      </c>
      <c r="AY1830" s="166">
        <v>0</v>
      </c>
      <c r="AZ1830" s="166">
        <v>0</v>
      </c>
      <c r="BA1830" s="166">
        <v>0</v>
      </c>
      <c r="BB1830" s="166">
        <v>0</v>
      </c>
      <c r="BC1830" s="166">
        <v>0</v>
      </c>
      <c r="BD1830" s="166">
        <v>0</v>
      </c>
      <c r="BE1830" s="166">
        <v>0</v>
      </c>
      <c r="BF1830" s="166">
        <v>0</v>
      </c>
      <c r="BG1830" s="166">
        <v>0</v>
      </c>
      <c r="BH1830" s="166">
        <v>0</v>
      </c>
      <c r="BI1830" s="166">
        <v>0</v>
      </c>
      <c r="BJ1830" s="166">
        <v>0</v>
      </c>
      <c r="BK1830" s="166">
        <v>0</v>
      </c>
      <c r="BL1830" s="166">
        <v>0</v>
      </c>
      <c r="BM1830" s="166">
        <v>0</v>
      </c>
      <c r="BN1830" s="166">
        <v>0</v>
      </c>
      <c r="BO1830" s="166">
        <v>0</v>
      </c>
      <c r="BP1830" s="166">
        <v>0</v>
      </c>
      <c r="BQ1830" s="166">
        <v>0</v>
      </c>
      <c r="BR1830" s="166">
        <v>0</v>
      </c>
      <c r="BS1830" s="166">
        <v>0</v>
      </c>
      <c r="BT1830" s="168">
        <v>0.70823195131973704</v>
      </c>
      <c r="BU1830" s="166">
        <v>0</v>
      </c>
      <c r="BV1830" s="166">
        <v>0</v>
      </c>
      <c r="BW1830" s="166">
        <v>0</v>
      </c>
      <c r="BX1830" s="166">
        <v>0</v>
      </c>
      <c r="BY1830" s="166">
        <v>0</v>
      </c>
      <c r="BZ1830" s="166">
        <v>0</v>
      </c>
      <c r="CA1830" s="166">
        <v>0</v>
      </c>
      <c r="CB1830" s="166">
        <v>0</v>
      </c>
      <c r="CC1830" s="166">
        <v>0</v>
      </c>
      <c r="CD1830" s="166">
        <v>0</v>
      </c>
      <c r="CE1830" s="166">
        <v>0</v>
      </c>
      <c r="CF1830" s="166">
        <v>0</v>
      </c>
      <c r="CG1830" s="166">
        <v>0</v>
      </c>
      <c r="CH1830" s="166">
        <v>0</v>
      </c>
      <c r="CI1830" s="166">
        <v>0</v>
      </c>
      <c r="CJ1830" s="166">
        <v>0</v>
      </c>
      <c r="CK1830" s="166">
        <v>0</v>
      </c>
      <c r="CL1830" s="166">
        <v>0</v>
      </c>
      <c r="CM1830" s="166">
        <v>0</v>
      </c>
      <c r="CN1830" s="166">
        <v>0</v>
      </c>
      <c r="CO1830" s="166">
        <v>0</v>
      </c>
      <c r="CP1830" s="166">
        <v>0</v>
      </c>
      <c r="CQ1830" s="166">
        <v>0</v>
      </c>
      <c r="CR1830" s="166">
        <v>0</v>
      </c>
      <c r="CS1830" s="166">
        <v>0</v>
      </c>
      <c r="CT1830" s="166">
        <v>0</v>
      </c>
      <c r="CU1830" s="166">
        <v>0</v>
      </c>
      <c r="CV1830" s="166">
        <v>0</v>
      </c>
      <c r="CW1830" s="166">
        <v>0</v>
      </c>
      <c r="CX1830" s="166">
        <v>0</v>
      </c>
      <c r="CY1830" s="166">
        <v>0</v>
      </c>
      <c r="CZ1830" s="166">
        <v>0</v>
      </c>
    </row>
    <row r="1831" spans="1:104" x14ac:dyDescent="0.2">
      <c r="A1831" s="167" t="s">
        <v>1088</v>
      </c>
      <c r="B1831" s="166">
        <v>0</v>
      </c>
      <c r="C1831" s="166">
        <v>0</v>
      </c>
      <c r="D1831" s="166">
        <v>0</v>
      </c>
      <c r="E1831" s="166">
        <v>0</v>
      </c>
      <c r="F1831" s="166">
        <v>0</v>
      </c>
      <c r="G1831" s="166">
        <v>0</v>
      </c>
      <c r="H1831" s="166">
        <v>0</v>
      </c>
      <c r="I1831" s="166">
        <v>0</v>
      </c>
      <c r="J1831" s="166">
        <v>0</v>
      </c>
      <c r="K1831" s="166">
        <v>0</v>
      </c>
      <c r="L1831" s="166">
        <v>0</v>
      </c>
      <c r="M1831" s="166">
        <v>0</v>
      </c>
      <c r="N1831" s="166">
        <v>0</v>
      </c>
      <c r="O1831" s="166">
        <v>0</v>
      </c>
      <c r="P1831" s="166">
        <v>0</v>
      </c>
      <c r="Q1831" s="166">
        <v>0</v>
      </c>
      <c r="R1831" s="166">
        <v>0</v>
      </c>
      <c r="S1831" s="166">
        <v>0</v>
      </c>
      <c r="T1831" s="166">
        <v>0</v>
      </c>
      <c r="U1831" s="166">
        <v>0</v>
      </c>
      <c r="V1831" s="166">
        <v>0</v>
      </c>
      <c r="W1831" s="166">
        <v>0</v>
      </c>
      <c r="X1831" s="166">
        <v>0</v>
      </c>
      <c r="Y1831" s="166">
        <v>0</v>
      </c>
      <c r="Z1831" s="166">
        <v>0</v>
      </c>
      <c r="AA1831" s="166">
        <v>0</v>
      </c>
      <c r="AB1831" s="166">
        <v>0</v>
      </c>
      <c r="AC1831" s="166">
        <v>0</v>
      </c>
      <c r="AD1831" s="166">
        <v>0</v>
      </c>
      <c r="AE1831" s="166">
        <v>0</v>
      </c>
      <c r="AF1831" s="166">
        <v>0</v>
      </c>
      <c r="AG1831" s="166">
        <v>0</v>
      </c>
      <c r="AH1831" s="166">
        <v>0</v>
      </c>
      <c r="AI1831" s="166">
        <v>0</v>
      </c>
      <c r="AJ1831" s="166">
        <v>0</v>
      </c>
      <c r="AK1831" s="166">
        <v>0</v>
      </c>
      <c r="AL1831" s="166">
        <v>0</v>
      </c>
      <c r="AM1831" s="166">
        <v>0</v>
      </c>
      <c r="AN1831" s="166">
        <v>0</v>
      </c>
      <c r="AO1831" s="166">
        <v>0</v>
      </c>
      <c r="AP1831" s="166">
        <v>0</v>
      </c>
      <c r="AQ1831" s="166">
        <v>0</v>
      </c>
      <c r="AR1831" s="166">
        <v>0</v>
      </c>
      <c r="AS1831" s="166">
        <v>0</v>
      </c>
      <c r="AT1831" s="166">
        <v>0</v>
      </c>
      <c r="AU1831" s="166">
        <v>0</v>
      </c>
      <c r="AV1831" s="166">
        <v>0</v>
      </c>
      <c r="AW1831" s="166">
        <v>0</v>
      </c>
      <c r="AX1831" s="166">
        <v>0</v>
      </c>
      <c r="AY1831" s="166">
        <v>0</v>
      </c>
      <c r="AZ1831" s="166">
        <v>0</v>
      </c>
      <c r="BA1831" s="166">
        <v>0</v>
      </c>
      <c r="BB1831" s="166">
        <v>0</v>
      </c>
      <c r="BC1831" s="166">
        <v>0</v>
      </c>
      <c r="BD1831" s="166">
        <v>0</v>
      </c>
      <c r="BE1831" s="166">
        <v>0</v>
      </c>
      <c r="BF1831" s="166">
        <v>0</v>
      </c>
      <c r="BG1831" s="166">
        <v>0</v>
      </c>
      <c r="BH1831" s="166">
        <v>0</v>
      </c>
      <c r="BI1831" s="166">
        <v>0</v>
      </c>
      <c r="BJ1831" s="166">
        <v>0</v>
      </c>
      <c r="BK1831" s="166">
        <v>0</v>
      </c>
      <c r="BL1831" s="166">
        <v>0</v>
      </c>
      <c r="BM1831" s="166">
        <v>0</v>
      </c>
      <c r="BN1831" s="166">
        <v>0</v>
      </c>
      <c r="BO1831" s="166">
        <v>0</v>
      </c>
      <c r="BP1831" s="166">
        <v>0</v>
      </c>
      <c r="BQ1831" s="166">
        <v>0</v>
      </c>
      <c r="BR1831" s="166">
        <v>0</v>
      </c>
      <c r="BS1831" s="166">
        <v>0</v>
      </c>
      <c r="BT1831" s="168">
        <v>0</v>
      </c>
      <c r="BU1831" s="166">
        <v>0</v>
      </c>
      <c r="BV1831" s="166">
        <v>0</v>
      </c>
      <c r="BW1831" s="166">
        <v>0</v>
      </c>
      <c r="BX1831" s="166">
        <v>0</v>
      </c>
      <c r="BY1831" s="166">
        <v>0</v>
      </c>
      <c r="BZ1831" s="166">
        <v>0</v>
      </c>
      <c r="CA1831" s="166">
        <v>0</v>
      </c>
      <c r="CB1831" s="166">
        <v>0</v>
      </c>
      <c r="CC1831" s="166">
        <v>0</v>
      </c>
      <c r="CD1831" s="166">
        <v>0</v>
      </c>
      <c r="CE1831" s="166">
        <v>0</v>
      </c>
      <c r="CF1831" s="166">
        <v>0</v>
      </c>
      <c r="CG1831" s="166">
        <v>0</v>
      </c>
      <c r="CH1831" s="166">
        <v>0</v>
      </c>
      <c r="CI1831" s="166">
        <v>0</v>
      </c>
      <c r="CJ1831" s="166">
        <v>0</v>
      </c>
      <c r="CK1831" s="166">
        <v>0</v>
      </c>
      <c r="CL1831" s="166">
        <v>0</v>
      </c>
      <c r="CM1831" s="166">
        <v>0</v>
      </c>
      <c r="CN1831" s="166">
        <v>0</v>
      </c>
      <c r="CO1831" s="166">
        <v>0</v>
      </c>
      <c r="CP1831" s="166">
        <v>0</v>
      </c>
      <c r="CQ1831" s="166">
        <v>0</v>
      </c>
      <c r="CR1831" s="166">
        <v>0</v>
      </c>
      <c r="CS1831" s="166">
        <v>0</v>
      </c>
      <c r="CT1831" s="166">
        <v>0</v>
      </c>
      <c r="CU1831" s="166">
        <v>0</v>
      </c>
      <c r="CV1831" s="166">
        <v>0</v>
      </c>
      <c r="CW1831" s="166">
        <v>0</v>
      </c>
      <c r="CX1831" s="166">
        <v>0</v>
      </c>
      <c r="CY1831" s="166">
        <v>0</v>
      </c>
      <c r="CZ1831" s="166">
        <v>0</v>
      </c>
    </row>
    <row r="1832" spans="1:104" x14ac:dyDescent="0.2">
      <c r="A1832" s="167" t="s">
        <v>241</v>
      </c>
    </row>
    <row r="1833" spans="1:104" x14ac:dyDescent="0.2">
      <c r="A1833" s="167" t="s">
        <v>1089</v>
      </c>
      <c r="B1833" s="166">
        <v>28363.3169196452</v>
      </c>
      <c r="C1833" s="166">
        <v>28363.3169196452</v>
      </c>
      <c r="D1833" s="166">
        <v>0</v>
      </c>
      <c r="E1833" s="166">
        <v>0</v>
      </c>
      <c r="F1833" s="166">
        <v>0</v>
      </c>
      <c r="G1833" s="166">
        <v>0</v>
      </c>
      <c r="H1833" s="166">
        <v>0</v>
      </c>
      <c r="I1833" s="166">
        <v>0</v>
      </c>
      <c r="J1833" s="166">
        <v>0</v>
      </c>
      <c r="K1833" s="166">
        <v>0</v>
      </c>
      <c r="L1833" s="166">
        <v>0</v>
      </c>
      <c r="M1833" s="166">
        <v>0</v>
      </c>
      <c r="N1833" s="166">
        <v>0</v>
      </c>
      <c r="O1833" s="166">
        <v>0</v>
      </c>
      <c r="P1833" s="166">
        <v>0</v>
      </c>
      <c r="Q1833" s="166">
        <v>0</v>
      </c>
      <c r="R1833" s="166">
        <v>0</v>
      </c>
      <c r="S1833" s="166">
        <v>0</v>
      </c>
      <c r="T1833" s="166">
        <v>0</v>
      </c>
      <c r="U1833" s="166">
        <v>0</v>
      </c>
      <c r="V1833" s="166">
        <v>0</v>
      </c>
      <c r="W1833" s="166">
        <v>0</v>
      </c>
      <c r="X1833" s="166">
        <v>0</v>
      </c>
      <c r="Y1833" s="166">
        <v>0</v>
      </c>
      <c r="Z1833" s="166">
        <v>0</v>
      </c>
      <c r="AA1833" s="166">
        <v>0</v>
      </c>
      <c r="AB1833" s="166">
        <v>0</v>
      </c>
      <c r="AC1833" s="166">
        <v>0</v>
      </c>
      <c r="AD1833" s="166">
        <v>0</v>
      </c>
      <c r="AE1833" s="166">
        <v>0</v>
      </c>
      <c r="AF1833" s="166">
        <v>0</v>
      </c>
      <c r="AG1833" s="166">
        <v>0</v>
      </c>
      <c r="AH1833" s="166">
        <v>0</v>
      </c>
      <c r="AI1833" s="166">
        <v>0</v>
      </c>
      <c r="AJ1833" s="166">
        <v>0</v>
      </c>
      <c r="AK1833" s="166">
        <v>0</v>
      </c>
      <c r="AL1833" s="166">
        <v>0</v>
      </c>
      <c r="AM1833" s="166">
        <v>0</v>
      </c>
      <c r="AN1833" s="166">
        <v>0</v>
      </c>
      <c r="AO1833" s="166">
        <v>0</v>
      </c>
      <c r="AP1833" s="166">
        <v>0</v>
      </c>
      <c r="AQ1833" s="166">
        <v>0</v>
      </c>
      <c r="AR1833" s="166">
        <v>0</v>
      </c>
      <c r="AS1833" s="166">
        <v>0</v>
      </c>
      <c r="AT1833" s="166">
        <v>0</v>
      </c>
      <c r="AU1833" s="166">
        <v>0</v>
      </c>
      <c r="AV1833" s="166">
        <v>0</v>
      </c>
      <c r="AW1833" s="166">
        <v>0</v>
      </c>
      <c r="AX1833" s="166">
        <v>0</v>
      </c>
      <c r="AY1833" s="166">
        <v>0</v>
      </c>
      <c r="AZ1833" s="166">
        <v>0</v>
      </c>
      <c r="BA1833" s="166">
        <v>0</v>
      </c>
      <c r="BB1833" s="166">
        <v>0</v>
      </c>
      <c r="BC1833" s="166">
        <v>0</v>
      </c>
      <c r="BD1833" s="166">
        <v>0</v>
      </c>
      <c r="BE1833" s="166">
        <v>0</v>
      </c>
      <c r="BF1833" s="166">
        <v>0</v>
      </c>
      <c r="BG1833" s="166">
        <v>0</v>
      </c>
      <c r="BH1833" s="166">
        <v>0</v>
      </c>
      <c r="BI1833" s="166">
        <v>0</v>
      </c>
      <c r="BJ1833" s="166">
        <v>0</v>
      </c>
      <c r="BK1833" s="166">
        <v>0</v>
      </c>
      <c r="BL1833" s="166">
        <v>0</v>
      </c>
      <c r="BM1833" s="166">
        <v>0</v>
      </c>
      <c r="BN1833" s="166">
        <v>0</v>
      </c>
      <c r="BO1833" s="166">
        <v>0</v>
      </c>
      <c r="BP1833" s="166">
        <v>0</v>
      </c>
      <c r="BQ1833" s="166">
        <v>0</v>
      </c>
      <c r="BR1833" s="166">
        <v>28363.3169196452</v>
      </c>
      <c r="BS1833" s="166">
        <v>28363.3169196452</v>
      </c>
      <c r="BT1833" s="168">
        <v>0.999998123540776</v>
      </c>
      <c r="BU1833" s="166">
        <v>1597.7328141323901</v>
      </c>
      <c r="BV1833" s="166">
        <v>28363.263697037601</v>
      </c>
      <c r="BW1833" s="166">
        <v>0</v>
      </c>
      <c r="BX1833" s="166">
        <v>0</v>
      </c>
      <c r="BY1833" s="166">
        <v>0</v>
      </c>
      <c r="BZ1833" s="166">
        <v>0</v>
      </c>
      <c r="CA1833" s="166">
        <v>0</v>
      </c>
      <c r="CB1833" s="166">
        <v>0</v>
      </c>
      <c r="CC1833" s="166">
        <v>0</v>
      </c>
      <c r="CD1833" s="166">
        <v>0</v>
      </c>
      <c r="CE1833" s="166">
        <v>0</v>
      </c>
      <c r="CF1833" s="166">
        <v>0</v>
      </c>
      <c r="CG1833" s="166">
        <v>0</v>
      </c>
      <c r="CH1833" s="166">
        <v>0</v>
      </c>
      <c r="CI1833" s="166">
        <v>0</v>
      </c>
      <c r="CJ1833" s="166">
        <v>0</v>
      </c>
      <c r="CK1833" s="166">
        <v>0</v>
      </c>
      <c r="CL1833" s="166">
        <v>0</v>
      </c>
      <c r="CM1833" s="166">
        <v>0</v>
      </c>
      <c r="CN1833" s="166">
        <v>0</v>
      </c>
      <c r="CO1833" s="166">
        <v>0</v>
      </c>
      <c r="CP1833" s="166">
        <v>0</v>
      </c>
      <c r="CQ1833" s="166">
        <v>0</v>
      </c>
      <c r="CR1833" s="166">
        <v>0</v>
      </c>
      <c r="CS1833" s="166">
        <v>0</v>
      </c>
      <c r="CT1833" s="166">
        <v>0</v>
      </c>
      <c r="CU1833" s="166">
        <v>0</v>
      </c>
      <c r="CV1833" s="166">
        <v>0</v>
      </c>
      <c r="CW1833" s="166">
        <v>0</v>
      </c>
      <c r="CX1833" s="166">
        <v>0</v>
      </c>
      <c r="CY1833" s="166">
        <v>28363.263697037601</v>
      </c>
      <c r="CZ1833" s="166">
        <v>28363.263697037601</v>
      </c>
    </row>
    <row r="1834" spans="1:104" x14ac:dyDescent="0.2">
      <c r="A1834" s="167" t="s">
        <v>1090</v>
      </c>
      <c r="B1834" s="166">
        <v>896.75002117458405</v>
      </c>
      <c r="C1834" s="166">
        <v>896.75002117458405</v>
      </c>
      <c r="D1834" s="166">
        <v>0</v>
      </c>
      <c r="E1834" s="166">
        <v>0</v>
      </c>
      <c r="F1834" s="166">
        <v>0</v>
      </c>
      <c r="G1834" s="166">
        <v>0</v>
      </c>
      <c r="H1834" s="166">
        <v>0</v>
      </c>
      <c r="I1834" s="166">
        <v>0</v>
      </c>
      <c r="J1834" s="166">
        <v>0</v>
      </c>
      <c r="K1834" s="166">
        <v>0</v>
      </c>
      <c r="L1834" s="166">
        <v>0</v>
      </c>
      <c r="M1834" s="166">
        <v>0</v>
      </c>
      <c r="N1834" s="166">
        <v>0</v>
      </c>
      <c r="O1834" s="166">
        <v>0</v>
      </c>
      <c r="P1834" s="166">
        <v>0</v>
      </c>
      <c r="Q1834" s="166">
        <v>0</v>
      </c>
      <c r="R1834" s="166">
        <v>0</v>
      </c>
      <c r="S1834" s="166">
        <v>0</v>
      </c>
      <c r="T1834" s="166">
        <v>0</v>
      </c>
      <c r="U1834" s="166">
        <v>0</v>
      </c>
      <c r="V1834" s="166">
        <v>0</v>
      </c>
      <c r="W1834" s="166">
        <v>0</v>
      </c>
      <c r="X1834" s="166">
        <v>0</v>
      </c>
      <c r="Y1834" s="166">
        <v>0</v>
      </c>
      <c r="Z1834" s="166">
        <v>0</v>
      </c>
      <c r="AA1834" s="166">
        <v>0</v>
      </c>
      <c r="AB1834" s="166">
        <v>0</v>
      </c>
      <c r="AC1834" s="166">
        <v>0</v>
      </c>
      <c r="AD1834" s="166">
        <v>0</v>
      </c>
      <c r="AE1834" s="166">
        <v>0</v>
      </c>
      <c r="AF1834" s="166">
        <v>0</v>
      </c>
      <c r="AG1834" s="166">
        <v>0</v>
      </c>
      <c r="AH1834" s="166">
        <v>0</v>
      </c>
      <c r="AI1834" s="166">
        <v>0</v>
      </c>
      <c r="AJ1834" s="166">
        <v>0</v>
      </c>
      <c r="AK1834" s="166">
        <v>0</v>
      </c>
      <c r="AL1834" s="166">
        <v>0</v>
      </c>
      <c r="AM1834" s="166">
        <v>0</v>
      </c>
      <c r="AN1834" s="166">
        <v>0</v>
      </c>
      <c r="AO1834" s="166">
        <v>0</v>
      </c>
      <c r="AP1834" s="166">
        <v>0</v>
      </c>
      <c r="AQ1834" s="166">
        <v>0</v>
      </c>
      <c r="AR1834" s="166">
        <v>0</v>
      </c>
      <c r="AS1834" s="166">
        <v>0</v>
      </c>
      <c r="AT1834" s="166">
        <v>0</v>
      </c>
      <c r="AU1834" s="166">
        <v>0</v>
      </c>
      <c r="AV1834" s="166">
        <v>0</v>
      </c>
      <c r="AW1834" s="166">
        <v>0</v>
      </c>
      <c r="AX1834" s="166">
        <v>0</v>
      </c>
      <c r="AY1834" s="166">
        <v>0</v>
      </c>
      <c r="AZ1834" s="166">
        <v>0</v>
      </c>
      <c r="BA1834" s="166">
        <v>0</v>
      </c>
      <c r="BB1834" s="166">
        <v>0</v>
      </c>
      <c r="BC1834" s="166">
        <v>0</v>
      </c>
      <c r="BD1834" s="166">
        <v>0</v>
      </c>
      <c r="BE1834" s="166">
        <v>0</v>
      </c>
      <c r="BF1834" s="166">
        <v>0</v>
      </c>
      <c r="BG1834" s="166">
        <v>0</v>
      </c>
      <c r="BH1834" s="166">
        <v>0</v>
      </c>
      <c r="BI1834" s="166">
        <v>0</v>
      </c>
      <c r="BJ1834" s="166">
        <v>0</v>
      </c>
      <c r="BK1834" s="166">
        <v>0</v>
      </c>
      <c r="BL1834" s="166">
        <v>0</v>
      </c>
      <c r="BM1834" s="166">
        <v>0</v>
      </c>
      <c r="BN1834" s="166">
        <v>0</v>
      </c>
      <c r="BO1834" s="166">
        <v>0</v>
      </c>
      <c r="BP1834" s="166">
        <v>0</v>
      </c>
      <c r="BQ1834" s="166">
        <v>0</v>
      </c>
      <c r="BR1834" s="166">
        <v>896.75002117458405</v>
      </c>
      <c r="BS1834" s="166">
        <v>896.75002117458405</v>
      </c>
      <c r="BT1834" s="168">
        <v>0.95155251400307195</v>
      </c>
      <c r="BU1834" s="166">
        <v>48.067563502266999</v>
      </c>
      <c r="BV1834" s="166">
        <v>853.30473708098305</v>
      </c>
      <c r="BW1834" s="166">
        <v>0</v>
      </c>
      <c r="BX1834" s="166">
        <v>0</v>
      </c>
      <c r="BY1834" s="166">
        <v>0</v>
      </c>
      <c r="BZ1834" s="166">
        <v>0</v>
      </c>
      <c r="CA1834" s="166">
        <v>0</v>
      </c>
      <c r="CB1834" s="166">
        <v>0</v>
      </c>
      <c r="CC1834" s="166">
        <v>0</v>
      </c>
      <c r="CD1834" s="166">
        <v>0</v>
      </c>
      <c r="CE1834" s="166">
        <v>0</v>
      </c>
      <c r="CF1834" s="166">
        <v>0</v>
      </c>
      <c r="CG1834" s="166">
        <v>0</v>
      </c>
      <c r="CH1834" s="166">
        <v>0</v>
      </c>
      <c r="CI1834" s="166">
        <v>0</v>
      </c>
      <c r="CJ1834" s="166">
        <v>0</v>
      </c>
      <c r="CK1834" s="166">
        <v>0</v>
      </c>
      <c r="CL1834" s="166">
        <v>0</v>
      </c>
      <c r="CM1834" s="166">
        <v>0</v>
      </c>
      <c r="CN1834" s="166">
        <v>0</v>
      </c>
      <c r="CO1834" s="166">
        <v>0</v>
      </c>
      <c r="CP1834" s="166">
        <v>0</v>
      </c>
      <c r="CQ1834" s="166">
        <v>0</v>
      </c>
      <c r="CR1834" s="166">
        <v>0</v>
      </c>
      <c r="CS1834" s="166">
        <v>0</v>
      </c>
      <c r="CT1834" s="166">
        <v>0</v>
      </c>
      <c r="CU1834" s="166">
        <v>0</v>
      </c>
      <c r="CV1834" s="166">
        <v>0</v>
      </c>
      <c r="CW1834" s="166">
        <v>0</v>
      </c>
      <c r="CX1834" s="166">
        <v>0</v>
      </c>
      <c r="CY1834" s="166">
        <v>853.30473708098305</v>
      </c>
      <c r="CZ1834" s="166">
        <v>853.30473708098305</v>
      </c>
    </row>
    <row r="1835" spans="1:104" x14ac:dyDescent="0.2">
      <c r="A1835" s="167" t="s">
        <v>1091</v>
      </c>
      <c r="B1835" s="166">
        <v>6468.9999069947398</v>
      </c>
      <c r="C1835" s="166">
        <v>6468.9999069947398</v>
      </c>
      <c r="D1835" s="166">
        <v>0</v>
      </c>
      <c r="E1835" s="166">
        <v>0</v>
      </c>
      <c r="F1835" s="166">
        <v>0</v>
      </c>
      <c r="G1835" s="166">
        <v>0</v>
      </c>
      <c r="H1835" s="166">
        <v>0</v>
      </c>
      <c r="I1835" s="166">
        <v>0</v>
      </c>
      <c r="J1835" s="166">
        <v>0</v>
      </c>
      <c r="K1835" s="166">
        <v>0</v>
      </c>
      <c r="L1835" s="166">
        <v>0</v>
      </c>
      <c r="M1835" s="166">
        <v>0</v>
      </c>
      <c r="N1835" s="166">
        <v>0</v>
      </c>
      <c r="O1835" s="166">
        <v>0</v>
      </c>
      <c r="P1835" s="166">
        <v>0</v>
      </c>
      <c r="Q1835" s="166">
        <v>0</v>
      </c>
      <c r="R1835" s="166">
        <v>0</v>
      </c>
      <c r="S1835" s="166">
        <v>0</v>
      </c>
      <c r="T1835" s="166">
        <v>0</v>
      </c>
      <c r="U1835" s="166">
        <v>0</v>
      </c>
      <c r="V1835" s="166">
        <v>0</v>
      </c>
      <c r="W1835" s="166">
        <v>0</v>
      </c>
      <c r="X1835" s="166">
        <v>0</v>
      </c>
      <c r="Y1835" s="166">
        <v>0</v>
      </c>
      <c r="Z1835" s="166">
        <v>0</v>
      </c>
      <c r="AA1835" s="166">
        <v>0</v>
      </c>
      <c r="AB1835" s="166">
        <v>0</v>
      </c>
      <c r="AC1835" s="166">
        <v>0</v>
      </c>
      <c r="AD1835" s="166">
        <v>0</v>
      </c>
      <c r="AE1835" s="166">
        <v>0</v>
      </c>
      <c r="AF1835" s="166">
        <v>0</v>
      </c>
      <c r="AG1835" s="166">
        <v>0</v>
      </c>
      <c r="AH1835" s="166">
        <v>0</v>
      </c>
      <c r="AI1835" s="166">
        <v>0</v>
      </c>
      <c r="AJ1835" s="166">
        <v>0</v>
      </c>
      <c r="AK1835" s="166">
        <v>0</v>
      </c>
      <c r="AL1835" s="166">
        <v>0</v>
      </c>
      <c r="AM1835" s="166">
        <v>0</v>
      </c>
      <c r="AN1835" s="166">
        <v>0</v>
      </c>
      <c r="AO1835" s="166">
        <v>0</v>
      </c>
      <c r="AP1835" s="166">
        <v>0</v>
      </c>
      <c r="AQ1835" s="166">
        <v>0</v>
      </c>
      <c r="AR1835" s="166">
        <v>0</v>
      </c>
      <c r="AS1835" s="166">
        <v>0</v>
      </c>
      <c r="AT1835" s="166">
        <v>0</v>
      </c>
      <c r="AU1835" s="166">
        <v>0</v>
      </c>
      <c r="AV1835" s="166">
        <v>0</v>
      </c>
      <c r="AW1835" s="166">
        <v>0</v>
      </c>
      <c r="AX1835" s="166">
        <v>0</v>
      </c>
      <c r="AY1835" s="166">
        <v>0</v>
      </c>
      <c r="AZ1835" s="166">
        <v>0</v>
      </c>
      <c r="BA1835" s="166">
        <v>0</v>
      </c>
      <c r="BB1835" s="166">
        <v>0</v>
      </c>
      <c r="BC1835" s="166">
        <v>0</v>
      </c>
      <c r="BD1835" s="166">
        <v>0</v>
      </c>
      <c r="BE1835" s="166">
        <v>0</v>
      </c>
      <c r="BF1835" s="166">
        <v>0</v>
      </c>
      <c r="BG1835" s="166">
        <v>0</v>
      </c>
      <c r="BH1835" s="166">
        <v>0</v>
      </c>
      <c r="BI1835" s="166">
        <v>0</v>
      </c>
      <c r="BJ1835" s="166">
        <v>0</v>
      </c>
      <c r="BK1835" s="166">
        <v>0</v>
      </c>
      <c r="BL1835" s="166">
        <v>0</v>
      </c>
      <c r="BM1835" s="166">
        <v>0</v>
      </c>
      <c r="BN1835" s="166">
        <v>0</v>
      </c>
      <c r="BO1835" s="166">
        <v>0</v>
      </c>
      <c r="BP1835" s="166">
        <v>0</v>
      </c>
      <c r="BQ1835" s="166">
        <v>0</v>
      </c>
      <c r="BR1835" s="166">
        <v>6468.9999069947398</v>
      </c>
      <c r="BS1835" s="166">
        <v>6468.9999069947398</v>
      </c>
      <c r="BT1835" s="168">
        <v>0.97647221562039299</v>
      </c>
      <c r="BU1835" s="166">
        <v>355.831988390898</v>
      </c>
      <c r="BV1835" s="166">
        <v>6316.7986720312701</v>
      </c>
      <c r="BW1835" s="166">
        <v>0</v>
      </c>
      <c r="BX1835" s="166">
        <v>0</v>
      </c>
      <c r="BY1835" s="166">
        <v>0</v>
      </c>
      <c r="BZ1835" s="166">
        <v>0</v>
      </c>
      <c r="CA1835" s="166">
        <v>0</v>
      </c>
      <c r="CB1835" s="166">
        <v>0</v>
      </c>
      <c r="CC1835" s="166">
        <v>0</v>
      </c>
      <c r="CD1835" s="166">
        <v>0</v>
      </c>
      <c r="CE1835" s="166">
        <v>0</v>
      </c>
      <c r="CF1835" s="166">
        <v>0</v>
      </c>
      <c r="CG1835" s="166">
        <v>0</v>
      </c>
      <c r="CH1835" s="166">
        <v>0</v>
      </c>
      <c r="CI1835" s="166">
        <v>0</v>
      </c>
      <c r="CJ1835" s="166">
        <v>0</v>
      </c>
      <c r="CK1835" s="166">
        <v>0</v>
      </c>
      <c r="CL1835" s="166">
        <v>0</v>
      </c>
      <c r="CM1835" s="166">
        <v>0</v>
      </c>
      <c r="CN1835" s="166">
        <v>0</v>
      </c>
      <c r="CO1835" s="166">
        <v>0</v>
      </c>
      <c r="CP1835" s="166">
        <v>0</v>
      </c>
      <c r="CQ1835" s="166">
        <v>0</v>
      </c>
      <c r="CR1835" s="166">
        <v>0</v>
      </c>
      <c r="CS1835" s="166">
        <v>0</v>
      </c>
      <c r="CT1835" s="166">
        <v>0</v>
      </c>
      <c r="CU1835" s="166">
        <v>0</v>
      </c>
      <c r="CV1835" s="166">
        <v>0</v>
      </c>
      <c r="CW1835" s="166">
        <v>0</v>
      </c>
      <c r="CX1835" s="166">
        <v>0</v>
      </c>
      <c r="CY1835" s="166">
        <v>6316.7986720312701</v>
      </c>
      <c r="CZ1835" s="166">
        <v>6316.7986720312701</v>
      </c>
    </row>
    <row r="1836" spans="1:104" x14ac:dyDescent="0.2">
      <c r="A1836" s="167" t="s">
        <v>245</v>
      </c>
      <c r="B1836" s="166">
        <v>20694.298170107999</v>
      </c>
      <c r="C1836" s="166">
        <v>20694.298170107999</v>
      </c>
      <c r="D1836" s="166">
        <v>0</v>
      </c>
      <c r="E1836" s="166">
        <v>0</v>
      </c>
      <c r="F1836" s="166">
        <v>0</v>
      </c>
      <c r="G1836" s="166">
        <v>0</v>
      </c>
      <c r="H1836" s="166">
        <v>0</v>
      </c>
      <c r="I1836" s="166">
        <v>0</v>
      </c>
      <c r="J1836" s="166">
        <v>0</v>
      </c>
      <c r="K1836" s="166">
        <v>0</v>
      </c>
      <c r="L1836" s="166">
        <v>0</v>
      </c>
      <c r="M1836" s="166">
        <v>0</v>
      </c>
      <c r="N1836" s="166">
        <v>0</v>
      </c>
      <c r="O1836" s="166">
        <v>0</v>
      </c>
      <c r="P1836" s="166">
        <v>0</v>
      </c>
      <c r="Q1836" s="166">
        <v>0</v>
      </c>
      <c r="R1836" s="166">
        <v>0</v>
      </c>
      <c r="S1836" s="166">
        <v>0</v>
      </c>
      <c r="T1836" s="166">
        <v>0</v>
      </c>
      <c r="U1836" s="166">
        <v>0</v>
      </c>
      <c r="V1836" s="166">
        <v>0</v>
      </c>
      <c r="W1836" s="166">
        <v>0</v>
      </c>
      <c r="X1836" s="166">
        <v>0</v>
      </c>
      <c r="Y1836" s="166">
        <v>0</v>
      </c>
      <c r="Z1836" s="166">
        <v>0</v>
      </c>
      <c r="AA1836" s="166">
        <v>0</v>
      </c>
      <c r="AB1836" s="166">
        <v>0</v>
      </c>
      <c r="AC1836" s="166">
        <v>0</v>
      </c>
      <c r="AD1836" s="166">
        <v>0</v>
      </c>
      <c r="AE1836" s="166">
        <v>0</v>
      </c>
      <c r="AF1836" s="166">
        <v>0</v>
      </c>
      <c r="AG1836" s="166">
        <v>0</v>
      </c>
      <c r="AH1836" s="166">
        <v>0</v>
      </c>
      <c r="AI1836" s="166">
        <v>0</v>
      </c>
      <c r="AJ1836" s="166">
        <v>0</v>
      </c>
      <c r="AK1836" s="166">
        <v>0</v>
      </c>
      <c r="AL1836" s="166">
        <v>0</v>
      </c>
      <c r="AM1836" s="166">
        <v>0</v>
      </c>
      <c r="AN1836" s="166">
        <v>0</v>
      </c>
      <c r="AO1836" s="166">
        <v>0</v>
      </c>
      <c r="AP1836" s="166">
        <v>0</v>
      </c>
      <c r="AQ1836" s="166">
        <v>0</v>
      </c>
      <c r="AR1836" s="166">
        <v>0</v>
      </c>
      <c r="AS1836" s="166">
        <v>0</v>
      </c>
      <c r="AT1836" s="166">
        <v>0</v>
      </c>
      <c r="AU1836" s="166">
        <v>0</v>
      </c>
      <c r="AV1836" s="166">
        <v>0</v>
      </c>
      <c r="AW1836" s="166">
        <v>0</v>
      </c>
      <c r="AX1836" s="166">
        <v>0</v>
      </c>
      <c r="AY1836" s="166">
        <v>0</v>
      </c>
      <c r="AZ1836" s="166">
        <v>0</v>
      </c>
      <c r="BA1836" s="166">
        <v>0</v>
      </c>
      <c r="BB1836" s="166">
        <v>0</v>
      </c>
      <c r="BC1836" s="166">
        <v>0</v>
      </c>
      <c r="BD1836" s="166">
        <v>0</v>
      </c>
      <c r="BE1836" s="166">
        <v>0</v>
      </c>
      <c r="BF1836" s="166">
        <v>0</v>
      </c>
      <c r="BG1836" s="166">
        <v>0</v>
      </c>
      <c r="BH1836" s="166">
        <v>0</v>
      </c>
      <c r="BI1836" s="166">
        <v>0</v>
      </c>
      <c r="BJ1836" s="166">
        <v>0</v>
      </c>
      <c r="BK1836" s="166">
        <v>0</v>
      </c>
      <c r="BL1836" s="166">
        <v>0</v>
      </c>
      <c r="BM1836" s="166">
        <v>0</v>
      </c>
      <c r="BN1836" s="166">
        <v>0</v>
      </c>
      <c r="BO1836" s="166">
        <v>0</v>
      </c>
      <c r="BP1836" s="166">
        <v>0</v>
      </c>
      <c r="BQ1836" s="166">
        <v>0</v>
      </c>
      <c r="BR1836" s="166">
        <v>20694.298170107999</v>
      </c>
      <c r="BS1836" s="166">
        <v>20694.298170107999</v>
      </c>
      <c r="BT1836" s="168">
        <v>0.999998123540776</v>
      </c>
      <c r="BU1836" s="166">
        <v>1165.72964105338</v>
      </c>
      <c r="BV1836" s="166">
        <v>20694.259338101299</v>
      </c>
      <c r="BW1836" s="166">
        <v>0</v>
      </c>
      <c r="BX1836" s="166">
        <v>0</v>
      </c>
      <c r="BY1836" s="166">
        <v>0</v>
      </c>
      <c r="BZ1836" s="166">
        <v>0</v>
      </c>
      <c r="CA1836" s="166">
        <v>0</v>
      </c>
      <c r="CB1836" s="166">
        <v>0</v>
      </c>
      <c r="CC1836" s="166">
        <v>0</v>
      </c>
      <c r="CD1836" s="166">
        <v>0</v>
      </c>
      <c r="CE1836" s="166">
        <v>0</v>
      </c>
      <c r="CF1836" s="166">
        <v>0</v>
      </c>
      <c r="CG1836" s="166">
        <v>0</v>
      </c>
      <c r="CH1836" s="166">
        <v>0</v>
      </c>
      <c r="CI1836" s="166">
        <v>0</v>
      </c>
      <c r="CJ1836" s="166">
        <v>0</v>
      </c>
      <c r="CK1836" s="166">
        <v>0</v>
      </c>
      <c r="CL1836" s="166">
        <v>0</v>
      </c>
      <c r="CM1836" s="166">
        <v>0</v>
      </c>
      <c r="CN1836" s="166">
        <v>0</v>
      </c>
      <c r="CO1836" s="166">
        <v>0</v>
      </c>
      <c r="CP1836" s="166">
        <v>0</v>
      </c>
      <c r="CQ1836" s="166">
        <v>0</v>
      </c>
      <c r="CR1836" s="166">
        <v>0</v>
      </c>
      <c r="CS1836" s="166">
        <v>0</v>
      </c>
      <c r="CT1836" s="166">
        <v>0</v>
      </c>
      <c r="CU1836" s="166">
        <v>0</v>
      </c>
      <c r="CV1836" s="166">
        <v>0</v>
      </c>
      <c r="CW1836" s="166">
        <v>0</v>
      </c>
      <c r="CX1836" s="166">
        <v>0</v>
      </c>
      <c r="CY1836" s="166">
        <v>20694.259338101299</v>
      </c>
      <c r="CZ1836" s="166">
        <v>20694.259338101299</v>
      </c>
    </row>
    <row r="1837" spans="1:104" x14ac:dyDescent="0.2">
      <c r="A1837" s="167" t="s">
        <v>246</v>
      </c>
      <c r="B1837" s="166">
        <v>16246.274791034401</v>
      </c>
      <c r="C1837" s="166">
        <v>16246.274791034401</v>
      </c>
      <c r="D1837" s="166">
        <v>0</v>
      </c>
      <c r="E1837" s="166">
        <v>0</v>
      </c>
      <c r="F1837" s="166">
        <v>0</v>
      </c>
      <c r="G1837" s="166">
        <v>0</v>
      </c>
      <c r="H1837" s="166">
        <v>0</v>
      </c>
      <c r="I1837" s="166">
        <v>0</v>
      </c>
      <c r="J1837" s="166">
        <v>0</v>
      </c>
      <c r="K1837" s="166">
        <v>0</v>
      </c>
      <c r="L1837" s="166">
        <v>0</v>
      </c>
      <c r="M1837" s="166">
        <v>0</v>
      </c>
      <c r="N1837" s="166">
        <v>0</v>
      </c>
      <c r="O1837" s="166">
        <v>0</v>
      </c>
      <c r="P1837" s="166">
        <v>0</v>
      </c>
      <c r="Q1837" s="166">
        <v>0</v>
      </c>
      <c r="R1837" s="166">
        <v>0</v>
      </c>
      <c r="S1837" s="166">
        <v>0</v>
      </c>
      <c r="T1837" s="166">
        <v>0</v>
      </c>
      <c r="U1837" s="166">
        <v>0</v>
      </c>
      <c r="V1837" s="166">
        <v>0</v>
      </c>
      <c r="W1837" s="166">
        <v>0</v>
      </c>
      <c r="X1837" s="166">
        <v>0</v>
      </c>
      <c r="Y1837" s="166">
        <v>0</v>
      </c>
      <c r="Z1837" s="166">
        <v>0</v>
      </c>
      <c r="AA1837" s="166">
        <v>0</v>
      </c>
      <c r="AB1837" s="166">
        <v>0</v>
      </c>
      <c r="AC1837" s="166">
        <v>0</v>
      </c>
      <c r="AD1837" s="166">
        <v>0</v>
      </c>
      <c r="AE1837" s="166">
        <v>0</v>
      </c>
      <c r="AF1837" s="166">
        <v>0</v>
      </c>
      <c r="AG1837" s="166">
        <v>0</v>
      </c>
      <c r="AH1837" s="166">
        <v>0</v>
      </c>
      <c r="AI1837" s="166">
        <v>0</v>
      </c>
      <c r="AJ1837" s="166">
        <v>0</v>
      </c>
      <c r="AK1837" s="166">
        <v>0</v>
      </c>
      <c r="AL1837" s="166">
        <v>0</v>
      </c>
      <c r="AM1837" s="166">
        <v>0</v>
      </c>
      <c r="AN1837" s="166">
        <v>0</v>
      </c>
      <c r="AO1837" s="166">
        <v>0</v>
      </c>
      <c r="AP1837" s="166">
        <v>0</v>
      </c>
      <c r="AQ1837" s="166">
        <v>0</v>
      </c>
      <c r="AR1837" s="166">
        <v>0</v>
      </c>
      <c r="AS1837" s="166">
        <v>0</v>
      </c>
      <c r="AT1837" s="166">
        <v>0</v>
      </c>
      <c r="AU1837" s="166">
        <v>0</v>
      </c>
      <c r="AV1837" s="166">
        <v>0</v>
      </c>
      <c r="AW1837" s="166">
        <v>0</v>
      </c>
      <c r="AX1837" s="166">
        <v>0</v>
      </c>
      <c r="AY1837" s="166">
        <v>0</v>
      </c>
      <c r="AZ1837" s="166">
        <v>0</v>
      </c>
      <c r="BA1837" s="166">
        <v>0</v>
      </c>
      <c r="BB1837" s="166">
        <v>0</v>
      </c>
      <c r="BC1837" s="166">
        <v>0</v>
      </c>
      <c r="BD1837" s="166">
        <v>0</v>
      </c>
      <c r="BE1837" s="166">
        <v>0</v>
      </c>
      <c r="BF1837" s="166">
        <v>0</v>
      </c>
      <c r="BG1837" s="166">
        <v>0</v>
      </c>
      <c r="BH1837" s="166">
        <v>0</v>
      </c>
      <c r="BI1837" s="166">
        <v>0</v>
      </c>
      <c r="BJ1837" s="166">
        <v>0</v>
      </c>
      <c r="BK1837" s="166">
        <v>0</v>
      </c>
      <c r="BL1837" s="166">
        <v>0</v>
      </c>
      <c r="BM1837" s="166">
        <v>0</v>
      </c>
      <c r="BN1837" s="166">
        <v>0</v>
      </c>
      <c r="BO1837" s="166">
        <v>0</v>
      </c>
      <c r="BP1837" s="166">
        <v>0</v>
      </c>
      <c r="BQ1837" s="166">
        <v>0</v>
      </c>
      <c r="BR1837" s="166">
        <v>16246.274791034401</v>
      </c>
      <c r="BS1837" s="166">
        <v>16246.274791034401</v>
      </c>
      <c r="BT1837" s="166">
        <v>1000</v>
      </c>
      <c r="BU1837" s="166">
        <v>915.16994018423304</v>
      </c>
      <c r="BV1837" s="166">
        <v>16246.274791034401</v>
      </c>
      <c r="BW1837" s="166">
        <v>0</v>
      </c>
      <c r="BX1837" s="166">
        <v>0</v>
      </c>
      <c r="BY1837" s="166">
        <v>0</v>
      </c>
      <c r="BZ1837" s="166">
        <v>0</v>
      </c>
      <c r="CA1837" s="166">
        <v>0</v>
      </c>
      <c r="CB1837" s="166">
        <v>0</v>
      </c>
      <c r="CC1837" s="166">
        <v>0</v>
      </c>
      <c r="CD1837" s="166">
        <v>0</v>
      </c>
      <c r="CE1837" s="166">
        <v>0</v>
      </c>
      <c r="CF1837" s="166">
        <v>0</v>
      </c>
      <c r="CG1837" s="166">
        <v>0</v>
      </c>
      <c r="CH1837" s="166">
        <v>0</v>
      </c>
      <c r="CI1837" s="166">
        <v>0</v>
      </c>
      <c r="CJ1837" s="166">
        <v>0</v>
      </c>
      <c r="CK1837" s="166">
        <v>0</v>
      </c>
      <c r="CL1837" s="166">
        <v>0</v>
      </c>
      <c r="CM1837" s="166">
        <v>0</v>
      </c>
      <c r="CN1837" s="166">
        <v>0</v>
      </c>
      <c r="CO1837" s="166">
        <v>0</v>
      </c>
      <c r="CP1837" s="166">
        <v>0</v>
      </c>
      <c r="CQ1837" s="166">
        <v>0</v>
      </c>
      <c r="CR1837" s="166">
        <v>0</v>
      </c>
      <c r="CS1837" s="166">
        <v>0</v>
      </c>
      <c r="CT1837" s="166">
        <v>0</v>
      </c>
      <c r="CU1837" s="166">
        <v>0</v>
      </c>
      <c r="CV1837" s="166">
        <v>0</v>
      </c>
      <c r="CW1837" s="166">
        <v>0</v>
      </c>
      <c r="CX1837" s="166">
        <v>0</v>
      </c>
      <c r="CY1837" s="166">
        <v>16246.274791034401</v>
      </c>
      <c r="CZ1837" s="166">
        <v>16246.274791034401</v>
      </c>
    </row>
    <row r="1838" spans="1:104" x14ac:dyDescent="0.2">
      <c r="A1838" s="167" t="s">
        <v>1092</v>
      </c>
      <c r="B1838" s="166">
        <v>2472417.5901910402</v>
      </c>
      <c r="C1838" s="166">
        <v>2472417.5901910402</v>
      </c>
      <c r="D1838" s="166">
        <v>0</v>
      </c>
      <c r="E1838" s="166">
        <v>0</v>
      </c>
      <c r="F1838" s="166">
        <v>0</v>
      </c>
      <c r="G1838" s="166">
        <v>0</v>
      </c>
      <c r="H1838" s="166">
        <v>0</v>
      </c>
      <c r="I1838" s="166">
        <v>0</v>
      </c>
      <c r="J1838" s="166">
        <v>0</v>
      </c>
      <c r="K1838" s="166">
        <v>0</v>
      </c>
      <c r="L1838" s="166">
        <v>0</v>
      </c>
      <c r="M1838" s="166">
        <v>0</v>
      </c>
      <c r="N1838" s="166">
        <v>0</v>
      </c>
      <c r="O1838" s="166">
        <v>0</v>
      </c>
      <c r="P1838" s="166">
        <v>0</v>
      </c>
      <c r="Q1838" s="166">
        <v>0</v>
      </c>
      <c r="R1838" s="166">
        <v>0</v>
      </c>
      <c r="S1838" s="166">
        <v>0</v>
      </c>
      <c r="T1838" s="166">
        <v>0</v>
      </c>
      <c r="U1838" s="166">
        <v>0</v>
      </c>
      <c r="V1838" s="166">
        <v>0</v>
      </c>
      <c r="W1838" s="166">
        <v>0</v>
      </c>
      <c r="X1838" s="166">
        <v>0</v>
      </c>
      <c r="Y1838" s="166">
        <v>0</v>
      </c>
      <c r="Z1838" s="166">
        <v>0</v>
      </c>
      <c r="AA1838" s="166">
        <v>0</v>
      </c>
      <c r="AB1838" s="166">
        <v>0</v>
      </c>
      <c r="AC1838" s="166">
        <v>0</v>
      </c>
      <c r="AD1838" s="166">
        <v>0</v>
      </c>
      <c r="AE1838" s="166">
        <v>0</v>
      </c>
      <c r="AF1838" s="166">
        <v>0</v>
      </c>
      <c r="AG1838" s="166">
        <v>0</v>
      </c>
      <c r="AH1838" s="166">
        <v>0</v>
      </c>
      <c r="AI1838" s="166">
        <v>0</v>
      </c>
      <c r="AJ1838" s="166">
        <v>0</v>
      </c>
      <c r="AK1838" s="166">
        <v>0</v>
      </c>
      <c r="AL1838" s="166">
        <v>0</v>
      </c>
      <c r="AM1838" s="166">
        <v>0</v>
      </c>
      <c r="AN1838" s="166">
        <v>0</v>
      </c>
      <c r="AO1838" s="166">
        <v>0</v>
      </c>
      <c r="AP1838" s="166">
        <v>0</v>
      </c>
      <c r="AQ1838" s="166">
        <v>0</v>
      </c>
      <c r="AR1838" s="166">
        <v>0</v>
      </c>
      <c r="AS1838" s="166">
        <v>0</v>
      </c>
      <c r="AT1838" s="166">
        <v>0</v>
      </c>
      <c r="AU1838" s="166">
        <v>0</v>
      </c>
      <c r="AV1838" s="166">
        <v>0</v>
      </c>
      <c r="AW1838" s="166">
        <v>0</v>
      </c>
      <c r="AX1838" s="166">
        <v>0</v>
      </c>
      <c r="AY1838" s="166">
        <v>0</v>
      </c>
      <c r="AZ1838" s="166">
        <v>0</v>
      </c>
      <c r="BA1838" s="166">
        <v>0</v>
      </c>
      <c r="BB1838" s="166">
        <v>0</v>
      </c>
      <c r="BC1838" s="166">
        <v>0</v>
      </c>
      <c r="BD1838" s="166">
        <v>0</v>
      </c>
      <c r="BE1838" s="166">
        <v>0</v>
      </c>
      <c r="BF1838" s="166">
        <v>0</v>
      </c>
      <c r="BG1838" s="166">
        <v>0</v>
      </c>
      <c r="BH1838" s="166">
        <v>0</v>
      </c>
      <c r="BI1838" s="166">
        <v>0</v>
      </c>
      <c r="BJ1838" s="166">
        <v>0</v>
      </c>
      <c r="BK1838" s="166">
        <v>0</v>
      </c>
      <c r="BL1838" s="166">
        <v>0</v>
      </c>
      <c r="BM1838" s="166">
        <v>0</v>
      </c>
      <c r="BN1838" s="166">
        <v>0</v>
      </c>
      <c r="BO1838" s="166">
        <v>0</v>
      </c>
      <c r="BP1838" s="166">
        <v>0</v>
      </c>
      <c r="BQ1838" s="166">
        <v>0</v>
      </c>
      <c r="BR1838" s="166">
        <v>2472417.5901910402</v>
      </c>
      <c r="BS1838" s="166">
        <v>2472417.5901910402</v>
      </c>
      <c r="BT1838" s="168">
        <v>0.70823195131973704</v>
      </c>
      <c r="BU1838" s="166">
        <v>102952.33724757499</v>
      </c>
      <c r="BV1838" s="166">
        <v>1751045.13437824</v>
      </c>
      <c r="BW1838" s="166">
        <v>0</v>
      </c>
      <c r="BX1838" s="166">
        <v>0</v>
      </c>
      <c r="BY1838" s="166">
        <v>0</v>
      </c>
      <c r="BZ1838" s="166">
        <v>0</v>
      </c>
      <c r="CA1838" s="166">
        <v>0</v>
      </c>
      <c r="CB1838" s="166">
        <v>0</v>
      </c>
      <c r="CC1838" s="166">
        <v>0</v>
      </c>
      <c r="CD1838" s="166">
        <v>0</v>
      </c>
      <c r="CE1838" s="166">
        <v>0</v>
      </c>
      <c r="CF1838" s="166">
        <v>0</v>
      </c>
      <c r="CG1838" s="166">
        <v>0</v>
      </c>
      <c r="CH1838" s="166">
        <v>0</v>
      </c>
      <c r="CI1838" s="166">
        <v>0</v>
      </c>
      <c r="CJ1838" s="166">
        <v>0</v>
      </c>
      <c r="CK1838" s="166">
        <v>0</v>
      </c>
      <c r="CL1838" s="166">
        <v>0</v>
      </c>
      <c r="CM1838" s="166">
        <v>0</v>
      </c>
      <c r="CN1838" s="166">
        <v>0</v>
      </c>
      <c r="CO1838" s="166">
        <v>0</v>
      </c>
      <c r="CP1838" s="166">
        <v>0</v>
      </c>
      <c r="CQ1838" s="166">
        <v>0</v>
      </c>
      <c r="CR1838" s="166">
        <v>0</v>
      </c>
      <c r="CS1838" s="166">
        <v>0</v>
      </c>
      <c r="CT1838" s="166">
        <v>0</v>
      </c>
      <c r="CU1838" s="166">
        <v>0</v>
      </c>
      <c r="CV1838" s="166">
        <v>0</v>
      </c>
      <c r="CW1838" s="166">
        <v>0</v>
      </c>
      <c r="CX1838" s="166">
        <v>0</v>
      </c>
      <c r="CY1838" s="166">
        <v>1751045.13437824</v>
      </c>
      <c r="CZ1838" s="166">
        <v>1751045.13437824</v>
      </c>
    </row>
    <row r="1839" spans="1:104" x14ac:dyDescent="0.2">
      <c r="A1839" s="167" t="s">
        <v>1093</v>
      </c>
      <c r="B1839" s="166">
        <v>2545087.2299999902</v>
      </c>
      <c r="C1839" s="166">
        <v>2545087.2299999902</v>
      </c>
      <c r="D1839" s="166">
        <v>0</v>
      </c>
      <c r="E1839" s="166">
        <v>0</v>
      </c>
      <c r="F1839" s="166">
        <v>0</v>
      </c>
      <c r="G1839" s="166">
        <v>0</v>
      </c>
      <c r="H1839" s="166">
        <v>0</v>
      </c>
      <c r="I1839" s="166">
        <v>0</v>
      </c>
      <c r="J1839" s="166">
        <v>0</v>
      </c>
      <c r="K1839" s="166">
        <v>0</v>
      </c>
      <c r="L1839" s="166">
        <v>0</v>
      </c>
      <c r="M1839" s="166">
        <v>0</v>
      </c>
      <c r="N1839" s="166">
        <v>0</v>
      </c>
      <c r="O1839" s="166">
        <v>0</v>
      </c>
      <c r="P1839" s="166">
        <v>0</v>
      </c>
      <c r="Q1839" s="166">
        <v>0</v>
      </c>
      <c r="R1839" s="166">
        <v>0</v>
      </c>
      <c r="S1839" s="166">
        <v>0</v>
      </c>
      <c r="T1839" s="166">
        <v>0</v>
      </c>
      <c r="U1839" s="166">
        <v>0</v>
      </c>
      <c r="V1839" s="166">
        <v>0</v>
      </c>
      <c r="W1839" s="166">
        <v>0</v>
      </c>
      <c r="X1839" s="166">
        <v>0</v>
      </c>
      <c r="Y1839" s="166">
        <v>0</v>
      </c>
      <c r="Z1839" s="166">
        <v>0</v>
      </c>
      <c r="AA1839" s="166">
        <v>0</v>
      </c>
      <c r="AB1839" s="166">
        <v>0</v>
      </c>
      <c r="AC1839" s="166">
        <v>0</v>
      </c>
      <c r="AD1839" s="166">
        <v>0</v>
      </c>
      <c r="AE1839" s="166">
        <v>0</v>
      </c>
      <c r="AF1839" s="166">
        <v>0</v>
      </c>
      <c r="AG1839" s="166">
        <v>0</v>
      </c>
      <c r="AH1839" s="166">
        <v>0</v>
      </c>
      <c r="AI1839" s="166">
        <v>0</v>
      </c>
      <c r="AJ1839" s="166">
        <v>0</v>
      </c>
      <c r="AK1839" s="166">
        <v>0</v>
      </c>
      <c r="AL1839" s="166">
        <v>0</v>
      </c>
      <c r="AM1839" s="166">
        <v>0</v>
      </c>
      <c r="AN1839" s="166">
        <v>0</v>
      </c>
      <c r="AO1839" s="166">
        <v>0</v>
      </c>
      <c r="AP1839" s="166">
        <v>0</v>
      </c>
      <c r="AQ1839" s="166">
        <v>0</v>
      </c>
      <c r="AR1839" s="166">
        <v>0</v>
      </c>
      <c r="AS1839" s="166">
        <v>0</v>
      </c>
      <c r="AT1839" s="166">
        <v>0</v>
      </c>
      <c r="AU1839" s="166">
        <v>0</v>
      </c>
      <c r="AV1839" s="166">
        <v>0</v>
      </c>
      <c r="AW1839" s="166">
        <v>0</v>
      </c>
      <c r="AX1839" s="166">
        <v>0</v>
      </c>
      <c r="AY1839" s="166">
        <v>0</v>
      </c>
      <c r="AZ1839" s="166">
        <v>0</v>
      </c>
      <c r="BA1839" s="166">
        <v>0</v>
      </c>
      <c r="BB1839" s="166">
        <v>0</v>
      </c>
      <c r="BC1839" s="166">
        <v>0</v>
      </c>
      <c r="BD1839" s="166">
        <v>0</v>
      </c>
      <c r="BE1839" s="166">
        <v>0</v>
      </c>
      <c r="BF1839" s="166">
        <v>0</v>
      </c>
      <c r="BG1839" s="166">
        <v>0</v>
      </c>
      <c r="BH1839" s="166">
        <v>0</v>
      </c>
      <c r="BI1839" s="166">
        <v>0</v>
      </c>
      <c r="BJ1839" s="166">
        <v>0</v>
      </c>
      <c r="BK1839" s="166">
        <v>0</v>
      </c>
      <c r="BL1839" s="166">
        <v>0</v>
      </c>
      <c r="BM1839" s="166">
        <v>0</v>
      </c>
      <c r="BN1839" s="166">
        <v>0</v>
      </c>
      <c r="BO1839" s="166">
        <v>0</v>
      </c>
      <c r="BP1839" s="166">
        <v>0</v>
      </c>
      <c r="BQ1839" s="166">
        <v>0</v>
      </c>
      <c r="BR1839" s="166">
        <v>2545087.2299999902</v>
      </c>
      <c r="BS1839" s="166">
        <v>2545087.23</v>
      </c>
      <c r="BT1839" s="168">
        <v>0</v>
      </c>
      <c r="BU1839" s="166">
        <v>107034.869194839</v>
      </c>
      <c r="BV1839" s="166">
        <v>1823519.0356135201</v>
      </c>
      <c r="BW1839" s="166">
        <v>0</v>
      </c>
      <c r="BX1839" s="166">
        <v>0</v>
      </c>
      <c r="BY1839" s="166">
        <v>0</v>
      </c>
      <c r="BZ1839" s="166">
        <v>0</v>
      </c>
      <c r="CA1839" s="166">
        <v>0</v>
      </c>
      <c r="CB1839" s="166">
        <v>0</v>
      </c>
      <c r="CC1839" s="166">
        <v>0</v>
      </c>
      <c r="CD1839" s="166">
        <v>0</v>
      </c>
      <c r="CE1839" s="166">
        <v>0</v>
      </c>
      <c r="CF1839" s="166">
        <v>0</v>
      </c>
      <c r="CG1839" s="166">
        <v>0</v>
      </c>
      <c r="CH1839" s="166">
        <v>0</v>
      </c>
      <c r="CI1839" s="166">
        <v>0</v>
      </c>
      <c r="CJ1839" s="166">
        <v>0</v>
      </c>
      <c r="CK1839" s="166">
        <v>0</v>
      </c>
      <c r="CL1839" s="166">
        <v>0</v>
      </c>
      <c r="CM1839" s="166">
        <v>0</v>
      </c>
      <c r="CN1839" s="166">
        <v>0</v>
      </c>
      <c r="CO1839" s="166">
        <v>0</v>
      </c>
      <c r="CP1839" s="166">
        <v>0</v>
      </c>
      <c r="CQ1839" s="166">
        <v>0</v>
      </c>
      <c r="CR1839" s="166">
        <v>0</v>
      </c>
      <c r="CS1839" s="166">
        <v>0</v>
      </c>
      <c r="CT1839" s="166">
        <v>0</v>
      </c>
      <c r="CU1839" s="166">
        <v>0</v>
      </c>
      <c r="CV1839" s="166">
        <v>0</v>
      </c>
      <c r="CW1839" s="166">
        <v>0</v>
      </c>
      <c r="CX1839" s="166">
        <v>0</v>
      </c>
      <c r="CY1839" s="166">
        <v>1823519.0356135201</v>
      </c>
      <c r="CZ1839" s="166">
        <v>1823519.0356135201</v>
      </c>
    </row>
    <row r="1840" spans="1:104" x14ac:dyDescent="0.2">
      <c r="A1840" s="167" t="s">
        <v>249</v>
      </c>
    </row>
    <row r="1841" spans="1:104" x14ac:dyDescent="0.2">
      <c r="A1841" s="167" t="s">
        <v>1094</v>
      </c>
      <c r="B1841" s="166">
        <v>65371.670653299603</v>
      </c>
      <c r="C1841" s="166">
        <v>65371.670653299603</v>
      </c>
      <c r="D1841" s="166">
        <v>0</v>
      </c>
      <c r="E1841" s="166">
        <v>0</v>
      </c>
      <c r="F1841" s="166">
        <v>0</v>
      </c>
      <c r="G1841" s="166">
        <v>0</v>
      </c>
      <c r="H1841" s="166">
        <v>0</v>
      </c>
      <c r="I1841" s="166">
        <v>0</v>
      </c>
      <c r="J1841" s="166">
        <v>0</v>
      </c>
      <c r="K1841" s="166">
        <v>0</v>
      </c>
      <c r="L1841" s="166">
        <v>0</v>
      </c>
      <c r="M1841" s="166">
        <v>0</v>
      </c>
      <c r="N1841" s="166">
        <v>0</v>
      </c>
      <c r="O1841" s="166">
        <v>0</v>
      </c>
      <c r="P1841" s="166">
        <v>0</v>
      </c>
      <c r="Q1841" s="166">
        <v>0</v>
      </c>
      <c r="R1841" s="166">
        <v>0</v>
      </c>
      <c r="S1841" s="166">
        <v>0</v>
      </c>
      <c r="T1841" s="166">
        <v>0</v>
      </c>
      <c r="U1841" s="166">
        <v>0</v>
      </c>
      <c r="V1841" s="166">
        <v>0</v>
      </c>
      <c r="W1841" s="166">
        <v>0</v>
      </c>
      <c r="X1841" s="166">
        <v>0</v>
      </c>
      <c r="Y1841" s="166">
        <v>0</v>
      </c>
      <c r="Z1841" s="166">
        <v>0</v>
      </c>
      <c r="AA1841" s="166">
        <v>0</v>
      </c>
      <c r="AB1841" s="166">
        <v>0</v>
      </c>
      <c r="AC1841" s="166">
        <v>0</v>
      </c>
      <c r="AD1841" s="166">
        <v>0</v>
      </c>
      <c r="AE1841" s="166">
        <v>0</v>
      </c>
      <c r="AF1841" s="166">
        <v>0</v>
      </c>
      <c r="AG1841" s="166">
        <v>0</v>
      </c>
      <c r="AH1841" s="166">
        <v>0</v>
      </c>
      <c r="AI1841" s="166">
        <v>0</v>
      </c>
      <c r="AJ1841" s="166">
        <v>0</v>
      </c>
      <c r="AK1841" s="166">
        <v>0</v>
      </c>
      <c r="AL1841" s="166">
        <v>0</v>
      </c>
      <c r="AM1841" s="166">
        <v>0</v>
      </c>
      <c r="AN1841" s="166">
        <v>0</v>
      </c>
      <c r="AO1841" s="166">
        <v>0</v>
      </c>
      <c r="AP1841" s="166">
        <v>0</v>
      </c>
      <c r="AQ1841" s="166">
        <v>0</v>
      </c>
      <c r="AR1841" s="166">
        <v>0</v>
      </c>
      <c r="AS1841" s="166">
        <v>0</v>
      </c>
      <c r="AT1841" s="166">
        <v>0</v>
      </c>
      <c r="AU1841" s="166">
        <v>0</v>
      </c>
      <c r="AV1841" s="166">
        <v>0</v>
      </c>
      <c r="AW1841" s="166">
        <v>0</v>
      </c>
      <c r="AX1841" s="166">
        <v>0</v>
      </c>
      <c r="AY1841" s="166">
        <v>0</v>
      </c>
      <c r="AZ1841" s="166">
        <v>0</v>
      </c>
      <c r="BA1841" s="166">
        <v>0</v>
      </c>
      <c r="BB1841" s="166">
        <v>0</v>
      </c>
      <c r="BC1841" s="166">
        <v>0</v>
      </c>
      <c r="BD1841" s="166">
        <v>0</v>
      </c>
      <c r="BE1841" s="166">
        <v>0</v>
      </c>
      <c r="BF1841" s="166">
        <v>0</v>
      </c>
      <c r="BG1841" s="166">
        <v>0</v>
      </c>
      <c r="BH1841" s="166">
        <v>0</v>
      </c>
      <c r="BI1841" s="166">
        <v>0</v>
      </c>
      <c r="BJ1841" s="166">
        <v>0</v>
      </c>
      <c r="BK1841" s="166">
        <v>0</v>
      </c>
      <c r="BL1841" s="166">
        <v>0</v>
      </c>
      <c r="BM1841" s="166">
        <v>0</v>
      </c>
      <c r="BN1841" s="166">
        <v>0</v>
      </c>
      <c r="BO1841" s="166">
        <v>0</v>
      </c>
      <c r="BP1841" s="166">
        <v>0</v>
      </c>
      <c r="BQ1841" s="166">
        <v>0</v>
      </c>
      <c r="BR1841" s="166">
        <v>65371.670653299603</v>
      </c>
      <c r="BS1841" s="166">
        <v>65371.670653299603</v>
      </c>
      <c r="BT1841" s="168">
        <v>0.999998123540776</v>
      </c>
      <c r="BU1841" s="166">
        <v>2054.6338535250802</v>
      </c>
      <c r="BV1841" s="166">
        <v>65371.547986025202</v>
      </c>
      <c r="BW1841" s="166">
        <v>0</v>
      </c>
      <c r="BX1841" s="166">
        <v>0</v>
      </c>
      <c r="BY1841" s="166">
        <v>0</v>
      </c>
      <c r="BZ1841" s="166">
        <v>0</v>
      </c>
      <c r="CA1841" s="166">
        <v>0</v>
      </c>
      <c r="CB1841" s="166">
        <v>0</v>
      </c>
      <c r="CC1841" s="166">
        <v>0</v>
      </c>
      <c r="CD1841" s="166">
        <v>0</v>
      </c>
      <c r="CE1841" s="166">
        <v>0</v>
      </c>
      <c r="CF1841" s="166">
        <v>0</v>
      </c>
      <c r="CG1841" s="166">
        <v>0</v>
      </c>
      <c r="CH1841" s="166">
        <v>0</v>
      </c>
      <c r="CI1841" s="166">
        <v>0</v>
      </c>
      <c r="CJ1841" s="166">
        <v>0</v>
      </c>
      <c r="CK1841" s="166">
        <v>0</v>
      </c>
      <c r="CL1841" s="166">
        <v>0</v>
      </c>
      <c r="CM1841" s="166">
        <v>0</v>
      </c>
      <c r="CN1841" s="166">
        <v>0</v>
      </c>
      <c r="CO1841" s="166">
        <v>0</v>
      </c>
      <c r="CP1841" s="166">
        <v>0</v>
      </c>
      <c r="CQ1841" s="166">
        <v>0</v>
      </c>
      <c r="CR1841" s="166">
        <v>0</v>
      </c>
      <c r="CS1841" s="166">
        <v>0</v>
      </c>
      <c r="CT1841" s="166">
        <v>0</v>
      </c>
      <c r="CU1841" s="166">
        <v>0</v>
      </c>
      <c r="CV1841" s="166">
        <v>0</v>
      </c>
      <c r="CW1841" s="166">
        <v>0</v>
      </c>
      <c r="CX1841" s="166">
        <v>0</v>
      </c>
      <c r="CY1841" s="166">
        <v>65371.547986025202</v>
      </c>
      <c r="CZ1841" s="166">
        <v>65371.547986025202</v>
      </c>
    </row>
    <row r="1842" spans="1:104" x14ac:dyDescent="0.2">
      <c r="A1842" s="167" t="s">
        <v>1095</v>
      </c>
      <c r="B1842" s="166">
        <v>2066.8262181268701</v>
      </c>
      <c r="C1842" s="166">
        <v>2066.8262181268701</v>
      </c>
      <c r="D1842" s="166">
        <v>0</v>
      </c>
      <c r="E1842" s="166">
        <v>0</v>
      </c>
      <c r="F1842" s="166">
        <v>0</v>
      </c>
      <c r="G1842" s="166">
        <v>0</v>
      </c>
      <c r="H1842" s="166">
        <v>0</v>
      </c>
      <c r="I1842" s="166">
        <v>0</v>
      </c>
      <c r="J1842" s="166">
        <v>0</v>
      </c>
      <c r="K1842" s="166">
        <v>0</v>
      </c>
      <c r="L1842" s="166">
        <v>0</v>
      </c>
      <c r="M1842" s="166">
        <v>0</v>
      </c>
      <c r="N1842" s="166">
        <v>0</v>
      </c>
      <c r="O1842" s="166">
        <v>0</v>
      </c>
      <c r="P1842" s="166">
        <v>0</v>
      </c>
      <c r="Q1842" s="166">
        <v>0</v>
      </c>
      <c r="R1842" s="166">
        <v>0</v>
      </c>
      <c r="S1842" s="166">
        <v>0</v>
      </c>
      <c r="T1842" s="166">
        <v>0</v>
      </c>
      <c r="U1842" s="166">
        <v>0</v>
      </c>
      <c r="V1842" s="166">
        <v>0</v>
      </c>
      <c r="W1842" s="166">
        <v>0</v>
      </c>
      <c r="X1842" s="166">
        <v>0</v>
      </c>
      <c r="Y1842" s="166">
        <v>0</v>
      </c>
      <c r="Z1842" s="166">
        <v>0</v>
      </c>
      <c r="AA1842" s="166">
        <v>0</v>
      </c>
      <c r="AB1842" s="166">
        <v>0</v>
      </c>
      <c r="AC1842" s="166">
        <v>0</v>
      </c>
      <c r="AD1842" s="166">
        <v>0</v>
      </c>
      <c r="AE1842" s="166">
        <v>0</v>
      </c>
      <c r="AF1842" s="166">
        <v>0</v>
      </c>
      <c r="AG1842" s="166">
        <v>0</v>
      </c>
      <c r="AH1842" s="166">
        <v>0</v>
      </c>
      <c r="AI1842" s="166">
        <v>0</v>
      </c>
      <c r="AJ1842" s="166">
        <v>0</v>
      </c>
      <c r="AK1842" s="166">
        <v>0</v>
      </c>
      <c r="AL1842" s="166">
        <v>0</v>
      </c>
      <c r="AM1842" s="166">
        <v>0</v>
      </c>
      <c r="AN1842" s="166">
        <v>0</v>
      </c>
      <c r="AO1842" s="166">
        <v>0</v>
      </c>
      <c r="AP1842" s="166">
        <v>0</v>
      </c>
      <c r="AQ1842" s="166">
        <v>0</v>
      </c>
      <c r="AR1842" s="166">
        <v>0</v>
      </c>
      <c r="AS1842" s="166">
        <v>0</v>
      </c>
      <c r="AT1842" s="166">
        <v>0</v>
      </c>
      <c r="AU1842" s="166">
        <v>0</v>
      </c>
      <c r="AV1842" s="166">
        <v>0</v>
      </c>
      <c r="AW1842" s="166">
        <v>0</v>
      </c>
      <c r="AX1842" s="166">
        <v>0</v>
      </c>
      <c r="AY1842" s="166">
        <v>0</v>
      </c>
      <c r="AZ1842" s="166">
        <v>0</v>
      </c>
      <c r="BA1842" s="166">
        <v>0</v>
      </c>
      <c r="BB1842" s="166">
        <v>0</v>
      </c>
      <c r="BC1842" s="166">
        <v>0</v>
      </c>
      <c r="BD1842" s="166">
        <v>0</v>
      </c>
      <c r="BE1842" s="166">
        <v>0</v>
      </c>
      <c r="BF1842" s="166">
        <v>0</v>
      </c>
      <c r="BG1842" s="166">
        <v>0</v>
      </c>
      <c r="BH1842" s="166">
        <v>0</v>
      </c>
      <c r="BI1842" s="166">
        <v>0</v>
      </c>
      <c r="BJ1842" s="166">
        <v>0</v>
      </c>
      <c r="BK1842" s="166">
        <v>0</v>
      </c>
      <c r="BL1842" s="166">
        <v>0</v>
      </c>
      <c r="BM1842" s="166">
        <v>0</v>
      </c>
      <c r="BN1842" s="166">
        <v>0</v>
      </c>
      <c r="BO1842" s="166">
        <v>0</v>
      </c>
      <c r="BP1842" s="166">
        <v>0</v>
      </c>
      <c r="BQ1842" s="166">
        <v>0</v>
      </c>
      <c r="BR1842" s="166">
        <v>2066.8262181268701</v>
      </c>
      <c r="BS1842" s="166">
        <v>2066.8262181268701</v>
      </c>
      <c r="BT1842" s="168">
        <v>0.95155251400307195</v>
      </c>
      <c r="BU1842" s="166">
        <v>61.813366011296601</v>
      </c>
      <c r="BV1842" s="166">
        <v>1966.6936838660799</v>
      </c>
      <c r="BW1842" s="166">
        <v>0</v>
      </c>
      <c r="BX1842" s="166">
        <v>0</v>
      </c>
      <c r="BY1842" s="166">
        <v>0</v>
      </c>
      <c r="BZ1842" s="166">
        <v>0</v>
      </c>
      <c r="CA1842" s="166">
        <v>0</v>
      </c>
      <c r="CB1842" s="166">
        <v>0</v>
      </c>
      <c r="CC1842" s="166">
        <v>0</v>
      </c>
      <c r="CD1842" s="166">
        <v>0</v>
      </c>
      <c r="CE1842" s="166">
        <v>0</v>
      </c>
      <c r="CF1842" s="166">
        <v>0</v>
      </c>
      <c r="CG1842" s="166">
        <v>0</v>
      </c>
      <c r="CH1842" s="166">
        <v>0</v>
      </c>
      <c r="CI1842" s="166">
        <v>0</v>
      </c>
      <c r="CJ1842" s="166">
        <v>0</v>
      </c>
      <c r="CK1842" s="166">
        <v>0</v>
      </c>
      <c r="CL1842" s="166">
        <v>0</v>
      </c>
      <c r="CM1842" s="166">
        <v>0</v>
      </c>
      <c r="CN1842" s="166">
        <v>0</v>
      </c>
      <c r="CO1842" s="166">
        <v>0</v>
      </c>
      <c r="CP1842" s="166">
        <v>0</v>
      </c>
      <c r="CQ1842" s="166">
        <v>0</v>
      </c>
      <c r="CR1842" s="166">
        <v>0</v>
      </c>
      <c r="CS1842" s="166">
        <v>0</v>
      </c>
      <c r="CT1842" s="166">
        <v>0</v>
      </c>
      <c r="CU1842" s="166">
        <v>0</v>
      </c>
      <c r="CV1842" s="166">
        <v>0</v>
      </c>
      <c r="CW1842" s="166">
        <v>0</v>
      </c>
      <c r="CX1842" s="166">
        <v>0</v>
      </c>
      <c r="CY1842" s="166">
        <v>1966.6936838660799</v>
      </c>
      <c r="CZ1842" s="166">
        <v>1966.6936838660799</v>
      </c>
    </row>
    <row r="1843" spans="1:104" x14ac:dyDescent="0.2">
      <c r="A1843" s="167" t="s">
        <v>1096</v>
      </c>
      <c r="B1843" s="166">
        <v>14909.727680100001</v>
      </c>
      <c r="C1843" s="166">
        <v>14909.727680100001</v>
      </c>
      <c r="D1843" s="166">
        <v>0</v>
      </c>
      <c r="E1843" s="166">
        <v>0</v>
      </c>
      <c r="F1843" s="166">
        <v>0</v>
      </c>
      <c r="G1843" s="166">
        <v>0</v>
      </c>
      <c r="H1843" s="166">
        <v>0</v>
      </c>
      <c r="I1843" s="166">
        <v>0</v>
      </c>
      <c r="J1843" s="166">
        <v>0</v>
      </c>
      <c r="K1843" s="166">
        <v>0</v>
      </c>
      <c r="L1843" s="166">
        <v>0</v>
      </c>
      <c r="M1843" s="166">
        <v>0</v>
      </c>
      <c r="N1843" s="166">
        <v>0</v>
      </c>
      <c r="O1843" s="166">
        <v>0</v>
      </c>
      <c r="P1843" s="166">
        <v>0</v>
      </c>
      <c r="Q1843" s="166">
        <v>0</v>
      </c>
      <c r="R1843" s="166">
        <v>0</v>
      </c>
      <c r="S1843" s="166">
        <v>0</v>
      </c>
      <c r="T1843" s="166">
        <v>0</v>
      </c>
      <c r="U1843" s="166">
        <v>0</v>
      </c>
      <c r="V1843" s="166">
        <v>0</v>
      </c>
      <c r="W1843" s="166">
        <v>0</v>
      </c>
      <c r="X1843" s="166">
        <v>0</v>
      </c>
      <c r="Y1843" s="166">
        <v>0</v>
      </c>
      <c r="Z1843" s="166">
        <v>0</v>
      </c>
      <c r="AA1843" s="166">
        <v>0</v>
      </c>
      <c r="AB1843" s="166">
        <v>0</v>
      </c>
      <c r="AC1843" s="166">
        <v>0</v>
      </c>
      <c r="AD1843" s="166">
        <v>0</v>
      </c>
      <c r="AE1843" s="166">
        <v>0</v>
      </c>
      <c r="AF1843" s="166">
        <v>0</v>
      </c>
      <c r="AG1843" s="166">
        <v>0</v>
      </c>
      <c r="AH1843" s="166">
        <v>0</v>
      </c>
      <c r="AI1843" s="166">
        <v>0</v>
      </c>
      <c r="AJ1843" s="166">
        <v>0</v>
      </c>
      <c r="AK1843" s="166">
        <v>0</v>
      </c>
      <c r="AL1843" s="166">
        <v>0</v>
      </c>
      <c r="AM1843" s="166">
        <v>0</v>
      </c>
      <c r="AN1843" s="166">
        <v>0</v>
      </c>
      <c r="AO1843" s="166">
        <v>0</v>
      </c>
      <c r="AP1843" s="166">
        <v>0</v>
      </c>
      <c r="AQ1843" s="166">
        <v>0</v>
      </c>
      <c r="AR1843" s="166">
        <v>0</v>
      </c>
      <c r="AS1843" s="166">
        <v>0</v>
      </c>
      <c r="AT1843" s="166">
        <v>0</v>
      </c>
      <c r="AU1843" s="166">
        <v>0</v>
      </c>
      <c r="AV1843" s="166">
        <v>0</v>
      </c>
      <c r="AW1843" s="166">
        <v>0</v>
      </c>
      <c r="AX1843" s="166">
        <v>0</v>
      </c>
      <c r="AY1843" s="166">
        <v>0</v>
      </c>
      <c r="AZ1843" s="166">
        <v>0</v>
      </c>
      <c r="BA1843" s="166">
        <v>0</v>
      </c>
      <c r="BB1843" s="166">
        <v>0</v>
      </c>
      <c r="BC1843" s="166">
        <v>0</v>
      </c>
      <c r="BD1843" s="166">
        <v>0</v>
      </c>
      <c r="BE1843" s="166">
        <v>0</v>
      </c>
      <c r="BF1843" s="166">
        <v>0</v>
      </c>
      <c r="BG1843" s="166">
        <v>0</v>
      </c>
      <c r="BH1843" s="166">
        <v>0</v>
      </c>
      <c r="BI1843" s="166">
        <v>0</v>
      </c>
      <c r="BJ1843" s="166">
        <v>0</v>
      </c>
      <c r="BK1843" s="166">
        <v>0</v>
      </c>
      <c r="BL1843" s="166">
        <v>0</v>
      </c>
      <c r="BM1843" s="166">
        <v>0</v>
      </c>
      <c r="BN1843" s="166">
        <v>0</v>
      </c>
      <c r="BO1843" s="166">
        <v>0</v>
      </c>
      <c r="BP1843" s="166">
        <v>0</v>
      </c>
      <c r="BQ1843" s="166">
        <v>0</v>
      </c>
      <c r="BR1843" s="166">
        <v>14909.727680100001</v>
      </c>
      <c r="BS1843" s="166">
        <v>14909.727680100001</v>
      </c>
      <c r="BT1843" s="168">
        <v>0.97647221562039299</v>
      </c>
      <c r="BU1843" s="166">
        <v>457.58868006481498</v>
      </c>
      <c r="BV1843" s="166">
        <v>14558.934822084</v>
      </c>
      <c r="BW1843" s="166">
        <v>0</v>
      </c>
      <c r="BX1843" s="166">
        <v>0</v>
      </c>
      <c r="BY1843" s="166">
        <v>0</v>
      </c>
      <c r="BZ1843" s="166">
        <v>0</v>
      </c>
      <c r="CA1843" s="166">
        <v>0</v>
      </c>
      <c r="CB1843" s="166">
        <v>0</v>
      </c>
      <c r="CC1843" s="166">
        <v>0</v>
      </c>
      <c r="CD1843" s="166">
        <v>0</v>
      </c>
      <c r="CE1843" s="166">
        <v>0</v>
      </c>
      <c r="CF1843" s="166">
        <v>0</v>
      </c>
      <c r="CG1843" s="166">
        <v>0</v>
      </c>
      <c r="CH1843" s="166">
        <v>0</v>
      </c>
      <c r="CI1843" s="166">
        <v>0</v>
      </c>
      <c r="CJ1843" s="166">
        <v>0</v>
      </c>
      <c r="CK1843" s="166">
        <v>0</v>
      </c>
      <c r="CL1843" s="166">
        <v>0</v>
      </c>
      <c r="CM1843" s="166">
        <v>0</v>
      </c>
      <c r="CN1843" s="166">
        <v>0</v>
      </c>
      <c r="CO1843" s="166">
        <v>0</v>
      </c>
      <c r="CP1843" s="166">
        <v>0</v>
      </c>
      <c r="CQ1843" s="166">
        <v>0</v>
      </c>
      <c r="CR1843" s="166">
        <v>0</v>
      </c>
      <c r="CS1843" s="166">
        <v>0</v>
      </c>
      <c r="CT1843" s="166">
        <v>0</v>
      </c>
      <c r="CU1843" s="166">
        <v>0</v>
      </c>
      <c r="CV1843" s="166">
        <v>0</v>
      </c>
      <c r="CW1843" s="166">
        <v>0</v>
      </c>
      <c r="CX1843" s="166">
        <v>0</v>
      </c>
      <c r="CY1843" s="166">
        <v>14558.934822084</v>
      </c>
      <c r="CZ1843" s="166">
        <v>14558.934822084</v>
      </c>
    </row>
    <row r="1844" spans="1:104" x14ac:dyDescent="0.2">
      <c r="A1844" s="167" t="s">
        <v>253</v>
      </c>
      <c r="B1844" s="166">
        <v>47696.143868155203</v>
      </c>
      <c r="C1844" s="166">
        <v>47696.143868155203</v>
      </c>
      <c r="D1844" s="166">
        <v>0</v>
      </c>
      <c r="E1844" s="166">
        <v>0</v>
      </c>
      <c r="F1844" s="166">
        <v>0</v>
      </c>
      <c r="G1844" s="166">
        <v>0</v>
      </c>
      <c r="H1844" s="166">
        <v>0</v>
      </c>
      <c r="I1844" s="166">
        <v>0</v>
      </c>
      <c r="J1844" s="166">
        <v>0</v>
      </c>
      <c r="K1844" s="166">
        <v>0</v>
      </c>
      <c r="L1844" s="166">
        <v>0</v>
      </c>
      <c r="M1844" s="166">
        <v>0</v>
      </c>
      <c r="N1844" s="166">
        <v>0</v>
      </c>
      <c r="O1844" s="166">
        <v>0</v>
      </c>
      <c r="P1844" s="166">
        <v>0</v>
      </c>
      <c r="Q1844" s="166">
        <v>0</v>
      </c>
      <c r="R1844" s="166">
        <v>0</v>
      </c>
      <c r="S1844" s="166">
        <v>0</v>
      </c>
      <c r="T1844" s="166">
        <v>0</v>
      </c>
      <c r="U1844" s="166">
        <v>0</v>
      </c>
      <c r="V1844" s="166">
        <v>0</v>
      </c>
      <c r="W1844" s="166">
        <v>0</v>
      </c>
      <c r="X1844" s="166">
        <v>0</v>
      </c>
      <c r="Y1844" s="166">
        <v>0</v>
      </c>
      <c r="Z1844" s="166">
        <v>0</v>
      </c>
      <c r="AA1844" s="166">
        <v>0</v>
      </c>
      <c r="AB1844" s="166">
        <v>0</v>
      </c>
      <c r="AC1844" s="166">
        <v>0</v>
      </c>
      <c r="AD1844" s="166">
        <v>0</v>
      </c>
      <c r="AE1844" s="166">
        <v>0</v>
      </c>
      <c r="AF1844" s="166">
        <v>0</v>
      </c>
      <c r="AG1844" s="166">
        <v>0</v>
      </c>
      <c r="AH1844" s="166">
        <v>0</v>
      </c>
      <c r="AI1844" s="166">
        <v>0</v>
      </c>
      <c r="AJ1844" s="166">
        <v>0</v>
      </c>
      <c r="AK1844" s="166">
        <v>0</v>
      </c>
      <c r="AL1844" s="166">
        <v>0</v>
      </c>
      <c r="AM1844" s="166">
        <v>0</v>
      </c>
      <c r="AN1844" s="166">
        <v>0</v>
      </c>
      <c r="AO1844" s="166">
        <v>0</v>
      </c>
      <c r="AP1844" s="166">
        <v>0</v>
      </c>
      <c r="AQ1844" s="166">
        <v>0</v>
      </c>
      <c r="AR1844" s="166">
        <v>0</v>
      </c>
      <c r="AS1844" s="166">
        <v>0</v>
      </c>
      <c r="AT1844" s="166">
        <v>0</v>
      </c>
      <c r="AU1844" s="166">
        <v>0</v>
      </c>
      <c r="AV1844" s="166">
        <v>0</v>
      </c>
      <c r="AW1844" s="166">
        <v>0</v>
      </c>
      <c r="AX1844" s="166">
        <v>0</v>
      </c>
      <c r="AY1844" s="166">
        <v>0</v>
      </c>
      <c r="AZ1844" s="166">
        <v>0</v>
      </c>
      <c r="BA1844" s="166">
        <v>0</v>
      </c>
      <c r="BB1844" s="166">
        <v>0</v>
      </c>
      <c r="BC1844" s="166">
        <v>0</v>
      </c>
      <c r="BD1844" s="166">
        <v>0</v>
      </c>
      <c r="BE1844" s="166">
        <v>0</v>
      </c>
      <c r="BF1844" s="166">
        <v>0</v>
      </c>
      <c r="BG1844" s="166">
        <v>0</v>
      </c>
      <c r="BH1844" s="166">
        <v>0</v>
      </c>
      <c r="BI1844" s="166">
        <v>0</v>
      </c>
      <c r="BJ1844" s="166">
        <v>0</v>
      </c>
      <c r="BK1844" s="166">
        <v>0</v>
      </c>
      <c r="BL1844" s="166">
        <v>0</v>
      </c>
      <c r="BM1844" s="166">
        <v>0</v>
      </c>
      <c r="BN1844" s="166">
        <v>0</v>
      </c>
      <c r="BO1844" s="166">
        <v>0</v>
      </c>
      <c r="BP1844" s="166">
        <v>0</v>
      </c>
      <c r="BQ1844" s="166">
        <v>0</v>
      </c>
      <c r="BR1844" s="166">
        <v>47696.143868155203</v>
      </c>
      <c r="BS1844" s="166">
        <v>47696.143868155203</v>
      </c>
      <c r="BT1844" s="168">
        <v>0.999998123540776</v>
      </c>
      <c r="BU1844" s="166">
        <v>1499.0914396826399</v>
      </c>
      <c r="BV1844" s="166">
        <v>47696.054368286103</v>
      </c>
      <c r="BW1844" s="166">
        <v>0</v>
      </c>
      <c r="BX1844" s="166">
        <v>0</v>
      </c>
      <c r="BY1844" s="166">
        <v>0</v>
      </c>
      <c r="BZ1844" s="166">
        <v>0</v>
      </c>
      <c r="CA1844" s="166">
        <v>0</v>
      </c>
      <c r="CB1844" s="166">
        <v>0</v>
      </c>
      <c r="CC1844" s="166">
        <v>0</v>
      </c>
      <c r="CD1844" s="166">
        <v>0</v>
      </c>
      <c r="CE1844" s="166">
        <v>0</v>
      </c>
      <c r="CF1844" s="166">
        <v>0</v>
      </c>
      <c r="CG1844" s="166">
        <v>0</v>
      </c>
      <c r="CH1844" s="166">
        <v>0</v>
      </c>
      <c r="CI1844" s="166">
        <v>0</v>
      </c>
      <c r="CJ1844" s="166">
        <v>0</v>
      </c>
      <c r="CK1844" s="166">
        <v>0</v>
      </c>
      <c r="CL1844" s="166">
        <v>0</v>
      </c>
      <c r="CM1844" s="166">
        <v>0</v>
      </c>
      <c r="CN1844" s="166">
        <v>0</v>
      </c>
      <c r="CO1844" s="166">
        <v>0</v>
      </c>
      <c r="CP1844" s="166">
        <v>0</v>
      </c>
      <c r="CQ1844" s="166">
        <v>0</v>
      </c>
      <c r="CR1844" s="166">
        <v>0</v>
      </c>
      <c r="CS1844" s="166">
        <v>0</v>
      </c>
      <c r="CT1844" s="166">
        <v>0</v>
      </c>
      <c r="CU1844" s="166">
        <v>0</v>
      </c>
      <c r="CV1844" s="166">
        <v>0</v>
      </c>
      <c r="CW1844" s="166">
        <v>0</v>
      </c>
      <c r="CX1844" s="166">
        <v>0</v>
      </c>
      <c r="CY1844" s="166">
        <v>47696.054368286103</v>
      </c>
      <c r="CZ1844" s="166">
        <v>47696.054368286103</v>
      </c>
    </row>
    <row r="1845" spans="1:104" x14ac:dyDescent="0.2">
      <c r="A1845" s="167" t="s">
        <v>254</v>
      </c>
      <c r="B1845" s="166">
        <v>37444.355608737002</v>
      </c>
      <c r="C1845" s="166">
        <v>37444.355608737002</v>
      </c>
      <c r="D1845" s="166">
        <v>0</v>
      </c>
      <c r="E1845" s="166">
        <v>0</v>
      </c>
      <c r="F1845" s="166">
        <v>0</v>
      </c>
      <c r="G1845" s="166">
        <v>0</v>
      </c>
      <c r="H1845" s="166">
        <v>0</v>
      </c>
      <c r="I1845" s="166">
        <v>0</v>
      </c>
      <c r="J1845" s="166">
        <v>0</v>
      </c>
      <c r="K1845" s="166">
        <v>0</v>
      </c>
      <c r="L1845" s="166">
        <v>0</v>
      </c>
      <c r="M1845" s="166">
        <v>0</v>
      </c>
      <c r="N1845" s="166">
        <v>0</v>
      </c>
      <c r="O1845" s="166">
        <v>0</v>
      </c>
      <c r="P1845" s="166">
        <v>0</v>
      </c>
      <c r="Q1845" s="166">
        <v>0</v>
      </c>
      <c r="R1845" s="166">
        <v>0</v>
      </c>
      <c r="S1845" s="166">
        <v>0</v>
      </c>
      <c r="T1845" s="166">
        <v>0</v>
      </c>
      <c r="U1845" s="166">
        <v>0</v>
      </c>
      <c r="V1845" s="166">
        <v>0</v>
      </c>
      <c r="W1845" s="166">
        <v>0</v>
      </c>
      <c r="X1845" s="166">
        <v>0</v>
      </c>
      <c r="Y1845" s="166">
        <v>0</v>
      </c>
      <c r="Z1845" s="166">
        <v>0</v>
      </c>
      <c r="AA1845" s="166">
        <v>0</v>
      </c>
      <c r="AB1845" s="166">
        <v>0</v>
      </c>
      <c r="AC1845" s="166">
        <v>0</v>
      </c>
      <c r="AD1845" s="166">
        <v>0</v>
      </c>
      <c r="AE1845" s="166">
        <v>0</v>
      </c>
      <c r="AF1845" s="166">
        <v>0</v>
      </c>
      <c r="AG1845" s="166">
        <v>0</v>
      </c>
      <c r="AH1845" s="166">
        <v>0</v>
      </c>
      <c r="AI1845" s="166">
        <v>0</v>
      </c>
      <c r="AJ1845" s="166">
        <v>0</v>
      </c>
      <c r="AK1845" s="166">
        <v>0</v>
      </c>
      <c r="AL1845" s="166">
        <v>0</v>
      </c>
      <c r="AM1845" s="166">
        <v>0</v>
      </c>
      <c r="AN1845" s="166">
        <v>0</v>
      </c>
      <c r="AO1845" s="166">
        <v>0</v>
      </c>
      <c r="AP1845" s="166">
        <v>0</v>
      </c>
      <c r="AQ1845" s="166">
        <v>0</v>
      </c>
      <c r="AR1845" s="166">
        <v>0</v>
      </c>
      <c r="AS1845" s="166">
        <v>0</v>
      </c>
      <c r="AT1845" s="166">
        <v>0</v>
      </c>
      <c r="AU1845" s="166">
        <v>0</v>
      </c>
      <c r="AV1845" s="166">
        <v>0</v>
      </c>
      <c r="AW1845" s="166">
        <v>0</v>
      </c>
      <c r="AX1845" s="166">
        <v>0</v>
      </c>
      <c r="AY1845" s="166">
        <v>0</v>
      </c>
      <c r="AZ1845" s="166">
        <v>0</v>
      </c>
      <c r="BA1845" s="166">
        <v>0</v>
      </c>
      <c r="BB1845" s="166">
        <v>0</v>
      </c>
      <c r="BC1845" s="166">
        <v>0</v>
      </c>
      <c r="BD1845" s="166">
        <v>0</v>
      </c>
      <c r="BE1845" s="166">
        <v>0</v>
      </c>
      <c r="BF1845" s="166">
        <v>0</v>
      </c>
      <c r="BG1845" s="166">
        <v>0</v>
      </c>
      <c r="BH1845" s="166">
        <v>0</v>
      </c>
      <c r="BI1845" s="166">
        <v>0</v>
      </c>
      <c r="BJ1845" s="166">
        <v>0</v>
      </c>
      <c r="BK1845" s="166">
        <v>0</v>
      </c>
      <c r="BL1845" s="166">
        <v>0</v>
      </c>
      <c r="BM1845" s="166">
        <v>0</v>
      </c>
      <c r="BN1845" s="166">
        <v>0</v>
      </c>
      <c r="BO1845" s="166">
        <v>0</v>
      </c>
      <c r="BP1845" s="166">
        <v>0</v>
      </c>
      <c r="BQ1845" s="166">
        <v>0</v>
      </c>
      <c r="BR1845" s="166">
        <v>37444.355608737002</v>
      </c>
      <c r="BS1845" s="166">
        <v>37444.355608737002</v>
      </c>
      <c r="BT1845" s="166">
        <v>1000</v>
      </c>
      <c r="BU1845" s="166">
        <v>1176.87959100478</v>
      </c>
      <c r="BV1845" s="166">
        <v>37444.355608737002</v>
      </c>
      <c r="BW1845" s="166">
        <v>0</v>
      </c>
      <c r="BX1845" s="166">
        <v>0</v>
      </c>
      <c r="BY1845" s="166">
        <v>0</v>
      </c>
      <c r="BZ1845" s="166">
        <v>0</v>
      </c>
      <c r="CA1845" s="166">
        <v>0</v>
      </c>
      <c r="CB1845" s="166">
        <v>0</v>
      </c>
      <c r="CC1845" s="166">
        <v>0</v>
      </c>
      <c r="CD1845" s="166">
        <v>0</v>
      </c>
      <c r="CE1845" s="166">
        <v>0</v>
      </c>
      <c r="CF1845" s="166">
        <v>0</v>
      </c>
      <c r="CG1845" s="166">
        <v>0</v>
      </c>
      <c r="CH1845" s="166">
        <v>0</v>
      </c>
      <c r="CI1845" s="166">
        <v>0</v>
      </c>
      <c r="CJ1845" s="166">
        <v>0</v>
      </c>
      <c r="CK1845" s="166">
        <v>0</v>
      </c>
      <c r="CL1845" s="166">
        <v>0</v>
      </c>
      <c r="CM1845" s="166">
        <v>0</v>
      </c>
      <c r="CN1845" s="166">
        <v>0</v>
      </c>
      <c r="CO1845" s="166">
        <v>0</v>
      </c>
      <c r="CP1845" s="166">
        <v>0</v>
      </c>
      <c r="CQ1845" s="166">
        <v>0</v>
      </c>
      <c r="CR1845" s="166">
        <v>0</v>
      </c>
      <c r="CS1845" s="166">
        <v>0</v>
      </c>
      <c r="CT1845" s="166">
        <v>0</v>
      </c>
      <c r="CU1845" s="166">
        <v>0</v>
      </c>
      <c r="CV1845" s="166">
        <v>0</v>
      </c>
      <c r="CW1845" s="166">
        <v>0</v>
      </c>
      <c r="CX1845" s="166">
        <v>0</v>
      </c>
      <c r="CY1845" s="166">
        <v>37444.355608737002</v>
      </c>
      <c r="CZ1845" s="166">
        <v>37444.355608737002</v>
      </c>
    </row>
    <row r="1846" spans="1:104" x14ac:dyDescent="0.2">
      <c r="A1846" s="167" t="s">
        <v>1097</v>
      </c>
      <c r="B1846" s="166">
        <v>5723343.3959715804</v>
      </c>
      <c r="C1846" s="166">
        <v>5723343.3959715804</v>
      </c>
      <c r="D1846" s="166">
        <v>0</v>
      </c>
      <c r="E1846" s="166">
        <v>0</v>
      </c>
      <c r="F1846" s="166">
        <v>0</v>
      </c>
      <c r="G1846" s="166">
        <v>0</v>
      </c>
      <c r="H1846" s="166">
        <v>0</v>
      </c>
      <c r="I1846" s="166">
        <v>0</v>
      </c>
      <c r="J1846" s="166">
        <v>0</v>
      </c>
      <c r="K1846" s="166">
        <v>0</v>
      </c>
      <c r="L1846" s="166">
        <v>0</v>
      </c>
      <c r="M1846" s="166">
        <v>0</v>
      </c>
      <c r="N1846" s="166">
        <v>0</v>
      </c>
      <c r="O1846" s="166">
        <v>0</v>
      </c>
      <c r="P1846" s="166">
        <v>0</v>
      </c>
      <c r="Q1846" s="166">
        <v>0</v>
      </c>
      <c r="R1846" s="166">
        <v>0</v>
      </c>
      <c r="S1846" s="166">
        <v>0</v>
      </c>
      <c r="T1846" s="166">
        <v>0</v>
      </c>
      <c r="U1846" s="166">
        <v>0</v>
      </c>
      <c r="V1846" s="166">
        <v>0</v>
      </c>
      <c r="W1846" s="166">
        <v>0</v>
      </c>
      <c r="X1846" s="166">
        <v>0</v>
      </c>
      <c r="Y1846" s="166">
        <v>0</v>
      </c>
      <c r="Z1846" s="166">
        <v>0</v>
      </c>
      <c r="AA1846" s="166">
        <v>0</v>
      </c>
      <c r="AB1846" s="166">
        <v>0</v>
      </c>
      <c r="AC1846" s="166">
        <v>0</v>
      </c>
      <c r="AD1846" s="166">
        <v>0</v>
      </c>
      <c r="AE1846" s="166">
        <v>0</v>
      </c>
      <c r="AF1846" s="166">
        <v>0</v>
      </c>
      <c r="AG1846" s="166">
        <v>0</v>
      </c>
      <c r="AH1846" s="166">
        <v>0</v>
      </c>
      <c r="AI1846" s="166">
        <v>0</v>
      </c>
      <c r="AJ1846" s="166">
        <v>0</v>
      </c>
      <c r="AK1846" s="166">
        <v>0</v>
      </c>
      <c r="AL1846" s="166">
        <v>0</v>
      </c>
      <c r="AM1846" s="166">
        <v>0</v>
      </c>
      <c r="AN1846" s="166">
        <v>0</v>
      </c>
      <c r="AO1846" s="166">
        <v>0</v>
      </c>
      <c r="AP1846" s="166">
        <v>0</v>
      </c>
      <c r="AQ1846" s="166">
        <v>0</v>
      </c>
      <c r="AR1846" s="166">
        <v>0</v>
      </c>
      <c r="AS1846" s="166">
        <v>0</v>
      </c>
      <c r="AT1846" s="166">
        <v>0</v>
      </c>
      <c r="AU1846" s="166">
        <v>0</v>
      </c>
      <c r="AV1846" s="166">
        <v>0</v>
      </c>
      <c r="AW1846" s="166">
        <v>0</v>
      </c>
      <c r="AX1846" s="166">
        <v>0</v>
      </c>
      <c r="AY1846" s="166">
        <v>0</v>
      </c>
      <c r="AZ1846" s="166">
        <v>0</v>
      </c>
      <c r="BA1846" s="166">
        <v>0</v>
      </c>
      <c r="BB1846" s="166">
        <v>0</v>
      </c>
      <c r="BC1846" s="166">
        <v>0</v>
      </c>
      <c r="BD1846" s="166">
        <v>0</v>
      </c>
      <c r="BE1846" s="166">
        <v>0</v>
      </c>
      <c r="BF1846" s="166">
        <v>0</v>
      </c>
      <c r="BG1846" s="166">
        <v>0</v>
      </c>
      <c r="BH1846" s="166">
        <v>0</v>
      </c>
      <c r="BI1846" s="166">
        <v>0</v>
      </c>
      <c r="BJ1846" s="166">
        <v>0</v>
      </c>
      <c r="BK1846" s="166">
        <v>0</v>
      </c>
      <c r="BL1846" s="166">
        <v>0</v>
      </c>
      <c r="BM1846" s="166">
        <v>0</v>
      </c>
      <c r="BN1846" s="166">
        <v>0</v>
      </c>
      <c r="BO1846" s="166">
        <v>0</v>
      </c>
      <c r="BP1846" s="166">
        <v>0</v>
      </c>
      <c r="BQ1846" s="166">
        <v>0</v>
      </c>
      <c r="BR1846" s="166">
        <v>5723343.3959715804</v>
      </c>
      <c r="BS1846" s="166">
        <v>5723343.3959715804</v>
      </c>
      <c r="BT1846" s="168">
        <v>0.70823195131973704</v>
      </c>
      <c r="BU1846" s="166">
        <v>132393.448727699</v>
      </c>
      <c r="BV1846" s="166">
        <v>4053454.66140188</v>
      </c>
      <c r="BW1846" s="166">
        <v>0</v>
      </c>
      <c r="BX1846" s="166">
        <v>0</v>
      </c>
      <c r="BY1846" s="166">
        <v>0</v>
      </c>
      <c r="BZ1846" s="166">
        <v>0</v>
      </c>
      <c r="CA1846" s="166">
        <v>0</v>
      </c>
      <c r="CB1846" s="166">
        <v>0</v>
      </c>
      <c r="CC1846" s="166">
        <v>0</v>
      </c>
      <c r="CD1846" s="166">
        <v>0</v>
      </c>
      <c r="CE1846" s="166">
        <v>0</v>
      </c>
      <c r="CF1846" s="166">
        <v>0</v>
      </c>
      <c r="CG1846" s="166">
        <v>0</v>
      </c>
      <c r="CH1846" s="166">
        <v>0</v>
      </c>
      <c r="CI1846" s="166">
        <v>0</v>
      </c>
      <c r="CJ1846" s="166">
        <v>0</v>
      </c>
      <c r="CK1846" s="166">
        <v>0</v>
      </c>
      <c r="CL1846" s="166">
        <v>0</v>
      </c>
      <c r="CM1846" s="166">
        <v>0</v>
      </c>
      <c r="CN1846" s="166">
        <v>0</v>
      </c>
      <c r="CO1846" s="166">
        <v>0</v>
      </c>
      <c r="CP1846" s="166">
        <v>0</v>
      </c>
      <c r="CQ1846" s="166">
        <v>0</v>
      </c>
      <c r="CR1846" s="166">
        <v>0</v>
      </c>
      <c r="CS1846" s="166">
        <v>0</v>
      </c>
      <c r="CT1846" s="166">
        <v>0</v>
      </c>
      <c r="CU1846" s="166">
        <v>0</v>
      </c>
      <c r="CV1846" s="166">
        <v>0</v>
      </c>
      <c r="CW1846" s="166">
        <v>0</v>
      </c>
      <c r="CX1846" s="166">
        <v>0</v>
      </c>
      <c r="CY1846" s="166">
        <v>4053454.66140188</v>
      </c>
      <c r="CZ1846" s="166">
        <v>4053454.66140188</v>
      </c>
    </row>
    <row r="1847" spans="1:104" x14ac:dyDescent="0.2">
      <c r="A1847" s="167" t="s">
        <v>1098</v>
      </c>
      <c r="B1847" s="166">
        <v>5890832.1200000001</v>
      </c>
      <c r="C1847" s="166">
        <v>5890832.1200000001</v>
      </c>
      <c r="D1847" s="166">
        <v>0</v>
      </c>
      <c r="E1847" s="166">
        <v>0</v>
      </c>
      <c r="F1847" s="166">
        <v>0</v>
      </c>
      <c r="G1847" s="166">
        <v>0</v>
      </c>
      <c r="H1847" s="166">
        <v>0</v>
      </c>
      <c r="I1847" s="166">
        <v>0</v>
      </c>
      <c r="J1847" s="166">
        <v>0</v>
      </c>
      <c r="K1847" s="166">
        <v>0</v>
      </c>
      <c r="L1847" s="166">
        <v>0</v>
      </c>
      <c r="M1847" s="166">
        <v>0</v>
      </c>
      <c r="N1847" s="166">
        <v>0</v>
      </c>
      <c r="O1847" s="166">
        <v>0</v>
      </c>
      <c r="P1847" s="166">
        <v>0</v>
      </c>
      <c r="Q1847" s="166">
        <v>0</v>
      </c>
      <c r="R1847" s="166">
        <v>0</v>
      </c>
      <c r="S1847" s="166">
        <v>0</v>
      </c>
      <c r="T1847" s="166">
        <v>0</v>
      </c>
      <c r="U1847" s="166">
        <v>0</v>
      </c>
      <c r="V1847" s="166">
        <v>0</v>
      </c>
      <c r="W1847" s="166">
        <v>0</v>
      </c>
      <c r="X1847" s="166">
        <v>0</v>
      </c>
      <c r="Y1847" s="166">
        <v>0</v>
      </c>
      <c r="Z1847" s="166">
        <v>0</v>
      </c>
      <c r="AA1847" s="166">
        <v>0</v>
      </c>
      <c r="AB1847" s="166">
        <v>0</v>
      </c>
      <c r="AC1847" s="166">
        <v>0</v>
      </c>
      <c r="AD1847" s="166">
        <v>0</v>
      </c>
      <c r="AE1847" s="166">
        <v>0</v>
      </c>
      <c r="AF1847" s="166">
        <v>0</v>
      </c>
      <c r="AG1847" s="166">
        <v>0</v>
      </c>
      <c r="AH1847" s="166">
        <v>0</v>
      </c>
      <c r="AI1847" s="166">
        <v>0</v>
      </c>
      <c r="AJ1847" s="166">
        <v>0</v>
      </c>
      <c r="AK1847" s="166">
        <v>0</v>
      </c>
      <c r="AL1847" s="166">
        <v>0</v>
      </c>
      <c r="AM1847" s="166">
        <v>0</v>
      </c>
      <c r="AN1847" s="166">
        <v>0</v>
      </c>
      <c r="AO1847" s="166">
        <v>0</v>
      </c>
      <c r="AP1847" s="166">
        <v>0</v>
      </c>
      <c r="AQ1847" s="166">
        <v>0</v>
      </c>
      <c r="AR1847" s="166">
        <v>0</v>
      </c>
      <c r="AS1847" s="166">
        <v>0</v>
      </c>
      <c r="AT1847" s="166">
        <v>0</v>
      </c>
      <c r="AU1847" s="166">
        <v>0</v>
      </c>
      <c r="AV1847" s="166">
        <v>0</v>
      </c>
      <c r="AW1847" s="166">
        <v>0</v>
      </c>
      <c r="AX1847" s="166">
        <v>0</v>
      </c>
      <c r="AY1847" s="166">
        <v>0</v>
      </c>
      <c r="AZ1847" s="166">
        <v>0</v>
      </c>
      <c r="BA1847" s="166">
        <v>0</v>
      </c>
      <c r="BB1847" s="166">
        <v>0</v>
      </c>
      <c r="BC1847" s="166">
        <v>0</v>
      </c>
      <c r="BD1847" s="166">
        <v>0</v>
      </c>
      <c r="BE1847" s="166">
        <v>0</v>
      </c>
      <c r="BF1847" s="166">
        <v>0</v>
      </c>
      <c r="BG1847" s="166">
        <v>0</v>
      </c>
      <c r="BH1847" s="166">
        <v>0</v>
      </c>
      <c r="BI1847" s="166">
        <v>0</v>
      </c>
      <c r="BJ1847" s="166">
        <v>0</v>
      </c>
      <c r="BK1847" s="166">
        <v>0</v>
      </c>
      <c r="BL1847" s="166">
        <v>0</v>
      </c>
      <c r="BM1847" s="166">
        <v>0</v>
      </c>
      <c r="BN1847" s="166">
        <v>0</v>
      </c>
      <c r="BO1847" s="166">
        <v>0</v>
      </c>
      <c r="BP1847" s="166">
        <v>0</v>
      </c>
      <c r="BQ1847" s="166">
        <v>0</v>
      </c>
      <c r="BR1847" s="166">
        <v>5890832.1200000001</v>
      </c>
      <c r="BS1847" s="166">
        <v>5890832.1200000001</v>
      </c>
      <c r="BT1847" s="168">
        <v>0</v>
      </c>
      <c r="BU1847" s="166">
        <v>137643.455657988</v>
      </c>
      <c r="BV1847" s="166">
        <v>4220492.2478708802</v>
      </c>
      <c r="BW1847" s="166">
        <v>0</v>
      </c>
      <c r="BX1847" s="166">
        <v>0</v>
      </c>
      <c r="BY1847" s="166">
        <v>0</v>
      </c>
      <c r="BZ1847" s="166">
        <v>0</v>
      </c>
      <c r="CA1847" s="166">
        <v>0</v>
      </c>
      <c r="CB1847" s="166">
        <v>0</v>
      </c>
      <c r="CC1847" s="166">
        <v>0</v>
      </c>
      <c r="CD1847" s="166">
        <v>0</v>
      </c>
      <c r="CE1847" s="166">
        <v>0</v>
      </c>
      <c r="CF1847" s="166">
        <v>0</v>
      </c>
      <c r="CG1847" s="166">
        <v>0</v>
      </c>
      <c r="CH1847" s="166">
        <v>0</v>
      </c>
      <c r="CI1847" s="166">
        <v>0</v>
      </c>
      <c r="CJ1847" s="166">
        <v>0</v>
      </c>
      <c r="CK1847" s="166">
        <v>0</v>
      </c>
      <c r="CL1847" s="166">
        <v>0</v>
      </c>
      <c r="CM1847" s="166">
        <v>0</v>
      </c>
      <c r="CN1847" s="166">
        <v>0</v>
      </c>
      <c r="CO1847" s="166">
        <v>0</v>
      </c>
      <c r="CP1847" s="166">
        <v>0</v>
      </c>
      <c r="CQ1847" s="166">
        <v>0</v>
      </c>
      <c r="CR1847" s="166">
        <v>0</v>
      </c>
      <c r="CS1847" s="166">
        <v>0</v>
      </c>
      <c r="CT1847" s="166">
        <v>0</v>
      </c>
      <c r="CU1847" s="166">
        <v>0</v>
      </c>
      <c r="CV1847" s="166">
        <v>0</v>
      </c>
      <c r="CW1847" s="166">
        <v>0</v>
      </c>
      <c r="CX1847" s="166">
        <v>0</v>
      </c>
      <c r="CY1847" s="166">
        <v>4220492.2478708802</v>
      </c>
      <c r="CZ1847" s="166">
        <v>4220492.2478708802</v>
      </c>
    </row>
    <row r="1848" spans="1:104" x14ac:dyDescent="0.2">
      <c r="A1848" s="167" t="s">
        <v>257</v>
      </c>
    </row>
    <row r="1849" spans="1:104" x14ac:dyDescent="0.2">
      <c r="A1849" s="167" t="s">
        <v>1099</v>
      </c>
      <c r="B1849" s="166">
        <v>51935.010370018303</v>
      </c>
      <c r="C1849" s="166">
        <v>51935.010370018303</v>
      </c>
      <c r="D1849" s="166">
        <v>0</v>
      </c>
      <c r="E1849" s="166">
        <v>0</v>
      </c>
      <c r="F1849" s="166">
        <v>0</v>
      </c>
      <c r="G1849" s="166">
        <v>0</v>
      </c>
      <c r="H1849" s="166">
        <v>0</v>
      </c>
      <c r="I1849" s="166">
        <v>0</v>
      </c>
      <c r="J1849" s="166">
        <v>0</v>
      </c>
      <c r="K1849" s="166">
        <v>0</v>
      </c>
      <c r="L1849" s="166">
        <v>0</v>
      </c>
      <c r="M1849" s="166">
        <v>0</v>
      </c>
      <c r="N1849" s="166">
        <v>0</v>
      </c>
      <c r="O1849" s="166">
        <v>0</v>
      </c>
      <c r="P1849" s="166">
        <v>0</v>
      </c>
      <c r="Q1849" s="166">
        <v>0</v>
      </c>
      <c r="R1849" s="166">
        <v>0</v>
      </c>
      <c r="S1849" s="166">
        <v>0</v>
      </c>
      <c r="T1849" s="166">
        <v>0</v>
      </c>
      <c r="U1849" s="166">
        <v>0</v>
      </c>
      <c r="V1849" s="166">
        <v>0</v>
      </c>
      <c r="W1849" s="166">
        <v>0</v>
      </c>
      <c r="X1849" s="166">
        <v>0</v>
      </c>
      <c r="Y1849" s="166">
        <v>0</v>
      </c>
      <c r="Z1849" s="166">
        <v>0</v>
      </c>
      <c r="AA1849" s="166">
        <v>0</v>
      </c>
      <c r="AB1849" s="166">
        <v>0</v>
      </c>
      <c r="AC1849" s="166">
        <v>0</v>
      </c>
      <c r="AD1849" s="166">
        <v>0</v>
      </c>
      <c r="AE1849" s="166">
        <v>0</v>
      </c>
      <c r="AF1849" s="166">
        <v>0</v>
      </c>
      <c r="AG1849" s="166">
        <v>0</v>
      </c>
      <c r="AH1849" s="166">
        <v>0</v>
      </c>
      <c r="AI1849" s="166">
        <v>0</v>
      </c>
      <c r="AJ1849" s="166">
        <v>0</v>
      </c>
      <c r="AK1849" s="166">
        <v>0</v>
      </c>
      <c r="AL1849" s="166">
        <v>0</v>
      </c>
      <c r="AM1849" s="166">
        <v>0</v>
      </c>
      <c r="AN1849" s="166">
        <v>0</v>
      </c>
      <c r="AO1849" s="166">
        <v>0</v>
      </c>
      <c r="AP1849" s="166">
        <v>0</v>
      </c>
      <c r="AQ1849" s="166">
        <v>0</v>
      </c>
      <c r="AR1849" s="166">
        <v>0</v>
      </c>
      <c r="AS1849" s="166">
        <v>0</v>
      </c>
      <c r="AT1849" s="166">
        <v>0</v>
      </c>
      <c r="AU1849" s="166">
        <v>0</v>
      </c>
      <c r="AV1849" s="166">
        <v>0</v>
      </c>
      <c r="AW1849" s="166">
        <v>0</v>
      </c>
      <c r="AX1849" s="166">
        <v>0</v>
      </c>
      <c r="AY1849" s="166">
        <v>0</v>
      </c>
      <c r="AZ1849" s="166">
        <v>0</v>
      </c>
      <c r="BA1849" s="166">
        <v>0</v>
      </c>
      <c r="BB1849" s="166">
        <v>0</v>
      </c>
      <c r="BC1849" s="166">
        <v>0</v>
      </c>
      <c r="BD1849" s="166">
        <v>0</v>
      </c>
      <c r="BE1849" s="166">
        <v>0</v>
      </c>
      <c r="BF1849" s="166">
        <v>0</v>
      </c>
      <c r="BG1849" s="166">
        <v>0</v>
      </c>
      <c r="BH1849" s="166">
        <v>0</v>
      </c>
      <c r="BI1849" s="166">
        <v>0</v>
      </c>
      <c r="BJ1849" s="166">
        <v>0</v>
      </c>
      <c r="BK1849" s="166">
        <v>0</v>
      </c>
      <c r="BL1849" s="166">
        <v>0</v>
      </c>
      <c r="BM1849" s="166">
        <v>0</v>
      </c>
      <c r="BN1849" s="166">
        <v>0</v>
      </c>
      <c r="BO1849" s="166">
        <v>0</v>
      </c>
      <c r="BP1849" s="166">
        <v>0</v>
      </c>
      <c r="BQ1849" s="166">
        <v>0</v>
      </c>
      <c r="BR1849" s="166">
        <v>51935.010370018303</v>
      </c>
      <c r="BS1849" s="166">
        <v>51935.010370018303</v>
      </c>
      <c r="BT1849" s="168">
        <v>0.999998123540776</v>
      </c>
      <c r="BU1849" s="166">
        <v>5228.2140283696399</v>
      </c>
      <c r="BV1849" s="166">
        <v>51934.912916089001</v>
      </c>
      <c r="BW1849" s="166">
        <v>0</v>
      </c>
      <c r="BX1849" s="166">
        <v>0</v>
      </c>
      <c r="BY1849" s="166">
        <v>0</v>
      </c>
      <c r="BZ1849" s="166">
        <v>0</v>
      </c>
      <c r="CA1849" s="166">
        <v>0</v>
      </c>
      <c r="CB1849" s="166">
        <v>0</v>
      </c>
      <c r="CC1849" s="166">
        <v>0</v>
      </c>
      <c r="CD1849" s="166">
        <v>0</v>
      </c>
      <c r="CE1849" s="166">
        <v>0</v>
      </c>
      <c r="CF1849" s="166">
        <v>0</v>
      </c>
      <c r="CG1849" s="166">
        <v>0</v>
      </c>
      <c r="CH1849" s="166">
        <v>0</v>
      </c>
      <c r="CI1849" s="166">
        <v>0</v>
      </c>
      <c r="CJ1849" s="166">
        <v>0</v>
      </c>
      <c r="CK1849" s="166">
        <v>0</v>
      </c>
      <c r="CL1849" s="166">
        <v>0</v>
      </c>
      <c r="CM1849" s="166">
        <v>0</v>
      </c>
      <c r="CN1849" s="166">
        <v>0</v>
      </c>
      <c r="CO1849" s="166">
        <v>0</v>
      </c>
      <c r="CP1849" s="166">
        <v>0</v>
      </c>
      <c r="CQ1849" s="166">
        <v>0</v>
      </c>
      <c r="CR1849" s="166">
        <v>0</v>
      </c>
      <c r="CS1849" s="166">
        <v>0</v>
      </c>
      <c r="CT1849" s="166">
        <v>0</v>
      </c>
      <c r="CU1849" s="166">
        <v>0</v>
      </c>
      <c r="CV1849" s="166">
        <v>0</v>
      </c>
      <c r="CW1849" s="166">
        <v>0</v>
      </c>
      <c r="CX1849" s="166">
        <v>0</v>
      </c>
      <c r="CY1849" s="166">
        <v>51934.912916089001</v>
      </c>
      <c r="CZ1849" s="166">
        <v>51934.912916089001</v>
      </c>
    </row>
    <row r="1850" spans="1:104" x14ac:dyDescent="0.2">
      <c r="A1850" s="167" t="s">
        <v>1100</v>
      </c>
      <c r="B1850" s="166">
        <v>1642.0054742172399</v>
      </c>
      <c r="C1850" s="166">
        <v>1642.0054742172399</v>
      </c>
      <c r="D1850" s="166">
        <v>0</v>
      </c>
      <c r="E1850" s="166">
        <v>0</v>
      </c>
      <c r="F1850" s="166">
        <v>0</v>
      </c>
      <c r="G1850" s="166">
        <v>0</v>
      </c>
      <c r="H1850" s="166">
        <v>0</v>
      </c>
      <c r="I1850" s="166">
        <v>0</v>
      </c>
      <c r="J1850" s="166">
        <v>0</v>
      </c>
      <c r="K1850" s="166">
        <v>0</v>
      </c>
      <c r="L1850" s="166">
        <v>0</v>
      </c>
      <c r="M1850" s="166">
        <v>0</v>
      </c>
      <c r="N1850" s="166">
        <v>0</v>
      </c>
      <c r="O1850" s="166">
        <v>0</v>
      </c>
      <c r="P1850" s="166">
        <v>0</v>
      </c>
      <c r="Q1850" s="166">
        <v>0</v>
      </c>
      <c r="R1850" s="166">
        <v>0</v>
      </c>
      <c r="S1850" s="166">
        <v>0</v>
      </c>
      <c r="T1850" s="166">
        <v>0</v>
      </c>
      <c r="U1850" s="166">
        <v>0</v>
      </c>
      <c r="V1850" s="166">
        <v>0</v>
      </c>
      <c r="W1850" s="166">
        <v>0</v>
      </c>
      <c r="X1850" s="166">
        <v>0</v>
      </c>
      <c r="Y1850" s="166">
        <v>0</v>
      </c>
      <c r="Z1850" s="166">
        <v>0</v>
      </c>
      <c r="AA1850" s="166">
        <v>0</v>
      </c>
      <c r="AB1850" s="166">
        <v>0</v>
      </c>
      <c r="AC1850" s="166">
        <v>0</v>
      </c>
      <c r="AD1850" s="166">
        <v>0</v>
      </c>
      <c r="AE1850" s="166">
        <v>0</v>
      </c>
      <c r="AF1850" s="166">
        <v>0</v>
      </c>
      <c r="AG1850" s="166">
        <v>0</v>
      </c>
      <c r="AH1850" s="166">
        <v>0</v>
      </c>
      <c r="AI1850" s="166">
        <v>0</v>
      </c>
      <c r="AJ1850" s="166">
        <v>0</v>
      </c>
      <c r="AK1850" s="166">
        <v>0</v>
      </c>
      <c r="AL1850" s="166">
        <v>0</v>
      </c>
      <c r="AM1850" s="166">
        <v>0</v>
      </c>
      <c r="AN1850" s="166">
        <v>0</v>
      </c>
      <c r="AO1850" s="166">
        <v>0</v>
      </c>
      <c r="AP1850" s="166">
        <v>0</v>
      </c>
      <c r="AQ1850" s="166">
        <v>0</v>
      </c>
      <c r="AR1850" s="166">
        <v>0</v>
      </c>
      <c r="AS1850" s="166">
        <v>0</v>
      </c>
      <c r="AT1850" s="166">
        <v>0</v>
      </c>
      <c r="AU1850" s="166">
        <v>0</v>
      </c>
      <c r="AV1850" s="166">
        <v>0</v>
      </c>
      <c r="AW1850" s="166">
        <v>0</v>
      </c>
      <c r="AX1850" s="166">
        <v>0</v>
      </c>
      <c r="AY1850" s="166">
        <v>0</v>
      </c>
      <c r="AZ1850" s="166">
        <v>0</v>
      </c>
      <c r="BA1850" s="166">
        <v>0</v>
      </c>
      <c r="BB1850" s="166">
        <v>0</v>
      </c>
      <c r="BC1850" s="166">
        <v>0</v>
      </c>
      <c r="BD1850" s="166">
        <v>0</v>
      </c>
      <c r="BE1850" s="166">
        <v>0</v>
      </c>
      <c r="BF1850" s="166">
        <v>0</v>
      </c>
      <c r="BG1850" s="166">
        <v>0</v>
      </c>
      <c r="BH1850" s="166">
        <v>0</v>
      </c>
      <c r="BI1850" s="166">
        <v>0</v>
      </c>
      <c r="BJ1850" s="166">
        <v>0</v>
      </c>
      <c r="BK1850" s="166">
        <v>0</v>
      </c>
      <c r="BL1850" s="166">
        <v>0</v>
      </c>
      <c r="BM1850" s="166">
        <v>0</v>
      </c>
      <c r="BN1850" s="166">
        <v>0</v>
      </c>
      <c r="BO1850" s="166">
        <v>0</v>
      </c>
      <c r="BP1850" s="166">
        <v>0</v>
      </c>
      <c r="BQ1850" s="166">
        <v>0</v>
      </c>
      <c r="BR1850" s="166">
        <v>1642.0054742172399</v>
      </c>
      <c r="BS1850" s="166">
        <v>1642.0054742172399</v>
      </c>
      <c r="BT1850" s="168">
        <v>0.95155251400307195</v>
      </c>
      <c r="BU1850" s="166">
        <v>157.29007227567399</v>
      </c>
      <c r="BV1850" s="166">
        <v>1562.45443699822</v>
      </c>
      <c r="BW1850" s="166">
        <v>0</v>
      </c>
      <c r="BX1850" s="166">
        <v>0</v>
      </c>
      <c r="BY1850" s="166">
        <v>0</v>
      </c>
      <c r="BZ1850" s="166">
        <v>0</v>
      </c>
      <c r="CA1850" s="166">
        <v>0</v>
      </c>
      <c r="CB1850" s="166">
        <v>0</v>
      </c>
      <c r="CC1850" s="166">
        <v>0</v>
      </c>
      <c r="CD1850" s="166">
        <v>0</v>
      </c>
      <c r="CE1850" s="166">
        <v>0</v>
      </c>
      <c r="CF1850" s="166">
        <v>0</v>
      </c>
      <c r="CG1850" s="166">
        <v>0</v>
      </c>
      <c r="CH1850" s="166">
        <v>0</v>
      </c>
      <c r="CI1850" s="166">
        <v>0</v>
      </c>
      <c r="CJ1850" s="166">
        <v>0</v>
      </c>
      <c r="CK1850" s="166">
        <v>0</v>
      </c>
      <c r="CL1850" s="166">
        <v>0</v>
      </c>
      <c r="CM1850" s="166">
        <v>0</v>
      </c>
      <c r="CN1850" s="166">
        <v>0</v>
      </c>
      <c r="CO1850" s="166">
        <v>0</v>
      </c>
      <c r="CP1850" s="166">
        <v>0</v>
      </c>
      <c r="CQ1850" s="166">
        <v>0</v>
      </c>
      <c r="CR1850" s="166">
        <v>0</v>
      </c>
      <c r="CS1850" s="166">
        <v>0</v>
      </c>
      <c r="CT1850" s="166">
        <v>0</v>
      </c>
      <c r="CU1850" s="166">
        <v>0</v>
      </c>
      <c r="CV1850" s="166">
        <v>0</v>
      </c>
      <c r="CW1850" s="166">
        <v>0</v>
      </c>
      <c r="CX1850" s="166">
        <v>0</v>
      </c>
      <c r="CY1850" s="166">
        <v>1562.45443699822</v>
      </c>
      <c r="CZ1850" s="166">
        <v>1562.45443699822</v>
      </c>
    </row>
    <row r="1851" spans="1:104" x14ac:dyDescent="0.2">
      <c r="A1851" s="167" t="s">
        <v>1101</v>
      </c>
      <c r="B1851" s="166">
        <v>11845.144141823401</v>
      </c>
      <c r="C1851" s="166">
        <v>11845.144141823401</v>
      </c>
      <c r="D1851" s="166">
        <v>0</v>
      </c>
      <c r="E1851" s="166">
        <v>0</v>
      </c>
      <c r="F1851" s="166">
        <v>0</v>
      </c>
      <c r="G1851" s="166">
        <v>0</v>
      </c>
      <c r="H1851" s="166">
        <v>0</v>
      </c>
      <c r="I1851" s="166">
        <v>0</v>
      </c>
      <c r="J1851" s="166">
        <v>0</v>
      </c>
      <c r="K1851" s="166">
        <v>0</v>
      </c>
      <c r="L1851" s="166">
        <v>0</v>
      </c>
      <c r="M1851" s="166">
        <v>0</v>
      </c>
      <c r="N1851" s="166">
        <v>0</v>
      </c>
      <c r="O1851" s="166">
        <v>0</v>
      </c>
      <c r="P1851" s="166">
        <v>0</v>
      </c>
      <c r="Q1851" s="166">
        <v>0</v>
      </c>
      <c r="R1851" s="166">
        <v>0</v>
      </c>
      <c r="S1851" s="166">
        <v>0</v>
      </c>
      <c r="T1851" s="166">
        <v>0</v>
      </c>
      <c r="U1851" s="166">
        <v>0</v>
      </c>
      <c r="V1851" s="166">
        <v>0</v>
      </c>
      <c r="W1851" s="166">
        <v>0</v>
      </c>
      <c r="X1851" s="166">
        <v>0</v>
      </c>
      <c r="Y1851" s="166">
        <v>0</v>
      </c>
      <c r="Z1851" s="166">
        <v>0</v>
      </c>
      <c r="AA1851" s="166">
        <v>0</v>
      </c>
      <c r="AB1851" s="166">
        <v>0</v>
      </c>
      <c r="AC1851" s="166">
        <v>0</v>
      </c>
      <c r="AD1851" s="166">
        <v>0</v>
      </c>
      <c r="AE1851" s="166">
        <v>0</v>
      </c>
      <c r="AF1851" s="166">
        <v>0</v>
      </c>
      <c r="AG1851" s="166">
        <v>0</v>
      </c>
      <c r="AH1851" s="166">
        <v>0</v>
      </c>
      <c r="AI1851" s="166">
        <v>0</v>
      </c>
      <c r="AJ1851" s="166">
        <v>0</v>
      </c>
      <c r="AK1851" s="166">
        <v>0</v>
      </c>
      <c r="AL1851" s="166">
        <v>0</v>
      </c>
      <c r="AM1851" s="166">
        <v>0</v>
      </c>
      <c r="AN1851" s="166">
        <v>0</v>
      </c>
      <c r="AO1851" s="166">
        <v>0</v>
      </c>
      <c r="AP1851" s="166">
        <v>0</v>
      </c>
      <c r="AQ1851" s="166">
        <v>0</v>
      </c>
      <c r="AR1851" s="166">
        <v>0</v>
      </c>
      <c r="AS1851" s="166">
        <v>0</v>
      </c>
      <c r="AT1851" s="166">
        <v>0</v>
      </c>
      <c r="AU1851" s="166">
        <v>0</v>
      </c>
      <c r="AV1851" s="166">
        <v>0</v>
      </c>
      <c r="AW1851" s="166">
        <v>0</v>
      </c>
      <c r="AX1851" s="166">
        <v>0</v>
      </c>
      <c r="AY1851" s="166">
        <v>0</v>
      </c>
      <c r="AZ1851" s="166">
        <v>0</v>
      </c>
      <c r="BA1851" s="166">
        <v>0</v>
      </c>
      <c r="BB1851" s="166">
        <v>0</v>
      </c>
      <c r="BC1851" s="166">
        <v>0</v>
      </c>
      <c r="BD1851" s="166">
        <v>0</v>
      </c>
      <c r="BE1851" s="166">
        <v>0</v>
      </c>
      <c r="BF1851" s="166">
        <v>0</v>
      </c>
      <c r="BG1851" s="166">
        <v>0</v>
      </c>
      <c r="BH1851" s="166">
        <v>0</v>
      </c>
      <c r="BI1851" s="166">
        <v>0</v>
      </c>
      <c r="BJ1851" s="166">
        <v>0</v>
      </c>
      <c r="BK1851" s="166">
        <v>0</v>
      </c>
      <c r="BL1851" s="166">
        <v>0</v>
      </c>
      <c r="BM1851" s="166">
        <v>0</v>
      </c>
      <c r="BN1851" s="166">
        <v>0</v>
      </c>
      <c r="BO1851" s="166">
        <v>0</v>
      </c>
      <c r="BP1851" s="166">
        <v>0</v>
      </c>
      <c r="BQ1851" s="166">
        <v>0</v>
      </c>
      <c r="BR1851" s="166">
        <v>11845.144141823401</v>
      </c>
      <c r="BS1851" s="166">
        <v>11845.144141823401</v>
      </c>
      <c r="BT1851" s="168">
        <v>0.97647221562039299</v>
      </c>
      <c r="BU1851" s="166">
        <v>1164.37853500441</v>
      </c>
      <c r="BV1851" s="166">
        <v>11566.4541445093</v>
      </c>
      <c r="BW1851" s="166">
        <v>0</v>
      </c>
      <c r="BX1851" s="166">
        <v>0</v>
      </c>
      <c r="BY1851" s="166">
        <v>0</v>
      </c>
      <c r="BZ1851" s="166">
        <v>0</v>
      </c>
      <c r="CA1851" s="166">
        <v>0</v>
      </c>
      <c r="CB1851" s="166">
        <v>0</v>
      </c>
      <c r="CC1851" s="166">
        <v>0</v>
      </c>
      <c r="CD1851" s="166">
        <v>0</v>
      </c>
      <c r="CE1851" s="166">
        <v>0</v>
      </c>
      <c r="CF1851" s="166">
        <v>0</v>
      </c>
      <c r="CG1851" s="166">
        <v>0</v>
      </c>
      <c r="CH1851" s="166">
        <v>0</v>
      </c>
      <c r="CI1851" s="166">
        <v>0</v>
      </c>
      <c r="CJ1851" s="166">
        <v>0</v>
      </c>
      <c r="CK1851" s="166">
        <v>0</v>
      </c>
      <c r="CL1851" s="166">
        <v>0</v>
      </c>
      <c r="CM1851" s="166">
        <v>0</v>
      </c>
      <c r="CN1851" s="166">
        <v>0</v>
      </c>
      <c r="CO1851" s="166">
        <v>0</v>
      </c>
      <c r="CP1851" s="166">
        <v>0</v>
      </c>
      <c r="CQ1851" s="166">
        <v>0</v>
      </c>
      <c r="CR1851" s="166">
        <v>0</v>
      </c>
      <c r="CS1851" s="166">
        <v>0</v>
      </c>
      <c r="CT1851" s="166">
        <v>0</v>
      </c>
      <c r="CU1851" s="166">
        <v>0</v>
      </c>
      <c r="CV1851" s="166">
        <v>0</v>
      </c>
      <c r="CW1851" s="166">
        <v>0</v>
      </c>
      <c r="CX1851" s="166">
        <v>0</v>
      </c>
      <c r="CY1851" s="166">
        <v>11566.4541445093</v>
      </c>
      <c r="CZ1851" s="166">
        <v>11566.4541445093</v>
      </c>
    </row>
    <row r="1852" spans="1:104" x14ac:dyDescent="0.2">
      <c r="A1852" s="167" t="s">
        <v>261</v>
      </c>
      <c r="B1852" s="166">
        <v>37892.556540888902</v>
      </c>
      <c r="C1852" s="166">
        <v>37892.556540888902</v>
      </c>
      <c r="D1852" s="166">
        <v>0</v>
      </c>
      <c r="E1852" s="166">
        <v>0</v>
      </c>
      <c r="F1852" s="166">
        <v>0</v>
      </c>
      <c r="G1852" s="166">
        <v>0</v>
      </c>
      <c r="H1852" s="166">
        <v>0</v>
      </c>
      <c r="I1852" s="166">
        <v>0</v>
      </c>
      <c r="J1852" s="166">
        <v>0</v>
      </c>
      <c r="K1852" s="166">
        <v>0</v>
      </c>
      <c r="L1852" s="166">
        <v>0</v>
      </c>
      <c r="M1852" s="166">
        <v>0</v>
      </c>
      <c r="N1852" s="166">
        <v>0</v>
      </c>
      <c r="O1852" s="166">
        <v>0</v>
      </c>
      <c r="P1852" s="166">
        <v>0</v>
      </c>
      <c r="Q1852" s="166">
        <v>0</v>
      </c>
      <c r="R1852" s="166">
        <v>0</v>
      </c>
      <c r="S1852" s="166">
        <v>0</v>
      </c>
      <c r="T1852" s="166">
        <v>0</v>
      </c>
      <c r="U1852" s="166">
        <v>0</v>
      </c>
      <c r="V1852" s="166">
        <v>0</v>
      </c>
      <c r="W1852" s="166">
        <v>0</v>
      </c>
      <c r="X1852" s="166">
        <v>0</v>
      </c>
      <c r="Y1852" s="166">
        <v>0</v>
      </c>
      <c r="Z1852" s="166">
        <v>0</v>
      </c>
      <c r="AA1852" s="166">
        <v>0</v>
      </c>
      <c r="AB1852" s="166">
        <v>0</v>
      </c>
      <c r="AC1852" s="166">
        <v>0</v>
      </c>
      <c r="AD1852" s="166">
        <v>0</v>
      </c>
      <c r="AE1852" s="166">
        <v>0</v>
      </c>
      <c r="AF1852" s="166">
        <v>0</v>
      </c>
      <c r="AG1852" s="166">
        <v>0</v>
      </c>
      <c r="AH1852" s="166">
        <v>0</v>
      </c>
      <c r="AI1852" s="166">
        <v>0</v>
      </c>
      <c r="AJ1852" s="166">
        <v>0</v>
      </c>
      <c r="AK1852" s="166">
        <v>0</v>
      </c>
      <c r="AL1852" s="166">
        <v>0</v>
      </c>
      <c r="AM1852" s="166">
        <v>0</v>
      </c>
      <c r="AN1852" s="166">
        <v>0</v>
      </c>
      <c r="AO1852" s="166">
        <v>0</v>
      </c>
      <c r="AP1852" s="166">
        <v>0</v>
      </c>
      <c r="AQ1852" s="166">
        <v>0</v>
      </c>
      <c r="AR1852" s="166">
        <v>0</v>
      </c>
      <c r="AS1852" s="166">
        <v>0</v>
      </c>
      <c r="AT1852" s="166">
        <v>0</v>
      </c>
      <c r="AU1852" s="166">
        <v>0</v>
      </c>
      <c r="AV1852" s="166">
        <v>0</v>
      </c>
      <c r="AW1852" s="166">
        <v>0</v>
      </c>
      <c r="AX1852" s="166">
        <v>0</v>
      </c>
      <c r="AY1852" s="166">
        <v>0</v>
      </c>
      <c r="AZ1852" s="166">
        <v>0</v>
      </c>
      <c r="BA1852" s="166">
        <v>0</v>
      </c>
      <c r="BB1852" s="166">
        <v>0</v>
      </c>
      <c r="BC1852" s="166">
        <v>0</v>
      </c>
      <c r="BD1852" s="166">
        <v>0</v>
      </c>
      <c r="BE1852" s="166">
        <v>0</v>
      </c>
      <c r="BF1852" s="166">
        <v>0</v>
      </c>
      <c r="BG1852" s="166">
        <v>0</v>
      </c>
      <c r="BH1852" s="166">
        <v>0</v>
      </c>
      <c r="BI1852" s="166">
        <v>0</v>
      </c>
      <c r="BJ1852" s="166">
        <v>0</v>
      </c>
      <c r="BK1852" s="166">
        <v>0</v>
      </c>
      <c r="BL1852" s="166">
        <v>0</v>
      </c>
      <c r="BM1852" s="166">
        <v>0</v>
      </c>
      <c r="BN1852" s="166">
        <v>0</v>
      </c>
      <c r="BO1852" s="166">
        <v>0</v>
      </c>
      <c r="BP1852" s="166">
        <v>0</v>
      </c>
      <c r="BQ1852" s="166">
        <v>0</v>
      </c>
      <c r="BR1852" s="166">
        <v>37892.556540888902</v>
      </c>
      <c r="BS1852" s="166">
        <v>37892.556540888902</v>
      </c>
      <c r="BT1852" s="168">
        <v>0.999998123540776</v>
      </c>
      <c r="BU1852" s="166">
        <v>3814.5827692417802</v>
      </c>
      <c r="BV1852" s="166">
        <v>37892.485437051699</v>
      </c>
      <c r="BW1852" s="166">
        <v>0</v>
      </c>
      <c r="BX1852" s="166">
        <v>0</v>
      </c>
      <c r="BY1852" s="166">
        <v>0</v>
      </c>
      <c r="BZ1852" s="166">
        <v>0</v>
      </c>
      <c r="CA1852" s="166">
        <v>0</v>
      </c>
      <c r="CB1852" s="166">
        <v>0</v>
      </c>
      <c r="CC1852" s="166">
        <v>0</v>
      </c>
      <c r="CD1852" s="166">
        <v>0</v>
      </c>
      <c r="CE1852" s="166">
        <v>0</v>
      </c>
      <c r="CF1852" s="166">
        <v>0</v>
      </c>
      <c r="CG1852" s="166">
        <v>0</v>
      </c>
      <c r="CH1852" s="166">
        <v>0</v>
      </c>
      <c r="CI1852" s="166">
        <v>0</v>
      </c>
      <c r="CJ1852" s="166">
        <v>0</v>
      </c>
      <c r="CK1852" s="166">
        <v>0</v>
      </c>
      <c r="CL1852" s="166">
        <v>0</v>
      </c>
      <c r="CM1852" s="166">
        <v>0</v>
      </c>
      <c r="CN1852" s="166">
        <v>0</v>
      </c>
      <c r="CO1852" s="166">
        <v>0</v>
      </c>
      <c r="CP1852" s="166">
        <v>0</v>
      </c>
      <c r="CQ1852" s="166">
        <v>0</v>
      </c>
      <c r="CR1852" s="166">
        <v>0</v>
      </c>
      <c r="CS1852" s="166">
        <v>0</v>
      </c>
      <c r="CT1852" s="166">
        <v>0</v>
      </c>
      <c r="CU1852" s="166">
        <v>0</v>
      </c>
      <c r="CV1852" s="166">
        <v>0</v>
      </c>
      <c r="CW1852" s="166">
        <v>0</v>
      </c>
      <c r="CX1852" s="166">
        <v>0</v>
      </c>
      <c r="CY1852" s="166">
        <v>37892.485437051699</v>
      </c>
      <c r="CZ1852" s="166">
        <v>37892.485437051699</v>
      </c>
    </row>
    <row r="1853" spans="1:104" x14ac:dyDescent="0.2">
      <c r="A1853" s="167" t="s">
        <v>262</v>
      </c>
      <c r="B1853" s="166">
        <v>29747.947045013301</v>
      </c>
      <c r="C1853" s="166">
        <v>29747.947045013301</v>
      </c>
      <c r="D1853" s="166">
        <v>0</v>
      </c>
      <c r="E1853" s="166">
        <v>0</v>
      </c>
      <c r="F1853" s="166">
        <v>0</v>
      </c>
      <c r="G1853" s="166">
        <v>0</v>
      </c>
      <c r="H1853" s="166">
        <v>0</v>
      </c>
      <c r="I1853" s="166">
        <v>0</v>
      </c>
      <c r="J1853" s="166">
        <v>0</v>
      </c>
      <c r="K1853" s="166">
        <v>0</v>
      </c>
      <c r="L1853" s="166">
        <v>0</v>
      </c>
      <c r="M1853" s="166">
        <v>0</v>
      </c>
      <c r="N1853" s="166">
        <v>0</v>
      </c>
      <c r="O1853" s="166">
        <v>0</v>
      </c>
      <c r="P1853" s="166">
        <v>0</v>
      </c>
      <c r="Q1853" s="166">
        <v>0</v>
      </c>
      <c r="R1853" s="166">
        <v>0</v>
      </c>
      <c r="S1853" s="166">
        <v>0</v>
      </c>
      <c r="T1853" s="166">
        <v>0</v>
      </c>
      <c r="U1853" s="166">
        <v>0</v>
      </c>
      <c r="V1853" s="166">
        <v>0</v>
      </c>
      <c r="W1853" s="166">
        <v>0</v>
      </c>
      <c r="X1853" s="166">
        <v>0</v>
      </c>
      <c r="Y1853" s="166">
        <v>0</v>
      </c>
      <c r="Z1853" s="166">
        <v>0</v>
      </c>
      <c r="AA1853" s="166">
        <v>0</v>
      </c>
      <c r="AB1853" s="166">
        <v>0</v>
      </c>
      <c r="AC1853" s="166">
        <v>0</v>
      </c>
      <c r="AD1853" s="166">
        <v>0</v>
      </c>
      <c r="AE1853" s="166">
        <v>0</v>
      </c>
      <c r="AF1853" s="166">
        <v>0</v>
      </c>
      <c r="AG1853" s="166">
        <v>0</v>
      </c>
      <c r="AH1853" s="166">
        <v>0</v>
      </c>
      <c r="AI1853" s="166">
        <v>0</v>
      </c>
      <c r="AJ1853" s="166">
        <v>0</v>
      </c>
      <c r="AK1853" s="166">
        <v>0</v>
      </c>
      <c r="AL1853" s="166">
        <v>0</v>
      </c>
      <c r="AM1853" s="166">
        <v>0</v>
      </c>
      <c r="AN1853" s="166">
        <v>0</v>
      </c>
      <c r="AO1853" s="166">
        <v>0</v>
      </c>
      <c r="AP1853" s="166">
        <v>0</v>
      </c>
      <c r="AQ1853" s="166">
        <v>0</v>
      </c>
      <c r="AR1853" s="166">
        <v>0</v>
      </c>
      <c r="AS1853" s="166">
        <v>0</v>
      </c>
      <c r="AT1853" s="166">
        <v>0</v>
      </c>
      <c r="AU1853" s="166">
        <v>0</v>
      </c>
      <c r="AV1853" s="166">
        <v>0</v>
      </c>
      <c r="AW1853" s="166">
        <v>0</v>
      </c>
      <c r="AX1853" s="166">
        <v>0</v>
      </c>
      <c r="AY1853" s="166">
        <v>0</v>
      </c>
      <c r="AZ1853" s="166">
        <v>0</v>
      </c>
      <c r="BA1853" s="166">
        <v>0</v>
      </c>
      <c r="BB1853" s="166">
        <v>0</v>
      </c>
      <c r="BC1853" s="166">
        <v>0</v>
      </c>
      <c r="BD1853" s="166">
        <v>0</v>
      </c>
      <c r="BE1853" s="166">
        <v>0</v>
      </c>
      <c r="BF1853" s="166">
        <v>0</v>
      </c>
      <c r="BG1853" s="166">
        <v>0</v>
      </c>
      <c r="BH1853" s="166">
        <v>0</v>
      </c>
      <c r="BI1853" s="166">
        <v>0</v>
      </c>
      <c r="BJ1853" s="166">
        <v>0</v>
      </c>
      <c r="BK1853" s="166">
        <v>0</v>
      </c>
      <c r="BL1853" s="166">
        <v>0</v>
      </c>
      <c r="BM1853" s="166">
        <v>0</v>
      </c>
      <c r="BN1853" s="166">
        <v>0</v>
      </c>
      <c r="BO1853" s="166">
        <v>0</v>
      </c>
      <c r="BP1853" s="166">
        <v>0</v>
      </c>
      <c r="BQ1853" s="166">
        <v>0</v>
      </c>
      <c r="BR1853" s="166">
        <v>29747.947045013301</v>
      </c>
      <c r="BS1853" s="166">
        <v>29747.947045013301</v>
      </c>
      <c r="BT1853" s="166">
        <v>1000</v>
      </c>
      <c r="BU1853" s="166">
        <v>2994.6836400250199</v>
      </c>
      <c r="BV1853" s="166">
        <v>29747.947045013301</v>
      </c>
      <c r="BW1853" s="166">
        <v>0</v>
      </c>
      <c r="BX1853" s="166">
        <v>0</v>
      </c>
      <c r="BY1853" s="166">
        <v>0</v>
      </c>
      <c r="BZ1853" s="166">
        <v>0</v>
      </c>
      <c r="CA1853" s="166">
        <v>0</v>
      </c>
      <c r="CB1853" s="166">
        <v>0</v>
      </c>
      <c r="CC1853" s="166">
        <v>0</v>
      </c>
      <c r="CD1853" s="166">
        <v>0</v>
      </c>
      <c r="CE1853" s="166">
        <v>0</v>
      </c>
      <c r="CF1853" s="166">
        <v>0</v>
      </c>
      <c r="CG1853" s="166">
        <v>0</v>
      </c>
      <c r="CH1853" s="166">
        <v>0</v>
      </c>
      <c r="CI1853" s="166">
        <v>0</v>
      </c>
      <c r="CJ1853" s="166">
        <v>0</v>
      </c>
      <c r="CK1853" s="166">
        <v>0</v>
      </c>
      <c r="CL1853" s="166">
        <v>0</v>
      </c>
      <c r="CM1853" s="166">
        <v>0</v>
      </c>
      <c r="CN1853" s="166">
        <v>0</v>
      </c>
      <c r="CO1853" s="166">
        <v>0</v>
      </c>
      <c r="CP1853" s="166">
        <v>0</v>
      </c>
      <c r="CQ1853" s="166">
        <v>0</v>
      </c>
      <c r="CR1853" s="166">
        <v>0</v>
      </c>
      <c r="CS1853" s="166">
        <v>0</v>
      </c>
      <c r="CT1853" s="166">
        <v>0</v>
      </c>
      <c r="CU1853" s="166">
        <v>0</v>
      </c>
      <c r="CV1853" s="166">
        <v>0</v>
      </c>
      <c r="CW1853" s="166">
        <v>0</v>
      </c>
      <c r="CX1853" s="166">
        <v>0</v>
      </c>
      <c r="CY1853" s="166">
        <v>29747.947045013301</v>
      </c>
      <c r="CZ1853" s="166">
        <v>29747.947045013301</v>
      </c>
    </row>
    <row r="1854" spans="1:104" x14ac:dyDescent="0.2">
      <c r="A1854" s="167" t="s">
        <v>1102</v>
      </c>
      <c r="B1854" s="166">
        <v>4555236.14642803</v>
      </c>
      <c r="C1854" s="166">
        <v>4555236.14642803</v>
      </c>
      <c r="D1854" s="166">
        <v>0</v>
      </c>
      <c r="E1854" s="166">
        <v>0</v>
      </c>
      <c r="F1854" s="166">
        <v>0</v>
      </c>
      <c r="G1854" s="166">
        <v>0</v>
      </c>
      <c r="H1854" s="166">
        <v>0</v>
      </c>
      <c r="I1854" s="166">
        <v>0</v>
      </c>
      <c r="J1854" s="166">
        <v>0</v>
      </c>
      <c r="K1854" s="166">
        <v>0</v>
      </c>
      <c r="L1854" s="166">
        <v>0</v>
      </c>
      <c r="M1854" s="166">
        <v>0</v>
      </c>
      <c r="N1854" s="166">
        <v>0</v>
      </c>
      <c r="O1854" s="166">
        <v>0</v>
      </c>
      <c r="P1854" s="166">
        <v>0</v>
      </c>
      <c r="Q1854" s="166">
        <v>0</v>
      </c>
      <c r="R1854" s="166">
        <v>0</v>
      </c>
      <c r="S1854" s="166">
        <v>0</v>
      </c>
      <c r="T1854" s="166">
        <v>0</v>
      </c>
      <c r="U1854" s="166">
        <v>0</v>
      </c>
      <c r="V1854" s="166">
        <v>0</v>
      </c>
      <c r="W1854" s="166">
        <v>0</v>
      </c>
      <c r="X1854" s="166">
        <v>0</v>
      </c>
      <c r="Y1854" s="166">
        <v>0</v>
      </c>
      <c r="Z1854" s="166">
        <v>0</v>
      </c>
      <c r="AA1854" s="166">
        <v>0</v>
      </c>
      <c r="AB1854" s="166">
        <v>0</v>
      </c>
      <c r="AC1854" s="166">
        <v>0</v>
      </c>
      <c r="AD1854" s="166">
        <v>0</v>
      </c>
      <c r="AE1854" s="166">
        <v>0</v>
      </c>
      <c r="AF1854" s="166">
        <v>0</v>
      </c>
      <c r="AG1854" s="166">
        <v>0</v>
      </c>
      <c r="AH1854" s="166">
        <v>0</v>
      </c>
      <c r="AI1854" s="166">
        <v>0</v>
      </c>
      <c r="AJ1854" s="166">
        <v>0</v>
      </c>
      <c r="AK1854" s="166">
        <v>0</v>
      </c>
      <c r="AL1854" s="166">
        <v>0</v>
      </c>
      <c r="AM1854" s="166">
        <v>0</v>
      </c>
      <c r="AN1854" s="166">
        <v>0</v>
      </c>
      <c r="AO1854" s="166">
        <v>0</v>
      </c>
      <c r="AP1854" s="166">
        <v>0</v>
      </c>
      <c r="AQ1854" s="166">
        <v>0</v>
      </c>
      <c r="AR1854" s="166">
        <v>0</v>
      </c>
      <c r="AS1854" s="166">
        <v>0</v>
      </c>
      <c r="AT1854" s="166">
        <v>0</v>
      </c>
      <c r="AU1854" s="166">
        <v>0</v>
      </c>
      <c r="AV1854" s="166">
        <v>0</v>
      </c>
      <c r="AW1854" s="166">
        <v>0</v>
      </c>
      <c r="AX1854" s="166">
        <v>0</v>
      </c>
      <c r="AY1854" s="166">
        <v>0</v>
      </c>
      <c r="AZ1854" s="166">
        <v>0</v>
      </c>
      <c r="BA1854" s="166">
        <v>0</v>
      </c>
      <c r="BB1854" s="166">
        <v>0</v>
      </c>
      <c r="BC1854" s="166">
        <v>0</v>
      </c>
      <c r="BD1854" s="166">
        <v>0</v>
      </c>
      <c r="BE1854" s="166">
        <v>0</v>
      </c>
      <c r="BF1854" s="166">
        <v>0</v>
      </c>
      <c r="BG1854" s="166">
        <v>0</v>
      </c>
      <c r="BH1854" s="166">
        <v>0</v>
      </c>
      <c r="BI1854" s="166">
        <v>0</v>
      </c>
      <c r="BJ1854" s="166">
        <v>0</v>
      </c>
      <c r="BK1854" s="166">
        <v>0</v>
      </c>
      <c r="BL1854" s="166">
        <v>0</v>
      </c>
      <c r="BM1854" s="166">
        <v>0</v>
      </c>
      <c r="BN1854" s="166">
        <v>0</v>
      </c>
      <c r="BO1854" s="166">
        <v>0</v>
      </c>
      <c r="BP1854" s="166">
        <v>0</v>
      </c>
      <c r="BQ1854" s="166">
        <v>0</v>
      </c>
      <c r="BR1854" s="166">
        <v>4555236.14642803</v>
      </c>
      <c r="BS1854" s="166">
        <v>4555236.14642803</v>
      </c>
      <c r="BT1854" s="168">
        <v>0.70823195131973704</v>
      </c>
      <c r="BU1854" s="166">
        <v>336887.90083685197</v>
      </c>
      <c r="BV1854" s="166">
        <v>3226163.7847069199</v>
      </c>
      <c r="BW1854" s="166">
        <v>0</v>
      </c>
      <c r="BX1854" s="166">
        <v>0</v>
      </c>
      <c r="BY1854" s="166">
        <v>0</v>
      </c>
      <c r="BZ1854" s="166">
        <v>0</v>
      </c>
      <c r="CA1854" s="166">
        <v>0</v>
      </c>
      <c r="CB1854" s="166">
        <v>0</v>
      </c>
      <c r="CC1854" s="166">
        <v>0</v>
      </c>
      <c r="CD1854" s="166">
        <v>0</v>
      </c>
      <c r="CE1854" s="166">
        <v>0</v>
      </c>
      <c r="CF1854" s="166">
        <v>0</v>
      </c>
      <c r="CG1854" s="166">
        <v>0</v>
      </c>
      <c r="CH1854" s="166">
        <v>0</v>
      </c>
      <c r="CI1854" s="166">
        <v>0</v>
      </c>
      <c r="CJ1854" s="166">
        <v>0</v>
      </c>
      <c r="CK1854" s="166">
        <v>0</v>
      </c>
      <c r="CL1854" s="166">
        <v>0</v>
      </c>
      <c r="CM1854" s="166">
        <v>0</v>
      </c>
      <c r="CN1854" s="166">
        <v>0</v>
      </c>
      <c r="CO1854" s="166">
        <v>0</v>
      </c>
      <c r="CP1854" s="166">
        <v>0</v>
      </c>
      <c r="CQ1854" s="166">
        <v>0</v>
      </c>
      <c r="CR1854" s="166">
        <v>0</v>
      </c>
      <c r="CS1854" s="166">
        <v>0</v>
      </c>
      <c r="CT1854" s="166">
        <v>0</v>
      </c>
      <c r="CU1854" s="166">
        <v>0</v>
      </c>
      <c r="CV1854" s="166">
        <v>0</v>
      </c>
      <c r="CW1854" s="166">
        <v>0</v>
      </c>
      <c r="CX1854" s="166">
        <v>0</v>
      </c>
      <c r="CY1854" s="166">
        <v>3226163.7847069199</v>
      </c>
      <c r="CZ1854" s="166">
        <v>3226163.7847069199</v>
      </c>
    </row>
    <row r="1855" spans="1:104" x14ac:dyDescent="0.2">
      <c r="A1855" s="167" t="s">
        <v>1103</v>
      </c>
      <c r="B1855" s="166">
        <v>4688298.8099999996</v>
      </c>
      <c r="C1855" s="166">
        <v>4688298.8099999996</v>
      </c>
      <c r="D1855" s="166">
        <v>0</v>
      </c>
      <c r="E1855" s="166">
        <v>0</v>
      </c>
      <c r="F1855" s="166">
        <v>0</v>
      </c>
      <c r="G1855" s="166">
        <v>0</v>
      </c>
      <c r="H1855" s="166">
        <v>0</v>
      </c>
      <c r="I1855" s="166">
        <v>0</v>
      </c>
      <c r="J1855" s="166">
        <v>0</v>
      </c>
      <c r="K1855" s="166">
        <v>0</v>
      </c>
      <c r="L1855" s="166">
        <v>0</v>
      </c>
      <c r="M1855" s="166">
        <v>0</v>
      </c>
      <c r="N1855" s="166">
        <v>0</v>
      </c>
      <c r="O1855" s="166">
        <v>0</v>
      </c>
      <c r="P1855" s="166">
        <v>0</v>
      </c>
      <c r="Q1855" s="166">
        <v>0</v>
      </c>
      <c r="R1855" s="166">
        <v>0</v>
      </c>
      <c r="S1855" s="166">
        <v>0</v>
      </c>
      <c r="T1855" s="166">
        <v>0</v>
      </c>
      <c r="U1855" s="166">
        <v>0</v>
      </c>
      <c r="V1855" s="166">
        <v>0</v>
      </c>
      <c r="W1855" s="166">
        <v>0</v>
      </c>
      <c r="X1855" s="166">
        <v>0</v>
      </c>
      <c r="Y1855" s="166">
        <v>0</v>
      </c>
      <c r="Z1855" s="166">
        <v>0</v>
      </c>
      <c r="AA1855" s="166">
        <v>0</v>
      </c>
      <c r="AB1855" s="166">
        <v>0</v>
      </c>
      <c r="AC1855" s="166">
        <v>0</v>
      </c>
      <c r="AD1855" s="166">
        <v>0</v>
      </c>
      <c r="AE1855" s="166">
        <v>0</v>
      </c>
      <c r="AF1855" s="166">
        <v>0</v>
      </c>
      <c r="AG1855" s="166">
        <v>0</v>
      </c>
      <c r="AH1855" s="166">
        <v>0</v>
      </c>
      <c r="AI1855" s="166">
        <v>0</v>
      </c>
      <c r="AJ1855" s="166">
        <v>0</v>
      </c>
      <c r="AK1855" s="166">
        <v>0</v>
      </c>
      <c r="AL1855" s="166">
        <v>0</v>
      </c>
      <c r="AM1855" s="166">
        <v>0</v>
      </c>
      <c r="AN1855" s="166">
        <v>0</v>
      </c>
      <c r="AO1855" s="166">
        <v>0</v>
      </c>
      <c r="AP1855" s="166">
        <v>0</v>
      </c>
      <c r="AQ1855" s="166">
        <v>0</v>
      </c>
      <c r="AR1855" s="166">
        <v>0</v>
      </c>
      <c r="AS1855" s="166">
        <v>0</v>
      </c>
      <c r="AT1855" s="166">
        <v>0</v>
      </c>
      <c r="AU1855" s="166">
        <v>0</v>
      </c>
      <c r="AV1855" s="166">
        <v>0</v>
      </c>
      <c r="AW1855" s="166">
        <v>0</v>
      </c>
      <c r="AX1855" s="166">
        <v>0</v>
      </c>
      <c r="AY1855" s="166">
        <v>0</v>
      </c>
      <c r="AZ1855" s="166">
        <v>0</v>
      </c>
      <c r="BA1855" s="166">
        <v>0</v>
      </c>
      <c r="BB1855" s="166">
        <v>0</v>
      </c>
      <c r="BC1855" s="166">
        <v>0</v>
      </c>
      <c r="BD1855" s="166">
        <v>0</v>
      </c>
      <c r="BE1855" s="166">
        <v>0</v>
      </c>
      <c r="BF1855" s="166">
        <v>0</v>
      </c>
      <c r="BG1855" s="166">
        <v>0</v>
      </c>
      <c r="BH1855" s="166">
        <v>0</v>
      </c>
      <c r="BI1855" s="166">
        <v>0</v>
      </c>
      <c r="BJ1855" s="166">
        <v>0</v>
      </c>
      <c r="BK1855" s="166">
        <v>0</v>
      </c>
      <c r="BL1855" s="166">
        <v>0</v>
      </c>
      <c r="BM1855" s="166">
        <v>0</v>
      </c>
      <c r="BN1855" s="166">
        <v>0</v>
      </c>
      <c r="BO1855" s="166">
        <v>0</v>
      </c>
      <c r="BP1855" s="166">
        <v>0</v>
      </c>
      <c r="BQ1855" s="166">
        <v>0</v>
      </c>
      <c r="BR1855" s="166">
        <v>4688298.8099999996</v>
      </c>
      <c r="BS1855" s="166">
        <v>4688298.8099999996</v>
      </c>
      <c r="BT1855" s="168">
        <v>0</v>
      </c>
      <c r="BU1855" s="166">
        <v>350247.04988176801</v>
      </c>
      <c r="BV1855" s="166">
        <v>3358868.0386865898</v>
      </c>
      <c r="BW1855" s="166">
        <v>0</v>
      </c>
      <c r="BX1855" s="166">
        <v>0</v>
      </c>
      <c r="BY1855" s="166">
        <v>0</v>
      </c>
      <c r="BZ1855" s="166">
        <v>0</v>
      </c>
      <c r="CA1855" s="166">
        <v>0</v>
      </c>
      <c r="CB1855" s="166">
        <v>0</v>
      </c>
      <c r="CC1855" s="166">
        <v>0</v>
      </c>
      <c r="CD1855" s="166">
        <v>0</v>
      </c>
      <c r="CE1855" s="166">
        <v>0</v>
      </c>
      <c r="CF1855" s="166">
        <v>0</v>
      </c>
      <c r="CG1855" s="166">
        <v>0</v>
      </c>
      <c r="CH1855" s="166">
        <v>0</v>
      </c>
      <c r="CI1855" s="166">
        <v>0</v>
      </c>
      <c r="CJ1855" s="166">
        <v>0</v>
      </c>
      <c r="CK1855" s="166">
        <v>0</v>
      </c>
      <c r="CL1855" s="166">
        <v>0</v>
      </c>
      <c r="CM1855" s="166">
        <v>0</v>
      </c>
      <c r="CN1855" s="166">
        <v>0</v>
      </c>
      <c r="CO1855" s="166">
        <v>0</v>
      </c>
      <c r="CP1855" s="166">
        <v>0</v>
      </c>
      <c r="CQ1855" s="166">
        <v>0</v>
      </c>
      <c r="CR1855" s="166">
        <v>0</v>
      </c>
      <c r="CS1855" s="166">
        <v>0</v>
      </c>
      <c r="CT1855" s="166">
        <v>0</v>
      </c>
      <c r="CU1855" s="166">
        <v>0</v>
      </c>
      <c r="CV1855" s="166">
        <v>0</v>
      </c>
      <c r="CW1855" s="166">
        <v>0</v>
      </c>
      <c r="CX1855" s="166">
        <v>0</v>
      </c>
      <c r="CY1855" s="166">
        <v>3358868.0386865898</v>
      </c>
      <c r="CZ1855" s="166">
        <v>3358868.0386865898</v>
      </c>
    </row>
    <row r="1856" spans="1:104" x14ac:dyDescent="0.2">
      <c r="A1856" s="167" t="s">
        <v>265</v>
      </c>
    </row>
    <row r="1857" spans="1:104" x14ac:dyDescent="0.2">
      <c r="A1857" s="167" t="s">
        <v>266</v>
      </c>
      <c r="B1857" s="166">
        <v>1.9891948487612998E-11</v>
      </c>
      <c r="C1857" s="166">
        <v>1.9891948487612998E-11</v>
      </c>
      <c r="D1857" s="166">
        <v>0</v>
      </c>
      <c r="E1857" s="166">
        <v>0</v>
      </c>
      <c r="F1857" s="166">
        <v>0</v>
      </c>
      <c r="G1857" s="166">
        <v>0</v>
      </c>
      <c r="H1857" s="166">
        <v>0</v>
      </c>
      <c r="I1857" s="166">
        <v>0</v>
      </c>
      <c r="J1857" s="166">
        <v>0</v>
      </c>
      <c r="K1857" s="166">
        <v>0</v>
      </c>
      <c r="L1857" s="166">
        <v>0</v>
      </c>
      <c r="M1857" s="166">
        <v>0</v>
      </c>
      <c r="N1857" s="166">
        <v>0</v>
      </c>
      <c r="O1857" s="166">
        <v>0</v>
      </c>
      <c r="P1857" s="166">
        <v>0</v>
      </c>
      <c r="Q1857" s="166">
        <v>0</v>
      </c>
      <c r="R1857" s="166">
        <v>0</v>
      </c>
      <c r="S1857" s="166">
        <v>0</v>
      </c>
      <c r="T1857" s="166">
        <v>0</v>
      </c>
      <c r="U1857" s="166">
        <v>0</v>
      </c>
      <c r="V1857" s="166">
        <v>0</v>
      </c>
      <c r="W1857" s="166">
        <v>0</v>
      </c>
      <c r="X1857" s="166">
        <v>0</v>
      </c>
      <c r="Y1857" s="166">
        <v>0</v>
      </c>
      <c r="Z1857" s="166">
        <v>0</v>
      </c>
      <c r="AA1857" s="166">
        <v>0</v>
      </c>
      <c r="AB1857" s="166">
        <v>0</v>
      </c>
      <c r="AC1857" s="166">
        <v>0</v>
      </c>
      <c r="AD1857" s="166">
        <v>0</v>
      </c>
      <c r="AE1857" s="166">
        <v>0</v>
      </c>
      <c r="AF1857" s="166">
        <v>0</v>
      </c>
      <c r="AG1857" s="166">
        <v>0</v>
      </c>
      <c r="AH1857" s="166">
        <v>0</v>
      </c>
      <c r="AI1857" s="166">
        <v>0</v>
      </c>
      <c r="AJ1857" s="166">
        <v>0</v>
      </c>
      <c r="AK1857" s="166">
        <v>0</v>
      </c>
      <c r="AL1857" s="166">
        <v>0</v>
      </c>
      <c r="AM1857" s="166">
        <v>0</v>
      </c>
      <c r="AN1857" s="166">
        <v>0</v>
      </c>
      <c r="AO1857" s="166">
        <v>0</v>
      </c>
      <c r="AP1857" s="166">
        <v>0</v>
      </c>
      <c r="AQ1857" s="166">
        <v>0</v>
      </c>
      <c r="AR1857" s="166">
        <v>0</v>
      </c>
      <c r="AS1857" s="166">
        <v>0</v>
      </c>
      <c r="AT1857" s="166">
        <v>0</v>
      </c>
      <c r="AU1857" s="166">
        <v>0</v>
      </c>
      <c r="AV1857" s="166">
        <v>0</v>
      </c>
      <c r="AW1857" s="166">
        <v>0</v>
      </c>
      <c r="AX1857" s="166">
        <v>0</v>
      </c>
      <c r="AY1857" s="166">
        <v>0</v>
      </c>
      <c r="AZ1857" s="166">
        <v>0</v>
      </c>
      <c r="BA1857" s="166">
        <v>0</v>
      </c>
      <c r="BB1857" s="166">
        <v>0</v>
      </c>
      <c r="BC1857" s="166">
        <v>0</v>
      </c>
      <c r="BD1857" s="166">
        <v>0</v>
      </c>
      <c r="BE1857" s="166">
        <v>0</v>
      </c>
      <c r="BF1857" s="166">
        <v>0</v>
      </c>
      <c r="BG1857" s="166">
        <v>0</v>
      </c>
      <c r="BH1857" s="166">
        <v>0</v>
      </c>
      <c r="BI1857" s="166">
        <v>0</v>
      </c>
      <c r="BJ1857" s="166">
        <v>0</v>
      </c>
      <c r="BK1857" s="166">
        <v>0</v>
      </c>
      <c r="BL1857" s="166">
        <v>0</v>
      </c>
      <c r="BM1857" s="166">
        <v>0</v>
      </c>
      <c r="BN1857" s="166">
        <v>0</v>
      </c>
      <c r="BO1857" s="166">
        <v>0</v>
      </c>
      <c r="BP1857" s="166">
        <v>0</v>
      </c>
      <c r="BQ1857" s="166">
        <v>0</v>
      </c>
      <c r="BR1857" s="166">
        <v>1.9891948487612998E-11</v>
      </c>
      <c r="BS1857" s="166">
        <v>1.9891948487612998E-11</v>
      </c>
      <c r="BT1857" s="168">
        <v>0.999998123540776</v>
      </c>
      <c r="BU1857" s="166">
        <v>4.5972257759545496E-12</v>
      </c>
      <c r="BV1857" s="166">
        <v>1.9891911161182799E-11</v>
      </c>
      <c r="BW1857" s="166">
        <v>0</v>
      </c>
      <c r="BX1857" s="166">
        <v>0</v>
      </c>
      <c r="BY1857" s="166">
        <v>0</v>
      </c>
      <c r="BZ1857" s="166">
        <v>0</v>
      </c>
      <c r="CA1857" s="166">
        <v>0</v>
      </c>
      <c r="CB1857" s="166">
        <v>0</v>
      </c>
      <c r="CC1857" s="166">
        <v>0</v>
      </c>
      <c r="CD1857" s="166">
        <v>0</v>
      </c>
      <c r="CE1857" s="166">
        <v>0</v>
      </c>
      <c r="CF1857" s="166">
        <v>0</v>
      </c>
      <c r="CG1857" s="166">
        <v>0</v>
      </c>
      <c r="CH1857" s="166">
        <v>0</v>
      </c>
      <c r="CI1857" s="166">
        <v>0</v>
      </c>
      <c r="CJ1857" s="166">
        <v>0</v>
      </c>
      <c r="CK1857" s="166">
        <v>0</v>
      </c>
      <c r="CL1857" s="166">
        <v>0</v>
      </c>
      <c r="CM1857" s="166">
        <v>0</v>
      </c>
      <c r="CN1857" s="166">
        <v>0</v>
      </c>
      <c r="CO1857" s="166">
        <v>0</v>
      </c>
      <c r="CP1857" s="166">
        <v>0</v>
      </c>
      <c r="CQ1857" s="166">
        <v>0</v>
      </c>
      <c r="CR1857" s="166">
        <v>0</v>
      </c>
      <c r="CS1857" s="166">
        <v>0</v>
      </c>
      <c r="CT1857" s="166">
        <v>0</v>
      </c>
      <c r="CU1857" s="166">
        <v>0</v>
      </c>
      <c r="CV1857" s="166">
        <v>0</v>
      </c>
      <c r="CW1857" s="166">
        <v>0</v>
      </c>
      <c r="CX1857" s="166">
        <v>0</v>
      </c>
      <c r="CY1857" s="166">
        <v>1.9891911161182799E-11</v>
      </c>
      <c r="CZ1857" s="166">
        <v>1.9891911161182799E-11</v>
      </c>
    </row>
    <row r="1858" spans="1:104" x14ac:dyDescent="0.2">
      <c r="A1858" s="167" t="s">
        <v>267</v>
      </c>
      <c r="B1858" s="166">
        <v>1.7283016227988899E-12</v>
      </c>
      <c r="C1858" s="166">
        <v>1.7283016227988899E-12</v>
      </c>
      <c r="D1858" s="166">
        <v>0</v>
      </c>
      <c r="E1858" s="166">
        <v>0</v>
      </c>
      <c r="F1858" s="166">
        <v>0</v>
      </c>
      <c r="G1858" s="166">
        <v>0</v>
      </c>
      <c r="H1858" s="166">
        <v>0</v>
      </c>
      <c r="I1858" s="166">
        <v>0</v>
      </c>
      <c r="J1858" s="166">
        <v>0</v>
      </c>
      <c r="K1858" s="166">
        <v>0</v>
      </c>
      <c r="L1858" s="166">
        <v>0</v>
      </c>
      <c r="M1858" s="166">
        <v>0</v>
      </c>
      <c r="N1858" s="166">
        <v>0</v>
      </c>
      <c r="O1858" s="166">
        <v>0</v>
      </c>
      <c r="P1858" s="166">
        <v>0</v>
      </c>
      <c r="Q1858" s="166">
        <v>0</v>
      </c>
      <c r="R1858" s="166">
        <v>0</v>
      </c>
      <c r="S1858" s="166">
        <v>0</v>
      </c>
      <c r="T1858" s="166">
        <v>0</v>
      </c>
      <c r="U1858" s="166">
        <v>0</v>
      </c>
      <c r="V1858" s="166">
        <v>0</v>
      </c>
      <c r="W1858" s="166">
        <v>0</v>
      </c>
      <c r="X1858" s="166">
        <v>0</v>
      </c>
      <c r="Y1858" s="166">
        <v>0</v>
      </c>
      <c r="Z1858" s="166">
        <v>0</v>
      </c>
      <c r="AA1858" s="166">
        <v>0</v>
      </c>
      <c r="AB1858" s="166">
        <v>0</v>
      </c>
      <c r="AC1858" s="166">
        <v>0</v>
      </c>
      <c r="AD1858" s="166">
        <v>0</v>
      </c>
      <c r="AE1858" s="166">
        <v>0</v>
      </c>
      <c r="AF1858" s="166">
        <v>0</v>
      </c>
      <c r="AG1858" s="166">
        <v>0</v>
      </c>
      <c r="AH1858" s="166">
        <v>0</v>
      </c>
      <c r="AI1858" s="166">
        <v>0</v>
      </c>
      <c r="AJ1858" s="166">
        <v>0</v>
      </c>
      <c r="AK1858" s="166">
        <v>0</v>
      </c>
      <c r="AL1858" s="166">
        <v>0</v>
      </c>
      <c r="AM1858" s="166">
        <v>0</v>
      </c>
      <c r="AN1858" s="166">
        <v>0</v>
      </c>
      <c r="AO1858" s="166">
        <v>0</v>
      </c>
      <c r="AP1858" s="166">
        <v>0</v>
      </c>
      <c r="AQ1858" s="166">
        <v>0</v>
      </c>
      <c r="AR1858" s="166">
        <v>0</v>
      </c>
      <c r="AS1858" s="166">
        <v>0</v>
      </c>
      <c r="AT1858" s="166">
        <v>0</v>
      </c>
      <c r="AU1858" s="166">
        <v>0</v>
      </c>
      <c r="AV1858" s="166">
        <v>0</v>
      </c>
      <c r="AW1858" s="166">
        <v>0</v>
      </c>
      <c r="AX1858" s="166">
        <v>0</v>
      </c>
      <c r="AY1858" s="166">
        <v>0</v>
      </c>
      <c r="AZ1858" s="166">
        <v>0</v>
      </c>
      <c r="BA1858" s="166">
        <v>0</v>
      </c>
      <c r="BB1858" s="166">
        <v>0</v>
      </c>
      <c r="BC1858" s="166">
        <v>0</v>
      </c>
      <c r="BD1858" s="166">
        <v>0</v>
      </c>
      <c r="BE1858" s="166">
        <v>0</v>
      </c>
      <c r="BF1858" s="166">
        <v>0</v>
      </c>
      <c r="BG1858" s="166">
        <v>0</v>
      </c>
      <c r="BH1858" s="166">
        <v>0</v>
      </c>
      <c r="BI1858" s="166">
        <v>0</v>
      </c>
      <c r="BJ1858" s="166">
        <v>0</v>
      </c>
      <c r="BK1858" s="166">
        <v>0</v>
      </c>
      <c r="BL1858" s="166">
        <v>0</v>
      </c>
      <c r="BM1858" s="166">
        <v>0</v>
      </c>
      <c r="BN1858" s="166">
        <v>0</v>
      </c>
      <c r="BO1858" s="166">
        <v>0</v>
      </c>
      <c r="BP1858" s="166">
        <v>0</v>
      </c>
      <c r="BQ1858" s="166">
        <v>0</v>
      </c>
      <c r="BR1858" s="166">
        <v>1.7283016227988899E-12</v>
      </c>
      <c r="BS1858" s="166">
        <v>1.7283016227988899E-12</v>
      </c>
      <c r="BT1858" s="168">
        <v>0.95155251400307195</v>
      </c>
      <c r="BU1858" s="166">
        <v>3.8150050095872402E-13</v>
      </c>
      <c r="BV1858" s="166">
        <v>1.64456975412987E-12</v>
      </c>
      <c r="BW1858" s="166">
        <v>0</v>
      </c>
      <c r="BX1858" s="166">
        <v>0</v>
      </c>
      <c r="BY1858" s="166">
        <v>0</v>
      </c>
      <c r="BZ1858" s="166">
        <v>0</v>
      </c>
      <c r="CA1858" s="166">
        <v>0</v>
      </c>
      <c r="CB1858" s="166">
        <v>0</v>
      </c>
      <c r="CC1858" s="166">
        <v>0</v>
      </c>
      <c r="CD1858" s="166">
        <v>0</v>
      </c>
      <c r="CE1858" s="166">
        <v>0</v>
      </c>
      <c r="CF1858" s="166">
        <v>0</v>
      </c>
      <c r="CG1858" s="166">
        <v>0</v>
      </c>
      <c r="CH1858" s="166">
        <v>0</v>
      </c>
      <c r="CI1858" s="166">
        <v>0</v>
      </c>
      <c r="CJ1858" s="166">
        <v>0</v>
      </c>
      <c r="CK1858" s="166">
        <v>0</v>
      </c>
      <c r="CL1858" s="166">
        <v>0</v>
      </c>
      <c r="CM1858" s="166">
        <v>0</v>
      </c>
      <c r="CN1858" s="166">
        <v>0</v>
      </c>
      <c r="CO1858" s="166">
        <v>0</v>
      </c>
      <c r="CP1858" s="166">
        <v>0</v>
      </c>
      <c r="CQ1858" s="166">
        <v>0</v>
      </c>
      <c r="CR1858" s="166">
        <v>0</v>
      </c>
      <c r="CS1858" s="166">
        <v>0</v>
      </c>
      <c r="CT1858" s="166">
        <v>0</v>
      </c>
      <c r="CU1858" s="166">
        <v>0</v>
      </c>
      <c r="CV1858" s="166">
        <v>0</v>
      </c>
      <c r="CW1858" s="166">
        <v>0</v>
      </c>
      <c r="CX1858" s="166">
        <v>0</v>
      </c>
      <c r="CY1858" s="166">
        <v>1.64456975412987E-12</v>
      </c>
      <c r="CZ1858" s="166">
        <v>1.64456975412987E-12</v>
      </c>
    </row>
    <row r="1859" spans="1:104" x14ac:dyDescent="0.2">
      <c r="A1859" s="167" t="s">
        <v>268</v>
      </c>
      <c r="B1859" s="166">
        <v>1.8376791089112299E-12</v>
      </c>
      <c r="C1859" s="166">
        <v>1.8376791089112299E-12</v>
      </c>
      <c r="D1859" s="166">
        <v>0</v>
      </c>
      <c r="E1859" s="166">
        <v>0</v>
      </c>
      <c r="F1859" s="166">
        <v>0</v>
      </c>
      <c r="G1859" s="166">
        <v>0</v>
      </c>
      <c r="H1859" s="166">
        <v>0</v>
      </c>
      <c r="I1859" s="166">
        <v>0</v>
      </c>
      <c r="J1859" s="166">
        <v>0</v>
      </c>
      <c r="K1859" s="166">
        <v>0</v>
      </c>
      <c r="L1859" s="166">
        <v>0</v>
      </c>
      <c r="M1859" s="166">
        <v>0</v>
      </c>
      <c r="N1859" s="166">
        <v>0</v>
      </c>
      <c r="O1859" s="166">
        <v>0</v>
      </c>
      <c r="P1859" s="166">
        <v>0</v>
      </c>
      <c r="Q1859" s="166">
        <v>0</v>
      </c>
      <c r="R1859" s="166">
        <v>0</v>
      </c>
      <c r="S1859" s="166">
        <v>0</v>
      </c>
      <c r="T1859" s="166">
        <v>0</v>
      </c>
      <c r="U1859" s="166">
        <v>0</v>
      </c>
      <c r="V1859" s="166">
        <v>0</v>
      </c>
      <c r="W1859" s="166">
        <v>0</v>
      </c>
      <c r="X1859" s="166">
        <v>0</v>
      </c>
      <c r="Y1859" s="166">
        <v>0</v>
      </c>
      <c r="Z1859" s="166">
        <v>0</v>
      </c>
      <c r="AA1859" s="166">
        <v>0</v>
      </c>
      <c r="AB1859" s="166">
        <v>0</v>
      </c>
      <c r="AC1859" s="166">
        <v>0</v>
      </c>
      <c r="AD1859" s="166">
        <v>0</v>
      </c>
      <c r="AE1859" s="166">
        <v>0</v>
      </c>
      <c r="AF1859" s="166">
        <v>0</v>
      </c>
      <c r="AG1859" s="166">
        <v>0</v>
      </c>
      <c r="AH1859" s="166">
        <v>0</v>
      </c>
      <c r="AI1859" s="166">
        <v>0</v>
      </c>
      <c r="AJ1859" s="166">
        <v>0</v>
      </c>
      <c r="AK1859" s="166">
        <v>0</v>
      </c>
      <c r="AL1859" s="166">
        <v>0</v>
      </c>
      <c r="AM1859" s="166">
        <v>0</v>
      </c>
      <c r="AN1859" s="166">
        <v>0</v>
      </c>
      <c r="AO1859" s="166">
        <v>0</v>
      </c>
      <c r="AP1859" s="166">
        <v>0</v>
      </c>
      <c r="AQ1859" s="166">
        <v>0</v>
      </c>
      <c r="AR1859" s="166">
        <v>0</v>
      </c>
      <c r="AS1859" s="166">
        <v>0</v>
      </c>
      <c r="AT1859" s="166">
        <v>0</v>
      </c>
      <c r="AU1859" s="166">
        <v>0</v>
      </c>
      <c r="AV1859" s="166">
        <v>0</v>
      </c>
      <c r="AW1859" s="166">
        <v>0</v>
      </c>
      <c r="AX1859" s="166">
        <v>0</v>
      </c>
      <c r="AY1859" s="166">
        <v>0</v>
      </c>
      <c r="AZ1859" s="166">
        <v>0</v>
      </c>
      <c r="BA1859" s="166">
        <v>0</v>
      </c>
      <c r="BB1859" s="166">
        <v>0</v>
      </c>
      <c r="BC1859" s="166">
        <v>0</v>
      </c>
      <c r="BD1859" s="166">
        <v>0</v>
      </c>
      <c r="BE1859" s="166">
        <v>0</v>
      </c>
      <c r="BF1859" s="166">
        <v>0</v>
      </c>
      <c r="BG1859" s="166">
        <v>0</v>
      </c>
      <c r="BH1859" s="166">
        <v>0</v>
      </c>
      <c r="BI1859" s="166">
        <v>0</v>
      </c>
      <c r="BJ1859" s="166">
        <v>0</v>
      </c>
      <c r="BK1859" s="166">
        <v>0</v>
      </c>
      <c r="BL1859" s="166">
        <v>0</v>
      </c>
      <c r="BM1859" s="166">
        <v>0</v>
      </c>
      <c r="BN1859" s="166">
        <v>0</v>
      </c>
      <c r="BO1859" s="166">
        <v>0</v>
      </c>
      <c r="BP1859" s="166">
        <v>0</v>
      </c>
      <c r="BQ1859" s="166">
        <v>0</v>
      </c>
      <c r="BR1859" s="166">
        <v>1.8376791089112299E-12</v>
      </c>
      <c r="BS1859" s="166">
        <v>1.8376791089112299E-12</v>
      </c>
      <c r="BT1859" s="168">
        <v>0.97647221562039299</v>
      </c>
      <c r="BU1859" s="166">
        <v>4.1540914470146698E-13</v>
      </c>
      <c r="BV1859" s="166">
        <v>1.79444259107785E-12</v>
      </c>
      <c r="BW1859" s="166">
        <v>0</v>
      </c>
      <c r="BX1859" s="166">
        <v>0</v>
      </c>
      <c r="BY1859" s="166">
        <v>0</v>
      </c>
      <c r="BZ1859" s="166">
        <v>0</v>
      </c>
      <c r="CA1859" s="166">
        <v>0</v>
      </c>
      <c r="CB1859" s="166">
        <v>0</v>
      </c>
      <c r="CC1859" s="166">
        <v>0</v>
      </c>
      <c r="CD1859" s="166">
        <v>0</v>
      </c>
      <c r="CE1859" s="166">
        <v>0</v>
      </c>
      <c r="CF1859" s="166">
        <v>0</v>
      </c>
      <c r="CG1859" s="166">
        <v>0</v>
      </c>
      <c r="CH1859" s="166">
        <v>0</v>
      </c>
      <c r="CI1859" s="166">
        <v>0</v>
      </c>
      <c r="CJ1859" s="166">
        <v>0</v>
      </c>
      <c r="CK1859" s="166">
        <v>0</v>
      </c>
      <c r="CL1859" s="166">
        <v>0</v>
      </c>
      <c r="CM1859" s="166">
        <v>0</v>
      </c>
      <c r="CN1859" s="166">
        <v>0</v>
      </c>
      <c r="CO1859" s="166">
        <v>0</v>
      </c>
      <c r="CP1859" s="166">
        <v>0</v>
      </c>
      <c r="CQ1859" s="166">
        <v>0</v>
      </c>
      <c r="CR1859" s="166">
        <v>0</v>
      </c>
      <c r="CS1859" s="166">
        <v>0</v>
      </c>
      <c r="CT1859" s="166">
        <v>0</v>
      </c>
      <c r="CU1859" s="166">
        <v>0</v>
      </c>
      <c r="CV1859" s="166">
        <v>0</v>
      </c>
      <c r="CW1859" s="166">
        <v>0</v>
      </c>
      <c r="CX1859" s="166">
        <v>0</v>
      </c>
      <c r="CY1859" s="166">
        <v>1.79444259107785E-12</v>
      </c>
      <c r="CZ1859" s="166">
        <v>1.79444259107785E-12</v>
      </c>
    </row>
    <row r="1860" spans="1:104" x14ac:dyDescent="0.2">
      <c r="A1860" s="167" t="s">
        <v>269</v>
      </c>
      <c r="B1860" s="166">
        <v>6.7401370504810798E-12</v>
      </c>
      <c r="C1860" s="166">
        <v>6.7401370504810798E-12</v>
      </c>
      <c r="D1860" s="166">
        <v>0</v>
      </c>
      <c r="E1860" s="166">
        <v>0</v>
      </c>
      <c r="F1860" s="166">
        <v>0</v>
      </c>
      <c r="G1860" s="166">
        <v>0</v>
      </c>
      <c r="H1860" s="166">
        <v>0</v>
      </c>
      <c r="I1860" s="166">
        <v>0</v>
      </c>
      <c r="J1860" s="166">
        <v>0</v>
      </c>
      <c r="K1860" s="166">
        <v>0</v>
      </c>
      <c r="L1860" s="166">
        <v>0</v>
      </c>
      <c r="M1860" s="166">
        <v>0</v>
      </c>
      <c r="N1860" s="166">
        <v>0</v>
      </c>
      <c r="O1860" s="166">
        <v>0</v>
      </c>
      <c r="P1860" s="166">
        <v>0</v>
      </c>
      <c r="Q1860" s="166">
        <v>0</v>
      </c>
      <c r="R1860" s="166">
        <v>0</v>
      </c>
      <c r="S1860" s="166">
        <v>0</v>
      </c>
      <c r="T1860" s="166">
        <v>0</v>
      </c>
      <c r="U1860" s="166">
        <v>0</v>
      </c>
      <c r="V1860" s="166">
        <v>0</v>
      </c>
      <c r="W1860" s="166">
        <v>0</v>
      </c>
      <c r="X1860" s="166">
        <v>0</v>
      </c>
      <c r="Y1860" s="166">
        <v>0</v>
      </c>
      <c r="Z1860" s="166">
        <v>0</v>
      </c>
      <c r="AA1860" s="166">
        <v>0</v>
      </c>
      <c r="AB1860" s="166">
        <v>0</v>
      </c>
      <c r="AC1860" s="166">
        <v>0</v>
      </c>
      <c r="AD1860" s="166">
        <v>0</v>
      </c>
      <c r="AE1860" s="166">
        <v>0</v>
      </c>
      <c r="AF1860" s="166">
        <v>0</v>
      </c>
      <c r="AG1860" s="166">
        <v>0</v>
      </c>
      <c r="AH1860" s="166">
        <v>0</v>
      </c>
      <c r="AI1860" s="166">
        <v>0</v>
      </c>
      <c r="AJ1860" s="166">
        <v>0</v>
      </c>
      <c r="AK1860" s="166">
        <v>0</v>
      </c>
      <c r="AL1860" s="166">
        <v>0</v>
      </c>
      <c r="AM1860" s="166">
        <v>0</v>
      </c>
      <c r="AN1860" s="166">
        <v>0</v>
      </c>
      <c r="AO1860" s="166">
        <v>0</v>
      </c>
      <c r="AP1860" s="166">
        <v>0</v>
      </c>
      <c r="AQ1860" s="166">
        <v>0</v>
      </c>
      <c r="AR1860" s="166">
        <v>0</v>
      </c>
      <c r="AS1860" s="166">
        <v>0</v>
      </c>
      <c r="AT1860" s="166">
        <v>0</v>
      </c>
      <c r="AU1860" s="166">
        <v>0</v>
      </c>
      <c r="AV1860" s="166">
        <v>0</v>
      </c>
      <c r="AW1860" s="166">
        <v>0</v>
      </c>
      <c r="AX1860" s="166">
        <v>0</v>
      </c>
      <c r="AY1860" s="166">
        <v>0</v>
      </c>
      <c r="AZ1860" s="166">
        <v>0</v>
      </c>
      <c r="BA1860" s="166">
        <v>0</v>
      </c>
      <c r="BB1860" s="166">
        <v>0</v>
      </c>
      <c r="BC1860" s="166">
        <v>0</v>
      </c>
      <c r="BD1860" s="166">
        <v>0</v>
      </c>
      <c r="BE1860" s="166">
        <v>0</v>
      </c>
      <c r="BF1860" s="166">
        <v>0</v>
      </c>
      <c r="BG1860" s="166">
        <v>0</v>
      </c>
      <c r="BH1860" s="166">
        <v>0</v>
      </c>
      <c r="BI1860" s="166">
        <v>0</v>
      </c>
      <c r="BJ1860" s="166">
        <v>0</v>
      </c>
      <c r="BK1860" s="166">
        <v>0</v>
      </c>
      <c r="BL1860" s="166">
        <v>0</v>
      </c>
      <c r="BM1860" s="166">
        <v>0</v>
      </c>
      <c r="BN1860" s="166">
        <v>0</v>
      </c>
      <c r="BO1860" s="166">
        <v>0</v>
      </c>
      <c r="BP1860" s="166">
        <v>0</v>
      </c>
      <c r="BQ1860" s="166">
        <v>0</v>
      </c>
      <c r="BR1860" s="166">
        <v>6.7401370504810798E-12</v>
      </c>
      <c r="BS1860" s="166">
        <v>6.7401370504810798E-12</v>
      </c>
      <c r="BT1860" s="168">
        <v>0.999998123540776</v>
      </c>
      <c r="BU1860" s="166">
        <v>1.6818472304770001E-12</v>
      </c>
      <c r="BV1860" s="166">
        <v>6.7401244028887496E-12</v>
      </c>
      <c r="BW1860" s="166">
        <v>0</v>
      </c>
      <c r="BX1860" s="166">
        <v>0</v>
      </c>
      <c r="BY1860" s="166">
        <v>0</v>
      </c>
      <c r="BZ1860" s="166">
        <v>0</v>
      </c>
      <c r="CA1860" s="166">
        <v>0</v>
      </c>
      <c r="CB1860" s="166">
        <v>0</v>
      </c>
      <c r="CC1860" s="166">
        <v>0</v>
      </c>
      <c r="CD1860" s="166">
        <v>0</v>
      </c>
      <c r="CE1860" s="166">
        <v>0</v>
      </c>
      <c r="CF1860" s="166">
        <v>0</v>
      </c>
      <c r="CG1860" s="166">
        <v>0</v>
      </c>
      <c r="CH1860" s="166">
        <v>0</v>
      </c>
      <c r="CI1860" s="166">
        <v>0</v>
      </c>
      <c r="CJ1860" s="166">
        <v>0</v>
      </c>
      <c r="CK1860" s="166">
        <v>0</v>
      </c>
      <c r="CL1860" s="166">
        <v>0</v>
      </c>
      <c r="CM1860" s="166">
        <v>0</v>
      </c>
      <c r="CN1860" s="166">
        <v>0</v>
      </c>
      <c r="CO1860" s="166">
        <v>0</v>
      </c>
      <c r="CP1860" s="166">
        <v>0</v>
      </c>
      <c r="CQ1860" s="166">
        <v>0</v>
      </c>
      <c r="CR1860" s="166">
        <v>0</v>
      </c>
      <c r="CS1860" s="166">
        <v>0</v>
      </c>
      <c r="CT1860" s="166">
        <v>0</v>
      </c>
      <c r="CU1860" s="166">
        <v>0</v>
      </c>
      <c r="CV1860" s="166">
        <v>0</v>
      </c>
      <c r="CW1860" s="166">
        <v>0</v>
      </c>
      <c r="CX1860" s="166">
        <v>0</v>
      </c>
      <c r="CY1860" s="166">
        <v>6.7401244028887496E-12</v>
      </c>
      <c r="CZ1860" s="166">
        <v>6.7401244028887496E-12</v>
      </c>
    </row>
    <row r="1861" spans="1:104" x14ac:dyDescent="0.2">
      <c r="A1861" s="167" t="s">
        <v>1104</v>
      </c>
      <c r="B1861" s="166">
        <v>396723.47</v>
      </c>
      <c r="C1861" s="166">
        <v>396723.47</v>
      </c>
      <c r="D1861" s="166">
        <v>0</v>
      </c>
      <c r="E1861" s="166">
        <v>0</v>
      </c>
      <c r="F1861" s="166">
        <v>0</v>
      </c>
      <c r="G1861" s="166">
        <v>0</v>
      </c>
      <c r="H1861" s="166">
        <v>0</v>
      </c>
      <c r="I1861" s="166">
        <v>0</v>
      </c>
      <c r="J1861" s="166">
        <v>0</v>
      </c>
      <c r="K1861" s="166">
        <v>0</v>
      </c>
      <c r="L1861" s="166">
        <v>0</v>
      </c>
      <c r="M1861" s="166">
        <v>0</v>
      </c>
      <c r="N1861" s="166">
        <v>0</v>
      </c>
      <c r="O1861" s="166">
        <v>0</v>
      </c>
      <c r="P1861" s="166">
        <v>0</v>
      </c>
      <c r="Q1861" s="166">
        <v>0</v>
      </c>
      <c r="R1861" s="166">
        <v>0</v>
      </c>
      <c r="S1861" s="166">
        <v>0</v>
      </c>
      <c r="T1861" s="166">
        <v>0</v>
      </c>
      <c r="U1861" s="166">
        <v>0</v>
      </c>
      <c r="V1861" s="166">
        <v>0</v>
      </c>
      <c r="W1861" s="166">
        <v>0</v>
      </c>
      <c r="X1861" s="166">
        <v>0</v>
      </c>
      <c r="Y1861" s="166">
        <v>0</v>
      </c>
      <c r="Z1861" s="166">
        <v>0</v>
      </c>
      <c r="AA1861" s="166">
        <v>0</v>
      </c>
      <c r="AB1861" s="166">
        <v>0</v>
      </c>
      <c r="AC1861" s="166">
        <v>0</v>
      </c>
      <c r="AD1861" s="166">
        <v>0</v>
      </c>
      <c r="AE1861" s="166">
        <v>0</v>
      </c>
      <c r="AF1861" s="166">
        <v>0</v>
      </c>
      <c r="AG1861" s="166">
        <v>0</v>
      </c>
      <c r="AH1861" s="166">
        <v>0</v>
      </c>
      <c r="AI1861" s="166">
        <v>0</v>
      </c>
      <c r="AJ1861" s="166">
        <v>0</v>
      </c>
      <c r="AK1861" s="166">
        <v>0</v>
      </c>
      <c r="AL1861" s="166">
        <v>0</v>
      </c>
      <c r="AM1861" s="166">
        <v>0</v>
      </c>
      <c r="AN1861" s="166">
        <v>0</v>
      </c>
      <c r="AO1861" s="166">
        <v>0</v>
      </c>
      <c r="AP1861" s="166">
        <v>0</v>
      </c>
      <c r="AQ1861" s="166">
        <v>0</v>
      </c>
      <c r="AR1861" s="166">
        <v>0</v>
      </c>
      <c r="AS1861" s="166">
        <v>0</v>
      </c>
      <c r="AT1861" s="166">
        <v>0</v>
      </c>
      <c r="AU1861" s="166">
        <v>0</v>
      </c>
      <c r="AV1861" s="166">
        <v>0</v>
      </c>
      <c r="AW1861" s="166">
        <v>0</v>
      </c>
      <c r="AX1861" s="166">
        <v>0</v>
      </c>
      <c r="AY1861" s="166">
        <v>0</v>
      </c>
      <c r="AZ1861" s="166">
        <v>0</v>
      </c>
      <c r="BA1861" s="166">
        <v>0</v>
      </c>
      <c r="BB1861" s="166">
        <v>0</v>
      </c>
      <c r="BC1861" s="166">
        <v>0</v>
      </c>
      <c r="BD1861" s="166">
        <v>0</v>
      </c>
      <c r="BE1861" s="166">
        <v>0</v>
      </c>
      <c r="BF1861" s="166">
        <v>0</v>
      </c>
      <c r="BG1861" s="166">
        <v>0</v>
      </c>
      <c r="BH1861" s="166">
        <v>0</v>
      </c>
      <c r="BI1861" s="166">
        <v>0</v>
      </c>
      <c r="BJ1861" s="166">
        <v>0</v>
      </c>
      <c r="BK1861" s="166">
        <v>0</v>
      </c>
      <c r="BL1861" s="166">
        <v>0</v>
      </c>
      <c r="BM1861" s="166">
        <v>0</v>
      </c>
      <c r="BN1861" s="166">
        <v>0</v>
      </c>
      <c r="BO1861" s="166">
        <v>0</v>
      </c>
      <c r="BP1861" s="166">
        <v>0</v>
      </c>
      <c r="BQ1861" s="166">
        <v>0</v>
      </c>
      <c r="BR1861" s="166">
        <v>396723.47</v>
      </c>
      <c r="BS1861" s="166">
        <v>396723.47</v>
      </c>
      <c r="BT1861" s="168">
        <v>0.70823195131973704</v>
      </c>
      <c r="BU1861" s="166">
        <v>28261.0257396407</v>
      </c>
      <c r="BV1861" s="166">
        <v>280972.237292437</v>
      </c>
      <c r="BW1861" s="166">
        <v>0</v>
      </c>
      <c r="BX1861" s="166">
        <v>0</v>
      </c>
      <c r="BY1861" s="166">
        <v>0</v>
      </c>
      <c r="BZ1861" s="166">
        <v>0</v>
      </c>
      <c r="CA1861" s="166">
        <v>0</v>
      </c>
      <c r="CB1861" s="166">
        <v>0</v>
      </c>
      <c r="CC1861" s="166">
        <v>0</v>
      </c>
      <c r="CD1861" s="166">
        <v>0</v>
      </c>
      <c r="CE1861" s="166">
        <v>0</v>
      </c>
      <c r="CF1861" s="166">
        <v>0</v>
      </c>
      <c r="CG1861" s="166">
        <v>0</v>
      </c>
      <c r="CH1861" s="166">
        <v>0</v>
      </c>
      <c r="CI1861" s="166">
        <v>0</v>
      </c>
      <c r="CJ1861" s="166">
        <v>0</v>
      </c>
      <c r="CK1861" s="166">
        <v>0</v>
      </c>
      <c r="CL1861" s="166">
        <v>0</v>
      </c>
      <c r="CM1861" s="166">
        <v>0</v>
      </c>
      <c r="CN1861" s="166">
        <v>0</v>
      </c>
      <c r="CO1861" s="166">
        <v>0</v>
      </c>
      <c r="CP1861" s="166">
        <v>0</v>
      </c>
      <c r="CQ1861" s="166">
        <v>0</v>
      </c>
      <c r="CR1861" s="166">
        <v>0</v>
      </c>
      <c r="CS1861" s="166">
        <v>0</v>
      </c>
      <c r="CT1861" s="166">
        <v>0</v>
      </c>
      <c r="CU1861" s="166">
        <v>0</v>
      </c>
      <c r="CV1861" s="166">
        <v>0</v>
      </c>
      <c r="CW1861" s="166">
        <v>0</v>
      </c>
      <c r="CX1861" s="166">
        <v>0</v>
      </c>
      <c r="CY1861" s="166">
        <v>280972.237292437</v>
      </c>
      <c r="CZ1861" s="166">
        <v>280972.237292437</v>
      </c>
    </row>
    <row r="1862" spans="1:104" x14ac:dyDescent="0.2">
      <c r="A1862" s="167" t="s">
        <v>271</v>
      </c>
      <c r="B1862" s="166">
        <v>396723.47</v>
      </c>
      <c r="C1862" s="166">
        <v>396723.47</v>
      </c>
      <c r="D1862" s="166">
        <v>0</v>
      </c>
      <c r="E1862" s="166">
        <v>0</v>
      </c>
      <c r="F1862" s="166">
        <v>0</v>
      </c>
      <c r="G1862" s="166">
        <v>0</v>
      </c>
      <c r="H1862" s="166">
        <v>0</v>
      </c>
      <c r="I1862" s="166">
        <v>0</v>
      </c>
      <c r="J1862" s="166">
        <v>0</v>
      </c>
      <c r="K1862" s="166">
        <v>0</v>
      </c>
      <c r="L1862" s="166">
        <v>0</v>
      </c>
      <c r="M1862" s="166">
        <v>0</v>
      </c>
      <c r="N1862" s="166">
        <v>0</v>
      </c>
      <c r="O1862" s="166">
        <v>0</v>
      </c>
      <c r="P1862" s="166">
        <v>0</v>
      </c>
      <c r="Q1862" s="166">
        <v>0</v>
      </c>
      <c r="R1862" s="166">
        <v>0</v>
      </c>
      <c r="S1862" s="166">
        <v>0</v>
      </c>
      <c r="T1862" s="166">
        <v>0</v>
      </c>
      <c r="U1862" s="166">
        <v>0</v>
      </c>
      <c r="V1862" s="166">
        <v>0</v>
      </c>
      <c r="W1862" s="166">
        <v>0</v>
      </c>
      <c r="X1862" s="166">
        <v>0</v>
      </c>
      <c r="Y1862" s="166">
        <v>0</v>
      </c>
      <c r="Z1862" s="166">
        <v>0</v>
      </c>
      <c r="AA1862" s="166">
        <v>0</v>
      </c>
      <c r="AB1862" s="166">
        <v>0</v>
      </c>
      <c r="AC1862" s="166">
        <v>0</v>
      </c>
      <c r="AD1862" s="166">
        <v>0</v>
      </c>
      <c r="AE1862" s="166">
        <v>0</v>
      </c>
      <c r="AF1862" s="166">
        <v>0</v>
      </c>
      <c r="AG1862" s="166">
        <v>0</v>
      </c>
      <c r="AH1862" s="166">
        <v>0</v>
      </c>
      <c r="AI1862" s="166">
        <v>0</v>
      </c>
      <c r="AJ1862" s="166">
        <v>0</v>
      </c>
      <c r="AK1862" s="166">
        <v>0</v>
      </c>
      <c r="AL1862" s="166">
        <v>0</v>
      </c>
      <c r="AM1862" s="166">
        <v>0</v>
      </c>
      <c r="AN1862" s="166">
        <v>0</v>
      </c>
      <c r="AO1862" s="166">
        <v>0</v>
      </c>
      <c r="AP1862" s="166">
        <v>0</v>
      </c>
      <c r="AQ1862" s="166">
        <v>0</v>
      </c>
      <c r="AR1862" s="166">
        <v>0</v>
      </c>
      <c r="AS1862" s="166">
        <v>0</v>
      </c>
      <c r="AT1862" s="166">
        <v>0</v>
      </c>
      <c r="AU1862" s="166">
        <v>0</v>
      </c>
      <c r="AV1862" s="166">
        <v>0</v>
      </c>
      <c r="AW1862" s="166">
        <v>0</v>
      </c>
      <c r="AX1862" s="166">
        <v>0</v>
      </c>
      <c r="AY1862" s="166">
        <v>0</v>
      </c>
      <c r="AZ1862" s="166">
        <v>0</v>
      </c>
      <c r="BA1862" s="166">
        <v>0</v>
      </c>
      <c r="BB1862" s="166">
        <v>0</v>
      </c>
      <c r="BC1862" s="166">
        <v>0</v>
      </c>
      <c r="BD1862" s="166">
        <v>0</v>
      </c>
      <c r="BE1862" s="166">
        <v>0</v>
      </c>
      <c r="BF1862" s="166">
        <v>0</v>
      </c>
      <c r="BG1862" s="166">
        <v>0</v>
      </c>
      <c r="BH1862" s="166">
        <v>0</v>
      </c>
      <c r="BI1862" s="166">
        <v>0</v>
      </c>
      <c r="BJ1862" s="166">
        <v>0</v>
      </c>
      <c r="BK1862" s="166">
        <v>0</v>
      </c>
      <c r="BL1862" s="166">
        <v>0</v>
      </c>
      <c r="BM1862" s="166">
        <v>0</v>
      </c>
      <c r="BN1862" s="166">
        <v>0</v>
      </c>
      <c r="BO1862" s="166">
        <v>0</v>
      </c>
      <c r="BP1862" s="166">
        <v>0</v>
      </c>
      <c r="BQ1862" s="166">
        <v>0</v>
      </c>
      <c r="BR1862" s="166">
        <v>396723.47</v>
      </c>
      <c r="BS1862" s="166">
        <v>396723.47</v>
      </c>
      <c r="BT1862" s="168">
        <v>0</v>
      </c>
      <c r="BU1862" s="166">
        <v>28261.0257396407</v>
      </c>
      <c r="BV1862" s="166">
        <v>280972.237292437</v>
      </c>
      <c r="BW1862" s="166">
        <v>0</v>
      </c>
      <c r="BX1862" s="166">
        <v>0</v>
      </c>
      <c r="BY1862" s="166">
        <v>0</v>
      </c>
      <c r="BZ1862" s="166">
        <v>0</v>
      </c>
      <c r="CA1862" s="166">
        <v>0</v>
      </c>
      <c r="CB1862" s="166">
        <v>0</v>
      </c>
      <c r="CC1862" s="166">
        <v>0</v>
      </c>
      <c r="CD1862" s="166">
        <v>0</v>
      </c>
      <c r="CE1862" s="166">
        <v>0</v>
      </c>
      <c r="CF1862" s="166">
        <v>0</v>
      </c>
      <c r="CG1862" s="166">
        <v>0</v>
      </c>
      <c r="CH1862" s="166">
        <v>0</v>
      </c>
      <c r="CI1862" s="166">
        <v>0</v>
      </c>
      <c r="CJ1862" s="166">
        <v>0</v>
      </c>
      <c r="CK1862" s="166">
        <v>0</v>
      </c>
      <c r="CL1862" s="166">
        <v>0</v>
      </c>
      <c r="CM1862" s="166">
        <v>0</v>
      </c>
      <c r="CN1862" s="166">
        <v>0</v>
      </c>
      <c r="CO1862" s="166">
        <v>0</v>
      </c>
      <c r="CP1862" s="166">
        <v>0</v>
      </c>
      <c r="CQ1862" s="166">
        <v>0</v>
      </c>
      <c r="CR1862" s="166">
        <v>0</v>
      </c>
      <c r="CS1862" s="166">
        <v>0</v>
      </c>
      <c r="CT1862" s="166">
        <v>0</v>
      </c>
      <c r="CU1862" s="166">
        <v>0</v>
      </c>
      <c r="CV1862" s="166">
        <v>0</v>
      </c>
      <c r="CW1862" s="166">
        <v>0</v>
      </c>
      <c r="CX1862" s="166">
        <v>0</v>
      </c>
      <c r="CY1862" s="166">
        <v>280972.237292437</v>
      </c>
      <c r="CZ1862" s="166">
        <v>280972.237292437</v>
      </c>
    </row>
    <row r="1863" spans="1:104" x14ac:dyDescent="0.2">
      <c r="A1863" s="167" t="s">
        <v>272</v>
      </c>
    </row>
    <row r="1864" spans="1:104" x14ac:dyDescent="0.2">
      <c r="A1864" s="167" t="s">
        <v>1105</v>
      </c>
      <c r="B1864" s="166">
        <v>0</v>
      </c>
      <c r="C1864" s="166">
        <v>0</v>
      </c>
      <c r="D1864" s="166">
        <v>0</v>
      </c>
      <c r="E1864" s="166">
        <v>0</v>
      </c>
      <c r="F1864" s="166">
        <v>0</v>
      </c>
      <c r="G1864" s="166">
        <v>0</v>
      </c>
      <c r="H1864" s="166">
        <v>0</v>
      </c>
      <c r="I1864" s="166">
        <v>0</v>
      </c>
      <c r="J1864" s="166">
        <v>0</v>
      </c>
      <c r="K1864" s="166">
        <v>0</v>
      </c>
      <c r="L1864" s="166">
        <v>0</v>
      </c>
      <c r="M1864" s="166">
        <v>0</v>
      </c>
      <c r="N1864" s="166">
        <v>0</v>
      </c>
      <c r="O1864" s="166">
        <v>0</v>
      </c>
      <c r="P1864" s="166">
        <v>0</v>
      </c>
      <c r="Q1864" s="166">
        <v>0</v>
      </c>
      <c r="R1864" s="166">
        <v>0</v>
      </c>
      <c r="S1864" s="166">
        <v>0</v>
      </c>
      <c r="T1864" s="166">
        <v>0</v>
      </c>
      <c r="U1864" s="166">
        <v>0</v>
      </c>
      <c r="V1864" s="166">
        <v>0</v>
      </c>
      <c r="W1864" s="166">
        <v>0</v>
      </c>
      <c r="X1864" s="166">
        <v>0</v>
      </c>
      <c r="Y1864" s="166">
        <v>0</v>
      </c>
      <c r="Z1864" s="166">
        <v>0</v>
      </c>
      <c r="AA1864" s="166">
        <v>0</v>
      </c>
      <c r="AB1864" s="166">
        <v>0</v>
      </c>
      <c r="AC1864" s="166">
        <v>0</v>
      </c>
      <c r="AD1864" s="166">
        <v>0</v>
      </c>
      <c r="AE1864" s="166">
        <v>0</v>
      </c>
      <c r="AF1864" s="166">
        <v>0</v>
      </c>
      <c r="AG1864" s="166">
        <v>0</v>
      </c>
      <c r="AH1864" s="166">
        <v>0</v>
      </c>
      <c r="AI1864" s="166">
        <v>0</v>
      </c>
      <c r="AJ1864" s="166">
        <v>0</v>
      </c>
      <c r="AK1864" s="166">
        <v>0</v>
      </c>
      <c r="AL1864" s="166">
        <v>0</v>
      </c>
      <c r="AM1864" s="166">
        <v>0</v>
      </c>
      <c r="AN1864" s="166">
        <v>0</v>
      </c>
      <c r="AO1864" s="166">
        <v>0</v>
      </c>
      <c r="AP1864" s="166">
        <v>0</v>
      </c>
      <c r="AQ1864" s="166">
        <v>0</v>
      </c>
      <c r="AR1864" s="166">
        <v>0</v>
      </c>
      <c r="AS1864" s="166">
        <v>0</v>
      </c>
      <c r="AT1864" s="166">
        <v>0</v>
      </c>
      <c r="AU1864" s="166">
        <v>0</v>
      </c>
      <c r="AV1864" s="166">
        <v>0</v>
      </c>
      <c r="AW1864" s="166">
        <v>0</v>
      </c>
      <c r="AX1864" s="166">
        <v>0</v>
      </c>
      <c r="AY1864" s="166">
        <v>0</v>
      </c>
      <c r="AZ1864" s="166">
        <v>0</v>
      </c>
      <c r="BA1864" s="166">
        <v>0</v>
      </c>
      <c r="BB1864" s="166">
        <v>0</v>
      </c>
      <c r="BC1864" s="166">
        <v>0</v>
      </c>
      <c r="BD1864" s="166">
        <v>0</v>
      </c>
      <c r="BE1864" s="166">
        <v>0</v>
      </c>
      <c r="BF1864" s="166">
        <v>0</v>
      </c>
      <c r="BG1864" s="166">
        <v>0</v>
      </c>
      <c r="BH1864" s="166">
        <v>0</v>
      </c>
      <c r="BI1864" s="166">
        <v>0</v>
      </c>
      <c r="BJ1864" s="166">
        <v>0</v>
      </c>
      <c r="BK1864" s="166">
        <v>0</v>
      </c>
      <c r="BL1864" s="166">
        <v>0</v>
      </c>
      <c r="BM1864" s="166">
        <v>0</v>
      </c>
      <c r="BN1864" s="166">
        <v>0</v>
      </c>
      <c r="BO1864" s="166">
        <v>0</v>
      </c>
      <c r="BP1864" s="166">
        <v>0</v>
      </c>
      <c r="BQ1864" s="166">
        <v>0</v>
      </c>
      <c r="BR1864" s="166">
        <v>0</v>
      </c>
      <c r="BS1864" s="166">
        <v>0</v>
      </c>
      <c r="BT1864" s="168">
        <v>0.999998123540776</v>
      </c>
      <c r="BU1864" s="166">
        <v>0</v>
      </c>
      <c r="BV1864" s="166">
        <v>0</v>
      </c>
      <c r="BW1864" s="166">
        <v>0</v>
      </c>
      <c r="BX1864" s="166">
        <v>0</v>
      </c>
      <c r="BY1864" s="166">
        <v>0</v>
      </c>
      <c r="BZ1864" s="166">
        <v>0</v>
      </c>
      <c r="CA1864" s="166">
        <v>0</v>
      </c>
      <c r="CB1864" s="166">
        <v>0</v>
      </c>
      <c r="CC1864" s="166">
        <v>0</v>
      </c>
      <c r="CD1864" s="166">
        <v>0</v>
      </c>
      <c r="CE1864" s="166">
        <v>0</v>
      </c>
      <c r="CF1864" s="166">
        <v>0</v>
      </c>
      <c r="CG1864" s="166">
        <v>0</v>
      </c>
      <c r="CH1864" s="166">
        <v>0</v>
      </c>
      <c r="CI1864" s="166">
        <v>0</v>
      </c>
      <c r="CJ1864" s="166">
        <v>0</v>
      </c>
      <c r="CK1864" s="166">
        <v>0</v>
      </c>
      <c r="CL1864" s="166">
        <v>0</v>
      </c>
      <c r="CM1864" s="166">
        <v>0</v>
      </c>
      <c r="CN1864" s="166">
        <v>0</v>
      </c>
      <c r="CO1864" s="166">
        <v>0</v>
      </c>
      <c r="CP1864" s="166">
        <v>0</v>
      </c>
      <c r="CQ1864" s="166">
        <v>0</v>
      </c>
      <c r="CR1864" s="166">
        <v>0</v>
      </c>
      <c r="CS1864" s="166">
        <v>0</v>
      </c>
      <c r="CT1864" s="166">
        <v>0</v>
      </c>
      <c r="CU1864" s="166">
        <v>0</v>
      </c>
      <c r="CV1864" s="166">
        <v>0</v>
      </c>
      <c r="CW1864" s="166">
        <v>0</v>
      </c>
      <c r="CX1864" s="166">
        <v>0</v>
      </c>
      <c r="CY1864" s="166">
        <v>0</v>
      </c>
      <c r="CZ1864" s="166">
        <v>0</v>
      </c>
    </row>
    <row r="1865" spans="1:104" x14ac:dyDescent="0.2">
      <c r="A1865" s="167" t="s">
        <v>1106</v>
      </c>
      <c r="B1865" s="166">
        <v>0</v>
      </c>
      <c r="C1865" s="166">
        <v>0</v>
      </c>
      <c r="D1865" s="166">
        <v>0</v>
      </c>
      <c r="E1865" s="166">
        <v>0</v>
      </c>
      <c r="F1865" s="166">
        <v>0</v>
      </c>
      <c r="G1865" s="166">
        <v>0</v>
      </c>
      <c r="H1865" s="166">
        <v>0</v>
      </c>
      <c r="I1865" s="166">
        <v>0</v>
      </c>
      <c r="J1865" s="166">
        <v>0</v>
      </c>
      <c r="K1865" s="166">
        <v>0</v>
      </c>
      <c r="L1865" s="166">
        <v>0</v>
      </c>
      <c r="M1865" s="166">
        <v>0</v>
      </c>
      <c r="N1865" s="166">
        <v>0</v>
      </c>
      <c r="O1865" s="166">
        <v>0</v>
      </c>
      <c r="P1865" s="166">
        <v>0</v>
      </c>
      <c r="Q1865" s="166">
        <v>0</v>
      </c>
      <c r="R1865" s="166">
        <v>0</v>
      </c>
      <c r="S1865" s="166">
        <v>0</v>
      </c>
      <c r="T1865" s="166">
        <v>0</v>
      </c>
      <c r="U1865" s="166">
        <v>0</v>
      </c>
      <c r="V1865" s="166">
        <v>0</v>
      </c>
      <c r="W1865" s="166">
        <v>0</v>
      </c>
      <c r="X1865" s="166">
        <v>0</v>
      </c>
      <c r="Y1865" s="166">
        <v>0</v>
      </c>
      <c r="Z1865" s="166">
        <v>0</v>
      </c>
      <c r="AA1865" s="166">
        <v>0</v>
      </c>
      <c r="AB1865" s="166">
        <v>0</v>
      </c>
      <c r="AC1865" s="166">
        <v>0</v>
      </c>
      <c r="AD1865" s="166">
        <v>0</v>
      </c>
      <c r="AE1865" s="166">
        <v>0</v>
      </c>
      <c r="AF1865" s="166">
        <v>0</v>
      </c>
      <c r="AG1865" s="166">
        <v>0</v>
      </c>
      <c r="AH1865" s="166">
        <v>0</v>
      </c>
      <c r="AI1865" s="166">
        <v>0</v>
      </c>
      <c r="AJ1865" s="166">
        <v>0</v>
      </c>
      <c r="AK1865" s="166">
        <v>0</v>
      </c>
      <c r="AL1865" s="166">
        <v>0</v>
      </c>
      <c r="AM1865" s="166">
        <v>0</v>
      </c>
      <c r="AN1865" s="166">
        <v>0</v>
      </c>
      <c r="AO1865" s="166">
        <v>0</v>
      </c>
      <c r="AP1865" s="166">
        <v>0</v>
      </c>
      <c r="AQ1865" s="166">
        <v>0</v>
      </c>
      <c r="AR1865" s="166">
        <v>0</v>
      </c>
      <c r="AS1865" s="166">
        <v>0</v>
      </c>
      <c r="AT1865" s="166">
        <v>0</v>
      </c>
      <c r="AU1865" s="166">
        <v>0</v>
      </c>
      <c r="AV1865" s="166">
        <v>0</v>
      </c>
      <c r="AW1865" s="166">
        <v>0</v>
      </c>
      <c r="AX1865" s="166">
        <v>0</v>
      </c>
      <c r="AY1865" s="166">
        <v>0</v>
      </c>
      <c r="AZ1865" s="166">
        <v>0</v>
      </c>
      <c r="BA1865" s="166">
        <v>0</v>
      </c>
      <c r="BB1865" s="166">
        <v>0</v>
      </c>
      <c r="BC1865" s="166">
        <v>0</v>
      </c>
      <c r="BD1865" s="166">
        <v>0</v>
      </c>
      <c r="BE1865" s="166">
        <v>0</v>
      </c>
      <c r="BF1865" s="166">
        <v>0</v>
      </c>
      <c r="BG1865" s="166">
        <v>0</v>
      </c>
      <c r="BH1865" s="166">
        <v>0</v>
      </c>
      <c r="BI1865" s="166">
        <v>0</v>
      </c>
      <c r="BJ1865" s="166">
        <v>0</v>
      </c>
      <c r="BK1865" s="166">
        <v>0</v>
      </c>
      <c r="BL1865" s="166">
        <v>0</v>
      </c>
      <c r="BM1865" s="166">
        <v>0</v>
      </c>
      <c r="BN1865" s="166">
        <v>0</v>
      </c>
      <c r="BO1865" s="166">
        <v>0</v>
      </c>
      <c r="BP1865" s="166">
        <v>0</v>
      </c>
      <c r="BQ1865" s="166">
        <v>0</v>
      </c>
      <c r="BR1865" s="166">
        <v>0</v>
      </c>
      <c r="BS1865" s="166">
        <v>0</v>
      </c>
      <c r="BT1865" s="168">
        <v>0.95155251400307195</v>
      </c>
      <c r="BU1865" s="166">
        <v>0</v>
      </c>
      <c r="BV1865" s="166">
        <v>0</v>
      </c>
      <c r="BW1865" s="166">
        <v>0</v>
      </c>
      <c r="BX1865" s="166">
        <v>0</v>
      </c>
      <c r="BY1865" s="166">
        <v>0</v>
      </c>
      <c r="BZ1865" s="166">
        <v>0</v>
      </c>
      <c r="CA1865" s="166">
        <v>0</v>
      </c>
      <c r="CB1865" s="166">
        <v>0</v>
      </c>
      <c r="CC1865" s="166">
        <v>0</v>
      </c>
      <c r="CD1865" s="166">
        <v>0</v>
      </c>
      <c r="CE1865" s="166">
        <v>0</v>
      </c>
      <c r="CF1865" s="166">
        <v>0</v>
      </c>
      <c r="CG1865" s="166">
        <v>0</v>
      </c>
      <c r="CH1865" s="166">
        <v>0</v>
      </c>
      <c r="CI1865" s="166">
        <v>0</v>
      </c>
      <c r="CJ1865" s="166">
        <v>0</v>
      </c>
      <c r="CK1865" s="166">
        <v>0</v>
      </c>
      <c r="CL1865" s="166">
        <v>0</v>
      </c>
      <c r="CM1865" s="166">
        <v>0</v>
      </c>
      <c r="CN1865" s="166">
        <v>0</v>
      </c>
      <c r="CO1865" s="166">
        <v>0</v>
      </c>
      <c r="CP1865" s="166">
        <v>0</v>
      </c>
      <c r="CQ1865" s="166">
        <v>0</v>
      </c>
      <c r="CR1865" s="166">
        <v>0</v>
      </c>
      <c r="CS1865" s="166">
        <v>0</v>
      </c>
      <c r="CT1865" s="166">
        <v>0</v>
      </c>
      <c r="CU1865" s="166">
        <v>0</v>
      </c>
      <c r="CV1865" s="166">
        <v>0</v>
      </c>
      <c r="CW1865" s="166">
        <v>0</v>
      </c>
      <c r="CX1865" s="166">
        <v>0</v>
      </c>
      <c r="CY1865" s="166">
        <v>0</v>
      </c>
      <c r="CZ1865" s="166">
        <v>0</v>
      </c>
    </row>
    <row r="1866" spans="1:104" x14ac:dyDescent="0.2">
      <c r="A1866" s="167" t="s">
        <v>275</v>
      </c>
      <c r="B1866" s="166">
        <v>0</v>
      </c>
      <c r="C1866" s="166">
        <v>0</v>
      </c>
      <c r="D1866" s="166">
        <v>0</v>
      </c>
      <c r="E1866" s="166">
        <v>0</v>
      </c>
      <c r="F1866" s="166">
        <v>0</v>
      </c>
      <c r="G1866" s="166">
        <v>0</v>
      </c>
      <c r="H1866" s="166">
        <v>0</v>
      </c>
      <c r="I1866" s="166">
        <v>0</v>
      </c>
      <c r="J1866" s="166">
        <v>0</v>
      </c>
      <c r="K1866" s="166">
        <v>0</v>
      </c>
      <c r="L1866" s="166">
        <v>0</v>
      </c>
      <c r="M1866" s="166">
        <v>0</v>
      </c>
      <c r="N1866" s="166">
        <v>0</v>
      </c>
      <c r="O1866" s="166">
        <v>0</v>
      </c>
      <c r="P1866" s="166">
        <v>0</v>
      </c>
      <c r="Q1866" s="166">
        <v>0</v>
      </c>
      <c r="R1866" s="166">
        <v>0</v>
      </c>
      <c r="S1866" s="166">
        <v>0</v>
      </c>
      <c r="T1866" s="166">
        <v>0</v>
      </c>
      <c r="U1866" s="166">
        <v>0</v>
      </c>
      <c r="V1866" s="166">
        <v>0</v>
      </c>
      <c r="W1866" s="166">
        <v>0</v>
      </c>
      <c r="X1866" s="166">
        <v>0</v>
      </c>
      <c r="Y1866" s="166">
        <v>0</v>
      </c>
      <c r="Z1866" s="166">
        <v>0</v>
      </c>
      <c r="AA1866" s="166">
        <v>0</v>
      </c>
      <c r="AB1866" s="166">
        <v>0</v>
      </c>
      <c r="AC1866" s="166">
        <v>0</v>
      </c>
      <c r="AD1866" s="166">
        <v>0</v>
      </c>
      <c r="AE1866" s="166">
        <v>0</v>
      </c>
      <c r="AF1866" s="166">
        <v>0</v>
      </c>
      <c r="AG1866" s="166">
        <v>0</v>
      </c>
      <c r="AH1866" s="166">
        <v>0</v>
      </c>
      <c r="AI1866" s="166">
        <v>0</v>
      </c>
      <c r="AJ1866" s="166">
        <v>0</v>
      </c>
      <c r="AK1866" s="166">
        <v>0</v>
      </c>
      <c r="AL1866" s="166">
        <v>0</v>
      </c>
      <c r="AM1866" s="166">
        <v>0</v>
      </c>
      <c r="AN1866" s="166">
        <v>0</v>
      </c>
      <c r="AO1866" s="166">
        <v>0</v>
      </c>
      <c r="AP1866" s="166">
        <v>0</v>
      </c>
      <c r="AQ1866" s="166">
        <v>0</v>
      </c>
      <c r="AR1866" s="166">
        <v>0</v>
      </c>
      <c r="AS1866" s="166">
        <v>0</v>
      </c>
      <c r="AT1866" s="166">
        <v>0</v>
      </c>
      <c r="AU1866" s="166">
        <v>0</v>
      </c>
      <c r="AV1866" s="166">
        <v>0</v>
      </c>
      <c r="AW1866" s="166">
        <v>0</v>
      </c>
      <c r="AX1866" s="166">
        <v>0</v>
      </c>
      <c r="AY1866" s="166">
        <v>0</v>
      </c>
      <c r="AZ1866" s="166">
        <v>0</v>
      </c>
      <c r="BA1866" s="166">
        <v>0</v>
      </c>
      <c r="BB1866" s="166">
        <v>0</v>
      </c>
      <c r="BC1866" s="166">
        <v>0</v>
      </c>
      <c r="BD1866" s="166">
        <v>0</v>
      </c>
      <c r="BE1866" s="166">
        <v>0</v>
      </c>
      <c r="BF1866" s="166">
        <v>0</v>
      </c>
      <c r="BG1866" s="166">
        <v>0</v>
      </c>
      <c r="BH1866" s="166">
        <v>0</v>
      </c>
      <c r="BI1866" s="166">
        <v>0</v>
      </c>
      <c r="BJ1866" s="166">
        <v>0</v>
      </c>
      <c r="BK1866" s="166">
        <v>0</v>
      </c>
      <c r="BL1866" s="166">
        <v>0</v>
      </c>
      <c r="BM1866" s="166">
        <v>0</v>
      </c>
      <c r="BN1866" s="166">
        <v>0</v>
      </c>
      <c r="BO1866" s="166">
        <v>0</v>
      </c>
      <c r="BP1866" s="166">
        <v>0</v>
      </c>
      <c r="BQ1866" s="166">
        <v>0</v>
      </c>
      <c r="BR1866" s="166">
        <v>0</v>
      </c>
      <c r="BS1866" s="166">
        <v>0</v>
      </c>
      <c r="BT1866" s="168">
        <v>0.97647221562039299</v>
      </c>
      <c r="BU1866" s="166">
        <v>0</v>
      </c>
      <c r="BV1866" s="166">
        <v>0</v>
      </c>
      <c r="BW1866" s="166">
        <v>0</v>
      </c>
      <c r="BX1866" s="166">
        <v>0</v>
      </c>
      <c r="BY1866" s="166">
        <v>0</v>
      </c>
      <c r="BZ1866" s="166">
        <v>0</v>
      </c>
      <c r="CA1866" s="166">
        <v>0</v>
      </c>
      <c r="CB1866" s="166">
        <v>0</v>
      </c>
      <c r="CC1866" s="166">
        <v>0</v>
      </c>
      <c r="CD1866" s="166">
        <v>0</v>
      </c>
      <c r="CE1866" s="166">
        <v>0</v>
      </c>
      <c r="CF1866" s="166">
        <v>0</v>
      </c>
      <c r="CG1866" s="166">
        <v>0</v>
      </c>
      <c r="CH1866" s="166">
        <v>0</v>
      </c>
      <c r="CI1866" s="166">
        <v>0</v>
      </c>
      <c r="CJ1866" s="166">
        <v>0</v>
      </c>
      <c r="CK1866" s="166">
        <v>0</v>
      </c>
      <c r="CL1866" s="166">
        <v>0</v>
      </c>
      <c r="CM1866" s="166">
        <v>0</v>
      </c>
      <c r="CN1866" s="166">
        <v>0</v>
      </c>
      <c r="CO1866" s="166">
        <v>0</v>
      </c>
      <c r="CP1866" s="166">
        <v>0</v>
      </c>
      <c r="CQ1866" s="166">
        <v>0</v>
      </c>
      <c r="CR1866" s="166">
        <v>0</v>
      </c>
      <c r="CS1866" s="166">
        <v>0</v>
      </c>
      <c r="CT1866" s="166">
        <v>0</v>
      </c>
      <c r="CU1866" s="166">
        <v>0</v>
      </c>
      <c r="CV1866" s="166">
        <v>0</v>
      </c>
      <c r="CW1866" s="166">
        <v>0</v>
      </c>
      <c r="CX1866" s="166">
        <v>0</v>
      </c>
      <c r="CY1866" s="166">
        <v>0</v>
      </c>
      <c r="CZ1866" s="166">
        <v>0</v>
      </c>
    </row>
    <row r="1867" spans="1:104" x14ac:dyDescent="0.2">
      <c r="A1867" s="167" t="s">
        <v>276</v>
      </c>
      <c r="B1867" s="166">
        <v>0</v>
      </c>
      <c r="C1867" s="166">
        <v>0</v>
      </c>
      <c r="D1867" s="166">
        <v>0</v>
      </c>
      <c r="E1867" s="166">
        <v>0</v>
      </c>
      <c r="F1867" s="166">
        <v>0</v>
      </c>
      <c r="G1867" s="166">
        <v>0</v>
      </c>
      <c r="H1867" s="166">
        <v>0</v>
      </c>
      <c r="I1867" s="166">
        <v>0</v>
      </c>
      <c r="J1867" s="166">
        <v>0</v>
      </c>
      <c r="K1867" s="166">
        <v>0</v>
      </c>
      <c r="L1867" s="166">
        <v>0</v>
      </c>
      <c r="M1867" s="166">
        <v>0</v>
      </c>
      <c r="N1867" s="166">
        <v>0</v>
      </c>
      <c r="O1867" s="166">
        <v>0</v>
      </c>
      <c r="P1867" s="166">
        <v>0</v>
      </c>
      <c r="Q1867" s="166">
        <v>0</v>
      </c>
      <c r="R1867" s="166">
        <v>0</v>
      </c>
      <c r="S1867" s="166">
        <v>0</v>
      </c>
      <c r="T1867" s="166">
        <v>0</v>
      </c>
      <c r="U1867" s="166">
        <v>0</v>
      </c>
      <c r="V1867" s="166">
        <v>0</v>
      </c>
      <c r="W1867" s="166">
        <v>0</v>
      </c>
      <c r="X1867" s="166">
        <v>0</v>
      </c>
      <c r="Y1867" s="166">
        <v>0</v>
      </c>
      <c r="Z1867" s="166">
        <v>0</v>
      </c>
      <c r="AA1867" s="166">
        <v>0</v>
      </c>
      <c r="AB1867" s="166">
        <v>0</v>
      </c>
      <c r="AC1867" s="166">
        <v>0</v>
      </c>
      <c r="AD1867" s="166">
        <v>0</v>
      </c>
      <c r="AE1867" s="166">
        <v>0</v>
      </c>
      <c r="AF1867" s="166">
        <v>0</v>
      </c>
      <c r="AG1867" s="166">
        <v>0</v>
      </c>
      <c r="AH1867" s="166">
        <v>0</v>
      </c>
      <c r="AI1867" s="166">
        <v>0</v>
      </c>
      <c r="AJ1867" s="166">
        <v>0</v>
      </c>
      <c r="AK1867" s="166">
        <v>0</v>
      </c>
      <c r="AL1867" s="166">
        <v>0</v>
      </c>
      <c r="AM1867" s="166">
        <v>0</v>
      </c>
      <c r="AN1867" s="166">
        <v>0</v>
      </c>
      <c r="AO1867" s="166">
        <v>0</v>
      </c>
      <c r="AP1867" s="166">
        <v>0</v>
      </c>
      <c r="AQ1867" s="166">
        <v>0</v>
      </c>
      <c r="AR1867" s="166">
        <v>0</v>
      </c>
      <c r="AS1867" s="166">
        <v>0</v>
      </c>
      <c r="AT1867" s="166">
        <v>0</v>
      </c>
      <c r="AU1867" s="166">
        <v>0</v>
      </c>
      <c r="AV1867" s="166">
        <v>0</v>
      </c>
      <c r="AW1867" s="166">
        <v>0</v>
      </c>
      <c r="AX1867" s="166">
        <v>0</v>
      </c>
      <c r="AY1867" s="166">
        <v>0</v>
      </c>
      <c r="AZ1867" s="166">
        <v>0</v>
      </c>
      <c r="BA1867" s="166">
        <v>0</v>
      </c>
      <c r="BB1867" s="166">
        <v>0</v>
      </c>
      <c r="BC1867" s="166">
        <v>0</v>
      </c>
      <c r="BD1867" s="166">
        <v>0</v>
      </c>
      <c r="BE1867" s="166">
        <v>0</v>
      </c>
      <c r="BF1867" s="166">
        <v>0</v>
      </c>
      <c r="BG1867" s="166">
        <v>0</v>
      </c>
      <c r="BH1867" s="166">
        <v>0</v>
      </c>
      <c r="BI1867" s="166">
        <v>0</v>
      </c>
      <c r="BJ1867" s="166">
        <v>0</v>
      </c>
      <c r="BK1867" s="166">
        <v>0</v>
      </c>
      <c r="BL1867" s="166">
        <v>0</v>
      </c>
      <c r="BM1867" s="166">
        <v>0</v>
      </c>
      <c r="BN1867" s="166">
        <v>0</v>
      </c>
      <c r="BO1867" s="166">
        <v>0</v>
      </c>
      <c r="BP1867" s="166">
        <v>0</v>
      </c>
      <c r="BQ1867" s="166">
        <v>0</v>
      </c>
      <c r="BR1867" s="166">
        <v>0</v>
      </c>
      <c r="BS1867" s="166">
        <v>0</v>
      </c>
      <c r="BT1867" s="168">
        <v>0.999998123540776</v>
      </c>
      <c r="BU1867" s="166">
        <v>0</v>
      </c>
      <c r="BV1867" s="166">
        <v>0</v>
      </c>
      <c r="BW1867" s="166">
        <v>0</v>
      </c>
      <c r="BX1867" s="166">
        <v>0</v>
      </c>
      <c r="BY1867" s="166">
        <v>0</v>
      </c>
      <c r="BZ1867" s="166">
        <v>0</v>
      </c>
      <c r="CA1867" s="166">
        <v>0</v>
      </c>
      <c r="CB1867" s="166">
        <v>0</v>
      </c>
      <c r="CC1867" s="166">
        <v>0</v>
      </c>
      <c r="CD1867" s="166">
        <v>0</v>
      </c>
      <c r="CE1867" s="166">
        <v>0</v>
      </c>
      <c r="CF1867" s="166">
        <v>0</v>
      </c>
      <c r="CG1867" s="166">
        <v>0</v>
      </c>
      <c r="CH1867" s="166">
        <v>0</v>
      </c>
      <c r="CI1867" s="166">
        <v>0</v>
      </c>
      <c r="CJ1867" s="166">
        <v>0</v>
      </c>
      <c r="CK1867" s="166">
        <v>0</v>
      </c>
      <c r="CL1867" s="166">
        <v>0</v>
      </c>
      <c r="CM1867" s="166">
        <v>0</v>
      </c>
      <c r="CN1867" s="166">
        <v>0</v>
      </c>
      <c r="CO1867" s="166">
        <v>0</v>
      </c>
      <c r="CP1867" s="166">
        <v>0</v>
      </c>
      <c r="CQ1867" s="166">
        <v>0</v>
      </c>
      <c r="CR1867" s="166">
        <v>0</v>
      </c>
      <c r="CS1867" s="166">
        <v>0</v>
      </c>
      <c r="CT1867" s="166">
        <v>0</v>
      </c>
      <c r="CU1867" s="166">
        <v>0</v>
      </c>
      <c r="CV1867" s="166">
        <v>0</v>
      </c>
      <c r="CW1867" s="166">
        <v>0</v>
      </c>
      <c r="CX1867" s="166">
        <v>0</v>
      </c>
      <c r="CY1867" s="166">
        <v>0</v>
      </c>
      <c r="CZ1867" s="166">
        <v>0</v>
      </c>
    </row>
    <row r="1868" spans="1:104" x14ac:dyDescent="0.2">
      <c r="A1868" s="167" t="s">
        <v>1107</v>
      </c>
      <c r="B1868" s="166">
        <v>0</v>
      </c>
      <c r="C1868" s="166">
        <v>0</v>
      </c>
      <c r="D1868" s="166">
        <v>0</v>
      </c>
      <c r="E1868" s="166">
        <v>0</v>
      </c>
      <c r="F1868" s="166">
        <v>0</v>
      </c>
      <c r="G1868" s="166">
        <v>0</v>
      </c>
      <c r="H1868" s="166">
        <v>0</v>
      </c>
      <c r="I1868" s="166">
        <v>0</v>
      </c>
      <c r="J1868" s="166">
        <v>0</v>
      </c>
      <c r="K1868" s="166">
        <v>0</v>
      </c>
      <c r="L1868" s="166">
        <v>0</v>
      </c>
      <c r="M1868" s="166">
        <v>0</v>
      </c>
      <c r="N1868" s="166">
        <v>0</v>
      </c>
      <c r="O1868" s="166">
        <v>0</v>
      </c>
      <c r="P1868" s="166">
        <v>0</v>
      </c>
      <c r="Q1868" s="166">
        <v>0</v>
      </c>
      <c r="R1868" s="166">
        <v>0</v>
      </c>
      <c r="S1868" s="166">
        <v>0</v>
      </c>
      <c r="T1868" s="166">
        <v>0</v>
      </c>
      <c r="U1868" s="166">
        <v>0</v>
      </c>
      <c r="V1868" s="166">
        <v>0</v>
      </c>
      <c r="W1868" s="166">
        <v>0</v>
      </c>
      <c r="X1868" s="166">
        <v>0</v>
      </c>
      <c r="Y1868" s="166">
        <v>0</v>
      </c>
      <c r="Z1868" s="166">
        <v>0</v>
      </c>
      <c r="AA1868" s="166">
        <v>0</v>
      </c>
      <c r="AB1868" s="166">
        <v>0</v>
      </c>
      <c r="AC1868" s="166">
        <v>0</v>
      </c>
      <c r="AD1868" s="166">
        <v>0</v>
      </c>
      <c r="AE1868" s="166">
        <v>0</v>
      </c>
      <c r="AF1868" s="166">
        <v>0</v>
      </c>
      <c r="AG1868" s="166">
        <v>0</v>
      </c>
      <c r="AH1868" s="166">
        <v>0</v>
      </c>
      <c r="AI1868" s="166">
        <v>0</v>
      </c>
      <c r="AJ1868" s="166">
        <v>0</v>
      </c>
      <c r="AK1868" s="166">
        <v>0</v>
      </c>
      <c r="AL1868" s="166">
        <v>0</v>
      </c>
      <c r="AM1868" s="166">
        <v>0</v>
      </c>
      <c r="AN1868" s="166">
        <v>0</v>
      </c>
      <c r="AO1868" s="166">
        <v>0</v>
      </c>
      <c r="AP1868" s="166">
        <v>0</v>
      </c>
      <c r="AQ1868" s="166">
        <v>0</v>
      </c>
      <c r="AR1868" s="166">
        <v>0</v>
      </c>
      <c r="AS1868" s="166">
        <v>0</v>
      </c>
      <c r="AT1868" s="166">
        <v>0</v>
      </c>
      <c r="AU1868" s="166">
        <v>0</v>
      </c>
      <c r="AV1868" s="166">
        <v>0</v>
      </c>
      <c r="AW1868" s="166">
        <v>0</v>
      </c>
      <c r="AX1868" s="166">
        <v>0</v>
      </c>
      <c r="AY1868" s="166">
        <v>0</v>
      </c>
      <c r="AZ1868" s="166">
        <v>0</v>
      </c>
      <c r="BA1868" s="166">
        <v>0</v>
      </c>
      <c r="BB1868" s="166">
        <v>0</v>
      </c>
      <c r="BC1868" s="166">
        <v>0</v>
      </c>
      <c r="BD1868" s="166">
        <v>0</v>
      </c>
      <c r="BE1868" s="166">
        <v>0</v>
      </c>
      <c r="BF1868" s="166">
        <v>0</v>
      </c>
      <c r="BG1868" s="166">
        <v>0</v>
      </c>
      <c r="BH1868" s="166">
        <v>0</v>
      </c>
      <c r="BI1868" s="166">
        <v>0</v>
      </c>
      <c r="BJ1868" s="166">
        <v>0</v>
      </c>
      <c r="BK1868" s="166">
        <v>0</v>
      </c>
      <c r="BL1868" s="166">
        <v>0</v>
      </c>
      <c r="BM1868" s="166">
        <v>0</v>
      </c>
      <c r="BN1868" s="166">
        <v>0</v>
      </c>
      <c r="BO1868" s="166">
        <v>0</v>
      </c>
      <c r="BP1868" s="166">
        <v>0</v>
      </c>
      <c r="BQ1868" s="166">
        <v>0</v>
      </c>
      <c r="BR1868" s="166">
        <v>0</v>
      </c>
      <c r="BS1868" s="166">
        <v>0</v>
      </c>
      <c r="BT1868" s="168">
        <v>0.70823195131973704</v>
      </c>
      <c r="BU1868" s="166">
        <v>0</v>
      </c>
      <c r="BV1868" s="166">
        <v>0</v>
      </c>
      <c r="BW1868" s="166">
        <v>0</v>
      </c>
      <c r="BX1868" s="166">
        <v>0</v>
      </c>
      <c r="BY1868" s="166">
        <v>0</v>
      </c>
      <c r="BZ1868" s="166">
        <v>0</v>
      </c>
      <c r="CA1868" s="166">
        <v>0</v>
      </c>
      <c r="CB1868" s="166">
        <v>0</v>
      </c>
      <c r="CC1868" s="166">
        <v>0</v>
      </c>
      <c r="CD1868" s="166">
        <v>0</v>
      </c>
      <c r="CE1868" s="166">
        <v>0</v>
      </c>
      <c r="CF1868" s="166">
        <v>0</v>
      </c>
      <c r="CG1868" s="166">
        <v>0</v>
      </c>
      <c r="CH1868" s="166">
        <v>0</v>
      </c>
      <c r="CI1868" s="166">
        <v>0</v>
      </c>
      <c r="CJ1868" s="166">
        <v>0</v>
      </c>
      <c r="CK1868" s="166">
        <v>0</v>
      </c>
      <c r="CL1868" s="166">
        <v>0</v>
      </c>
      <c r="CM1868" s="166">
        <v>0</v>
      </c>
      <c r="CN1868" s="166">
        <v>0</v>
      </c>
      <c r="CO1868" s="166">
        <v>0</v>
      </c>
      <c r="CP1868" s="166">
        <v>0</v>
      </c>
      <c r="CQ1868" s="166">
        <v>0</v>
      </c>
      <c r="CR1868" s="166">
        <v>0</v>
      </c>
      <c r="CS1868" s="166">
        <v>0</v>
      </c>
      <c r="CT1868" s="166">
        <v>0</v>
      </c>
      <c r="CU1868" s="166">
        <v>0</v>
      </c>
      <c r="CV1868" s="166">
        <v>0</v>
      </c>
      <c r="CW1868" s="166">
        <v>0</v>
      </c>
      <c r="CX1868" s="166">
        <v>0</v>
      </c>
      <c r="CY1868" s="166">
        <v>0</v>
      </c>
      <c r="CZ1868" s="166">
        <v>0</v>
      </c>
    </row>
    <row r="1869" spans="1:104" x14ac:dyDescent="0.2">
      <c r="A1869" s="167" t="s">
        <v>1108</v>
      </c>
      <c r="B1869" s="166">
        <v>0</v>
      </c>
      <c r="C1869" s="166">
        <v>0</v>
      </c>
      <c r="D1869" s="166">
        <v>0</v>
      </c>
      <c r="E1869" s="166">
        <v>0</v>
      </c>
      <c r="F1869" s="166">
        <v>0</v>
      </c>
      <c r="G1869" s="166">
        <v>0</v>
      </c>
      <c r="H1869" s="166">
        <v>0</v>
      </c>
      <c r="I1869" s="166">
        <v>0</v>
      </c>
      <c r="J1869" s="166">
        <v>0</v>
      </c>
      <c r="K1869" s="166">
        <v>0</v>
      </c>
      <c r="L1869" s="166">
        <v>0</v>
      </c>
      <c r="M1869" s="166">
        <v>0</v>
      </c>
      <c r="N1869" s="166">
        <v>0</v>
      </c>
      <c r="O1869" s="166">
        <v>0</v>
      </c>
      <c r="P1869" s="166">
        <v>0</v>
      </c>
      <c r="Q1869" s="166">
        <v>0</v>
      </c>
      <c r="R1869" s="166">
        <v>0</v>
      </c>
      <c r="S1869" s="166">
        <v>0</v>
      </c>
      <c r="T1869" s="166">
        <v>0</v>
      </c>
      <c r="U1869" s="166">
        <v>0</v>
      </c>
      <c r="V1869" s="166">
        <v>0</v>
      </c>
      <c r="W1869" s="166">
        <v>0</v>
      </c>
      <c r="X1869" s="166">
        <v>0</v>
      </c>
      <c r="Y1869" s="166">
        <v>0</v>
      </c>
      <c r="Z1869" s="166">
        <v>0</v>
      </c>
      <c r="AA1869" s="166">
        <v>0</v>
      </c>
      <c r="AB1869" s="166">
        <v>0</v>
      </c>
      <c r="AC1869" s="166">
        <v>0</v>
      </c>
      <c r="AD1869" s="166">
        <v>0</v>
      </c>
      <c r="AE1869" s="166">
        <v>0</v>
      </c>
      <c r="AF1869" s="166">
        <v>0</v>
      </c>
      <c r="AG1869" s="166">
        <v>0</v>
      </c>
      <c r="AH1869" s="166">
        <v>0</v>
      </c>
      <c r="AI1869" s="166">
        <v>0</v>
      </c>
      <c r="AJ1869" s="166">
        <v>0</v>
      </c>
      <c r="AK1869" s="166">
        <v>0</v>
      </c>
      <c r="AL1869" s="166">
        <v>0</v>
      </c>
      <c r="AM1869" s="166">
        <v>0</v>
      </c>
      <c r="AN1869" s="166">
        <v>0</v>
      </c>
      <c r="AO1869" s="166">
        <v>0</v>
      </c>
      <c r="AP1869" s="166">
        <v>0</v>
      </c>
      <c r="AQ1869" s="166">
        <v>0</v>
      </c>
      <c r="AR1869" s="166">
        <v>0</v>
      </c>
      <c r="AS1869" s="166">
        <v>0</v>
      </c>
      <c r="AT1869" s="166">
        <v>0</v>
      </c>
      <c r="AU1869" s="166">
        <v>0</v>
      </c>
      <c r="AV1869" s="166">
        <v>0</v>
      </c>
      <c r="AW1869" s="166">
        <v>0</v>
      </c>
      <c r="AX1869" s="166">
        <v>0</v>
      </c>
      <c r="AY1869" s="166">
        <v>0</v>
      </c>
      <c r="AZ1869" s="166">
        <v>0</v>
      </c>
      <c r="BA1869" s="166">
        <v>0</v>
      </c>
      <c r="BB1869" s="166">
        <v>0</v>
      </c>
      <c r="BC1869" s="166">
        <v>0</v>
      </c>
      <c r="BD1869" s="166">
        <v>0</v>
      </c>
      <c r="BE1869" s="166">
        <v>0</v>
      </c>
      <c r="BF1869" s="166">
        <v>0</v>
      </c>
      <c r="BG1869" s="166">
        <v>0</v>
      </c>
      <c r="BH1869" s="166">
        <v>0</v>
      </c>
      <c r="BI1869" s="166">
        <v>0</v>
      </c>
      <c r="BJ1869" s="166">
        <v>0</v>
      </c>
      <c r="BK1869" s="166">
        <v>0</v>
      </c>
      <c r="BL1869" s="166">
        <v>0</v>
      </c>
      <c r="BM1869" s="166">
        <v>0</v>
      </c>
      <c r="BN1869" s="166">
        <v>0</v>
      </c>
      <c r="BO1869" s="166">
        <v>0</v>
      </c>
      <c r="BP1869" s="166">
        <v>0</v>
      </c>
      <c r="BQ1869" s="166">
        <v>0</v>
      </c>
      <c r="BR1869" s="166">
        <v>0</v>
      </c>
      <c r="BS1869" s="166">
        <v>0</v>
      </c>
      <c r="BT1869" s="168">
        <v>0</v>
      </c>
      <c r="BU1869" s="166">
        <v>0</v>
      </c>
      <c r="BV1869" s="166">
        <v>0</v>
      </c>
      <c r="BW1869" s="166">
        <v>0</v>
      </c>
      <c r="BX1869" s="166">
        <v>0</v>
      </c>
      <c r="BY1869" s="166">
        <v>0</v>
      </c>
      <c r="BZ1869" s="166">
        <v>0</v>
      </c>
      <c r="CA1869" s="166">
        <v>0</v>
      </c>
      <c r="CB1869" s="166">
        <v>0</v>
      </c>
      <c r="CC1869" s="166">
        <v>0</v>
      </c>
      <c r="CD1869" s="166">
        <v>0</v>
      </c>
      <c r="CE1869" s="166">
        <v>0</v>
      </c>
      <c r="CF1869" s="166">
        <v>0</v>
      </c>
      <c r="CG1869" s="166">
        <v>0</v>
      </c>
      <c r="CH1869" s="166">
        <v>0</v>
      </c>
      <c r="CI1869" s="166">
        <v>0</v>
      </c>
      <c r="CJ1869" s="166">
        <v>0</v>
      </c>
      <c r="CK1869" s="166">
        <v>0</v>
      </c>
      <c r="CL1869" s="166">
        <v>0</v>
      </c>
      <c r="CM1869" s="166">
        <v>0</v>
      </c>
      <c r="CN1869" s="166">
        <v>0</v>
      </c>
      <c r="CO1869" s="166">
        <v>0</v>
      </c>
      <c r="CP1869" s="166">
        <v>0</v>
      </c>
      <c r="CQ1869" s="166">
        <v>0</v>
      </c>
      <c r="CR1869" s="166">
        <v>0</v>
      </c>
      <c r="CS1869" s="166">
        <v>0</v>
      </c>
      <c r="CT1869" s="166">
        <v>0</v>
      </c>
      <c r="CU1869" s="166">
        <v>0</v>
      </c>
      <c r="CV1869" s="166">
        <v>0</v>
      </c>
      <c r="CW1869" s="166">
        <v>0</v>
      </c>
      <c r="CX1869" s="166">
        <v>0</v>
      </c>
      <c r="CY1869" s="166">
        <v>0</v>
      </c>
      <c r="CZ1869" s="166">
        <v>0</v>
      </c>
    </row>
    <row r="1870" spans="1:104" x14ac:dyDescent="0.2">
      <c r="A1870" s="170" t="s">
        <v>279</v>
      </c>
      <c r="B1870" s="166">
        <v>13520941.6299999</v>
      </c>
      <c r="C1870" s="166">
        <v>13520941.6299999</v>
      </c>
      <c r="D1870" s="166">
        <v>0</v>
      </c>
      <c r="E1870" s="166">
        <v>0</v>
      </c>
      <c r="F1870" s="166">
        <v>0</v>
      </c>
      <c r="G1870" s="166">
        <v>0</v>
      </c>
      <c r="H1870" s="166">
        <v>0</v>
      </c>
      <c r="I1870" s="166">
        <v>0</v>
      </c>
      <c r="J1870" s="166">
        <v>0</v>
      </c>
      <c r="K1870" s="166">
        <v>0</v>
      </c>
      <c r="L1870" s="166">
        <v>0</v>
      </c>
      <c r="M1870" s="166">
        <v>0</v>
      </c>
      <c r="N1870" s="166">
        <v>0</v>
      </c>
      <c r="O1870" s="166">
        <v>0</v>
      </c>
      <c r="P1870" s="166">
        <v>0</v>
      </c>
      <c r="Q1870" s="166">
        <v>0</v>
      </c>
      <c r="R1870" s="166">
        <v>0</v>
      </c>
      <c r="S1870" s="166">
        <v>0</v>
      </c>
      <c r="T1870" s="166">
        <v>0</v>
      </c>
      <c r="U1870" s="166">
        <v>0</v>
      </c>
      <c r="V1870" s="166">
        <v>0</v>
      </c>
      <c r="W1870" s="166">
        <v>0</v>
      </c>
      <c r="X1870" s="166">
        <v>0</v>
      </c>
      <c r="Y1870" s="166">
        <v>0</v>
      </c>
      <c r="Z1870" s="166">
        <v>0</v>
      </c>
      <c r="AA1870" s="166">
        <v>0</v>
      </c>
      <c r="AB1870" s="166">
        <v>0</v>
      </c>
      <c r="AC1870" s="166">
        <v>0</v>
      </c>
      <c r="AD1870" s="166">
        <v>0</v>
      </c>
      <c r="AE1870" s="166">
        <v>0</v>
      </c>
      <c r="AF1870" s="166">
        <v>0</v>
      </c>
      <c r="AG1870" s="166">
        <v>0</v>
      </c>
      <c r="AH1870" s="166">
        <v>0</v>
      </c>
      <c r="AI1870" s="166">
        <v>0</v>
      </c>
      <c r="AJ1870" s="166">
        <v>0</v>
      </c>
      <c r="AK1870" s="166">
        <v>0</v>
      </c>
      <c r="AL1870" s="166">
        <v>0</v>
      </c>
      <c r="AM1870" s="166">
        <v>0</v>
      </c>
      <c r="AN1870" s="166">
        <v>0</v>
      </c>
      <c r="AO1870" s="166">
        <v>0</v>
      </c>
      <c r="AP1870" s="166">
        <v>0</v>
      </c>
      <c r="AQ1870" s="166">
        <v>0</v>
      </c>
      <c r="AR1870" s="166">
        <v>0</v>
      </c>
      <c r="AS1870" s="166">
        <v>0</v>
      </c>
      <c r="AT1870" s="166">
        <v>0</v>
      </c>
      <c r="AU1870" s="166">
        <v>0</v>
      </c>
      <c r="AV1870" s="166">
        <v>0</v>
      </c>
      <c r="AW1870" s="166">
        <v>0</v>
      </c>
      <c r="AX1870" s="166">
        <v>0</v>
      </c>
      <c r="AY1870" s="166">
        <v>0</v>
      </c>
      <c r="AZ1870" s="166">
        <v>0</v>
      </c>
      <c r="BA1870" s="166">
        <v>0</v>
      </c>
      <c r="BB1870" s="166">
        <v>0</v>
      </c>
      <c r="BC1870" s="166">
        <v>0</v>
      </c>
      <c r="BD1870" s="166">
        <v>0</v>
      </c>
      <c r="BE1870" s="166">
        <v>0</v>
      </c>
      <c r="BF1870" s="166">
        <v>0</v>
      </c>
      <c r="BG1870" s="166">
        <v>0</v>
      </c>
      <c r="BH1870" s="166">
        <v>0</v>
      </c>
      <c r="BI1870" s="166">
        <v>0</v>
      </c>
      <c r="BJ1870" s="166">
        <v>0</v>
      </c>
      <c r="BK1870" s="166">
        <v>0</v>
      </c>
      <c r="BL1870" s="166">
        <v>0</v>
      </c>
      <c r="BM1870" s="166">
        <v>0</v>
      </c>
      <c r="BN1870" s="166">
        <v>0</v>
      </c>
      <c r="BO1870" s="166">
        <v>0</v>
      </c>
      <c r="BP1870" s="166">
        <v>0</v>
      </c>
      <c r="BQ1870" s="166">
        <v>0</v>
      </c>
      <c r="BR1870" s="166">
        <v>13520941.6299999</v>
      </c>
      <c r="BS1870" s="166">
        <v>13520941.6299999</v>
      </c>
      <c r="BT1870" s="168">
        <v>0</v>
      </c>
      <c r="BU1870" s="166">
        <v>623186.40047423705</v>
      </c>
      <c r="BV1870" s="166">
        <v>9683851.5594634395</v>
      </c>
      <c r="BW1870" s="166">
        <v>0</v>
      </c>
      <c r="BX1870" s="166">
        <v>0</v>
      </c>
      <c r="BY1870" s="166">
        <v>0</v>
      </c>
      <c r="BZ1870" s="166">
        <v>0</v>
      </c>
      <c r="CA1870" s="166">
        <v>0</v>
      </c>
      <c r="CB1870" s="166">
        <v>0</v>
      </c>
      <c r="CC1870" s="166">
        <v>0</v>
      </c>
      <c r="CD1870" s="166">
        <v>0</v>
      </c>
      <c r="CE1870" s="166">
        <v>0</v>
      </c>
      <c r="CF1870" s="166">
        <v>0</v>
      </c>
      <c r="CG1870" s="166">
        <v>0</v>
      </c>
      <c r="CH1870" s="166">
        <v>0</v>
      </c>
      <c r="CI1870" s="166">
        <v>0</v>
      </c>
      <c r="CJ1870" s="166">
        <v>0</v>
      </c>
      <c r="CK1870" s="166">
        <v>0</v>
      </c>
      <c r="CL1870" s="166">
        <v>0</v>
      </c>
      <c r="CM1870" s="166">
        <v>0</v>
      </c>
      <c r="CN1870" s="166">
        <v>0</v>
      </c>
      <c r="CO1870" s="166">
        <v>0</v>
      </c>
      <c r="CP1870" s="166">
        <v>0</v>
      </c>
      <c r="CQ1870" s="166">
        <v>0</v>
      </c>
      <c r="CR1870" s="166">
        <v>0</v>
      </c>
      <c r="CS1870" s="166">
        <v>0</v>
      </c>
      <c r="CT1870" s="166">
        <v>0</v>
      </c>
      <c r="CU1870" s="166">
        <v>0</v>
      </c>
      <c r="CV1870" s="166">
        <v>0</v>
      </c>
      <c r="CW1870" s="166">
        <v>0</v>
      </c>
      <c r="CX1870" s="166">
        <v>0</v>
      </c>
      <c r="CY1870" s="166">
        <v>9683851.5594634395</v>
      </c>
      <c r="CZ1870" s="166">
        <v>9683851.5594634395</v>
      </c>
    </row>
    <row r="1871" spans="1:104" x14ac:dyDescent="0.2">
      <c r="A1871" s="167" t="s">
        <v>280</v>
      </c>
    </row>
    <row r="1872" spans="1:104" x14ac:dyDescent="0.2">
      <c r="A1872" s="170" t="s">
        <v>281</v>
      </c>
      <c r="B1872" s="166">
        <v>32127886.629999999</v>
      </c>
      <c r="C1872" s="166">
        <v>32127886.629999999</v>
      </c>
      <c r="D1872" s="166">
        <v>0</v>
      </c>
      <c r="E1872" s="166">
        <v>0</v>
      </c>
      <c r="F1872" s="166">
        <v>0</v>
      </c>
      <c r="G1872" s="166">
        <v>0</v>
      </c>
      <c r="H1872" s="166">
        <v>0</v>
      </c>
      <c r="I1872" s="166">
        <v>0</v>
      </c>
      <c r="J1872" s="166">
        <v>0</v>
      </c>
      <c r="K1872" s="166">
        <v>0</v>
      </c>
      <c r="L1872" s="166">
        <v>0</v>
      </c>
      <c r="M1872" s="166">
        <v>0</v>
      </c>
      <c r="N1872" s="166">
        <v>0</v>
      </c>
      <c r="O1872" s="166">
        <v>0</v>
      </c>
      <c r="P1872" s="166">
        <v>0</v>
      </c>
      <c r="Q1872" s="166">
        <v>0</v>
      </c>
      <c r="R1872" s="166">
        <v>0</v>
      </c>
      <c r="S1872" s="166">
        <v>0</v>
      </c>
      <c r="T1872" s="166">
        <v>0</v>
      </c>
      <c r="U1872" s="166">
        <v>0</v>
      </c>
      <c r="V1872" s="166">
        <v>0</v>
      </c>
      <c r="W1872" s="166">
        <v>0</v>
      </c>
      <c r="X1872" s="166">
        <v>0</v>
      </c>
      <c r="Y1872" s="166">
        <v>0</v>
      </c>
      <c r="Z1872" s="166">
        <v>0</v>
      </c>
      <c r="AA1872" s="166">
        <v>0</v>
      </c>
      <c r="AB1872" s="166">
        <v>0</v>
      </c>
      <c r="AC1872" s="166">
        <v>0</v>
      </c>
      <c r="AD1872" s="166">
        <v>0</v>
      </c>
      <c r="AE1872" s="166">
        <v>0</v>
      </c>
      <c r="AF1872" s="166">
        <v>0</v>
      </c>
      <c r="AG1872" s="166">
        <v>0</v>
      </c>
      <c r="AH1872" s="166">
        <v>0</v>
      </c>
      <c r="AI1872" s="166">
        <v>0</v>
      </c>
      <c r="AJ1872" s="166">
        <v>0</v>
      </c>
      <c r="AK1872" s="166">
        <v>0</v>
      </c>
      <c r="AL1872" s="166">
        <v>0</v>
      </c>
      <c r="AM1872" s="166">
        <v>0</v>
      </c>
      <c r="AN1872" s="166">
        <v>0</v>
      </c>
      <c r="AO1872" s="166">
        <v>0</v>
      </c>
      <c r="AP1872" s="166">
        <v>0</v>
      </c>
      <c r="AQ1872" s="166">
        <v>0</v>
      </c>
      <c r="AR1872" s="166">
        <v>0</v>
      </c>
      <c r="AS1872" s="166">
        <v>0</v>
      </c>
      <c r="AT1872" s="166">
        <v>0</v>
      </c>
      <c r="AU1872" s="166">
        <v>0</v>
      </c>
      <c r="AV1872" s="166">
        <v>0</v>
      </c>
      <c r="AW1872" s="166">
        <v>0</v>
      </c>
      <c r="AX1872" s="166">
        <v>0</v>
      </c>
      <c r="AY1872" s="166">
        <v>0</v>
      </c>
      <c r="AZ1872" s="166">
        <v>0</v>
      </c>
      <c r="BA1872" s="166">
        <v>0</v>
      </c>
      <c r="BB1872" s="166">
        <v>0</v>
      </c>
      <c r="BC1872" s="166">
        <v>0</v>
      </c>
      <c r="BD1872" s="166">
        <v>0</v>
      </c>
      <c r="BE1872" s="166">
        <v>0</v>
      </c>
      <c r="BF1872" s="166">
        <v>0</v>
      </c>
      <c r="BG1872" s="166">
        <v>0</v>
      </c>
      <c r="BH1872" s="166">
        <v>0</v>
      </c>
      <c r="BI1872" s="166">
        <v>0</v>
      </c>
      <c r="BJ1872" s="166">
        <v>0</v>
      </c>
      <c r="BK1872" s="166">
        <v>0</v>
      </c>
      <c r="BL1872" s="166">
        <v>0</v>
      </c>
      <c r="BM1872" s="166">
        <v>0</v>
      </c>
      <c r="BN1872" s="166">
        <v>0</v>
      </c>
      <c r="BO1872" s="166">
        <v>0</v>
      </c>
      <c r="BP1872" s="166">
        <v>0</v>
      </c>
      <c r="BQ1872" s="166">
        <v>0</v>
      </c>
      <c r="BR1872" s="166">
        <v>32127886.629999999</v>
      </c>
      <c r="BS1872" s="166">
        <v>32127886.629999999</v>
      </c>
      <c r="BT1872" s="168">
        <v>0</v>
      </c>
      <c r="BU1872" s="166">
        <v>2117305.0137690501</v>
      </c>
      <c r="BV1872" s="166">
        <v>22916357.351040401</v>
      </c>
      <c r="BW1872" s="166">
        <v>0</v>
      </c>
      <c r="BX1872" s="166">
        <v>0</v>
      </c>
      <c r="BY1872" s="166">
        <v>0</v>
      </c>
      <c r="BZ1872" s="166">
        <v>0</v>
      </c>
      <c r="CA1872" s="166">
        <v>0</v>
      </c>
      <c r="CB1872" s="166">
        <v>0</v>
      </c>
      <c r="CC1872" s="166">
        <v>0</v>
      </c>
      <c r="CD1872" s="166">
        <v>0</v>
      </c>
      <c r="CE1872" s="166">
        <v>0</v>
      </c>
      <c r="CF1872" s="166">
        <v>0</v>
      </c>
      <c r="CG1872" s="166">
        <v>0</v>
      </c>
      <c r="CH1872" s="166">
        <v>0</v>
      </c>
      <c r="CI1872" s="166">
        <v>0</v>
      </c>
      <c r="CJ1872" s="166">
        <v>0</v>
      </c>
      <c r="CK1872" s="166">
        <v>0</v>
      </c>
      <c r="CL1872" s="166">
        <v>0</v>
      </c>
      <c r="CM1872" s="166">
        <v>0</v>
      </c>
      <c r="CN1872" s="166">
        <v>0</v>
      </c>
      <c r="CO1872" s="166">
        <v>0</v>
      </c>
      <c r="CP1872" s="166">
        <v>0</v>
      </c>
      <c r="CQ1872" s="166">
        <v>0</v>
      </c>
      <c r="CR1872" s="166">
        <v>0</v>
      </c>
      <c r="CS1872" s="166">
        <v>0</v>
      </c>
      <c r="CT1872" s="166">
        <v>0</v>
      </c>
      <c r="CU1872" s="166">
        <v>0</v>
      </c>
      <c r="CV1872" s="166">
        <v>0</v>
      </c>
      <c r="CW1872" s="166">
        <v>0</v>
      </c>
      <c r="CX1872" s="166">
        <v>0</v>
      </c>
      <c r="CY1872" s="166">
        <v>22916357.351040401</v>
      </c>
      <c r="CZ1872" s="166">
        <v>22916357.351040401</v>
      </c>
    </row>
    <row r="1873" spans="1:104" x14ac:dyDescent="0.2">
      <c r="A1873" s="167" t="s">
        <v>282</v>
      </c>
    </row>
    <row r="1874" spans="1:104" ht="10.8" thickBot="1" x14ac:dyDescent="0.25">
      <c r="A1874" s="169" t="s">
        <v>283</v>
      </c>
    </row>
    <row r="1875" spans="1:104" x14ac:dyDescent="0.2">
      <c r="A1875" s="170" t="s">
        <v>284</v>
      </c>
    </row>
    <row r="1876" spans="1:104" x14ac:dyDescent="0.2">
      <c r="A1876" s="167" t="s">
        <v>1109</v>
      </c>
      <c r="B1876" s="166">
        <v>125250.255161951</v>
      </c>
      <c r="C1876" s="166">
        <v>125250.255161951</v>
      </c>
      <c r="D1876" s="166">
        <v>0</v>
      </c>
      <c r="E1876" s="166">
        <v>0</v>
      </c>
      <c r="F1876" s="166">
        <v>0</v>
      </c>
      <c r="G1876" s="166">
        <v>0</v>
      </c>
      <c r="H1876" s="166">
        <v>0</v>
      </c>
      <c r="I1876" s="166">
        <v>0</v>
      </c>
      <c r="J1876" s="166">
        <v>0</v>
      </c>
      <c r="K1876" s="166">
        <v>0</v>
      </c>
      <c r="L1876" s="166">
        <v>0</v>
      </c>
      <c r="M1876" s="166">
        <v>0</v>
      </c>
      <c r="N1876" s="166">
        <v>0</v>
      </c>
      <c r="O1876" s="166">
        <v>0</v>
      </c>
      <c r="P1876" s="166">
        <v>0</v>
      </c>
      <c r="Q1876" s="166">
        <v>0</v>
      </c>
      <c r="R1876" s="166">
        <v>0</v>
      </c>
      <c r="S1876" s="166">
        <v>0</v>
      </c>
      <c r="T1876" s="166">
        <v>0</v>
      </c>
      <c r="U1876" s="166">
        <v>0</v>
      </c>
      <c r="V1876" s="166">
        <v>0</v>
      </c>
      <c r="W1876" s="166">
        <v>0</v>
      </c>
      <c r="X1876" s="166">
        <v>0</v>
      </c>
      <c r="Y1876" s="166">
        <v>0</v>
      </c>
      <c r="Z1876" s="166">
        <v>0</v>
      </c>
      <c r="AA1876" s="166">
        <v>0</v>
      </c>
      <c r="AB1876" s="166">
        <v>0</v>
      </c>
      <c r="AC1876" s="166">
        <v>0</v>
      </c>
      <c r="AD1876" s="166">
        <v>0</v>
      </c>
      <c r="AE1876" s="166">
        <v>0</v>
      </c>
      <c r="AF1876" s="166">
        <v>0</v>
      </c>
      <c r="AG1876" s="166">
        <v>0</v>
      </c>
      <c r="AH1876" s="166">
        <v>0</v>
      </c>
      <c r="AI1876" s="166">
        <v>0</v>
      </c>
      <c r="AJ1876" s="166">
        <v>0</v>
      </c>
      <c r="AK1876" s="166">
        <v>0</v>
      </c>
      <c r="AL1876" s="166">
        <v>0</v>
      </c>
      <c r="AM1876" s="166">
        <v>0</v>
      </c>
      <c r="AN1876" s="166">
        <v>0</v>
      </c>
      <c r="AO1876" s="166">
        <v>0</v>
      </c>
      <c r="AP1876" s="166">
        <v>0</v>
      </c>
      <c r="AQ1876" s="166">
        <v>0</v>
      </c>
      <c r="AR1876" s="166">
        <v>0</v>
      </c>
      <c r="AS1876" s="166">
        <v>0</v>
      </c>
      <c r="AT1876" s="166">
        <v>0</v>
      </c>
      <c r="AU1876" s="166">
        <v>0</v>
      </c>
      <c r="AV1876" s="166">
        <v>0</v>
      </c>
      <c r="AW1876" s="166">
        <v>0</v>
      </c>
      <c r="AX1876" s="166">
        <v>0</v>
      </c>
      <c r="AY1876" s="166">
        <v>0</v>
      </c>
      <c r="AZ1876" s="166">
        <v>0</v>
      </c>
      <c r="BA1876" s="166">
        <v>0</v>
      </c>
      <c r="BB1876" s="166">
        <v>0</v>
      </c>
      <c r="BC1876" s="166">
        <v>0</v>
      </c>
      <c r="BD1876" s="166">
        <v>0</v>
      </c>
      <c r="BE1876" s="166">
        <v>0</v>
      </c>
      <c r="BF1876" s="166">
        <v>0</v>
      </c>
      <c r="BG1876" s="166">
        <v>0</v>
      </c>
      <c r="BH1876" s="166">
        <v>0</v>
      </c>
      <c r="BI1876" s="166">
        <v>0</v>
      </c>
      <c r="BJ1876" s="166">
        <v>0</v>
      </c>
      <c r="BK1876" s="166">
        <v>0</v>
      </c>
      <c r="BL1876" s="166">
        <v>0</v>
      </c>
      <c r="BM1876" s="166">
        <v>0</v>
      </c>
      <c r="BN1876" s="166">
        <v>0</v>
      </c>
      <c r="BO1876" s="166">
        <v>0</v>
      </c>
      <c r="BP1876" s="166">
        <v>0</v>
      </c>
      <c r="BQ1876" s="166">
        <v>0</v>
      </c>
      <c r="BR1876" s="166">
        <v>125250.255161951</v>
      </c>
      <c r="BS1876" s="166">
        <v>125250.255161951</v>
      </c>
      <c r="BT1876" s="168">
        <v>1</v>
      </c>
      <c r="BU1876" s="166">
        <v>10473.8209260558</v>
      </c>
      <c r="BV1876" s="166">
        <v>125250.255161951</v>
      </c>
      <c r="BW1876" s="166">
        <v>0</v>
      </c>
      <c r="BX1876" s="166">
        <v>0</v>
      </c>
      <c r="BY1876" s="166">
        <v>0</v>
      </c>
      <c r="BZ1876" s="166">
        <v>0</v>
      </c>
      <c r="CA1876" s="166">
        <v>0</v>
      </c>
      <c r="CB1876" s="166">
        <v>0</v>
      </c>
      <c r="CC1876" s="166">
        <v>0</v>
      </c>
      <c r="CD1876" s="166">
        <v>0</v>
      </c>
      <c r="CE1876" s="166">
        <v>0</v>
      </c>
      <c r="CF1876" s="166">
        <v>0</v>
      </c>
      <c r="CG1876" s="166">
        <v>0</v>
      </c>
      <c r="CH1876" s="166">
        <v>0</v>
      </c>
      <c r="CI1876" s="166">
        <v>0</v>
      </c>
      <c r="CJ1876" s="166">
        <v>0</v>
      </c>
      <c r="CK1876" s="166">
        <v>0</v>
      </c>
      <c r="CL1876" s="166">
        <v>0</v>
      </c>
      <c r="CM1876" s="166">
        <v>0</v>
      </c>
      <c r="CN1876" s="166">
        <v>0</v>
      </c>
      <c r="CO1876" s="166">
        <v>0</v>
      </c>
      <c r="CP1876" s="166">
        <v>0</v>
      </c>
      <c r="CQ1876" s="166">
        <v>0</v>
      </c>
      <c r="CR1876" s="166">
        <v>0</v>
      </c>
      <c r="CS1876" s="166">
        <v>0</v>
      </c>
      <c r="CT1876" s="166">
        <v>0</v>
      </c>
      <c r="CU1876" s="166">
        <v>0</v>
      </c>
      <c r="CV1876" s="166">
        <v>0</v>
      </c>
      <c r="CW1876" s="166">
        <v>0</v>
      </c>
      <c r="CX1876" s="166">
        <v>0</v>
      </c>
      <c r="CY1876" s="166">
        <v>125250.255161951</v>
      </c>
      <c r="CZ1876" s="166">
        <v>125250.255161951</v>
      </c>
    </row>
    <row r="1877" spans="1:104" x14ac:dyDescent="0.2">
      <c r="A1877" s="167" t="s">
        <v>1110</v>
      </c>
      <c r="B1877" s="166">
        <v>62119.996281856598</v>
      </c>
      <c r="C1877" s="166">
        <v>62119.996281856598</v>
      </c>
      <c r="D1877" s="166">
        <v>0</v>
      </c>
      <c r="E1877" s="166">
        <v>0</v>
      </c>
      <c r="F1877" s="166">
        <v>0</v>
      </c>
      <c r="G1877" s="166">
        <v>0</v>
      </c>
      <c r="H1877" s="166">
        <v>0</v>
      </c>
      <c r="I1877" s="166">
        <v>0</v>
      </c>
      <c r="J1877" s="166">
        <v>0</v>
      </c>
      <c r="K1877" s="166">
        <v>0</v>
      </c>
      <c r="L1877" s="166">
        <v>0</v>
      </c>
      <c r="M1877" s="166">
        <v>0</v>
      </c>
      <c r="N1877" s="166">
        <v>0</v>
      </c>
      <c r="O1877" s="166">
        <v>0</v>
      </c>
      <c r="P1877" s="166">
        <v>0</v>
      </c>
      <c r="Q1877" s="166">
        <v>0</v>
      </c>
      <c r="R1877" s="166">
        <v>0</v>
      </c>
      <c r="S1877" s="166">
        <v>0</v>
      </c>
      <c r="T1877" s="166">
        <v>0</v>
      </c>
      <c r="U1877" s="166">
        <v>0</v>
      </c>
      <c r="V1877" s="166">
        <v>0</v>
      </c>
      <c r="W1877" s="166">
        <v>0</v>
      </c>
      <c r="X1877" s="166">
        <v>0</v>
      </c>
      <c r="Y1877" s="166">
        <v>0</v>
      </c>
      <c r="Z1877" s="166">
        <v>0</v>
      </c>
      <c r="AA1877" s="166">
        <v>0</v>
      </c>
      <c r="AB1877" s="166">
        <v>0</v>
      </c>
      <c r="AC1877" s="166">
        <v>0</v>
      </c>
      <c r="AD1877" s="166">
        <v>0</v>
      </c>
      <c r="AE1877" s="166">
        <v>0</v>
      </c>
      <c r="AF1877" s="166">
        <v>0</v>
      </c>
      <c r="AG1877" s="166">
        <v>0</v>
      </c>
      <c r="AH1877" s="166">
        <v>0</v>
      </c>
      <c r="AI1877" s="166">
        <v>0</v>
      </c>
      <c r="AJ1877" s="166">
        <v>0</v>
      </c>
      <c r="AK1877" s="166">
        <v>0</v>
      </c>
      <c r="AL1877" s="166">
        <v>0</v>
      </c>
      <c r="AM1877" s="166">
        <v>0</v>
      </c>
      <c r="AN1877" s="166">
        <v>0</v>
      </c>
      <c r="AO1877" s="166">
        <v>0</v>
      </c>
      <c r="AP1877" s="166">
        <v>0</v>
      </c>
      <c r="AQ1877" s="166">
        <v>0</v>
      </c>
      <c r="AR1877" s="166">
        <v>0</v>
      </c>
      <c r="AS1877" s="166">
        <v>0</v>
      </c>
      <c r="AT1877" s="166">
        <v>0</v>
      </c>
      <c r="AU1877" s="166">
        <v>0</v>
      </c>
      <c r="AV1877" s="166">
        <v>0</v>
      </c>
      <c r="AW1877" s="166">
        <v>0</v>
      </c>
      <c r="AX1877" s="166">
        <v>0</v>
      </c>
      <c r="AY1877" s="166">
        <v>0</v>
      </c>
      <c r="AZ1877" s="166">
        <v>0</v>
      </c>
      <c r="BA1877" s="166">
        <v>0</v>
      </c>
      <c r="BB1877" s="166">
        <v>0</v>
      </c>
      <c r="BC1877" s="166">
        <v>0</v>
      </c>
      <c r="BD1877" s="166">
        <v>0</v>
      </c>
      <c r="BE1877" s="166">
        <v>0</v>
      </c>
      <c r="BF1877" s="166">
        <v>0</v>
      </c>
      <c r="BG1877" s="166">
        <v>0</v>
      </c>
      <c r="BH1877" s="166">
        <v>0</v>
      </c>
      <c r="BI1877" s="166">
        <v>0</v>
      </c>
      <c r="BJ1877" s="166">
        <v>0</v>
      </c>
      <c r="BK1877" s="166">
        <v>0</v>
      </c>
      <c r="BL1877" s="166">
        <v>0</v>
      </c>
      <c r="BM1877" s="166">
        <v>0</v>
      </c>
      <c r="BN1877" s="166">
        <v>0</v>
      </c>
      <c r="BO1877" s="166">
        <v>0</v>
      </c>
      <c r="BP1877" s="166">
        <v>0</v>
      </c>
      <c r="BQ1877" s="166">
        <v>0</v>
      </c>
      <c r="BR1877" s="166">
        <v>62119.996281856598</v>
      </c>
      <c r="BS1877" s="166">
        <v>62119.996281856598</v>
      </c>
      <c r="BT1877" s="168">
        <v>1</v>
      </c>
      <c r="BU1877" s="166">
        <v>5274.7712233070297</v>
      </c>
      <c r="BV1877" s="166">
        <v>62119.996281856598</v>
      </c>
      <c r="BW1877" s="166">
        <v>0</v>
      </c>
      <c r="BX1877" s="166">
        <v>0</v>
      </c>
      <c r="BY1877" s="166">
        <v>0</v>
      </c>
      <c r="BZ1877" s="166">
        <v>0</v>
      </c>
      <c r="CA1877" s="166">
        <v>0</v>
      </c>
      <c r="CB1877" s="166">
        <v>0</v>
      </c>
      <c r="CC1877" s="166">
        <v>0</v>
      </c>
      <c r="CD1877" s="166">
        <v>0</v>
      </c>
      <c r="CE1877" s="166">
        <v>0</v>
      </c>
      <c r="CF1877" s="166">
        <v>0</v>
      </c>
      <c r="CG1877" s="166">
        <v>0</v>
      </c>
      <c r="CH1877" s="166">
        <v>0</v>
      </c>
      <c r="CI1877" s="166">
        <v>0</v>
      </c>
      <c r="CJ1877" s="166">
        <v>0</v>
      </c>
      <c r="CK1877" s="166">
        <v>0</v>
      </c>
      <c r="CL1877" s="166">
        <v>0</v>
      </c>
      <c r="CM1877" s="166">
        <v>0</v>
      </c>
      <c r="CN1877" s="166">
        <v>0</v>
      </c>
      <c r="CO1877" s="166">
        <v>0</v>
      </c>
      <c r="CP1877" s="166">
        <v>0</v>
      </c>
      <c r="CQ1877" s="166">
        <v>0</v>
      </c>
      <c r="CR1877" s="166">
        <v>0</v>
      </c>
      <c r="CS1877" s="166">
        <v>0</v>
      </c>
      <c r="CT1877" s="166">
        <v>0</v>
      </c>
      <c r="CU1877" s="166">
        <v>0</v>
      </c>
      <c r="CV1877" s="166">
        <v>0</v>
      </c>
      <c r="CW1877" s="166">
        <v>0</v>
      </c>
      <c r="CX1877" s="166">
        <v>0</v>
      </c>
      <c r="CY1877" s="166">
        <v>62119.996281856598</v>
      </c>
      <c r="CZ1877" s="166">
        <v>62119.996281856598</v>
      </c>
    </row>
    <row r="1878" spans="1:104" x14ac:dyDescent="0.2">
      <c r="A1878" s="167" t="s">
        <v>1111</v>
      </c>
      <c r="B1878" s="166">
        <v>14769.380539595901</v>
      </c>
      <c r="C1878" s="166">
        <v>14769.380539595901</v>
      </c>
      <c r="D1878" s="166">
        <v>0</v>
      </c>
      <c r="E1878" s="166">
        <v>0</v>
      </c>
      <c r="F1878" s="166">
        <v>0</v>
      </c>
      <c r="G1878" s="166">
        <v>0</v>
      </c>
      <c r="H1878" s="166">
        <v>0</v>
      </c>
      <c r="I1878" s="166">
        <v>0</v>
      </c>
      <c r="J1878" s="166">
        <v>0</v>
      </c>
      <c r="K1878" s="166">
        <v>0</v>
      </c>
      <c r="L1878" s="166">
        <v>0</v>
      </c>
      <c r="M1878" s="166">
        <v>0</v>
      </c>
      <c r="N1878" s="166">
        <v>0</v>
      </c>
      <c r="O1878" s="166">
        <v>0</v>
      </c>
      <c r="P1878" s="166">
        <v>0</v>
      </c>
      <c r="Q1878" s="166">
        <v>0</v>
      </c>
      <c r="R1878" s="166">
        <v>0</v>
      </c>
      <c r="S1878" s="166">
        <v>0</v>
      </c>
      <c r="T1878" s="166">
        <v>0</v>
      </c>
      <c r="U1878" s="166">
        <v>0</v>
      </c>
      <c r="V1878" s="166">
        <v>0</v>
      </c>
      <c r="W1878" s="166">
        <v>0</v>
      </c>
      <c r="X1878" s="166">
        <v>0</v>
      </c>
      <c r="Y1878" s="166">
        <v>0</v>
      </c>
      <c r="Z1878" s="166">
        <v>0</v>
      </c>
      <c r="AA1878" s="166">
        <v>0</v>
      </c>
      <c r="AB1878" s="166">
        <v>0</v>
      </c>
      <c r="AC1878" s="166">
        <v>0</v>
      </c>
      <c r="AD1878" s="166">
        <v>0</v>
      </c>
      <c r="AE1878" s="166">
        <v>0</v>
      </c>
      <c r="AF1878" s="166">
        <v>0</v>
      </c>
      <c r="AG1878" s="166">
        <v>0</v>
      </c>
      <c r="AH1878" s="166">
        <v>0</v>
      </c>
      <c r="AI1878" s="166">
        <v>0</v>
      </c>
      <c r="AJ1878" s="166">
        <v>0</v>
      </c>
      <c r="AK1878" s="166">
        <v>0</v>
      </c>
      <c r="AL1878" s="166">
        <v>0</v>
      </c>
      <c r="AM1878" s="166">
        <v>0</v>
      </c>
      <c r="AN1878" s="166">
        <v>0</v>
      </c>
      <c r="AO1878" s="166">
        <v>0</v>
      </c>
      <c r="AP1878" s="166">
        <v>0</v>
      </c>
      <c r="AQ1878" s="166">
        <v>0</v>
      </c>
      <c r="AR1878" s="166">
        <v>0</v>
      </c>
      <c r="AS1878" s="166">
        <v>0</v>
      </c>
      <c r="AT1878" s="166">
        <v>0</v>
      </c>
      <c r="AU1878" s="166">
        <v>0</v>
      </c>
      <c r="AV1878" s="166">
        <v>0</v>
      </c>
      <c r="AW1878" s="166">
        <v>0</v>
      </c>
      <c r="AX1878" s="166">
        <v>0</v>
      </c>
      <c r="AY1878" s="166">
        <v>0</v>
      </c>
      <c r="AZ1878" s="166">
        <v>0</v>
      </c>
      <c r="BA1878" s="166">
        <v>0</v>
      </c>
      <c r="BB1878" s="166">
        <v>0</v>
      </c>
      <c r="BC1878" s="166">
        <v>0</v>
      </c>
      <c r="BD1878" s="166">
        <v>0</v>
      </c>
      <c r="BE1878" s="166">
        <v>0</v>
      </c>
      <c r="BF1878" s="166">
        <v>0</v>
      </c>
      <c r="BG1878" s="166">
        <v>0</v>
      </c>
      <c r="BH1878" s="166">
        <v>0</v>
      </c>
      <c r="BI1878" s="166">
        <v>0</v>
      </c>
      <c r="BJ1878" s="166">
        <v>0</v>
      </c>
      <c r="BK1878" s="166">
        <v>0</v>
      </c>
      <c r="BL1878" s="166">
        <v>0</v>
      </c>
      <c r="BM1878" s="166">
        <v>0</v>
      </c>
      <c r="BN1878" s="166">
        <v>0</v>
      </c>
      <c r="BO1878" s="166">
        <v>0</v>
      </c>
      <c r="BP1878" s="166">
        <v>0</v>
      </c>
      <c r="BQ1878" s="166">
        <v>0</v>
      </c>
      <c r="BR1878" s="166">
        <v>14769.380539595901</v>
      </c>
      <c r="BS1878" s="166">
        <v>14769.380539595901</v>
      </c>
      <c r="BT1878" s="168">
        <v>1</v>
      </c>
      <c r="BU1878" s="166">
        <v>1207.9238585805001</v>
      </c>
      <c r="BV1878" s="166">
        <v>14769.380539595901</v>
      </c>
      <c r="BW1878" s="166">
        <v>0</v>
      </c>
      <c r="BX1878" s="166">
        <v>0</v>
      </c>
      <c r="BY1878" s="166">
        <v>0</v>
      </c>
      <c r="BZ1878" s="166">
        <v>0</v>
      </c>
      <c r="CA1878" s="166">
        <v>0</v>
      </c>
      <c r="CB1878" s="166">
        <v>0</v>
      </c>
      <c r="CC1878" s="166">
        <v>0</v>
      </c>
      <c r="CD1878" s="166">
        <v>0</v>
      </c>
      <c r="CE1878" s="166">
        <v>0</v>
      </c>
      <c r="CF1878" s="166">
        <v>0</v>
      </c>
      <c r="CG1878" s="166">
        <v>0</v>
      </c>
      <c r="CH1878" s="166">
        <v>0</v>
      </c>
      <c r="CI1878" s="166">
        <v>0</v>
      </c>
      <c r="CJ1878" s="166">
        <v>0</v>
      </c>
      <c r="CK1878" s="166">
        <v>0</v>
      </c>
      <c r="CL1878" s="166">
        <v>0</v>
      </c>
      <c r="CM1878" s="166">
        <v>0</v>
      </c>
      <c r="CN1878" s="166">
        <v>0</v>
      </c>
      <c r="CO1878" s="166">
        <v>0</v>
      </c>
      <c r="CP1878" s="166">
        <v>0</v>
      </c>
      <c r="CQ1878" s="166">
        <v>0</v>
      </c>
      <c r="CR1878" s="166">
        <v>0</v>
      </c>
      <c r="CS1878" s="166">
        <v>0</v>
      </c>
      <c r="CT1878" s="166">
        <v>0</v>
      </c>
      <c r="CU1878" s="166">
        <v>0</v>
      </c>
      <c r="CV1878" s="166">
        <v>0</v>
      </c>
      <c r="CW1878" s="166">
        <v>0</v>
      </c>
      <c r="CX1878" s="166">
        <v>0</v>
      </c>
      <c r="CY1878" s="166">
        <v>14769.380539595901</v>
      </c>
      <c r="CZ1878" s="166">
        <v>14769.380539595901</v>
      </c>
    </row>
    <row r="1879" spans="1:104" x14ac:dyDescent="0.2">
      <c r="A1879" s="167" t="s">
        <v>1112</v>
      </c>
      <c r="B1879" s="166">
        <v>8166.6464344305696</v>
      </c>
      <c r="C1879" s="166">
        <v>8166.6464344305696</v>
      </c>
      <c r="D1879" s="166">
        <v>0</v>
      </c>
      <c r="E1879" s="166">
        <v>0</v>
      </c>
      <c r="F1879" s="166">
        <v>0</v>
      </c>
      <c r="G1879" s="166">
        <v>0</v>
      </c>
      <c r="H1879" s="166">
        <v>0</v>
      </c>
      <c r="I1879" s="166">
        <v>0</v>
      </c>
      <c r="J1879" s="166">
        <v>0</v>
      </c>
      <c r="K1879" s="166">
        <v>0</v>
      </c>
      <c r="L1879" s="166">
        <v>0</v>
      </c>
      <c r="M1879" s="166">
        <v>0</v>
      </c>
      <c r="N1879" s="166">
        <v>0</v>
      </c>
      <c r="O1879" s="166">
        <v>0</v>
      </c>
      <c r="P1879" s="166">
        <v>0</v>
      </c>
      <c r="Q1879" s="166">
        <v>0</v>
      </c>
      <c r="R1879" s="166">
        <v>0</v>
      </c>
      <c r="S1879" s="166">
        <v>0</v>
      </c>
      <c r="T1879" s="166">
        <v>0</v>
      </c>
      <c r="U1879" s="166">
        <v>0</v>
      </c>
      <c r="V1879" s="166">
        <v>0</v>
      </c>
      <c r="W1879" s="166">
        <v>0</v>
      </c>
      <c r="X1879" s="166">
        <v>0</v>
      </c>
      <c r="Y1879" s="166">
        <v>0</v>
      </c>
      <c r="Z1879" s="166">
        <v>0</v>
      </c>
      <c r="AA1879" s="166">
        <v>0</v>
      </c>
      <c r="AB1879" s="166">
        <v>0</v>
      </c>
      <c r="AC1879" s="166">
        <v>0</v>
      </c>
      <c r="AD1879" s="166">
        <v>0</v>
      </c>
      <c r="AE1879" s="166">
        <v>0</v>
      </c>
      <c r="AF1879" s="166">
        <v>0</v>
      </c>
      <c r="AG1879" s="166">
        <v>0</v>
      </c>
      <c r="AH1879" s="166">
        <v>0</v>
      </c>
      <c r="AI1879" s="166">
        <v>0</v>
      </c>
      <c r="AJ1879" s="166">
        <v>0</v>
      </c>
      <c r="AK1879" s="166">
        <v>0</v>
      </c>
      <c r="AL1879" s="166">
        <v>0</v>
      </c>
      <c r="AM1879" s="166">
        <v>0</v>
      </c>
      <c r="AN1879" s="166">
        <v>0</v>
      </c>
      <c r="AO1879" s="166">
        <v>0</v>
      </c>
      <c r="AP1879" s="166">
        <v>0</v>
      </c>
      <c r="AQ1879" s="166">
        <v>0</v>
      </c>
      <c r="AR1879" s="166">
        <v>0</v>
      </c>
      <c r="AS1879" s="166">
        <v>0</v>
      </c>
      <c r="AT1879" s="166">
        <v>0</v>
      </c>
      <c r="AU1879" s="166">
        <v>0</v>
      </c>
      <c r="AV1879" s="166">
        <v>0</v>
      </c>
      <c r="AW1879" s="166">
        <v>0</v>
      </c>
      <c r="AX1879" s="166">
        <v>0</v>
      </c>
      <c r="AY1879" s="166">
        <v>0</v>
      </c>
      <c r="AZ1879" s="166">
        <v>0</v>
      </c>
      <c r="BA1879" s="166">
        <v>0</v>
      </c>
      <c r="BB1879" s="166">
        <v>0</v>
      </c>
      <c r="BC1879" s="166">
        <v>0</v>
      </c>
      <c r="BD1879" s="166">
        <v>0</v>
      </c>
      <c r="BE1879" s="166">
        <v>0</v>
      </c>
      <c r="BF1879" s="166">
        <v>0</v>
      </c>
      <c r="BG1879" s="166">
        <v>0</v>
      </c>
      <c r="BH1879" s="166">
        <v>0</v>
      </c>
      <c r="BI1879" s="166">
        <v>0</v>
      </c>
      <c r="BJ1879" s="166">
        <v>0</v>
      </c>
      <c r="BK1879" s="166">
        <v>0</v>
      </c>
      <c r="BL1879" s="166">
        <v>0</v>
      </c>
      <c r="BM1879" s="166">
        <v>0</v>
      </c>
      <c r="BN1879" s="166">
        <v>0</v>
      </c>
      <c r="BO1879" s="166">
        <v>0</v>
      </c>
      <c r="BP1879" s="166">
        <v>0</v>
      </c>
      <c r="BQ1879" s="166">
        <v>0</v>
      </c>
      <c r="BR1879" s="166">
        <v>8166.6464344305696</v>
      </c>
      <c r="BS1879" s="166">
        <v>8166.6464344305696</v>
      </c>
      <c r="BT1879" s="168">
        <v>0.98751</v>
      </c>
      <c r="BU1879" s="166">
        <v>665.77262763944498</v>
      </c>
      <c r="BV1879" s="166">
        <v>8064.6450204645298</v>
      </c>
      <c r="BW1879" s="166">
        <v>0</v>
      </c>
      <c r="BX1879" s="166">
        <v>0</v>
      </c>
      <c r="BY1879" s="166">
        <v>0</v>
      </c>
      <c r="BZ1879" s="166">
        <v>0</v>
      </c>
      <c r="CA1879" s="166">
        <v>0</v>
      </c>
      <c r="CB1879" s="166">
        <v>0</v>
      </c>
      <c r="CC1879" s="166">
        <v>0</v>
      </c>
      <c r="CD1879" s="166">
        <v>0</v>
      </c>
      <c r="CE1879" s="166">
        <v>0</v>
      </c>
      <c r="CF1879" s="166">
        <v>0</v>
      </c>
      <c r="CG1879" s="166">
        <v>0</v>
      </c>
      <c r="CH1879" s="166">
        <v>0</v>
      </c>
      <c r="CI1879" s="166">
        <v>0</v>
      </c>
      <c r="CJ1879" s="166">
        <v>0</v>
      </c>
      <c r="CK1879" s="166">
        <v>0</v>
      </c>
      <c r="CL1879" s="166">
        <v>0</v>
      </c>
      <c r="CM1879" s="166">
        <v>0</v>
      </c>
      <c r="CN1879" s="166">
        <v>0</v>
      </c>
      <c r="CO1879" s="166">
        <v>0</v>
      </c>
      <c r="CP1879" s="166">
        <v>0</v>
      </c>
      <c r="CQ1879" s="166">
        <v>0</v>
      </c>
      <c r="CR1879" s="166">
        <v>0</v>
      </c>
      <c r="CS1879" s="166">
        <v>0</v>
      </c>
      <c r="CT1879" s="166">
        <v>0</v>
      </c>
      <c r="CU1879" s="166">
        <v>0</v>
      </c>
      <c r="CV1879" s="166">
        <v>0</v>
      </c>
      <c r="CW1879" s="166">
        <v>0</v>
      </c>
      <c r="CX1879" s="166">
        <v>0</v>
      </c>
      <c r="CY1879" s="166">
        <v>8064.6450204645298</v>
      </c>
      <c r="CZ1879" s="166">
        <v>8064.6450204645298</v>
      </c>
    </row>
    <row r="1880" spans="1:104" x14ac:dyDescent="0.2">
      <c r="A1880" s="167" t="s">
        <v>1113</v>
      </c>
      <c r="B1880" s="166">
        <v>20745.4215821656</v>
      </c>
      <c r="C1880" s="166">
        <v>20745.4215821656</v>
      </c>
      <c r="D1880" s="166">
        <v>0</v>
      </c>
      <c r="E1880" s="166">
        <v>0</v>
      </c>
      <c r="F1880" s="166">
        <v>0</v>
      </c>
      <c r="G1880" s="166">
        <v>0</v>
      </c>
      <c r="H1880" s="166">
        <v>0</v>
      </c>
      <c r="I1880" s="166">
        <v>0</v>
      </c>
      <c r="J1880" s="166">
        <v>0</v>
      </c>
      <c r="K1880" s="166">
        <v>0</v>
      </c>
      <c r="L1880" s="166">
        <v>0</v>
      </c>
      <c r="M1880" s="166">
        <v>0</v>
      </c>
      <c r="N1880" s="166">
        <v>0</v>
      </c>
      <c r="O1880" s="166">
        <v>0</v>
      </c>
      <c r="P1880" s="166">
        <v>0</v>
      </c>
      <c r="Q1880" s="166">
        <v>0</v>
      </c>
      <c r="R1880" s="166">
        <v>0</v>
      </c>
      <c r="S1880" s="166">
        <v>0</v>
      </c>
      <c r="T1880" s="166">
        <v>0</v>
      </c>
      <c r="U1880" s="166">
        <v>0</v>
      </c>
      <c r="V1880" s="166">
        <v>0</v>
      </c>
      <c r="W1880" s="166">
        <v>0</v>
      </c>
      <c r="X1880" s="166">
        <v>0</v>
      </c>
      <c r="Y1880" s="166">
        <v>0</v>
      </c>
      <c r="Z1880" s="166">
        <v>0</v>
      </c>
      <c r="AA1880" s="166">
        <v>0</v>
      </c>
      <c r="AB1880" s="166">
        <v>0</v>
      </c>
      <c r="AC1880" s="166">
        <v>0</v>
      </c>
      <c r="AD1880" s="166">
        <v>0</v>
      </c>
      <c r="AE1880" s="166">
        <v>0</v>
      </c>
      <c r="AF1880" s="166">
        <v>0</v>
      </c>
      <c r="AG1880" s="166">
        <v>0</v>
      </c>
      <c r="AH1880" s="166">
        <v>0</v>
      </c>
      <c r="AI1880" s="166">
        <v>0</v>
      </c>
      <c r="AJ1880" s="166">
        <v>0</v>
      </c>
      <c r="AK1880" s="166">
        <v>0</v>
      </c>
      <c r="AL1880" s="166">
        <v>0</v>
      </c>
      <c r="AM1880" s="166">
        <v>0</v>
      </c>
      <c r="AN1880" s="166">
        <v>0</v>
      </c>
      <c r="AO1880" s="166">
        <v>0</v>
      </c>
      <c r="AP1880" s="166">
        <v>0</v>
      </c>
      <c r="AQ1880" s="166">
        <v>0</v>
      </c>
      <c r="AR1880" s="166">
        <v>0</v>
      </c>
      <c r="AS1880" s="166">
        <v>0</v>
      </c>
      <c r="AT1880" s="166">
        <v>0</v>
      </c>
      <c r="AU1880" s="166">
        <v>0</v>
      </c>
      <c r="AV1880" s="166">
        <v>0</v>
      </c>
      <c r="AW1880" s="166">
        <v>0</v>
      </c>
      <c r="AX1880" s="166">
        <v>0</v>
      </c>
      <c r="AY1880" s="166">
        <v>0</v>
      </c>
      <c r="AZ1880" s="166">
        <v>0</v>
      </c>
      <c r="BA1880" s="166">
        <v>0</v>
      </c>
      <c r="BB1880" s="166">
        <v>0</v>
      </c>
      <c r="BC1880" s="166">
        <v>0</v>
      </c>
      <c r="BD1880" s="166">
        <v>0</v>
      </c>
      <c r="BE1880" s="166">
        <v>0</v>
      </c>
      <c r="BF1880" s="166">
        <v>0</v>
      </c>
      <c r="BG1880" s="166">
        <v>0</v>
      </c>
      <c r="BH1880" s="166">
        <v>0</v>
      </c>
      <c r="BI1880" s="166">
        <v>0</v>
      </c>
      <c r="BJ1880" s="166">
        <v>0</v>
      </c>
      <c r="BK1880" s="166">
        <v>0</v>
      </c>
      <c r="BL1880" s="166">
        <v>0</v>
      </c>
      <c r="BM1880" s="166">
        <v>0</v>
      </c>
      <c r="BN1880" s="166">
        <v>0</v>
      </c>
      <c r="BO1880" s="166">
        <v>0</v>
      </c>
      <c r="BP1880" s="166">
        <v>0</v>
      </c>
      <c r="BQ1880" s="166">
        <v>0</v>
      </c>
      <c r="BR1880" s="166">
        <v>20745.4215821656</v>
      </c>
      <c r="BS1880" s="166">
        <v>20745.4215821656</v>
      </c>
      <c r="BT1880" s="168">
        <v>1</v>
      </c>
      <c r="BU1880" s="166">
        <v>1732.7306900753899</v>
      </c>
      <c r="BV1880" s="166">
        <v>20745.4215821656</v>
      </c>
      <c r="BW1880" s="166">
        <v>0</v>
      </c>
      <c r="BX1880" s="166">
        <v>0</v>
      </c>
      <c r="BY1880" s="166">
        <v>0</v>
      </c>
      <c r="BZ1880" s="166">
        <v>0</v>
      </c>
      <c r="CA1880" s="166">
        <v>0</v>
      </c>
      <c r="CB1880" s="166">
        <v>0</v>
      </c>
      <c r="CC1880" s="166">
        <v>0</v>
      </c>
      <c r="CD1880" s="166">
        <v>0</v>
      </c>
      <c r="CE1880" s="166">
        <v>0</v>
      </c>
      <c r="CF1880" s="166">
        <v>0</v>
      </c>
      <c r="CG1880" s="166">
        <v>0</v>
      </c>
      <c r="CH1880" s="166">
        <v>0</v>
      </c>
      <c r="CI1880" s="166">
        <v>0</v>
      </c>
      <c r="CJ1880" s="166">
        <v>0</v>
      </c>
      <c r="CK1880" s="166">
        <v>0</v>
      </c>
      <c r="CL1880" s="166">
        <v>0</v>
      </c>
      <c r="CM1880" s="166">
        <v>0</v>
      </c>
      <c r="CN1880" s="166">
        <v>0</v>
      </c>
      <c r="CO1880" s="166">
        <v>0</v>
      </c>
      <c r="CP1880" s="166">
        <v>0</v>
      </c>
      <c r="CQ1880" s="166">
        <v>0</v>
      </c>
      <c r="CR1880" s="166">
        <v>0</v>
      </c>
      <c r="CS1880" s="166">
        <v>0</v>
      </c>
      <c r="CT1880" s="166">
        <v>0</v>
      </c>
      <c r="CU1880" s="166">
        <v>0</v>
      </c>
      <c r="CV1880" s="166">
        <v>0</v>
      </c>
      <c r="CW1880" s="166">
        <v>0</v>
      </c>
      <c r="CX1880" s="166">
        <v>0</v>
      </c>
      <c r="CY1880" s="166">
        <v>20745.4215821656</v>
      </c>
      <c r="CZ1880" s="166">
        <v>20745.4215821656</v>
      </c>
    </row>
    <row r="1881" spans="1:104" x14ac:dyDescent="0.2">
      <c r="A1881" s="167" t="s">
        <v>1114</v>
      </c>
      <c r="B1881" s="166">
        <v>0</v>
      </c>
      <c r="C1881" s="166">
        <v>0</v>
      </c>
      <c r="D1881" s="166">
        <v>0</v>
      </c>
      <c r="E1881" s="166">
        <v>0</v>
      </c>
      <c r="F1881" s="166">
        <v>0</v>
      </c>
      <c r="G1881" s="166">
        <v>0</v>
      </c>
      <c r="H1881" s="166">
        <v>0</v>
      </c>
      <c r="I1881" s="166">
        <v>0</v>
      </c>
      <c r="J1881" s="166">
        <v>0</v>
      </c>
      <c r="K1881" s="166">
        <v>0</v>
      </c>
      <c r="L1881" s="166">
        <v>0</v>
      </c>
      <c r="M1881" s="166">
        <v>0</v>
      </c>
      <c r="N1881" s="166">
        <v>0</v>
      </c>
      <c r="O1881" s="166">
        <v>0</v>
      </c>
      <c r="P1881" s="166">
        <v>0</v>
      </c>
      <c r="Q1881" s="166">
        <v>0</v>
      </c>
      <c r="R1881" s="166">
        <v>0</v>
      </c>
      <c r="S1881" s="166">
        <v>0</v>
      </c>
      <c r="T1881" s="166">
        <v>0</v>
      </c>
      <c r="U1881" s="166">
        <v>0</v>
      </c>
      <c r="V1881" s="166">
        <v>0</v>
      </c>
      <c r="W1881" s="166">
        <v>0</v>
      </c>
      <c r="X1881" s="166">
        <v>0</v>
      </c>
      <c r="Y1881" s="166">
        <v>0</v>
      </c>
      <c r="Z1881" s="166">
        <v>0</v>
      </c>
      <c r="AA1881" s="166">
        <v>0</v>
      </c>
      <c r="AB1881" s="166">
        <v>0</v>
      </c>
      <c r="AC1881" s="166">
        <v>0</v>
      </c>
      <c r="AD1881" s="166">
        <v>0</v>
      </c>
      <c r="AE1881" s="166">
        <v>0</v>
      </c>
      <c r="AF1881" s="166">
        <v>0</v>
      </c>
      <c r="AG1881" s="166">
        <v>0</v>
      </c>
      <c r="AH1881" s="166">
        <v>0</v>
      </c>
      <c r="AI1881" s="166">
        <v>0</v>
      </c>
      <c r="AJ1881" s="166">
        <v>0</v>
      </c>
      <c r="AK1881" s="166">
        <v>0</v>
      </c>
      <c r="AL1881" s="166">
        <v>0</v>
      </c>
      <c r="AM1881" s="166">
        <v>0</v>
      </c>
      <c r="AN1881" s="166">
        <v>0</v>
      </c>
      <c r="AO1881" s="166">
        <v>0</v>
      </c>
      <c r="AP1881" s="166">
        <v>0</v>
      </c>
      <c r="AQ1881" s="166">
        <v>0</v>
      </c>
      <c r="AR1881" s="166">
        <v>0</v>
      </c>
      <c r="AS1881" s="166">
        <v>0</v>
      </c>
      <c r="AT1881" s="166">
        <v>0</v>
      </c>
      <c r="AU1881" s="166">
        <v>0</v>
      </c>
      <c r="AV1881" s="166">
        <v>0</v>
      </c>
      <c r="AW1881" s="166">
        <v>0</v>
      </c>
      <c r="AX1881" s="166">
        <v>0</v>
      </c>
      <c r="AY1881" s="166">
        <v>0</v>
      </c>
      <c r="AZ1881" s="166">
        <v>0</v>
      </c>
      <c r="BA1881" s="166">
        <v>0</v>
      </c>
      <c r="BB1881" s="166">
        <v>0</v>
      </c>
      <c r="BC1881" s="166">
        <v>0</v>
      </c>
      <c r="BD1881" s="166">
        <v>0</v>
      </c>
      <c r="BE1881" s="166">
        <v>0</v>
      </c>
      <c r="BF1881" s="166">
        <v>0</v>
      </c>
      <c r="BG1881" s="166">
        <v>0</v>
      </c>
      <c r="BH1881" s="166">
        <v>0</v>
      </c>
      <c r="BI1881" s="166">
        <v>0</v>
      </c>
      <c r="BJ1881" s="166">
        <v>0</v>
      </c>
      <c r="BK1881" s="166">
        <v>0</v>
      </c>
      <c r="BL1881" s="166">
        <v>0</v>
      </c>
      <c r="BM1881" s="166">
        <v>0</v>
      </c>
      <c r="BN1881" s="166">
        <v>0</v>
      </c>
      <c r="BO1881" s="166">
        <v>0</v>
      </c>
      <c r="BP1881" s="166">
        <v>0</v>
      </c>
      <c r="BQ1881" s="166">
        <v>0</v>
      </c>
      <c r="BR1881" s="166">
        <v>0</v>
      </c>
      <c r="BS1881" s="166">
        <v>0</v>
      </c>
      <c r="BT1881" s="168">
        <v>1</v>
      </c>
      <c r="BU1881" s="166">
        <v>0</v>
      </c>
      <c r="BV1881" s="166">
        <v>0</v>
      </c>
      <c r="BW1881" s="166">
        <v>0</v>
      </c>
      <c r="BX1881" s="166">
        <v>0</v>
      </c>
      <c r="BY1881" s="166">
        <v>0</v>
      </c>
      <c r="BZ1881" s="166">
        <v>0</v>
      </c>
      <c r="CA1881" s="166">
        <v>0</v>
      </c>
      <c r="CB1881" s="166">
        <v>0</v>
      </c>
      <c r="CC1881" s="166">
        <v>0</v>
      </c>
      <c r="CD1881" s="166">
        <v>0</v>
      </c>
      <c r="CE1881" s="166">
        <v>0</v>
      </c>
      <c r="CF1881" s="166">
        <v>0</v>
      </c>
      <c r="CG1881" s="166">
        <v>0</v>
      </c>
      <c r="CH1881" s="166">
        <v>0</v>
      </c>
      <c r="CI1881" s="166">
        <v>0</v>
      </c>
      <c r="CJ1881" s="166">
        <v>0</v>
      </c>
      <c r="CK1881" s="166">
        <v>0</v>
      </c>
      <c r="CL1881" s="166">
        <v>0</v>
      </c>
      <c r="CM1881" s="166">
        <v>0</v>
      </c>
      <c r="CN1881" s="166">
        <v>0</v>
      </c>
      <c r="CO1881" s="166">
        <v>0</v>
      </c>
      <c r="CP1881" s="166">
        <v>0</v>
      </c>
      <c r="CQ1881" s="166">
        <v>0</v>
      </c>
      <c r="CR1881" s="166">
        <v>0</v>
      </c>
      <c r="CS1881" s="166">
        <v>0</v>
      </c>
      <c r="CT1881" s="166">
        <v>0</v>
      </c>
      <c r="CU1881" s="166">
        <v>0</v>
      </c>
      <c r="CV1881" s="166">
        <v>0</v>
      </c>
      <c r="CW1881" s="166">
        <v>0</v>
      </c>
      <c r="CX1881" s="166">
        <v>0</v>
      </c>
      <c r="CY1881" s="166">
        <v>0</v>
      </c>
      <c r="CZ1881" s="166">
        <v>0</v>
      </c>
    </row>
    <row r="1882" spans="1:104" x14ac:dyDescent="0.2">
      <c r="A1882" s="167" t="s">
        <v>1115</v>
      </c>
      <c r="B1882" s="166">
        <v>231051.69999999899</v>
      </c>
      <c r="C1882" s="166">
        <v>231051.69999999899</v>
      </c>
      <c r="D1882" s="166">
        <v>0</v>
      </c>
      <c r="E1882" s="166">
        <v>0</v>
      </c>
      <c r="F1882" s="166">
        <v>0</v>
      </c>
      <c r="G1882" s="166">
        <v>0</v>
      </c>
      <c r="H1882" s="166">
        <v>0</v>
      </c>
      <c r="I1882" s="166">
        <v>0</v>
      </c>
      <c r="J1882" s="166">
        <v>0</v>
      </c>
      <c r="K1882" s="166">
        <v>0</v>
      </c>
      <c r="L1882" s="166">
        <v>0</v>
      </c>
      <c r="M1882" s="166">
        <v>0</v>
      </c>
      <c r="N1882" s="166">
        <v>0</v>
      </c>
      <c r="O1882" s="166">
        <v>0</v>
      </c>
      <c r="P1882" s="166">
        <v>0</v>
      </c>
      <c r="Q1882" s="166">
        <v>0</v>
      </c>
      <c r="R1882" s="166">
        <v>0</v>
      </c>
      <c r="S1882" s="166">
        <v>0</v>
      </c>
      <c r="T1882" s="166">
        <v>0</v>
      </c>
      <c r="U1882" s="166">
        <v>0</v>
      </c>
      <c r="V1882" s="166">
        <v>0</v>
      </c>
      <c r="W1882" s="166">
        <v>0</v>
      </c>
      <c r="X1882" s="166">
        <v>0</v>
      </c>
      <c r="Y1882" s="166">
        <v>0</v>
      </c>
      <c r="Z1882" s="166">
        <v>0</v>
      </c>
      <c r="AA1882" s="166">
        <v>0</v>
      </c>
      <c r="AB1882" s="166">
        <v>0</v>
      </c>
      <c r="AC1882" s="166">
        <v>0</v>
      </c>
      <c r="AD1882" s="166">
        <v>0</v>
      </c>
      <c r="AE1882" s="166">
        <v>0</v>
      </c>
      <c r="AF1882" s="166">
        <v>0</v>
      </c>
      <c r="AG1882" s="166">
        <v>0</v>
      </c>
      <c r="AH1882" s="166">
        <v>0</v>
      </c>
      <c r="AI1882" s="166">
        <v>0</v>
      </c>
      <c r="AJ1882" s="166">
        <v>0</v>
      </c>
      <c r="AK1882" s="166">
        <v>0</v>
      </c>
      <c r="AL1882" s="166">
        <v>0</v>
      </c>
      <c r="AM1882" s="166">
        <v>0</v>
      </c>
      <c r="AN1882" s="166">
        <v>0</v>
      </c>
      <c r="AO1882" s="166">
        <v>0</v>
      </c>
      <c r="AP1882" s="166">
        <v>0</v>
      </c>
      <c r="AQ1882" s="166">
        <v>0</v>
      </c>
      <c r="AR1882" s="166">
        <v>0</v>
      </c>
      <c r="AS1882" s="166">
        <v>0</v>
      </c>
      <c r="AT1882" s="166">
        <v>0</v>
      </c>
      <c r="AU1882" s="166">
        <v>0</v>
      </c>
      <c r="AV1882" s="166">
        <v>0</v>
      </c>
      <c r="AW1882" s="166">
        <v>0</v>
      </c>
      <c r="AX1882" s="166">
        <v>0</v>
      </c>
      <c r="AY1882" s="166">
        <v>0</v>
      </c>
      <c r="AZ1882" s="166">
        <v>0</v>
      </c>
      <c r="BA1882" s="166">
        <v>0</v>
      </c>
      <c r="BB1882" s="166">
        <v>0</v>
      </c>
      <c r="BC1882" s="166">
        <v>0</v>
      </c>
      <c r="BD1882" s="166">
        <v>0</v>
      </c>
      <c r="BE1882" s="166">
        <v>0</v>
      </c>
      <c r="BF1882" s="166">
        <v>0</v>
      </c>
      <c r="BG1882" s="166">
        <v>0</v>
      </c>
      <c r="BH1882" s="166">
        <v>0</v>
      </c>
      <c r="BI1882" s="166">
        <v>0</v>
      </c>
      <c r="BJ1882" s="166">
        <v>0</v>
      </c>
      <c r="BK1882" s="166">
        <v>0</v>
      </c>
      <c r="BL1882" s="166">
        <v>0</v>
      </c>
      <c r="BM1882" s="166">
        <v>0</v>
      </c>
      <c r="BN1882" s="166">
        <v>0</v>
      </c>
      <c r="BO1882" s="166">
        <v>0</v>
      </c>
      <c r="BP1882" s="166">
        <v>0</v>
      </c>
      <c r="BQ1882" s="166">
        <v>0</v>
      </c>
      <c r="BR1882" s="166">
        <v>231051.69999999899</v>
      </c>
      <c r="BS1882" s="166">
        <v>231051.7</v>
      </c>
      <c r="BT1882" s="168">
        <v>0</v>
      </c>
      <c r="BU1882" s="166">
        <v>19355.019325658199</v>
      </c>
      <c r="BV1882" s="166">
        <v>230949.69858603299</v>
      </c>
      <c r="BW1882" s="166">
        <v>0</v>
      </c>
      <c r="BX1882" s="166">
        <v>0</v>
      </c>
      <c r="BY1882" s="166">
        <v>0</v>
      </c>
      <c r="BZ1882" s="166">
        <v>0</v>
      </c>
      <c r="CA1882" s="166">
        <v>0</v>
      </c>
      <c r="CB1882" s="166">
        <v>0</v>
      </c>
      <c r="CC1882" s="166">
        <v>0</v>
      </c>
      <c r="CD1882" s="166">
        <v>0</v>
      </c>
      <c r="CE1882" s="166">
        <v>0</v>
      </c>
      <c r="CF1882" s="166">
        <v>0</v>
      </c>
      <c r="CG1882" s="166">
        <v>0</v>
      </c>
      <c r="CH1882" s="166">
        <v>0</v>
      </c>
      <c r="CI1882" s="166">
        <v>0</v>
      </c>
      <c r="CJ1882" s="166">
        <v>0</v>
      </c>
      <c r="CK1882" s="166">
        <v>0</v>
      </c>
      <c r="CL1882" s="166">
        <v>0</v>
      </c>
      <c r="CM1882" s="166">
        <v>0</v>
      </c>
      <c r="CN1882" s="166">
        <v>0</v>
      </c>
      <c r="CO1882" s="166">
        <v>0</v>
      </c>
      <c r="CP1882" s="166">
        <v>0</v>
      </c>
      <c r="CQ1882" s="166">
        <v>0</v>
      </c>
      <c r="CR1882" s="166">
        <v>0</v>
      </c>
      <c r="CS1882" s="166">
        <v>0</v>
      </c>
      <c r="CT1882" s="166">
        <v>0</v>
      </c>
      <c r="CU1882" s="166">
        <v>0</v>
      </c>
      <c r="CV1882" s="166">
        <v>0</v>
      </c>
      <c r="CW1882" s="166">
        <v>0</v>
      </c>
      <c r="CX1882" s="166">
        <v>0</v>
      </c>
      <c r="CY1882" s="166">
        <v>230949.69858603299</v>
      </c>
      <c r="CZ1882" s="166">
        <v>230949.69858603299</v>
      </c>
    </row>
    <row r="1883" spans="1:104" x14ac:dyDescent="0.2">
      <c r="A1883" s="167" t="s">
        <v>292</v>
      </c>
    </row>
    <row r="1884" spans="1:104" x14ac:dyDescent="0.2">
      <c r="A1884" s="167" t="s">
        <v>293</v>
      </c>
      <c r="B1884" s="166">
        <v>4543357.5199999996</v>
      </c>
      <c r="C1884" s="166">
        <v>4543357.5199999996</v>
      </c>
      <c r="D1884" s="166">
        <v>0</v>
      </c>
      <c r="E1884" s="166">
        <v>0</v>
      </c>
      <c r="F1884" s="166">
        <v>0</v>
      </c>
      <c r="G1884" s="166">
        <v>0</v>
      </c>
      <c r="H1884" s="166">
        <v>0</v>
      </c>
      <c r="I1884" s="166">
        <v>0</v>
      </c>
      <c r="J1884" s="166">
        <v>0</v>
      </c>
      <c r="K1884" s="166">
        <v>0</v>
      </c>
      <c r="L1884" s="166">
        <v>0</v>
      </c>
      <c r="M1884" s="166">
        <v>0</v>
      </c>
      <c r="N1884" s="166">
        <v>0</v>
      </c>
      <c r="O1884" s="166">
        <v>0</v>
      </c>
      <c r="P1884" s="166">
        <v>0</v>
      </c>
      <c r="Q1884" s="166">
        <v>0</v>
      </c>
      <c r="R1884" s="166">
        <v>0</v>
      </c>
      <c r="S1884" s="166">
        <v>0</v>
      </c>
      <c r="T1884" s="166">
        <v>0</v>
      </c>
      <c r="U1884" s="166">
        <v>0</v>
      </c>
      <c r="V1884" s="166">
        <v>0</v>
      </c>
      <c r="W1884" s="166">
        <v>0</v>
      </c>
      <c r="X1884" s="166">
        <v>0</v>
      </c>
      <c r="Y1884" s="166">
        <v>0</v>
      </c>
      <c r="Z1884" s="166">
        <v>0</v>
      </c>
      <c r="AA1884" s="166">
        <v>0</v>
      </c>
      <c r="AB1884" s="166">
        <v>0</v>
      </c>
      <c r="AC1884" s="166">
        <v>0</v>
      </c>
      <c r="AD1884" s="166">
        <v>0</v>
      </c>
      <c r="AE1884" s="166">
        <v>0</v>
      </c>
      <c r="AF1884" s="166">
        <v>0</v>
      </c>
      <c r="AG1884" s="166">
        <v>0</v>
      </c>
      <c r="AH1884" s="166">
        <v>0</v>
      </c>
      <c r="AI1884" s="166">
        <v>0</v>
      </c>
      <c r="AJ1884" s="166">
        <v>0</v>
      </c>
      <c r="AK1884" s="166">
        <v>0</v>
      </c>
      <c r="AL1884" s="166">
        <v>0</v>
      </c>
      <c r="AM1884" s="166">
        <v>0</v>
      </c>
      <c r="AN1884" s="166">
        <v>0</v>
      </c>
      <c r="AO1884" s="166">
        <v>0</v>
      </c>
      <c r="AP1884" s="166">
        <v>0</v>
      </c>
      <c r="AQ1884" s="166">
        <v>0</v>
      </c>
      <c r="AR1884" s="166">
        <v>0</v>
      </c>
      <c r="AS1884" s="166">
        <v>0</v>
      </c>
      <c r="AT1884" s="166">
        <v>0</v>
      </c>
      <c r="AU1884" s="166">
        <v>0</v>
      </c>
      <c r="AV1884" s="166">
        <v>0</v>
      </c>
      <c r="AW1884" s="166">
        <v>0</v>
      </c>
      <c r="AX1884" s="166">
        <v>0</v>
      </c>
      <c r="AY1884" s="166">
        <v>0</v>
      </c>
      <c r="AZ1884" s="166">
        <v>0</v>
      </c>
      <c r="BA1884" s="166">
        <v>0</v>
      </c>
      <c r="BB1884" s="166">
        <v>0</v>
      </c>
      <c r="BC1884" s="166">
        <v>0</v>
      </c>
      <c r="BD1884" s="166">
        <v>0</v>
      </c>
      <c r="BE1884" s="166">
        <v>0</v>
      </c>
      <c r="BF1884" s="166">
        <v>0</v>
      </c>
      <c r="BG1884" s="166">
        <v>0</v>
      </c>
      <c r="BH1884" s="166">
        <v>0</v>
      </c>
      <c r="BI1884" s="166">
        <v>0</v>
      </c>
      <c r="BJ1884" s="166">
        <v>0</v>
      </c>
      <c r="BK1884" s="166">
        <v>0</v>
      </c>
      <c r="BL1884" s="166">
        <v>0</v>
      </c>
      <c r="BM1884" s="166">
        <v>0</v>
      </c>
      <c r="BN1884" s="166">
        <v>0</v>
      </c>
      <c r="BO1884" s="166">
        <v>0</v>
      </c>
      <c r="BP1884" s="166">
        <v>0</v>
      </c>
      <c r="BQ1884" s="166">
        <v>0</v>
      </c>
      <c r="BR1884" s="166">
        <v>4543357.5199999996</v>
      </c>
      <c r="BS1884" s="166">
        <v>4543357.5199999996</v>
      </c>
      <c r="BT1884" s="168">
        <v>1</v>
      </c>
      <c r="BU1884" s="166">
        <v>368998.75</v>
      </c>
      <c r="BV1884" s="166">
        <v>4543357.5199999996</v>
      </c>
      <c r="BW1884" s="166">
        <v>0</v>
      </c>
      <c r="BX1884" s="166">
        <v>0</v>
      </c>
      <c r="BY1884" s="166">
        <v>0</v>
      </c>
      <c r="BZ1884" s="166">
        <v>0</v>
      </c>
      <c r="CA1884" s="166">
        <v>0</v>
      </c>
      <c r="CB1884" s="166">
        <v>0</v>
      </c>
      <c r="CC1884" s="166">
        <v>0</v>
      </c>
      <c r="CD1884" s="166">
        <v>0</v>
      </c>
      <c r="CE1884" s="166">
        <v>0</v>
      </c>
      <c r="CF1884" s="166">
        <v>0</v>
      </c>
      <c r="CG1884" s="166">
        <v>0</v>
      </c>
      <c r="CH1884" s="166">
        <v>0</v>
      </c>
      <c r="CI1884" s="166">
        <v>0</v>
      </c>
      <c r="CJ1884" s="166">
        <v>0</v>
      </c>
      <c r="CK1884" s="166">
        <v>0</v>
      </c>
      <c r="CL1884" s="166">
        <v>0</v>
      </c>
      <c r="CM1884" s="166">
        <v>0</v>
      </c>
      <c r="CN1884" s="166">
        <v>0</v>
      </c>
      <c r="CO1884" s="166">
        <v>0</v>
      </c>
      <c r="CP1884" s="166">
        <v>0</v>
      </c>
      <c r="CQ1884" s="166">
        <v>0</v>
      </c>
      <c r="CR1884" s="166">
        <v>0</v>
      </c>
      <c r="CS1884" s="166">
        <v>0</v>
      </c>
      <c r="CT1884" s="166">
        <v>0</v>
      </c>
      <c r="CU1884" s="166">
        <v>0</v>
      </c>
      <c r="CV1884" s="166">
        <v>0</v>
      </c>
      <c r="CW1884" s="166">
        <v>0</v>
      </c>
      <c r="CX1884" s="166">
        <v>0</v>
      </c>
      <c r="CY1884" s="166">
        <v>4543357.5199999996</v>
      </c>
      <c r="CZ1884" s="166">
        <v>4543357.5199999996</v>
      </c>
    </row>
    <row r="1885" spans="1:104" x14ac:dyDescent="0.2">
      <c r="A1885" s="167" t="s">
        <v>294</v>
      </c>
    </row>
    <row r="1886" spans="1:104" x14ac:dyDescent="0.2">
      <c r="A1886" s="167" t="s">
        <v>1116</v>
      </c>
      <c r="B1886" s="166">
        <v>365374.99</v>
      </c>
      <c r="C1886" s="166">
        <v>365374.99</v>
      </c>
      <c r="D1886" s="166">
        <v>0</v>
      </c>
      <c r="E1886" s="166">
        <v>0</v>
      </c>
      <c r="F1886" s="166">
        <v>0</v>
      </c>
      <c r="G1886" s="166">
        <v>0</v>
      </c>
      <c r="H1886" s="166">
        <v>0</v>
      </c>
      <c r="I1886" s="166">
        <v>0</v>
      </c>
      <c r="J1886" s="166">
        <v>0</v>
      </c>
      <c r="K1886" s="166">
        <v>0</v>
      </c>
      <c r="L1886" s="166">
        <v>0</v>
      </c>
      <c r="M1886" s="166">
        <v>0</v>
      </c>
      <c r="N1886" s="166">
        <v>0</v>
      </c>
      <c r="O1886" s="166">
        <v>0</v>
      </c>
      <c r="P1886" s="166">
        <v>0</v>
      </c>
      <c r="Q1886" s="166">
        <v>0</v>
      </c>
      <c r="R1886" s="166">
        <v>0</v>
      </c>
      <c r="S1886" s="166">
        <v>0</v>
      </c>
      <c r="T1886" s="166">
        <v>0</v>
      </c>
      <c r="U1886" s="166">
        <v>0</v>
      </c>
      <c r="V1886" s="166">
        <v>0</v>
      </c>
      <c r="W1886" s="166">
        <v>0</v>
      </c>
      <c r="X1886" s="166">
        <v>0</v>
      </c>
      <c r="Y1886" s="166">
        <v>0</v>
      </c>
      <c r="Z1886" s="166">
        <v>0</v>
      </c>
      <c r="AA1886" s="166">
        <v>0</v>
      </c>
      <c r="AB1886" s="166">
        <v>0</v>
      </c>
      <c r="AC1886" s="166">
        <v>0</v>
      </c>
      <c r="AD1886" s="166">
        <v>0</v>
      </c>
      <c r="AE1886" s="166">
        <v>0</v>
      </c>
      <c r="AF1886" s="166">
        <v>0</v>
      </c>
      <c r="AG1886" s="166">
        <v>0</v>
      </c>
      <c r="AH1886" s="166">
        <v>0</v>
      </c>
      <c r="AI1886" s="166">
        <v>0</v>
      </c>
      <c r="AJ1886" s="166">
        <v>0</v>
      </c>
      <c r="AK1886" s="166">
        <v>0</v>
      </c>
      <c r="AL1886" s="166">
        <v>0</v>
      </c>
      <c r="AM1886" s="166">
        <v>0</v>
      </c>
      <c r="AN1886" s="166">
        <v>0</v>
      </c>
      <c r="AO1886" s="166">
        <v>0</v>
      </c>
      <c r="AP1886" s="166">
        <v>0</v>
      </c>
      <c r="AQ1886" s="166">
        <v>0</v>
      </c>
      <c r="AR1886" s="166">
        <v>0</v>
      </c>
      <c r="AS1886" s="166">
        <v>0</v>
      </c>
      <c r="AT1886" s="166">
        <v>0</v>
      </c>
      <c r="AU1886" s="166">
        <v>0</v>
      </c>
      <c r="AV1886" s="166">
        <v>0</v>
      </c>
      <c r="AW1886" s="166">
        <v>0</v>
      </c>
      <c r="AX1886" s="166">
        <v>0</v>
      </c>
      <c r="AY1886" s="166">
        <v>0</v>
      </c>
      <c r="AZ1886" s="166">
        <v>0</v>
      </c>
      <c r="BA1886" s="166">
        <v>0</v>
      </c>
      <c r="BB1886" s="166">
        <v>0</v>
      </c>
      <c r="BC1886" s="166">
        <v>0</v>
      </c>
      <c r="BD1886" s="166">
        <v>0</v>
      </c>
      <c r="BE1886" s="166">
        <v>0</v>
      </c>
      <c r="BF1886" s="166">
        <v>0</v>
      </c>
      <c r="BG1886" s="166">
        <v>0</v>
      </c>
      <c r="BH1886" s="166">
        <v>0</v>
      </c>
      <c r="BI1886" s="166">
        <v>0</v>
      </c>
      <c r="BJ1886" s="166">
        <v>0</v>
      </c>
      <c r="BK1886" s="166">
        <v>0</v>
      </c>
      <c r="BL1886" s="166">
        <v>0</v>
      </c>
      <c r="BM1886" s="166">
        <v>0</v>
      </c>
      <c r="BN1886" s="166">
        <v>0</v>
      </c>
      <c r="BO1886" s="166">
        <v>0</v>
      </c>
      <c r="BP1886" s="166">
        <v>0</v>
      </c>
      <c r="BQ1886" s="166">
        <v>0</v>
      </c>
      <c r="BR1886" s="166">
        <v>365374.99</v>
      </c>
      <c r="BS1886" s="166">
        <v>365374.99</v>
      </c>
      <c r="BT1886" s="168">
        <v>1</v>
      </c>
      <c r="BU1886" s="166">
        <v>24112.16</v>
      </c>
      <c r="BV1886" s="166">
        <v>365374.99</v>
      </c>
      <c r="BW1886" s="166">
        <v>0</v>
      </c>
      <c r="BX1886" s="166">
        <v>0</v>
      </c>
      <c r="BY1886" s="166">
        <v>0</v>
      </c>
      <c r="BZ1886" s="166">
        <v>0</v>
      </c>
      <c r="CA1886" s="166">
        <v>0</v>
      </c>
      <c r="CB1886" s="166">
        <v>0</v>
      </c>
      <c r="CC1886" s="166">
        <v>0</v>
      </c>
      <c r="CD1886" s="166">
        <v>0</v>
      </c>
      <c r="CE1886" s="166">
        <v>0</v>
      </c>
      <c r="CF1886" s="166">
        <v>0</v>
      </c>
      <c r="CG1886" s="166">
        <v>0</v>
      </c>
      <c r="CH1886" s="166">
        <v>0</v>
      </c>
      <c r="CI1886" s="166">
        <v>0</v>
      </c>
      <c r="CJ1886" s="166">
        <v>0</v>
      </c>
      <c r="CK1886" s="166">
        <v>0</v>
      </c>
      <c r="CL1886" s="166">
        <v>0</v>
      </c>
      <c r="CM1886" s="166">
        <v>0</v>
      </c>
      <c r="CN1886" s="166">
        <v>0</v>
      </c>
      <c r="CO1886" s="166">
        <v>0</v>
      </c>
      <c r="CP1886" s="166">
        <v>0</v>
      </c>
      <c r="CQ1886" s="166">
        <v>0</v>
      </c>
      <c r="CR1886" s="166">
        <v>0</v>
      </c>
      <c r="CS1886" s="166">
        <v>0</v>
      </c>
      <c r="CT1886" s="166">
        <v>0</v>
      </c>
      <c r="CU1886" s="166">
        <v>0</v>
      </c>
      <c r="CV1886" s="166">
        <v>0</v>
      </c>
      <c r="CW1886" s="166">
        <v>0</v>
      </c>
      <c r="CX1886" s="166">
        <v>0</v>
      </c>
      <c r="CY1886" s="166">
        <v>365374.99</v>
      </c>
      <c r="CZ1886" s="166">
        <v>365374.99</v>
      </c>
    </row>
    <row r="1887" spans="1:104" x14ac:dyDescent="0.2">
      <c r="A1887" s="167" t="s">
        <v>296</v>
      </c>
    </row>
    <row r="1888" spans="1:104" x14ac:dyDescent="0.2">
      <c r="A1888" s="167" t="s">
        <v>1117</v>
      </c>
      <c r="B1888" s="166">
        <v>346680.56633878697</v>
      </c>
      <c r="C1888" s="166">
        <v>346680.56633878697</v>
      </c>
      <c r="D1888" s="166">
        <v>0</v>
      </c>
      <c r="E1888" s="166">
        <v>0</v>
      </c>
      <c r="F1888" s="166">
        <v>0</v>
      </c>
      <c r="G1888" s="166">
        <v>0</v>
      </c>
      <c r="H1888" s="166">
        <v>0</v>
      </c>
      <c r="I1888" s="166">
        <v>0</v>
      </c>
      <c r="J1888" s="166">
        <v>0</v>
      </c>
      <c r="K1888" s="166">
        <v>0</v>
      </c>
      <c r="L1888" s="166">
        <v>0</v>
      </c>
      <c r="M1888" s="166">
        <v>0</v>
      </c>
      <c r="N1888" s="166">
        <v>0</v>
      </c>
      <c r="O1888" s="166">
        <v>0</v>
      </c>
      <c r="P1888" s="166">
        <v>0</v>
      </c>
      <c r="Q1888" s="166">
        <v>0</v>
      </c>
      <c r="R1888" s="166">
        <v>0</v>
      </c>
      <c r="S1888" s="166">
        <v>0</v>
      </c>
      <c r="T1888" s="166">
        <v>0</v>
      </c>
      <c r="U1888" s="166">
        <v>0</v>
      </c>
      <c r="V1888" s="166">
        <v>0</v>
      </c>
      <c r="W1888" s="166">
        <v>0</v>
      </c>
      <c r="X1888" s="166">
        <v>0</v>
      </c>
      <c r="Y1888" s="166">
        <v>0</v>
      </c>
      <c r="Z1888" s="166">
        <v>0</v>
      </c>
      <c r="AA1888" s="166">
        <v>0</v>
      </c>
      <c r="AB1888" s="166">
        <v>0</v>
      </c>
      <c r="AC1888" s="166">
        <v>0</v>
      </c>
      <c r="AD1888" s="166">
        <v>0</v>
      </c>
      <c r="AE1888" s="166">
        <v>0</v>
      </c>
      <c r="AF1888" s="166">
        <v>0</v>
      </c>
      <c r="AG1888" s="166">
        <v>0</v>
      </c>
      <c r="AH1888" s="166">
        <v>0</v>
      </c>
      <c r="AI1888" s="166">
        <v>0</v>
      </c>
      <c r="AJ1888" s="166">
        <v>0</v>
      </c>
      <c r="AK1888" s="166">
        <v>0</v>
      </c>
      <c r="AL1888" s="166">
        <v>0</v>
      </c>
      <c r="AM1888" s="166">
        <v>0</v>
      </c>
      <c r="AN1888" s="166">
        <v>0</v>
      </c>
      <c r="AO1888" s="166">
        <v>0</v>
      </c>
      <c r="AP1888" s="166">
        <v>0</v>
      </c>
      <c r="AQ1888" s="166">
        <v>0</v>
      </c>
      <c r="AR1888" s="166">
        <v>0</v>
      </c>
      <c r="AS1888" s="166">
        <v>0</v>
      </c>
      <c r="AT1888" s="166">
        <v>0</v>
      </c>
      <c r="AU1888" s="166">
        <v>0</v>
      </c>
      <c r="AV1888" s="166">
        <v>0</v>
      </c>
      <c r="AW1888" s="166">
        <v>0</v>
      </c>
      <c r="AX1888" s="166">
        <v>0</v>
      </c>
      <c r="AY1888" s="166">
        <v>0</v>
      </c>
      <c r="AZ1888" s="166">
        <v>0</v>
      </c>
      <c r="BA1888" s="166">
        <v>0</v>
      </c>
      <c r="BB1888" s="166">
        <v>0</v>
      </c>
      <c r="BC1888" s="166">
        <v>0</v>
      </c>
      <c r="BD1888" s="166">
        <v>0</v>
      </c>
      <c r="BE1888" s="166">
        <v>0</v>
      </c>
      <c r="BF1888" s="166">
        <v>0</v>
      </c>
      <c r="BG1888" s="166">
        <v>0</v>
      </c>
      <c r="BH1888" s="166">
        <v>0</v>
      </c>
      <c r="BI1888" s="166">
        <v>0</v>
      </c>
      <c r="BJ1888" s="166">
        <v>0</v>
      </c>
      <c r="BK1888" s="166">
        <v>0</v>
      </c>
      <c r="BL1888" s="166">
        <v>0</v>
      </c>
      <c r="BM1888" s="166">
        <v>0</v>
      </c>
      <c r="BN1888" s="166">
        <v>0</v>
      </c>
      <c r="BO1888" s="166">
        <v>0</v>
      </c>
      <c r="BP1888" s="166">
        <v>0</v>
      </c>
      <c r="BQ1888" s="166">
        <v>0</v>
      </c>
      <c r="BR1888" s="166">
        <v>346680.56633878697</v>
      </c>
      <c r="BS1888" s="166">
        <v>346680.56633878697</v>
      </c>
      <c r="BT1888" s="168">
        <v>1</v>
      </c>
      <c r="BU1888" s="166">
        <v>39830.710752760897</v>
      </c>
      <c r="BV1888" s="166">
        <v>346680.56633878697</v>
      </c>
      <c r="BW1888" s="166">
        <v>0</v>
      </c>
      <c r="BX1888" s="166">
        <v>0</v>
      </c>
      <c r="BY1888" s="166">
        <v>0</v>
      </c>
      <c r="BZ1888" s="166">
        <v>0</v>
      </c>
      <c r="CA1888" s="166">
        <v>0</v>
      </c>
      <c r="CB1888" s="166">
        <v>0</v>
      </c>
      <c r="CC1888" s="166">
        <v>0</v>
      </c>
      <c r="CD1888" s="166">
        <v>0</v>
      </c>
      <c r="CE1888" s="166">
        <v>0</v>
      </c>
      <c r="CF1888" s="166">
        <v>0</v>
      </c>
      <c r="CG1888" s="166">
        <v>0</v>
      </c>
      <c r="CH1888" s="166">
        <v>0</v>
      </c>
      <c r="CI1888" s="166">
        <v>0</v>
      </c>
      <c r="CJ1888" s="166">
        <v>0</v>
      </c>
      <c r="CK1888" s="166">
        <v>0</v>
      </c>
      <c r="CL1888" s="166">
        <v>0</v>
      </c>
      <c r="CM1888" s="166">
        <v>0</v>
      </c>
      <c r="CN1888" s="166">
        <v>0</v>
      </c>
      <c r="CO1888" s="166">
        <v>0</v>
      </c>
      <c r="CP1888" s="166">
        <v>0</v>
      </c>
      <c r="CQ1888" s="166">
        <v>0</v>
      </c>
      <c r="CR1888" s="166">
        <v>0</v>
      </c>
      <c r="CS1888" s="166">
        <v>0</v>
      </c>
      <c r="CT1888" s="166">
        <v>0</v>
      </c>
      <c r="CU1888" s="166">
        <v>0</v>
      </c>
      <c r="CV1888" s="166">
        <v>0</v>
      </c>
      <c r="CW1888" s="166">
        <v>0</v>
      </c>
      <c r="CX1888" s="166">
        <v>0</v>
      </c>
      <c r="CY1888" s="166">
        <v>346680.56633878697</v>
      </c>
      <c r="CZ1888" s="166">
        <v>346680.56633878697</v>
      </c>
    </row>
    <row r="1889" spans="1:104" x14ac:dyDescent="0.2">
      <c r="A1889" s="167" t="s">
        <v>1118</v>
      </c>
      <c r="B1889" s="166">
        <v>172249.70015943199</v>
      </c>
      <c r="C1889" s="166">
        <v>172249.70015943199</v>
      </c>
      <c r="D1889" s="166">
        <v>0</v>
      </c>
      <c r="E1889" s="166">
        <v>0</v>
      </c>
      <c r="F1889" s="166">
        <v>0</v>
      </c>
      <c r="G1889" s="166">
        <v>0</v>
      </c>
      <c r="H1889" s="166">
        <v>0</v>
      </c>
      <c r="I1889" s="166">
        <v>0</v>
      </c>
      <c r="J1889" s="166">
        <v>0</v>
      </c>
      <c r="K1889" s="166">
        <v>0</v>
      </c>
      <c r="L1889" s="166">
        <v>0</v>
      </c>
      <c r="M1889" s="166">
        <v>0</v>
      </c>
      <c r="N1889" s="166">
        <v>0</v>
      </c>
      <c r="O1889" s="166">
        <v>0</v>
      </c>
      <c r="P1889" s="166">
        <v>0</v>
      </c>
      <c r="Q1889" s="166">
        <v>0</v>
      </c>
      <c r="R1889" s="166">
        <v>0</v>
      </c>
      <c r="S1889" s="166">
        <v>0</v>
      </c>
      <c r="T1889" s="166">
        <v>0</v>
      </c>
      <c r="U1889" s="166">
        <v>0</v>
      </c>
      <c r="V1889" s="166">
        <v>0</v>
      </c>
      <c r="W1889" s="166">
        <v>0</v>
      </c>
      <c r="X1889" s="166">
        <v>0</v>
      </c>
      <c r="Y1889" s="166">
        <v>0</v>
      </c>
      <c r="Z1889" s="166">
        <v>0</v>
      </c>
      <c r="AA1889" s="166">
        <v>0</v>
      </c>
      <c r="AB1889" s="166">
        <v>0</v>
      </c>
      <c r="AC1889" s="166">
        <v>0</v>
      </c>
      <c r="AD1889" s="166">
        <v>0</v>
      </c>
      <c r="AE1889" s="166">
        <v>0</v>
      </c>
      <c r="AF1889" s="166">
        <v>0</v>
      </c>
      <c r="AG1889" s="166">
        <v>0</v>
      </c>
      <c r="AH1889" s="166">
        <v>0</v>
      </c>
      <c r="AI1889" s="166">
        <v>0</v>
      </c>
      <c r="AJ1889" s="166">
        <v>0</v>
      </c>
      <c r="AK1889" s="166">
        <v>0</v>
      </c>
      <c r="AL1889" s="166">
        <v>0</v>
      </c>
      <c r="AM1889" s="166">
        <v>0</v>
      </c>
      <c r="AN1889" s="166">
        <v>0</v>
      </c>
      <c r="AO1889" s="166">
        <v>0</v>
      </c>
      <c r="AP1889" s="166">
        <v>0</v>
      </c>
      <c r="AQ1889" s="166">
        <v>0</v>
      </c>
      <c r="AR1889" s="166">
        <v>0</v>
      </c>
      <c r="AS1889" s="166">
        <v>0</v>
      </c>
      <c r="AT1889" s="166">
        <v>0</v>
      </c>
      <c r="AU1889" s="166">
        <v>0</v>
      </c>
      <c r="AV1889" s="166">
        <v>0</v>
      </c>
      <c r="AW1889" s="166">
        <v>0</v>
      </c>
      <c r="AX1889" s="166">
        <v>0</v>
      </c>
      <c r="AY1889" s="166">
        <v>0</v>
      </c>
      <c r="AZ1889" s="166">
        <v>0</v>
      </c>
      <c r="BA1889" s="166">
        <v>0</v>
      </c>
      <c r="BB1889" s="166">
        <v>0</v>
      </c>
      <c r="BC1889" s="166">
        <v>0</v>
      </c>
      <c r="BD1889" s="166">
        <v>0</v>
      </c>
      <c r="BE1889" s="166">
        <v>0</v>
      </c>
      <c r="BF1889" s="166">
        <v>0</v>
      </c>
      <c r="BG1889" s="166">
        <v>0</v>
      </c>
      <c r="BH1889" s="166">
        <v>0</v>
      </c>
      <c r="BI1889" s="166">
        <v>0</v>
      </c>
      <c r="BJ1889" s="166">
        <v>0</v>
      </c>
      <c r="BK1889" s="166">
        <v>0</v>
      </c>
      <c r="BL1889" s="166">
        <v>0</v>
      </c>
      <c r="BM1889" s="166">
        <v>0</v>
      </c>
      <c r="BN1889" s="166">
        <v>0</v>
      </c>
      <c r="BO1889" s="166">
        <v>0</v>
      </c>
      <c r="BP1889" s="166">
        <v>0</v>
      </c>
      <c r="BQ1889" s="166">
        <v>0</v>
      </c>
      <c r="BR1889" s="166">
        <v>172249.70015943199</v>
      </c>
      <c r="BS1889" s="166">
        <v>172249.70015943199</v>
      </c>
      <c r="BT1889" s="168">
        <v>1</v>
      </c>
      <c r="BU1889" s="166">
        <v>20059.335400690801</v>
      </c>
      <c r="BV1889" s="166">
        <v>172249.70015943199</v>
      </c>
      <c r="BW1889" s="166">
        <v>0</v>
      </c>
      <c r="BX1889" s="166">
        <v>0</v>
      </c>
      <c r="BY1889" s="166">
        <v>0</v>
      </c>
      <c r="BZ1889" s="166">
        <v>0</v>
      </c>
      <c r="CA1889" s="166">
        <v>0</v>
      </c>
      <c r="CB1889" s="166">
        <v>0</v>
      </c>
      <c r="CC1889" s="166">
        <v>0</v>
      </c>
      <c r="CD1889" s="166">
        <v>0</v>
      </c>
      <c r="CE1889" s="166">
        <v>0</v>
      </c>
      <c r="CF1889" s="166">
        <v>0</v>
      </c>
      <c r="CG1889" s="166">
        <v>0</v>
      </c>
      <c r="CH1889" s="166">
        <v>0</v>
      </c>
      <c r="CI1889" s="166">
        <v>0</v>
      </c>
      <c r="CJ1889" s="166">
        <v>0</v>
      </c>
      <c r="CK1889" s="166">
        <v>0</v>
      </c>
      <c r="CL1889" s="166">
        <v>0</v>
      </c>
      <c r="CM1889" s="166">
        <v>0</v>
      </c>
      <c r="CN1889" s="166">
        <v>0</v>
      </c>
      <c r="CO1889" s="166">
        <v>0</v>
      </c>
      <c r="CP1889" s="166">
        <v>0</v>
      </c>
      <c r="CQ1889" s="166">
        <v>0</v>
      </c>
      <c r="CR1889" s="166">
        <v>0</v>
      </c>
      <c r="CS1889" s="166">
        <v>0</v>
      </c>
      <c r="CT1889" s="166">
        <v>0</v>
      </c>
      <c r="CU1889" s="166">
        <v>0</v>
      </c>
      <c r="CV1889" s="166">
        <v>0</v>
      </c>
      <c r="CW1889" s="166">
        <v>0</v>
      </c>
      <c r="CX1889" s="166">
        <v>0</v>
      </c>
      <c r="CY1889" s="166">
        <v>172249.70015943199</v>
      </c>
      <c r="CZ1889" s="166">
        <v>172249.70015943199</v>
      </c>
    </row>
    <row r="1890" spans="1:104" x14ac:dyDescent="0.2">
      <c r="A1890" s="167" t="s">
        <v>1119</v>
      </c>
      <c r="B1890" s="166">
        <v>40772.191482580602</v>
      </c>
      <c r="C1890" s="166">
        <v>40772.191482580602</v>
      </c>
      <c r="D1890" s="166">
        <v>0</v>
      </c>
      <c r="E1890" s="166">
        <v>0</v>
      </c>
      <c r="F1890" s="166">
        <v>0</v>
      </c>
      <c r="G1890" s="166">
        <v>0</v>
      </c>
      <c r="H1890" s="166">
        <v>0</v>
      </c>
      <c r="I1890" s="166">
        <v>0</v>
      </c>
      <c r="J1890" s="166">
        <v>0</v>
      </c>
      <c r="K1890" s="166">
        <v>0</v>
      </c>
      <c r="L1890" s="166">
        <v>0</v>
      </c>
      <c r="M1890" s="166">
        <v>0</v>
      </c>
      <c r="N1890" s="166">
        <v>0</v>
      </c>
      <c r="O1890" s="166">
        <v>0</v>
      </c>
      <c r="P1890" s="166">
        <v>0</v>
      </c>
      <c r="Q1890" s="166">
        <v>0</v>
      </c>
      <c r="R1890" s="166">
        <v>0</v>
      </c>
      <c r="S1890" s="166">
        <v>0</v>
      </c>
      <c r="T1890" s="166">
        <v>0</v>
      </c>
      <c r="U1890" s="166">
        <v>0</v>
      </c>
      <c r="V1890" s="166">
        <v>0</v>
      </c>
      <c r="W1890" s="166">
        <v>0</v>
      </c>
      <c r="X1890" s="166">
        <v>0</v>
      </c>
      <c r="Y1890" s="166">
        <v>0</v>
      </c>
      <c r="Z1890" s="166">
        <v>0</v>
      </c>
      <c r="AA1890" s="166">
        <v>0</v>
      </c>
      <c r="AB1890" s="166">
        <v>0</v>
      </c>
      <c r="AC1890" s="166">
        <v>0</v>
      </c>
      <c r="AD1890" s="166">
        <v>0</v>
      </c>
      <c r="AE1890" s="166">
        <v>0</v>
      </c>
      <c r="AF1890" s="166">
        <v>0</v>
      </c>
      <c r="AG1890" s="166">
        <v>0</v>
      </c>
      <c r="AH1890" s="166">
        <v>0</v>
      </c>
      <c r="AI1890" s="166">
        <v>0</v>
      </c>
      <c r="AJ1890" s="166">
        <v>0</v>
      </c>
      <c r="AK1890" s="166">
        <v>0</v>
      </c>
      <c r="AL1890" s="166">
        <v>0</v>
      </c>
      <c r="AM1890" s="166">
        <v>0</v>
      </c>
      <c r="AN1890" s="166">
        <v>0</v>
      </c>
      <c r="AO1890" s="166">
        <v>0</v>
      </c>
      <c r="AP1890" s="166">
        <v>0</v>
      </c>
      <c r="AQ1890" s="166">
        <v>0</v>
      </c>
      <c r="AR1890" s="166">
        <v>0</v>
      </c>
      <c r="AS1890" s="166">
        <v>0</v>
      </c>
      <c r="AT1890" s="166">
        <v>0</v>
      </c>
      <c r="AU1890" s="166">
        <v>0</v>
      </c>
      <c r="AV1890" s="166">
        <v>0</v>
      </c>
      <c r="AW1890" s="166">
        <v>0</v>
      </c>
      <c r="AX1890" s="166">
        <v>0</v>
      </c>
      <c r="AY1890" s="166">
        <v>0</v>
      </c>
      <c r="AZ1890" s="166">
        <v>0</v>
      </c>
      <c r="BA1890" s="166">
        <v>0</v>
      </c>
      <c r="BB1890" s="166">
        <v>0</v>
      </c>
      <c r="BC1890" s="166">
        <v>0</v>
      </c>
      <c r="BD1890" s="166">
        <v>0</v>
      </c>
      <c r="BE1890" s="166">
        <v>0</v>
      </c>
      <c r="BF1890" s="166">
        <v>0</v>
      </c>
      <c r="BG1890" s="166">
        <v>0</v>
      </c>
      <c r="BH1890" s="166">
        <v>0</v>
      </c>
      <c r="BI1890" s="166">
        <v>0</v>
      </c>
      <c r="BJ1890" s="166">
        <v>0</v>
      </c>
      <c r="BK1890" s="166">
        <v>0</v>
      </c>
      <c r="BL1890" s="166">
        <v>0</v>
      </c>
      <c r="BM1890" s="166">
        <v>0</v>
      </c>
      <c r="BN1890" s="166">
        <v>0</v>
      </c>
      <c r="BO1890" s="166">
        <v>0</v>
      </c>
      <c r="BP1890" s="166">
        <v>0</v>
      </c>
      <c r="BQ1890" s="166">
        <v>0</v>
      </c>
      <c r="BR1890" s="166">
        <v>40772.191482580602</v>
      </c>
      <c r="BS1890" s="166">
        <v>40772.191482580602</v>
      </c>
      <c r="BT1890" s="168">
        <v>1</v>
      </c>
      <c r="BU1890" s="166">
        <v>4593.5925544410202</v>
      </c>
      <c r="BV1890" s="166">
        <v>40772.191482580602</v>
      </c>
      <c r="BW1890" s="166">
        <v>0</v>
      </c>
      <c r="BX1890" s="166">
        <v>0</v>
      </c>
      <c r="BY1890" s="166">
        <v>0</v>
      </c>
      <c r="BZ1890" s="166">
        <v>0</v>
      </c>
      <c r="CA1890" s="166">
        <v>0</v>
      </c>
      <c r="CB1890" s="166">
        <v>0</v>
      </c>
      <c r="CC1890" s="166">
        <v>0</v>
      </c>
      <c r="CD1890" s="166">
        <v>0</v>
      </c>
      <c r="CE1890" s="166">
        <v>0</v>
      </c>
      <c r="CF1890" s="166">
        <v>0</v>
      </c>
      <c r="CG1890" s="166">
        <v>0</v>
      </c>
      <c r="CH1890" s="166">
        <v>0</v>
      </c>
      <c r="CI1890" s="166">
        <v>0</v>
      </c>
      <c r="CJ1890" s="166">
        <v>0</v>
      </c>
      <c r="CK1890" s="166">
        <v>0</v>
      </c>
      <c r="CL1890" s="166">
        <v>0</v>
      </c>
      <c r="CM1890" s="166">
        <v>0</v>
      </c>
      <c r="CN1890" s="166">
        <v>0</v>
      </c>
      <c r="CO1890" s="166">
        <v>0</v>
      </c>
      <c r="CP1890" s="166">
        <v>0</v>
      </c>
      <c r="CQ1890" s="166">
        <v>0</v>
      </c>
      <c r="CR1890" s="166">
        <v>0</v>
      </c>
      <c r="CS1890" s="166">
        <v>0</v>
      </c>
      <c r="CT1890" s="166">
        <v>0</v>
      </c>
      <c r="CU1890" s="166">
        <v>0</v>
      </c>
      <c r="CV1890" s="166">
        <v>0</v>
      </c>
      <c r="CW1890" s="166">
        <v>0</v>
      </c>
      <c r="CX1890" s="166">
        <v>0</v>
      </c>
      <c r="CY1890" s="166">
        <v>40772.191482580602</v>
      </c>
      <c r="CZ1890" s="166">
        <v>40772.191482580602</v>
      </c>
    </row>
    <row r="1891" spans="1:104" x14ac:dyDescent="0.2">
      <c r="A1891" s="167" t="s">
        <v>1120</v>
      </c>
      <c r="B1891" s="166">
        <v>57413.7820191992</v>
      </c>
      <c r="C1891" s="166">
        <v>57413.7820191992</v>
      </c>
      <c r="D1891" s="166">
        <v>0</v>
      </c>
      <c r="E1891" s="166">
        <v>0</v>
      </c>
      <c r="F1891" s="166">
        <v>0</v>
      </c>
      <c r="G1891" s="166">
        <v>0</v>
      </c>
      <c r="H1891" s="166">
        <v>0</v>
      </c>
      <c r="I1891" s="166">
        <v>0</v>
      </c>
      <c r="J1891" s="166">
        <v>0</v>
      </c>
      <c r="K1891" s="166">
        <v>0</v>
      </c>
      <c r="L1891" s="166">
        <v>0</v>
      </c>
      <c r="M1891" s="166">
        <v>0</v>
      </c>
      <c r="N1891" s="166">
        <v>0</v>
      </c>
      <c r="O1891" s="166">
        <v>0</v>
      </c>
      <c r="P1891" s="166">
        <v>0</v>
      </c>
      <c r="Q1891" s="166">
        <v>0</v>
      </c>
      <c r="R1891" s="166">
        <v>0</v>
      </c>
      <c r="S1891" s="166">
        <v>0</v>
      </c>
      <c r="T1891" s="166">
        <v>0</v>
      </c>
      <c r="U1891" s="166">
        <v>0</v>
      </c>
      <c r="V1891" s="166">
        <v>0</v>
      </c>
      <c r="W1891" s="166">
        <v>0</v>
      </c>
      <c r="X1891" s="166">
        <v>0</v>
      </c>
      <c r="Y1891" s="166">
        <v>0</v>
      </c>
      <c r="Z1891" s="166">
        <v>0</v>
      </c>
      <c r="AA1891" s="166">
        <v>0</v>
      </c>
      <c r="AB1891" s="166">
        <v>0</v>
      </c>
      <c r="AC1891" s="166">
        <v>0</v>
      </c>
      <c r="AD1891" s="166">
        <v>0</v>
      </c>
      <c r="AE1891" s="166">
        <v>0</v>
      </c>
      <c r="AF1891" s="166">
        <v>0</v>
      </c>
      <c r="AG1891" s="166">
        <v>0</v>
      </c>
      <c r="AH1891" s="166">
        <v>0</v>
      </c>
      <c r="AI1891" s="166">
        <v>0</v>
      </c>
      <c r="AJ1891" s="166">
        <v>0</v>
      </c>
      <c r="AK1891" s="166">
        <v>0</v>
      </c>
      <c r="AL1891" s="166">
        <v>0</v>
      </c>
      <c r="AM1891" s="166">
        <v>0</v>
      </c>
      <c r="AN1891" s="166">
        <v>0</v>
      </c>
      <c r="AO1891" s="166">
        <v>0</v>
      </c>
      <c r="AP1891" s="166">
        <v>0</v>
      </c>
      <c r="AQ1891" s="166">
        <v>0</v>
      </c>
      <c r="AR1891" s="166">
        <v>0</v>
      </c>
      <c r="AS1891" s="166">
        <v>0</v>
      </c>
      <c r="AT1891" s="166">
        <v>0</v>
      </c>
      <c r="AU1891" s="166">
        <v>0</v>
      </c>
      <c r="AV1891" s="166">
        <v>0</v>
      </c>
      <c r="AW1891" s="166">
        <v>0</v>
      </c>
      <c r="AX1891" s="166">
        <v>0</v>
      </c>
      <c r="AY1891" s="166">
        <v>0</v>
      </c>
      <c r="AZ1891" s="166">
        <v>0</v>
      </c>
      <c r="BA1891" s="166">
        <v>0</v>
      </c>
      <c r="BB1891" s="166">
        <v>0</v>
      </c>
      <c r="BC1891" s="166">
        <v>0</v>
      </c>
      <c r="BD1891" s="166">
        <v>0</v>
      </c>
      <c r="BE1891" s="166">
        <v>0</v>
      </c>
      <c r="BF1891" s="166">
        <v>0</v>
      </c>
      <c r="BG1891" s="166">
        <v>0</v>
      </c>
      <c r="BH1891" s="166">
        <v>0</v>
      </c>
      <c r="BI1891" s="166">
        <v>0</v>
      </c>
      <c r="BJ1891" s="166">
        <v>0</v>
      </c>
      <c r="BK1891" s="166">
        <v>0</v>
      </c>
      <c r="BL1891" s="166">
        <v>0</v>
      </c>
      <c r="BM1891" s="166">
        <v>0</v>
      </c>
      <c r="BN1891" s="166">
        <v>0</v>
      </c>
      <c r="BO1891" s="166">
        <v>0</v>
      </c>
      <c r="BP1891" s="166">
        <v>0</v>
      </c>
      <c r="BQ1891" s="166">
        <v>0</v>
      </c>
      <c r="BR1891" s="166">
        <v>57413.7820191992</v>
      </c>
      <c r="BS1891" s="166">
        <v>57413.7820191992</v>
      </c>
      <c r="BT1891" s="168">
        <v>1</v>
      </c>
      <c r="BU1891" s="166">
        <v>6589.3712921072402</v>
      </c>
      <c r="BV1891" s="166">
        <v>57413.7820191992</v>
      </c>
      <c r="BW1891" s="166">
        <v>0</v>
      </c>
      <c r="BX1891" s="166">
        <v>0</v>
      </c>
      <c r="BY1891" s="166">
        <v>0</v>
      </c>
      <c r="BZ1891" s="166">
        <v>0</v>
      </c>
      <c r="CA1891" s="166">
        <v>0</v>
      </c>
      <c r="CB1891" s="166">
        <v>0</v>
      </c>
      <c r="CC1891" s="166">
        <v>0</v>
      </c>
      <c r="CD1891" s="166">
        <v>0</v>
      </c>
      <c r="CE1891" s="166">
        <v>0</v>
      </c>
      <c r="CF1891" s="166">
        <v>0</v>
      </c>
      <c r="CG1891" s="166">
        <v>0</v>
      </c>
      <c r="CH1891" s="166">
        <v>0</v>
      </c>
      <c r="CI1891" s="166">
        <v>0</v>
      </c>
      <c r="CJ1891" s="166">
        <v>0</v>
      </c>
      <c r="CK1891" s="166">
        <v>0</v>
      </c>
      <c r="CL1891" s="166">
        <v>0</v>
      </c>
      <c r="CM1891" s="166">
        <v>0</v>
      </c>
      <c r="CN1891" s="166">
        <v>0</v>
      </c>
      <c r="CO1891" s="166">
        <v>0</v>
      </c>
      <c r="CP1891" s="166">
        <v>0</v>
      </c>
      <c r="CQ1891" s="166">
        <v>0</v>
      </c>
      <c r="CR1891" s="166">
        <v>0</v>
      </c>
      <c r="CS1891" s="166">
        <v>0</v>
      </c>
      <c r="CT1891" s="166">
        <v>0</v>
      </c>
      <c r="CU1891" s="166">
        <v>0</v>
      </c>
      <c r="CV1891" s="166">
        <v>0</v>
      </c>
      <c r="CW1891" s="166">
        <v>0</v>
      </c>
      <c r="CX1891" s="166">
        <v>0</v>
      </c>
      <c r="CY1891" s="166">
        <v>57413.7820191992</v>
      </c>
      <c r="CZ1891" s="166">
        <v>57413.7820191992</v>
      </c>
    </row>
    <row r="1892" spans="1:104" x14ac:dyDescent="0.2">
      <c r="A1892" s="167" t="s">
        <v>1121</v>
      </c>
      <c r="B1892" s="166">
        <v>0</v>
      </c>
      <c r="C1892" s="166">
        <v>0</v>
      </c>
      <c r="D1892" s="166">
        <v>0</v>
      </c>
      <c r="E1892" s="166">
        <v>0</v>
      </c>
      <c r="F1892" s="166">
        <v>0</v>
      </c>
      <c r="G1892" s="166">
        <v>0</v>
      </c>
      <c r="H1892" s="166">
        <v>0</v>
      </c>
      <c r="I1892" s="166">
        <v>0</v>
      </c>
      <c r="J1892" s="166">
        <v>0</v>
      </c>
      <c r="K1892" s="166">
        <v>0</v>
      </c>
      <c r="L1892" s="166">
        <v>0</v>
      </c>
      <c r="M1892" s="166">
        <v>0</v>
      </c>
      <c r="N1892" s="166">
        <v>0</v>
      </c>
      <c r="O1892" s="166">
        <v>0</v>
      </c>
      <c r="P1892" s="166">
        <v>0</v>
      </c>
      <c r="Q1892" s="166">
        <v>0</v>
      </c>
      <c r="R1892" s="166">
        <v>0</v>
      </c>
      <c r="S1892" s="166">
        <v>0</v>
      </c>
      <c r="T1892" s="166">
        <v>0</v>
      </c>
      <c r="U1892" s="166">
        <v>0</v>
      </c>
      <c r="V1892" s="166">
        <v>0</v>
      </c>
      <c r="W1892" s="166">
        <v>0</v>
      </c>
      <c r="X1892" s="166">
        <v>0</v>
      </c>
      <c r="Y1892" s="166">
        <v>0</v>
      </c>
      <c r="Z1892" s="166">
        <v>0</v>
      </c>
      <c r="AA1892" s="166">
        <v>0</v>
      </c>
      <c r="AB1892" s="166">
        <v>0</v>
      </c>
      <c r="AC1892" s="166">
        <v>0</v>
      </c>
      <c r="AD1892" s="166">
        <v>0</v>
      </c>
      <c r="AE1892" s="166">
        <v>0</v>
      </c>
      <c r="AF1892" s="166">
        <v>0</v>
      </c>
      <c r="AG1892" s="166">
        <v>0</v>
      </c>
      <c r="AH1892" s="166">
        <v>0</v>
      </c>
      <c r="AI1892" s="166">
        <v>0</v>
      </c>
      <c r="AJ1892" s="166">
        <v>0</v>
      </c>
      <c r="AK1892" s="166">
        <v>0</v>
      </c>
      <c r="AL1892" s="166">
        <v>0</v>
      </c>
      <c r="AM1892" s="166">
        <v>0</v>
      </c>
      <c r="AN1892" s="166">
        <v>0</v>
      </c>
      <c r="AO1892" s="166">
        <v>0</v>
      </c>
      <c r="AP1892" s="166">
        <v>0</v>
      </c>
      <c r="AQ1892" s="166">
        <v>0</v>
      </c>
      <c r="AR1892" s="166">
        <v>0</v>
      </c>
      <c r="AS1892" s="166">
        <v>0</v>
      </c>
      <c r="AT1892" s="166">
        <v>0</v>
      </c>
      <c r="AU1892" s="166">
        <v>0</v>
      </c>
      <c r="AV1892" s="166">
        <v>0</v>
      </c>
      <c r="AW1892" s="166">
        <v>0</v>
      </c>
      <c r="AX1892" s="166">
        <v>0</v>
      </c>
      <c r="AY1892" s="166">
        <v>0</v>
      </c>
      <c r="AZ1892" s="166">
        <v>0</v>
      </c>
      <c r="BA1892" s="166">
        <v>0</v>
      </c>
      <c r="BB1892" s="166">
        <v>0</v>
      </c>
      <c r="BC1892" s="166">
        <v>0</v>
      </c>
      <c r="BD1892" s="166">
        <v>0</v>
      </c>
      <c r="BE1892" s="166">
        <v>0</v>
      </c>
      <c r="BF1892" s="166">
        <v>0</v>
      </c>
      <c r="BG1892" s="166">
        <v>0</v>
      </c>
      <c r="BH1892" s="166">
        <v>0</v>
      </c>
      <c r="BI1892" s="166">
        <v>0</v>
      </c>
      <c r="BJ1892" s="166">
        <v>0</v>
      </c>
      <c r="BK1892" s="166">
        <v>0</v>
      </c>
      <c r="BL1892" s="166">
        <v>0</v>
      </c>
      <c r="BM1892" s="166">
        <v>0</v>
      </c>
      <c r="BN1892" s="166">
        <v>0</v>
      </c>
      <c r="BO1892" s="166">
        <v>0</v>
      </c>
      <c r="BP1892" s="166">
        <v>0</v>
      </c>
      <c r="BQ1892" s="166">
        <v>0</v>
      </c>
      <c r="BR1892" s="166">
        <v>0</v>
      </c>
      <c r="BS1892" s="166">
        <v>0</v>
      </c>
      <c r="BT1892" s="168">
        <v>1</v>
      </c>
      <c r="BU1892" s="166">
        <v>0</v>
      </c>
      <c r="BV1892" s="166">
        <v>0</v>
      </c>
      <c r="BW1892" s="166">
        <v>0</v>
      </c>
      <c r="BX1892" s="166">
        <v>0</v>
      </c>
      <c r="BY1892" s="166">
        <v>0</v>
      </c>
      <c r="BZ1892" s="166">
        <v>0</v>
      </c>
      <c r="CA1892" s="166">
        <v>0</v>
      </c>
      <c r="CB1892" s="166">
        <v>0</v>
      </c>
      <c r="CC1892" s="166">
        <v>0</v>
      </c>
      <c r="CD1892" s="166">
        <v>0</v>
      </c>
      <c r="CE1892" s="166">
        <v>0</v>
      </c>
      <c r="CF1892" s="166">
        <v>0</v>
      </c>
      <c r="CG1892" s="166">
        <v>0</v>
      </c>
      <c r="CH1892" s="166">
        <v>0</v>
      </c>
      <c r="CI1892" s="166">
        <v>0</v>
      </c>
      <c r="CJ1892" s="166">
        <v>0</v>
      </c>
      <c r="CK1892" s="166">
        <v>0</v>
      </c>
      <c r="CL1892" s="166">
        <v>0</v>
      </c>
      <c r="CM1892" s="166">
        <v>0</v>
      </c>
      <c r="CN1892" s="166">
        <v>0</v>
      </c>
      <c r="CO1892" s="166">
        <v>0</v>
      </c>
      <c r="CP1892" s="166">
        <v>0</v>
      </c>
      <c r="CQ1892" s="166">
        <v>0</v>
      </c>
      <c r="CR1892" s="166">
        <v>0</v>
      </c>
      <c r="CS1892" s="166">
        <v>0</v>
      </c>
      <c r="CT1892" s="166">
        <v>0</v>
      </c>
      <c r="CU1892" s="166">
        <v>0</v>
      </c>
      <c r="CV1892" s="166">
        <v>0</v>
      </c>
      <c r="CW1892" s="166">
        <v>0</v>
      </c>
      <c r="CX1892" s="166">
        <v>0</v>
      </c>
      <c r="CY1892" s="166">
        <v>0</v>
      </c>
      <c r="CZ1892" s="166">
        <v>0</v>
      </c>
    </row>
    <row r="1893" spans="1:104" x14ac:dyDescent="0.2">
      <c r="A1893" s="167" t="s">
        <v>1122</v>
      </c>
      <c r="B1893" s="166">
        <v>617116.23999999894</v>
      </c>
      <c r="C1893" s="166">
        <v>617116.23999999894</v>
      </c>
      <c r="D1893" s="166">
        <v>0</v>
      </c>
      <c r="E1893" s="166">
        <v>0</v>
      </c>
      <c r="F1893" s="166">
        <v>0</v>
      </c>
      <c r="G1893" s="166">
        <v>0</v>
      </c>
      <c r="H1893" s="166">
        <v>0</v>
      </c>
      <c r="I1893" s="166">
        <v>0</v>
      </c>
      <c r="J1893" s="166">
        <v>0</v>
      </c>
      <c r="K1893" s="166">
        <v>0</v>
      </c>
      <c r="L1893" s="166">
        <v>0</v>
      </c>
      <c r="M1893" s="166">
        <v>0</v>
      </c>
      <c r="N1893" s="166">
        <v>0</v>
      </c>
      <c r="O1893" s="166">
        <v>0</v>
      </c>
      <c r="P1893" s="166">
        <v>0</v>
      </c>
      <c r="Q1893" s="166">
        <v>0</v>
      </c>
      <c r="R1893" s="166">
        <v>0</v>
      </c>
      <c r="S1893" s="166">
        <v>0</v>
      </c>
      <c r="T1893" s="166">
        <v>0</v>
      </c>
      <c r="U1893" s="166">
        <v>0</v>
      </c>
      <c r="V1893" s="166">
        <v>0</v>
      </c>
      <c r="W1893" s="166">
        <v>0</v>
      </c>
      <c r="X1893" s="166">
        <v>0</v>
      </c>
      <c r="Y1893" s="166">
        <v>0</v>
      </c>
      <c r="Z1893" s="166">
        <v>0</v>
      </c>
      <c r="AA1893" s="166">
        <v>0</v>
      </c>
      <c r="AB1893" s="166">
        <v>0</v>
      </c>
      <c r="AC1893" s="166">
        <v>0</v>
      </c>
      <c r="AD1893" s="166">
        <v>0</v>
      </c>
      <c r="AE1893" s="166">
        <v>0</v>
      </c>
      <c r="AF1893" s="166">
        <v>0</v>
      </c>
      <c r="AG1893" s="166">
        <v>0</v>
      </c>
      <c r="AH1893" s="166">
        <v>0</v>
      </c>
      <c r="AI1893" s="166">
        <v>0</v>
      </c>
      <c r="AJ1893" s="166">
        <v>0</v>
      </c>
      <c r="AK1893" s="166">
        <v>0</v>
      </c>
      <c r="AL1893" s="166">
        <v>0</v>
      </c>
      <c r="AM1893" s="166">
        <v>0</v>
      </c>
      <c r="AN1893" s="166">
        <v>0</v>
      </c>
      <c r="AO1893" s="166">
        <v>0</v>
      </c>
      <c r="AP1893" s="166">
        <v>0</v>
      </c>
      <c r="AQ1893" s="166">
        <v>0</v>
      </c>
      <c r="AR1893" s="166">
        <v>0</v>
      </c>
      <c r="AS1893" s="166">
        <v>0</v>
      </c>
      <c r="AT1893" s="166">
        <v>0</v>
      </c>
      <c r="AU1893" s="166">
        <v>0</v>
      </c>
      <c r="AV1893" s="166">
        <v>0</v>
      </c>
      <c r="AW1893" s="166">
        <v>0</v>
      </c>
      <c r="AX1893" s="166">
        <v>0</v>
      </c>
      <c r="AY1893" s="166">
        <v>0</v>
      </c>
      <c r="AZ1893" s="166">
        <v>0</v>
      </c>
      <c r="BA1893" s="166">
        <v>0</v>
      </c>
      <c r="BB1893" s="166">
        <v>0</v>
      </c>
      <c r="BC1893" s="166">
        <v>0</v>
      </c>
      <c r="BD1893" s="166">
        <v>0</v>
      </c>
      <c r="BE1893" s="166">
        <v>0</v>
      </c>
      <c r="BF1893" s="166">
        <v>0</v>
      </c>
      <c r="BG1893" s="166">
        <v>0</v>
      </c>
      <c r="BH1893" s="166">
        <v>0</v>
      </c>
      <c r="BI1893" s="166">
        <v>0</v>
      </c>
      <c r="BJ1893" s="166">
        <v>0</v>
      </c>
      <c r="BK1893" s="166">
        <v>0</v>
      </c>
      <c r="BL1893" s="166">
        <v>0</v>
      </c>
      <c r="BM1893" s="166">
        <v>0</v>
      </c>
      <c r="BN1893" s="166">
        <v>0</v>
      </c>
      <c r="BO1893" s="166">
        <v>0</v>
      </c>
      <c r="BP1893" s="166">
        <v>0</v>
      </c>
      <c r="BQ1893" s="166">
        <v>0</v>
      </c>
      <c r="BR1893" s="166">
        <v>617116.23999999894</v>
      </c>
      <c r="BS1893" s="166">
        <v>617116.24</v>
      </c>
      <c r="BT1893" s="171">
        <v>0</v>
      </c>
      <c r="BU1893" s="166">
        <v>71073.009999999995</v>
      </c>
      <c r="BV1893" s="166">
        <v>617116.24</v>
      </c>
      <c r="BW1893" s="166">
        <v>0</v>
      </c>
      <c r="BX1893" s="166">
        <v>0</v>
      </c>
      <c r="BY1893" s="166">
        <v>0</v>
      </c>
      <c r="BZ1893" s="166">
        <v>0</v>
      </c>
      <c r="CA1893" s="166">
        <v>0</v>
      </c>
      <c r="CB1893" s="166">
        <v>0</v>
      </c>
      <c r="CC1893" s="166">
        <v>0</v>
      </c>
      <c r="CD1893" s="166">
        <v>0</v>
      </c>
      <c r="CE1893" s="166">
        <v>0</v>
      </c>
      <c r="CF1893" s="166">
        <v>0</v>
      </c>
      <c r="CG1893" s="166">
        <v>0</v>
      </c>
      <c r="CH1893" s="166">
        <v>0</v>
      </c>
      <c r="CI1893" s="166">
        <v>0</v>
      </c>
      <c r="CJ1893" s="166">
        <v>0</v>
      </c>
      <c r="CK1893" s="166">
        <v>0</v>
      </c>
      <c r="CL1893" s="166">
        <v>0</v>
      </c>
      <c r="CM1893" s="166">
        <v>0</v>
      </c>
      <c r="CN1893" s="166">
        <v>0</v>
      </c>
      <c r="CO1893" s="166">
        <v>0</v>
      </c>
      <c r="CP1893" s="166">
        <v>0</v>
      </c>
      <c r="CQ1893" s="166">
        <v>0</v>
      </c>
      <c r="CR1893" s="166">
        <v>0</v>
      </c>
      <c r="CS1893" s="166">
        <v>0</v>
      </c>
      <c r="CT1893" s="166">
        <v>0</v>
      </c>
      <c r="CU1893" s="166">
        <v>0</v>
      </c>
      <c r="CV1893" s="166">
        <v>0</v>
      </c>
      <c r="CW1893" s="166">
        <v>0</v>
      </c>
      <c r="CX1893" s="166">
        <v>0</v>
      </c>
      <c r="CY1893" s="166">
        <v>617116.23999999894</v>
      </c>
      <c r="CZ1893" s="166">
        <v>617116.24</v>
      </c>
    </row>
    <row r="1894" spans="1:104" x14ac:dyDescent="0.2">
      <c r="A1894" s="167" t="s">
        <v>303</v>
      </c>
    </row>
    <row r="1895" spans="1:104" x14ac:dyDescent="0.2">
      <c r="A1895" s="167" t="s">
        <v>1123</v>
      </c>
      <c r="B1895" s="166">
        <v>2015.2781922434399</v>
      </c>
      <c r="C1895" s="166">
        <v>2015.2781922434399</v>
      </c>
      <c r="D1895" s="166">
        <v>0</v>
      </c>
      <c r="E1895" s="166">
        <v>0</v>
      </c>
      <c r="F1895" s="166">
        <v>0</v>
      </c>
      <c r="G1895" s="166">
        <v>0</v>
      </c>
      <c r="H1895" s="166">
        <v>0</v>
      </c>
      <c r="I1895" s="166">
        <v>0</v>
      </c>
      <c r="J1895" s="166">
        <v>0</v>
      </c>
      <c r="K1895" s="166">
        <v>0</v>
      </c>
      <c r="L1895" s="166">
        <v>0</v>
      </c>
      <c r="M1895" s="166">
        <v>0</v>
      </c>
      <c r="N1895" s="166">
        <v>0</v>
      </c>
      <c r="O1895" s="166">
        <v>0</v>
      </c>
      <c r="P1895" s="166">
        <v>0</v>
      </c>
      <c r="Q1895" s="166">
        <v>0</v>
      </c>
      <c r="R1895" s="166">
        <v>0</v>
      </c>
      <c r="S1895" s="166">
        <v>0</v>
      </c>
      <c r="T1895" s="166">
        <v>0</v>
      </c>
      <c r="U1895" s="166">
        <v>0</v>
      </c>
      <c r="V1895" s="166">
        <v>0</v>
      </c>
      <c r="W1895" s="166">
        <v>0</v>
      </c>
      <c r="X1895" s="166">
        <v>0</v>
      </c>
      <c r="Y1895" s="166">
        <v>0</v>
      </c>
      <c r="Z1895" s="166">
        <v>0</v>
      </c>
      <c r="AA1895" s="166">
        <v>0</v>
      </c>
      <c r="AB1895" s="166">
        <v>0</v>
      </c>
      <c r="AC1895" s="166">
        <v>0</v>
      </c>
      <c r="AD1895" s="166">
        <v>0</v>
      </c>
      <c r="AE1895" s="166">
        <v>0</v>
      </c>
      <c r="AF1895" s="166">
        <v>0</v>
      </c>
      <c r="AG1895" s="166">
        <v>0</v>
      </c>
      <c r="AH1895" s="166">
        <v>0</v>
      </c>
      <c r="AI1895" s="166">
        <v>0</v>
      </c>
      <c r="AJ1895" s="166">
        <v>0</v>
      </c>
      <c r="AK1895" s="166">
        <v>0</v>
      </c>
      <c r="AL1895" s="166">
        <v>0</v>
      </c>
      <c r="AM1895" s="166">
        <v>0</v>
      </c>
      <c r="AN1895" s="166">
        <v>0</v>
      </c>
      <c r="AO1895" s="166">
        <v>0</v>
      </c>
      <c r="AP1895" s="166">
        <v>0</v>
      </c>
      <c r="AQ1895" s="166">
        <v>0</v>
      </c>
      <c r="AR1895" s="166">
        <v>0</v>
      </c>
      <c r="AS1895" s="166">
        <v>0</v>
      </c>
      <c r="AT1895" s="166">
        <v>0</v>
      </c>
      <c r="AU1895" s="166">
        <v>0</v>
      </c>
      <c r="AV1895" s="166">
        <v>0</v>
      </c>
      <c r="AW1895" s="166">
        <v>0</v>
      </c>
      <c r="AX1895" s="166">
        <v>0</v>
      </c>
      <c r="AY1895" s="166">
        <v>0</v>
      </c>
      <c r="AZ1895" s="166">
        <v>0</v>
      </c>
      <c r="BA1895" s="166">
        <v>0</v>
      </c>
      <c r="BB1895" s="166">
        <v>0</v>
      </c>
      <c r="BC1895" s="166">
        <v>0</v>
      </c>
      <c r="BD1895" s="166">
        <v>0</v>
      </c>
      <c r="BE1895" s="166">
        <v>0</v>
      </c>
      <c r="BF1895" s="166">
        <v>0</v>
      </c>
      <c r="BG1895" s="166">
        <v>0</v>
      </c>
      <c r="BH1895" s="166">
        <v>0</v>
      </c>
      <c r="BI1895" s="166">
        <v>0</v>
      </c>
      <c r="BJ1895" s="166">
        <v>0</v>
      </c>
      <c r="BK1895" s="166">
        <v>0</v>
      </c>
      <c r="BL1895" s="166">
        <v>0</v>
      </c>
      <c r="BM1895" s="166">
        <v>0</v>
      </c>
      <c r="BN1895" s="166">
        <v>0</v>
      </c>
      <c r="BO1895" s="166">
        <v>0</v>
      </c>
      <c r="BP1895" s="166">
        <v>0</v>
      </c>
      <c r="BQ1895" s="166">
        <v>0</v>
      </c>
      <c r="BR1895" s="166">
        <v>2015.2781922434399</v>
      </c>
      <c r="BS1895" s="166">
        <v>2015.2781922434399</v>
      </c>
      <c r="BT1895" s="168">
        <v>1</v>
      </c>
      <c r="BU1895" s="166">
        <v>172.686778046016</v>
      </c>
      <c r="BV1895" s="166">
        <v>2015.2781922434399</v>
      </c>
      <c r="BW1895" s="166">
        <v>0</v>
      </c>
      <c r="BX1895" s="166">
        <v>0</v>
      </c>
      <c r="BY1895" s="166">
        <v>0</v>
      </c>
      <c r="BZ1895" s="166">
        <v>0</v>
      </c>
      <c r="CA1895" s="166">
        <v>0</v>
      </c>
      <c r="CB1895" s="166">
        <v>0</v>
      </c>
      <c r="CC1895" s="166">
        <v>0</v>
      </c>
      <c r="CD1895" s="166">
        <v>0</v>
      </c>
      <c r="CE1895" s="166">
        <v>0</v>
      </c>
      <c r="CF1895" s="166">
        <v>0</v>
      </c>
      <c r="CG1895" s="166">
        <v>0</v>
      </c>
      <c r="CH1895" s="166">
        <v>0</v>
      </c>
      <c r="CI1895" s="166">
        <v>0</v>
      </c>
      <c r="CJ1895" s="166">
        <v>0</v>
      </c>
      <c r="CK1895" s="166">
        <v>0</v>
      </c>
      <c r="CL1895" s="166">
        <v>0</v>
      </c>
      <c r="CM1895" s="166">
        <v>0</v>
      </c>
      <c r="CN1895" s="166">
        <v>0</v>
      </c>
      <c r="CO1895" s="166">
        <v>0</v>
      </c>
      <c r="CP1895" s="166">
        <v>0</v>
      </c>
      <c r="CQ1895" s="166">
        <v>0</v>
      </c>
      <c r="CR1895" s="166">
        <v>0</v>
      </c>
      <c r="CS1895" s="166">
        <v>0</v>
      </c>
      <c r="CT1895" s="166">
        <v>0</v>
      </c>
      <c r="CU1895" s="166">
        <v>0</v>
      </c>
      <c r="CV1895" s="166">
        <v>0</v>
      </c>
      <c r="CW1895" s="166">
        <v>0</v>
      </c>
      <c r="CX1895" s="166">
        <v>0</v>
      </c>
      <c r="CY1895" s="166">
        <v>2015.2781922434399</v>
      </c>
      <c r="CZ1895" s="166">
        <v>2015.2781922434399</v>
      </c>
    </row>
    <row r="1896" spans="1:104" x14ac:dyDescent="0.2">
      <c r="A1896" s="167" t="s">
        <v>1124</v>
      </c>
      <c r="B1896" s="166">
        <v>999.73193809388101</v>
      </c>
      <c r="C1896" s="166">
        <v>999.73193809388101</v>
      </c>
      <c r="D1896" s="166">
        <v>0</v>
      </c>
      <c r="E1896" s="166">
        <v>0</v>
      </c>
      <c r="F1896" s="166">
        <v>0</v>
      </c>
      <c r="G1896" s="166">
        <v>0</v>
      </c>
      <c r="H1896" s="166">
        <v>0</v>
      </c>
      <c r="I1896" s="166">
        <v>0</v>
      </c>
      <c r="J1896" s="166">
        <v>0</v>
      </c>
      <c r="K1896" s="166">
        <v>0</v>
      </c>
      <c r="L1896" s="166">
        <v>0</v>
      </c>
      <c r="M1896" s="166">
        <v>0</v>
      </c>
      <c r="N1896" s="166">
        <v>0</v>
      </c>
      <c r="O1896" s="166">
        <v>0</v>
      </c>
      <c r="P1896" s="166">
        <v>0</v>
      </c>
      <c r="Q1896" s="166">
        <v>0</v>
      </c>
      <c r="R1896" s="166">
        <v>0</v>
      </c>
      <c r="S1896" s="166">
        <v>0</v>
      </c>
      <c r="T1896" s="166">
        <v>0</v>
      </c>
      <c r="U1896" s="166">
        <v>0</v>
      </c>
      <c r="V1896" s="166">
        <v>0</v>
      </c>
      <c r="W1896" s="166">
        <v>0</v>
      </c>
      <c r="X1896" s="166">
        <v>0</v>
      </c>
      <c r="Y1896" s="166">
        <v>0</v>
      </c>
      <c r="Z1896" s="166">
        <v>0</v>
      </c>
      <c r="AA1896" s="166">
        <v>0</v>
      </c>
      <c r="AB1896" s="166">
        <v>0</v>
      </c>
      <c r="AC1896" s="166">
        <v>0</v>
      </c>
      <c r="AD1896" s="166">
        <v>0</v>
      </c>
      <c r="AE1896" s="166">
        <v>0</v>
      </c>
      <c r="AF1896" s="166">
        <v>0</v>
      </c>
      <c r="AG1896" s="166">
        <v>0</v>
      </c>
      <c r="AH1896" s="166">
        <v>0</v>
      </c>
      <c r="AI1896" s="166">
        <v>0</v>
      </c>
      <c r="AJ1896" s="166">
        <v>0</v>
      </c>
      <c r="AK1896" s="166">
        <v>0</v>
      </c>
      <c r="AL1896" s="166">
        <v>0</v>
      </c>
      <c r="AM1896" s="166">
        <v>0</v>
      </c>
      <c r="AN1896" s="166">
        <v>0</v>
      </c>
      <c r="AO1896" s="166">
        <v>0</v>
      </c>
      <c r="AP1896" s="166">
        <v>0</v>
      </c>
      <c r="AQ1896" s="166">
        <v>0</v>
      </c>
      <c r="AR1896" s="166">
        <v>0</v>
      </c>
      <c r="AS1896" s="166">
        <v>0</v>
      </c>
      <c r="AT1896" s="166">
        <v>0</v>
      </c>
      <c r="AU1896" s="166">
        <v>0</v>
      </c>
      <c r="AV1896" s="166">
        <v>0</v>
      </c>
      <c r="AW1896" s="166">
        <v>0</v>
      </c>
      <c r="AX1896" s="166">
        <v>0</v>
      </c>
      <c r="AY1896" s="166">
        <v>0</v>
      </c>
      <c r="AZ1896" s="166">
        <v>0</v>
      </c>
      <c r="BA1896" s="166">
        <v>0</v>
      </c>
      <c r="BB1896" s="166">
        <v>0</v>
      </c>
      <c r="BC1896" s="166">
        <v>0</v>
      </c>
      <c r="BD1896" s="166">
        <v>0</v>
      </c>
      <c r="BE1896" s="166">
        <v>0</v>
      </c>
      <c r="BF1896" s="166">
        <v>0</v>
      </c>
      <c r="BG1896" s="166">
        <v>0</v>
      </c>
      <c r="BH1896" s="166">
        <v>0</v>
      </c>
      <c r="BI1896" s="166">
        <v>0</v>
      </c>
      <c r="BJ1896" s="166">
        <v>0</v>
      </c>
      <c r="BK1896" s="166">
        <v>0</v>
      </c>
      <c r="BL1896" s="166">
        <v>0</v>
      </c>
      <c r="BM1896" s="166">
        <v>0</v>
      </c>
      <c r="BN1896" s="166">
        <v>0</v>
      </c>
      <c r="BO1896" s="166">
        <v>0</v>
      </c>
      <c r="BP1896" s="166">
        <v>0</v>
      </c>
      <c r="BQ1896" s="166">
        <v>0</v>
      </c>
      <c r="BR1896" s="166">
        <v>999.73193809388101</v>
      </c>
      <c r="BS1896" s="166">
        <v>999.73193809388101</v>
      </c>
      <c r="BT1896" s="168">
        <v>1</v>
      </c>
      <c r="BU1896" s="166">
        <v>86.967617062911202</v>
      </c>
      <c r="BV1896" s="166">
        <v>999.73193809388101</v>
      </c>
      <c r="BW1896" s="166">
        <v>0</v>
      </c>
      <c r="BX1896" s="166">
        <v>0</v>
      </c>
      <c r="BY1896" s="166">
        <v>0</v>
      </c>
      <c r="BZ1896" s="166">
        <v>0</v>
      </c>
      <c r="CA1896" s="166">
        <v>0</v>
      </c>
      <c r="CB1896" s="166">
        <v>0</v>
      </c>
      <c r="CC1896" s="166">
        <v>0</v>
      </c>
      <c r="CD1896" s="166">
        <v>0</v>
      </c>
      <c r="CE1896" s="166">
        <v>0</v>
      </c>
      <c r="CF1896" s="166">
        <v>0</v>
      </c>
      <c r="CG1896" s="166">
        <v>0</v>
      </c>
      <c r="CH1896" s="166">
        <v>0</v>
      </c>
      <c r="CI1896" s="166">
        <v>0</v>
      </c>
      <c r="CJ1896" s="166">
        <v>0</v>
      </c>
      <c r="CK1896" s="166">
        <v>0</v>
      </c>
      <c r="CL1896" s="166">
        <v>0</v>
      </c>
      <c r="CM1896" s="166">
        <v>0</v>
      </c>
      <c r="CN1896" s="166">
        <v>0</v>
      </c>
      <c r="CO1896" s="166">
        <v>0</v>
      </c>
      <c r="CP1896" s="166">
        <v>0</v>
      </c>
      <c r="CQ1896" s="166">
        <v>0</v>
      </c>
      <c r="CR1896" s="166">
        <v>0</v>
      </c>
      <c r="CS1896" s="166">
        <v>0</v>
      </c>
      <c r="CT1896" s="166">
        <v>0</v>
      </c>
      <c r="CU1896" s="166">
        <v>0</v>
      </c>
      <c r="CV1896" s="166">
        <v>0</v>
      </c>
      <c r="CW1896" s="166">
        <v>0</v>
      </c>
      <c r="CX1896" s="166">
        <v>0</v>
      </c>
      <c r="CY1896" s="166">
        <v>999.73193809388101</v>
      </c>
      <c r="CZ1896" s="166">
        <v>999.73193809388101</v>
      </c>
    </row>
    <row r="1897" spans="1:104" x14ac:dyDescent="0.2">
      <c r="A1897" s="167" t="s">
        <v>1125</v>
      </c>
      <c r="B1897" s="166">
        <v>237.55986966267801</v>
      </c>
      <c r="C1897" s="166">
        <v>237.55986966267801</v>
      </c>
      <c r="D1897" s="166">
        <v>0</v>
      </c>
      <c r="E1897" s="166">
        <v>0</v>
      </c>
      <c r="F1897" s="166">
        <v>0</v>
      </c>
      <c r="G1897" s="166">
        <v>0</v>
      </c>
      <c r="H1897" s="166">
        <v>0</v>
      </c>
      <c r="I1897" s="166">
        <v>0</v>
      </c>
      <c r="J1897" s="166">
        <v>0</v>
      </c>
      <c r="K1897" s="166">
        <v>0</v>
      </c>
      <c r="L1897" s="166">
        <v>0</v>
      </c>
      <c r="M1897" s="166">
        <v>0</v>
      </c>
      <c r="N1897" s="166">
        <v>0</v>
      </c>
      <c r="O1897" s="166">
        <v>0</v>
      </c>
      <c r="P1897" s="166">
        <v>0</v>
      </c>
      <c r="Q1897" s="166">
        <v>0</v>
      </c>
      <c r="R1897" s="166">
        <v>0</v>
      </c>
      <c r="S1897" s="166">
        <v>0</v>
      </c>
      <c r="T1897" s="166">
        <v>0</v>
      </c>
      <c r="U1897" s="166">
        <v>0</v>
      </c>
      <c r="V1897" s="166">
        <v>0</v>
      </c>
      <c r="W1897" s="166">
        <v>0</v>
      </c>
      <c r="X1897" s="166">
        <v>0</v>
      </c>
      <c r="Y1897" s="166">
        <v>0</v>
      </c>
      <c r="Z1897" s="166">
        <v>0</v>
      </c>
      <c r="AA1897" s="166">
        <v>0</v>
      </c>
      <c r="AB1897" s="166">
        <v>0</v>
      </c>
      <c r="AC1897" s="166">
        <v>0</v>
      </c>
      <c r="AD1897" s="166">
        <v>0</v>
      </c>
      <c r="AE1897" s="166">
        <v>0</v>
      </c>
      <c r="AF1897" s="166">
        <v>0</v>
      </c>
      <c r="AG1897" s="166">
        <v>0</v>
      </c>
      <c r="AH1897" s="166">
        <v>0</v>
      </c>
      <c r="AI1897" s="166">
        <v>0</v>
      </c>
      <c r="AJ1897" s="166">
        <v>0</v>
      </c>
      <c r="AK1897" s="166">
        <v>0</v>
      </c>
      <c r="AL1897" s="166">
        <v>0</v>
      </c>
      <c r="AM1897" s="166">
        <v>0</v>
      </c>
      <c r="AN1897" s="166">
        <v>0</v>
      </c>
      <c r="AO1897" s="166">
        <v>0</v>
      </c>
      <c r="AP1897" s="166">
        <v>0</v>
      </c>
      <c r="AQ1897" s="166">
        <v>0</v>
      </c>
      <c r="AR1897" s="166">
        <v>0</v>
      </c>
      <c r="AS1897" s="166">
        <v>0</v>
      </c>
      <c r="AT1897" s="166">
        <v>0</v>
      </c>
      <c r="AU1897" s="166">
        <v>0</v>
      </c>
      <c r="AV1897" s="166">
        <v>0</v>
      </c>
      <c r="AW1897" s="166">
        <v>0</v>
      </c>
      <c r="AX1897" s="166">
        <v>0</v>
      </c>
      <c r="AY1897" s="166">
        <v>0</v>
      </c>
      <c r="AZ1897" s="166">
        <v>0</v>
      </c>
      <c r="BA1897" s="166">
        <v>0</v>
      </c>
      <c r="BB1897" s="166">
        <v>0</v>
      </c>
      <c r="BC1897" s="166">
        <v>0</v>
      </c>
      <c r="BD1897" s="166">
        <v>0</v>
      </c>
      <c r="BE1897" s="166">
        <v>0</v>
      </c>
      <c r="BF1897" s="166">
        <v>0</v>
      </c>
      <c r="BG1897" s="166">
        <v>0</v>
      </c>
      <c r="BH1897" s="166">
        <v>0</v>
      </c>
      <c r="BI1897" s="166">
        <v>0</v>
      </c>
      <c r="BJ1897" s="166">
        <v>0</v>
      </c>
      <c r="BK1897" s="166">
        <v>0</v>
      </c>
      <c r="BL1897" s="166">
        <v>0</v>
      </c>
      <c r="BM1897" s="166">
        <v>0</v>
      </c>
      <c r="BN1897" s="166">
        <v>0</v>
      </c>
      <c r="BO1897" s="166">
        <v>0</v>
      </c>
      <c r="BP1897" s="166">
        <v>0</v>
      </c>
      <c r="BQ1897" s="166">
        <v>0</v>
      </c>
      <c r="BR1897" s="166">
        <v>237.55986966267801</v>
      </c>
      <c r="BS1897" s="166">
        <v>237.55986966267801</v>
      </c>
      <c r="BT1897" s="168">
        <v>1</v>
      </c>
      <c r="BU1897" s="166">
        <v>19.9156048910727</v>
      </c>
      <c r="BV1897" s="166">
        <v>237.55986966267801</v>
      </c>
      <c r="BW1897" s="166">
        <v>0</v>
      </c>
      <c r="BX1897" s="166">
        <v>0</v>
      </c>
      <c r="BY1897" s="166">
        <v>0</v>
      </c>
      <c r="BZ1897" s="166">
        <v>0</v>
      </c>
      <c r="CA1897" s="166">
        <v>0</v>
      </c>
      <c r="CB1897" s="166">
        <v>0</v>
      </c>
      <c r="CC1897" s="166">
        <v>0</v>
      </c>
      <c r="CD1897" s="166">
        <v>0</v>
      </c>
      <c r="CE1897" s="166">
        <v>0</v>
      </c>
      <c r="CF1897" s="166">
        <v>0</v>
      </c>
      <c r="CG1897" s="166">
        <v>0</v>
      </c>
      <c r="CH1897" s="166">
        <v>0</v>
      </c>
      <c r="CI1897" s="166">
        <v>0</v>
      </c>
      <c r="CJ1897" s="166">
        <v>0</v>
      </c>
      <c r="CK1897" s="166">
        <v>0</v>
      </c>
      <c r="CL1897" s="166">
        <v>0</v>
      </c>
      <c r="CM1897" s="166">
        <v>0</v>
      </c>
      <c r="CN1897" s="166">
        <v>0</v>
      </c>
      <c r="CO1897" s="166">
        <v>0</v>
      </c>
      <c r="CP1897" s="166">
        <v>0</v>
      </c>
      <c r="CQ1897" s="166">
        <v>0</v>
      </c>
      <c r="CR1897" s="166">
        <v>0</v>
      </c>
      <c r="CS1897" s="166">
        <v>0</v>
      </c>
      <c r="CT1897" s="166">
        <v>0</v>
      </c>
      <c r="CU1897" s="166">
        <v>0</v>
      </c>
      <c r="CV1897" s="166">
        <v>0</v>
      </c>
      <c r="CW1897" s="166">
        <v>0</v>
      </c>
      <c r="CX1897" s="166">
        <v>0</v>
      </c>
      <c r="CY1897" s="166">
        <v>237.55986966267801</v>
      </c>
      <c r="CZ1897" s="166">
        <v>237.55986966267801</v>
      </c>
    </row>
    <row r="1898" spans="1:104" x14ac:dyDescent="0.2">
      <c r="A1898" s="167" t="s">
        <v>1126</v>
      </c>
      <c r="B1898" s="166">
        <v>3252.57</v>
      </c>
      <c r="C1898" s="166">
        <v>3252.57</v>
      </c>
      <c r="D1898" s="166">
        <v>0</v>
      </c>
      <c r="E1898" s="166">
        <v>0</v>
      </c>
      <c r="F1898" s="166">
        <v>0</v>
      </c>
      <c r="G1898" s="166">
        <v>0</v>
      </c>
      <c r="H1898" s="166">
        <v>0</v>
      </c>
      <c r="I1898" s="166">
        <v>0</v>
      </c>
      <c r="J1898" s="166">
        <v>0</v>
      </c>
      <c r="K1898" s="166">
        <v>0</v>
      </c>
      <c r="L1898" s="166">
        <v>0</v>
      </c>
      <c r="M1898" s="166">
        <v>0</v>
      </c>
      <c r="N1898" s="166">
        <v>0</v>
      </c>
      <c r="O1898" s="166">
        <v>0</v>
      </c>
      <c r="P1898" s="166">
        <v>0</v>
      </c>
      <c r="Q1898" s="166">
        <v>0</v>
      </c>
      <c r="R1898" s="166">
        <v>0</v>
      </c>
      <c r="S1898" s="166">
        <v>0</v>
      </c>
      <c r="T1898" s="166">
        <v>0</v>
      </c>
      <c r="U1898" s="166">
        <v>0</v>
      </c>
      <c r="V1898" s="166">
        <v>0</v>
      </c>
      <c r="W1898" s="166">
        <v>0</v>
      </c>
      <c r="X1898" s="166">
        <v>0</v>
      </c>
      <c r="Y1898" s="166">
        <v>0</v>
      </c>
      <c r="Z1898" s="166">
        <v>0</v>
      </c>
      <c r="AA1898" s="166">
        <v>0</v>
      </c>
      <c r="AB1898" s="166">
        <v>0</v>
      </c>
      <c r="AC1898" s="166">
        <v>0</v>
      </c>
      <c r="AD1898" s="166">
        <v>0</v>
      </c>
      <c r="AE1898" s="166">
        <v>0</v>
      </c>
      <c r="AF1898" s="166">
        <v>0</v>
      </c>
      <c r="AG1898" s="166">
        <v>0</v>
      </c>
      <c r="AH1898" s="166">
        <v>0</v>
      </c>
      <c r="AI1898" s="166">
        <v>0</v>
      </c>
      <c r="AJ1898" s="166">
        <v>0</v>
      </c>
      <c r="AK1898" s="166">
        <v>0</v>
      </c>
      <c r="AL1898" s="166">
        <v>0</v>
      </c>
      <c r="AM1898" s="166">
        <v>0</v>
      </c>
      <c r="AN1898" s="166">
        <v>0</v>
      </c>
      <c r="AO1898" s="166">
        <v>0</v>
      </c>
      <c r="AP1898" s="166">
        <v>0</v>
      </c>
      <c r="AQ1898" s="166">
        <v>0</v>
      </c>
      <c r="AR1898" s="166">
        <v>0</v>
      </c>
      <c r="AS1898" s="166">
        <v>0</v>
      </c>
      <c r="AT1898" s="166">
        <v>0</v>
      </c>
      <c r="AU1898" s="166">
        <v>0</v>
      </c>
      <c r="AV1898" s="166">
        <v>0</v>
      </c>
      <c r="AW1898" s="166">
        <v>0</v>
      </c>
      <c r="AX1898" s="166">
        <v>0</v>
      </c>
      <c r="AY1898" s="166">
        <v>0</v>
      </c>
      <c r="AZ1898" s="166">
        <v>0</v>
      </c>
      <c r="BA1898" s="166">
        <v>0</v>
      </c>
      <c r="BB1898" s="166">
        <v>0</v>
      </c>
      <c r="BC1898" s="166">
        <v>0</v>
      </c>
      <c r="BD1898" s="166">
        <v>0</v>
      </c>
      <c r="BE1898" s="166">
        <v>0</v>
      </c>
      <c r="BF1898" s="166">
        <v>0</v>
      </c>
      <c r="BG1898" s="166">
        <v>0</v>
      </c>
      <c r="BH1898" s="166">
        <v>0</v>
      </c>
      <c r="BI1898" s="166">
        <v>0</v>
      </c>
      <c r="BJ1898" s="166">
        <v>0</v>
      </c>
      <c r="BK1898" s="166">
        <v>0</v>
      </c>
      <c r="BL1898" s="166">
        <v>0</v>
      </c>
      <c r="BM1898" s="166">
        <v>0</v>
      </c>
      <c r="BN1898" s="166">
        <v>0</v>
      </c>
      <c r="BO1898" s="166">
        <v>0</v>
      </c>
      <c r="BP1898" s="166">
        <v>0</v>
      </c>
      <c r="BQ1898" s="166">
        <v>0</v>
      </c>
      <c r="BR1898" s="166">
        <v>3252.57</v>
      </c>
      <c r="BS1898" s="166">
        <v>3252.57</v>
      </c>
      <c r="BT1898" s="168">
        <v>0</v>
      </c>
      <c r="BU1898" s="166">
        <v>279.57</v>
      </c>
      <c r="BV1898" s="166">
        <v>3252.57</v>
      </c>
      <c r="BW1898" s="166">
        <v>0</v>
      </c>
      <c r="BX1898" s="166">
        <v>0</v>
      </c>
      <c r="BY1898" s="166">
        <v>0</v>
      </c>
      <c r="BZ1898" s="166">
        <v>0</v>
      </c>
      <c r="CA1898" s="166">
        <v>0</v>
      </c>
      <c r="CB1898" s="166">
        <v>0</v>
      </c>
      <c r="CC1898" s="166">
        <v>0</v>
      </c>
      <c r="CD1898" s="166">
        <v>0</v>
      </c>
      <c r="CE1898" s="166">
        <v>0</v>
      </c>
      <c r="CF1898" s="166">
        <v>0</v>
      </c>
      <c r="CG1898" s="166">
        <v>0</v>
      </c>
      <c r="CH1898" s="166">
        <v>0</v>
      </c>
      <c r="CI1898" s="166">
        <v>0</v>
      </c>
      <c r="CJ1898" s="166">
        <v>0</v>
      </c>
      <c r="CK1898" s="166">
        <v>0</v>
      </c>
      <c r="CL1898" s="166">
        <v>0</v>
      </c>
      <c r="CM1898" s="166">
        <v>0</v>
      </c>
      <c r="CN1898" s="166">
        <v>0</v>
      </c>
      <c r="CO1898" s="166">
        <v>0</v>
      </c>
      <c r="CP1898" s="166">
        <v>0</v>
      </c>
      <c r="CQ1898" s="166">
        <v>0</v>
      </c>
      <c r="CR1898" s="166">
        <v>0</v>
      </c>
      <c r="CS1898" s="166">
        <v>0</v>
      </c>
      <c r="CT1898" s="166">
        <v>0</v>
      </c>
      <c r="CU1898" s="166">
        <v>0</v>
      </c>
      <c r="CV1898" s="166">
        <v>0</v>
      </c>
      <c r="CW1898" s="166">
        <v>0</v>
      </c>
      <c r="CX1898" s="166">
        <v>0</v>
      </c>
      <c r="CY1898" s="166">
        <v>3252.57</v>
      </c>
      <c r="CZ1898" s="166">
        <v>3252.57</v>
      </c>
    </row>
    <row r="1899" spans="1:104" x14ac:dyDescent="0.2">
      <c r="A1899" s="167" t="s">
        <v>308</v>
      </c>
    </row>
    <row r="1900" spans="1:104" x14ac:dyDescent="0.2">
      <c r="A1900" s="167" t="s">
        <v>309</v>
      </c>
      <c r="B1900" s="166">
        <v>0</v>
      </c>
      <c r="C1900" s="166">
        <v>0</v>
      </c>
      <c r="D1900" s="166">
        <v>0</v>
      </c>
      <c r="E1900" s="166">
        <v>0</v>
      </c>
      <c r="F1900" s="166">
        <v>0</v>
      </c>
      <c r="G1900" s="166">
        <v>0</v>
      </c>
      <c r="H1900" s="166">
        <v>0</v>
      </c>
      <c r="I1900" s="166">
        <v>0</v>
      </c>
      <c r="J1900" s="166">
        <v>0</v>
      </c>
      <c r="K1900" s="166">
        <v>0</v>
      </c>
      <c r="L1900" s="166">
        <v>0</v>
      </c>
      <c r="M1900" s="166">
        <v>0</v>
      </c>
      <c r="N1900" s="166">
        <v>0</v>
      </c>
      <c r="O1900" s="166">
        <v>0</v>
      </c>
      <c r="P1900" s="166">
        <v>0</v>
      </c>
      <c r="Q1900" s="166">
        <v>0</v>
      </c>
      <c r="R1900" s="166">
        <v>0</v>
      </c>
      <c r="S1900" s="166">
        <v>0</v>
      </c>
      <c r="T1900" s="166">
        <v>0</v>
      </c>
      <c r="U1900" s="166">
        <v>0</v>
      </c>
      <c r="V1900" s="166">
        <v>0</v>
      </c>
      <c r="W1900" s="166">
        <v>0</v>
      </c>
      <c r="X1900" s="166">
        <v>0</v>
      </c>
      <c r="Y1900" s="166">
        <v>0</v>
      </c>
      <c r="Z1900" s="166">
        <v>0</v>
      </c>
      <c r="AA1900" s="166">
        <v>0</v>
      </c>
      <c r="AB1900" s="166">
        <v>0</v>
      </c>
      <c r="AC1900" s="166">
        <v>0</v>
      </c>
      <c r="AD1900" s="166">
        <v>0</v>
      </c>
      <c r="AE1900" s="166">
        <v>0</v>
      </c>
      <c r="AF1900" s="166">
        <v>0</v>
      </c>
      <c r="AG1900" s="166">
        <v>0</v>
      </c>
      <c r="AH1900" s="166">
        <v>0</v>
      </c>
      <c r="AI1900" s="166">
        <v>0</v>
      </c>
      <c r="AJ1900" s="166">
        <v>0</v>
      </c>
      <c r="AK1900" s="166">
        <v>0</v>
      </c>
      <c r="AL1900" s="166">
        <v>0</v>
      </c>
      <c r="AM1900" s="166">
        <v>0</v>
      </c>
      <c r="AN1900" s="166">
        <v>0</v>
      </c>
      <c r="AO1900" s="166">
        <v>0</v>
      </c>
      <c r="AP1900" s="166">
        <v>0</v>
      </c>
      <c r="AQ1900" s="166">
        <v>0</v>
      </c>
      <c r="AR1900" s="166">
        <v>0</v>
      </c>
      <c r="AS1900" s="166">
        <v>0</v>
      </c>
      <c r="AT1900" s="166">
        <v>0</v>
      </c>
      <c r="AU1900" s="166">
        <v>0</v>
      </c>
      <c r="AV1900" s="166">
        <v>0</v>
      </c>
      <c r="AW1900" s="166">
        <v>0</v>
      </c>
      <c r="AX1900" s="166">
        <v>0</v>
      </c>
      <c r="AY1900" s="166">
        <v>0</v>
      </c>
      <c r="AZ1900" s="166">
        <v>0</v>
      </c>
      <c r="BA1900" s="166">
        <v>0</v>
      </c>
      <c r="BB1900" s="166">
        <v>0</v>
      </c>
      <c r="BC1900" s="166">
        <v>0</v>
      </c>
      <c r="BD1900" s="166">
        <v>0</v>
      </c>
      <c r="BE1900" s="166">
        <v>0</v>
      </c>
      <c r="BF1900" s="166">
        <v>0</v>
      </c>
      <c r="BG1900" s="166">
        <v>0</v>
      </c>
      <c r="BH1900" s="166">
        <v>0</v>
      </c>
      <c r="BI1900" s="166">
        <v>0</v>
      </c>
      <c r="BJ1900" s="166">
        <v>0</v>
      </c>
      <c r="BK1900" s="166">
        <v>0</v>
      </c>
      <c r="BL1900" s="166">
        <v>0</v>
      </c>
      <c r="BM1900" s="166">
        <v>0</v>
      </c>
      <c r="BN1900" s="166">
        <v>0</v>
      </c>
      <c r="BO1900" s="166">
        <v>0</v>
      </c>
      <c r="BP1900" s="166">
        <v>0</v>
      </c>
      <c r="BQ1900" s="166">
        <v>0</v>
      </c>
      <c r="BR1900" s="166">
        <v>0</v>
      </c>
      <c r="BS1900" s="166">
        <v>0</v>
      </c>
      <c r="BT1900" s="168">
        <v>1</v>
      </c>
      <c r="BU1900" s="166">
        <v>0</v>
      </c>
      <c r="BV1900" s="166">
        <v>0</v>
      </c>
      <c r="BW1900" s="166">
        <v>0</v>
      </c>
      <c r="BX1900" s="166">
        <v>0</v>
      </c>
      <c r="BY1900" s="166">
        <v>0</v>
      </c>
      <c r="BZ1900" s="166">
        <v>0</v>
      </c>
      <c r="CA1900" s="166">
        <v>0</v>
      </c>
      <c r="CB1900" s="166">
        <v>0</v>
      </c>
      <c r="CC1900" s="166">
        <v>0</v>
      </c>
      <c r="CD1900" s="166">
        <v>0</v>
      </c>
      <c r="CE1900" s="166">
        <v>0</v>
      </c>
      <c r="CF1900" s="166">
        <v>0</v>
      </c>
      <c r="CG1900" s="166">
        <v>0</v>
      </c>
      <c r="CH1900" s="166">
        <v>0</v>
      </c>
      <c r="CI1900" s="166">
        <v>0</v>
      </c>
      <c r="CJ1900" s="166">
        <v>0</v>
      </c>
      <c r="CK1900" s="166">
        <v>0</v>
      </c>
      <c r="CL1900" s="166">
        <v>0</v>
      </c>
      <c r="CM1900" s="166">
        <v>0</v>
      </c>
      <c r="CN1900" s="166">
        <v>0</v>
      </c>
      <c r="CO1900" s="166">
        <v>0</v>
      </c>
      <c r="CP1900" s="166">
        <v>0</v>
      </c>
      <c r="CQ1900" s="166">
        <v>0</v>
      </c>
      <c r="CR1900" s="166">
        <v>0</v>
      </c>
      <c r="CS1900" s="166">
        <v>0</v>
      </c>
      <c r="CT1900" s="166">
        <v>0</v>
      </c>
      <c r="CU1900" s="166">
        <v>0</v>
      </c>
      <c r="CV1900" s="166">
        <v>0</v>
      </c>
      <c r="CW1900" s="166">
        <v>0</v>
      </c>
      <c r="CX1900" s="166">
        <v>0</v>
      </c>
      <c r="CY1900" s="166">
        <v>0</v>
      </c>
      <c r="CZ1900" s="166">
        <v>0</v>
      </c>
    </row>
    <row r="1901" spans="1:104" x14ac:dyDescent="0.2">
      <c r="A1901" s="167" t="s">
        <v>310</v>
      </c>
    </row>
    <row r="1902" spans="1:104" x14ac:dyDescent="0.2">
      <c r="A1902" s="167" t="s">
        <v>311</v>
      </c>
      <c r="B1902" s="166">
        <v>2532976.3399999901</v>
      </c>
      <c r="C1902" s="166">
        <v>2532976.3399999901</v>
      </c>
      <c r="D1902" s="166">
        <v>0</v>
      </c>
      <c r="E1902" s="166">
        <v>0</v>
      </c>
      <c r="F1902" s="166">
        <v>0</v>
      </c>
      <c r="G1902" s="166">
        <v>0</v>
      </c>
      <c r="H1902" s="166">
        <v>0</v>
      </c>
      <c r="I1902" s="166">
        <v>0</v>
      </c>
      <c r="J1902" s="166">
        <v>0</v>
      </c>
      <c r="K1902" s="166">
        <v>0</v>
      </c>
      <c r="L1902" s="166">
        <v>0</v>
      </c>
      <c r="M1902" s="166">
        <v>0</v>
      </c>
      <c r="N1902" s="166">
        <v>0</v>
      </c>
      <c r="O1902" s="166">
        <v>0</v>
      </c>
      <c r="P1902" s="166">
        <v>0</v>
      </c>
      <c r="Q1902" s="166">
        <v>0</v>
      </c>
      <c r="R1902" s="166">
        <v>0</v>
      </c>
      <c r="S1902" s="166">
        <v>0</v>
      </c>
      <c r="T1902" s="166">
        <v>0</v>
      </c>
      <c r="U1902" s="166">
        <v>0</v>
      </c>
      <c r="V1902" s="166">
        <v>0</v>
      </c>
      <c r="W1902" s="166">
        <v>0</v>
      </c>
      <c r="X1902" s="166">
        <v>0</v>
      </c>
      <c r="Y1902" s="166">
        <v>0</v>
      </c>
      <c r="Z1902" s="166">
        <v>0</v>
      </c>
      <c r="AA1902" s="166">
        <v>0</v>
      </c>
      <c r="AB1902" s="166">
        <v>0</v>
      </c>
      <c r="AC1902" s="166">
        <v>0</v>
      </c>
      <c r="AD1902" s="166">
        <v>0</v>
      </c>
      <c r="AE1902" s="166">
        <v>0</v>
      </c>
      <c r="AF1902" s="166">
        <v>0</v>
      </c>
      <c r="AG1902" s="166">
        <v>0</v>
      </c>
      <c r="AH1902" s="166">
        <v>0</v>
      </c>
      <c r="AI1902" s="166">
        <v>0</v>
      </c>
      <c r="AJ1902" s="166">
        <v>0</v>
      </c>
      <c r="AK1902" s="166">
        <v>0</v>
      </c>
      <c r="AL1902" s="166">
        <v>0</v>
      </c>
      <c r="AM1902" s="166">
        <v>0</v>
      </c>
      <c r="AN1902" s="166">
        <v>0</v>
      </c>
      <c r="AO1902" s="166">
        <v>0</v>
      </c>
      <c r="AP1902" s="166">
        <v>0</v>
      </c>
      <c r="AQ1902" s="166">
        <v>0</v>
      </c>
      <c r="AR1902" s="166">
        <v>0</v>
      </c>
      <c r="AS1902" s="166">
        <v>0</v>
      </c>
      <c r="AT1902" s="166">
        <v>0</v>
      </c>
      <c r="AU1902" s="166">
        <v>0</v>
      </c>
      <c r="AV1902" s="166">
        <v>0</v>
      </c>
      <c r="AW1902" s="166">
        <v>0</v>
      </c>
      <c r="AX1902" s="166">
        <v>0</v>
      </c>
      <c r="AY1902" s="166">
        <v>0</v>
      </c>
      <c r="AZ1902" s="166">
        <v>0</v>
      </c>
      <c r="BA1902" s="166">
        <v>0</v>
      </c>
      <c r="BB1902" s="166">
        <v>0</v>
      </c>
      <c r="BC1902" s="166">
        <v>0</v>
      </c>
      <c r="BD1902" s="166">
        <v>0</v>
      </c>
      <c r="BE1902" s="166">
        <v>0</v>
      </c>
      <c r="BF1902" s="166">
        <v>0</v>
      </c>
      <c r="BG1902" s="166">
        <v>0</v>
      </c>
      <c r="BH1902" s="166">
        <v>0</v>
      </c>
      <c r="BI1902" s="166">
        <v>0</v>
      </c>
      <c r="BJ1902" s="166">
        <v>0</v>
      </c>
      <c r="BK1902" s="166">
        <v>0</v>
      </c>
      <c r="BL1902" s="166">
        <v>0</v>
      </c>
      <c r="BM1902" s="166">
        <v>0</v>
      </c>
      <c r="BN1902" s="166">
        <v>0</v>
      </c>
      <c r="BO1902" s="166">
        <v>0</v>
      </c>
      <c r="BP1902" s="166">
        <v>0</v>
      </c>
      <c r="BQ1902" s="166">
        <v>0</v>
      </c>
      <c r="BR1902" s="166">
        <v>2532976.3399999901</v>
      </c>
      <c r="BS1902" s="166">
        <v>2532976.3399999901</v>
      </c>
      <c r="BT1902" s="168">
        <v>0.98751</v>
      </c>
      <c r="BU1902" s="166">
        <v>203490.09276329901</v>
      </c>
      <c r="BV1902" s="166">
        <v>2501339.46551339</v>
      </c>
      <c r="BW1902" s="166">
        <v>0</v>
      </c>
      <c r="BX1902" s="166">
        <v>0</v>
      </c>
      <c r="BY1902" s="166">
        <v>0</v>
      </c>
      <c r="BZ1902" s="166">
        <v>0</v>
      </c>
      <c r="CA1902" s="166">
        <v>0</v>
      </c>
      <c r="CB1902" s="166">
        <v>0</v>
      </c>
      <c r="CC1902" s="166">
        <v>0</v>
      </c>
      <c r="CD1902" s="166">
        <v>0</v>
      </c>
      <c r="CE1902" s="166">
        <v>0</v>
      </c>
      <c r="CF1902" s="166">
        <v>0</v>
      </c>
      <c r="CG1902" s="166">
        <v>0</v>
      </c>
      <c r="CH1902" s="166">
        <v>0</v>
      </c>
      <c r="CI1902" s="166">
        <v>0</v>
      </c>
      <c r="CJ1902" s="166">
        <v>0</v>
      </c>
      <c r="CK1902" s="166">
        <v>0</v>
      </c>
      <c r="CL1902" s="166">
        <v>0</v>
      </c>
      <c r="CM1902" s="166">
        <v>0</v>
      </c>
      <c r="CN1902" s="166">
        <v>0</v>
      </c>
      <c r="CO1902" s="166">
        <v>0</v>
      </c>
      <c r="CP1902" s="166">
        <v>0</v>
      </c>
      <c r="CQ1902" s="166">
        <v>0</v>
      </c>
      <c r="CR1902" s="166">
        <v>0</v>
      </c>
      <c r="CS1902" s="166">
        <v>0</v>
      </c>
      <c r="CT1902" s="166">
        <v>0</v>
      </c>
      <c r="CU1902" s="166">
        <v>0</v>
      </c>
      <c r="CV1902" s="166">
        <v>0</v>
      </c>
      <c r="CW1902" s="166">
        <v>0</v>
      </c>
      <c r="CX1902" s="166">
        <v>0</v>
      </c>
      <c r="CY1902" s="166">
        <v>2501339.46551339</v>
      </c>
      <c r="CZ1902" s="166">
        <v>2501339.46551339</v>
      </c>
    </row>
    <row r="1903" spans="1:104" x14ac:dyDescent="0.2">
      <c r="A1903" s="167" t="s">
        <v>312</v>
      </c>
    </row>
    <row r="1904" spans="1:104" x14ac:dyDescent="0.2">
      <c r="A1904" s="167" t="s">
        <v>1127</v>
      </c>
      <c r="B1904" s="166">
        <v>973873.79</v>
      </c>
      <c r="C1904" s="166">
        <v>973873.79</v>
      </c>
      <c r="D1904" s="166">
        <v>0</v>
      </c>
      <c r="E1904" s="166">
        <v>0</v>
      </c>
      <c r="F1904" s="166">
        <v>0</v>
      </c>
      <c r="G1904" s="166">
        <v>0</v>
      </c>
      <c r="H1904" s="166">
        <v>0</v>
      </c>
      <c r="I1904" s="166">
        <v>0</v>
      </c>
      <c r="J1904" s="166">
        <v>0</v>
      </c>
      <c r="K1904" s="166">
        <v>0</v>
      </c>
      <c r="L1904" s="166">
        <v>0</v>
      </c>
      <c r="M1904" s="166">
        <v>0</v>
      </c>
      <c r="N1904" s="166">
        <v>0</v>
      </c>
      <c r="O1904" s="166">
        <v>0</v>
      </c>
      <c r="P1904" s="166">
        <v>0</v>
      </c>
      <c r="Q1904" s="166">
        <v>0</v>
      </c>
      <c r="R1904" s="166">
        <v>0</v>
      </c>
      <c r="S1904" s="166">
        <v>0</v>
      </c>
      <c r="T1904" s="166">
        <v>0</v>
      </c>
      <c r="U1904" s="166">
        <v>0</v>
      </c>
      <c r="V1904" s="166">
        <v>0</v>
      </c>
      <c r="W1904" s="166">
        <v>0</v>
      </c>
      <c r="X1904" s="166">
        <v>0</v>
      </c>
      <c r="Y1904" s="166">
        <v>0</v>
      </c>
      <c r="Z1904" s="166">
        <v>0</v>
      </c>
      <c r="AA1904" s="166">
        <v>0</v>
      </c>
      <c r="AB1904" s="166">
        <v>0</v>
      </c>
      <c r="AC1904" s="166">
        <v>0</v>
      </c>
      <c r="AD1904" s="166">
        <v>0</v>
      </c>
      <c r="AE1904" s="166">
        <v>0</v>
      </c>
      <c r="AF1904" s="166">
        <v>0</v>
      </c>
      <c r="AG1904" s="166">
        <v>0</v>
      </c>
      <c r="AH1904" s="166">
        <v>0</v>
      </c>
      <c r="AI1904" s="166">
        <v>0</v>
      </c>
      <c r="AJ1904" s="166">
        <v>0</v>
      </c>
      <c r="AK1904" s="166">
        <v>0</v>
      </c>
      <c r="AL1904" s="166">
        <v>0</v>
      </c>
      <c r="AM1904" s="166">
        <v>0</v>
      </c>
      <c r="AN1904" s="166">
        <v>0</v>
      </c>
      <c r="AO1904" s="166">
        <v>0</v>
      </c>
      <c r="AP1904" s="166">
        <v>0</v>
      </c>
      <c r="AQ1904" s="166">
        <v>0</v>
      </c>
      <c r="AR1904" s="166">
        <v>0</v>
      </c>
      <c r="AS1904" s="166">
        <v>0</v>
      </c>
      <c r="AT1904" s="166">
        <v>0</v>
      </c>
      <c r="AU1904" s="166">
        <v>0</v>
      </c>
      <c r="AV1904" s="166">
        <v>0</v>
      </c>
      <c r="AW1904" s="166">
        <v>0</v>
      </c>
      <c r="AX1904" s="166">
        <v>0</v>
      </c>
      <c r="AY1904" s="166">
        <v>0</v>
      </c>
      <c r="AZ1904" s="166">
        <v>0</v>
      </c>
      <c r="BA1904" s="166">
        <v>0</v>
      </c>
      <c r="BB1904" s="166">
        <v>0</v>
      </c>
      <c r="BC1904" s="166">
        <v>0</v>
      </c>
      <c r="BD1904" s="166">
        <v>0</v>
      </c>
      <c r="BE1904" s="166">
        <v>0</v>
      </c>
      <c r="BF1904" s="166">
        <v>0</v>
      </c>
      <c r="BG1904" s="166">
        <v>0</v>
      </c>
      <c r="BH1904" s="166">
        <v>0</v>
      </c>
      <c r="BI1904" s="166">
        <v>0</v>
      </c>
      <c r="BJ1904" s="166">
        <v>0</v>
      </c>
      <c r="BK1904" s="166">
        <v>0</v>
      </c>
      <c r="BL1904" s="166">
        <v>0</v>
      </c>
      <c r="BM1904" s="166">
        <v>0</v>
      </c>
      <c r="BN1904" s="166">
        <v>0</v>
      </c>
      <c r="BO1904" s="166">
        <v>0</v>
      </c>
      <c r="BP1904" s="166">
        <v>0</v>
      </c>
      <c r="BQ1904" s="166">
        <v>0</v>
      </c>
      <c r="BR1904" s="166">
        <v>973873.79</v>
      </c>
      <c r="BS1904" s="166">
        <v>973873.79</v>
      </c>
      <c r="BT1904" s="168">
        <v>1</v>
      </c>
      <c r="BU1904" s="166">
        <v>76683.520000000004</v>
      </c>
      <c r="BV1904" s="166">
        <v>973873.79</v>
      </c>
      <c r="BW1904" s="166">
        <v>0</v>
      </c>
      <c r="BX1904" s="166">
        <v>0</v>
      </c>
      <c r="BY1904" s="166">
        <v>0</v>
      </c>
      <c r="BZ1904" s="166">
        <v>0</v>
      </c>
      <c r="CA1904" s="166">
        <v>0</v>
      </c>
      <c r="CB1904" s="166">
        <v>0</v>
      </c>
      <c r="CC1904" s="166">
        <v>0</v>
      </c>
      <c r="CD1904" s="166">
        <v>0</v>
      </c>
      <c r="CE1904" s="166">
        <v>0</v>
      </c>
      <c r="CF1904" s="166">
        <v>0</v>
      </c>
      <c r="CG1904" s="166">
        <v>0</v>
      </c>
      <c r="CH1904" s="166">
        <v>0</v>
      </c>
      <c r="CI1904" s="166">
        <v>0</v>
      </c>
      <c r="CJ1904" s="166">
        <v>0</v>
      </c>
      <c r="CK1904" s="166">
        <v>0</v>
      </c>
      <c r="CL1904" s="166">
        <v>0</v>
      </c>
      <c r="CM1904" s="166">
        <v>0</v>
      </c>
      <c r="CN1904" s="166">
        <v>0</v>
      </c>
      <c r="CO1904" s="166">
        <v>0</v>
      </c>
      <c r="CP1904" s="166">
        <v>0</v>
      </c>
      <c r="CQ1904" s="166">
        <v>0</v>
      </c>
      <c r="CR1904" s="166">
        <v>0</v>
      </c>
      <c r="CS1904" s="166">
        <v>0</v>
      </c>
      <c r="CT1904" s="166">
        <v>0</v>
      </c>
      <c r="CU1904" s="166">
        <v>0</v>
      </c>
      <c r="CV1904" s="166">
        <v>0</v>
      </c>
      <c r="CW1904" s="166">
        <v>0</v>
      </c>
      <c r="CX1904" s="166">
        <v>0</v>
      </c>
      <c r="CY1904" s="166">
        <v>973873.79</v>
      </c>
      <c r="CZ1904" s="166">
        <v>973873.79</v>
      </c>
    </row>
    <row r="1905" spans="1:104" x14ac:dyDescent="0.2">
      <c r="A1905" s="167" t="s">
        <v>314</v>
      </c>
    </row>
    <row r="1906" spans="1:104" x14ac:dyDescent="0.2">
      <c r="A1906" s="167" t="s">
        <v>1128</v>
      </c>
      <c r="B1906" s="166">
        <v>11127717.7901593</v>
      </c>
      <c r="C1906" s="166">
        <v>11127717.7901593</v>
      </c>
      <c r="D1906" s="166">
        <v>0</v>
      </c>
      <c r="E1906" s="166">
        <v>0</v>
      </c>
      <c r="F1906" s="166">
        <v>0</v>
      </c>
      <c r="G1906" s="166">
        <v>0</v>
      </c>
      <c r="H1906" s="166">
        <v>0</v>
      </c>
      <c r="I1906" s="166">
        <v>0</v>
      </c>
      <c r="J1906" s="166">
        <v>0</v>
      </c>
      <c r="K1906" s="166">
        <v>0</v>
      </c>
      <c r="L1906" s="166">
        <v>0</v>
      </c>
      <c r="M1906" s="166">
        <v>0</v>
      </c>
      <c r="N1906" s="166">
        <v>0</v>
      </c>
      <c r="O1906" s="166">
        <v>0</v>
      </c>
      <c r="P1906" s="166">
        <v>0</v>
      </c>
      <c r="Q1906" s="166">
        <v>0</v>
      </c>
      <c r="R1906" s="166">
        <v>0</v>
      </c>
      <c r="S1906" s="166">
        <v>0</v>
      </c>
      <c r="T1906" s="166">
        <v>0</v>
      </c>
      <c r="U1906" s="166">
        <v>0</v>
      </c>
      <c r="V1906" s="166">
        <v>0</v>
      </c>
      <c r="W1906" s="166">
        <v>0</v>
      </c>
      <c r="X1906" s="166">
        <v>0</v>
      </c>
      <c r="Y1906" s="166">
        <v>0</v>
      </c>
      <c r="Z1906" s="166">
        <v>0</v>
      </c>
      <c r="AA1906" s="166">
        <v>0</v>
      </c>
      <c r="AB1906" s="166">
        <v>0</v>
      </c>
      <c r="AC1906" s="166">
        <v>0</v>
      </c>
      <c r="AD1906" s="166">
        <v>0</v>
      </c>
      <c r="AE1906" s="166">
        <v>0</v>
      </c>
      <c r="AF1906" s="166">
        <v>0</v>
      </c>
      <c r="AG1906" s="166">
        <v>0</v>
      </c>
      <c r="AH1906" s="166">
        <v>0</v>
      </c>
      <c r="AI1906" s="166">
        <v>0</v>
      </c>
      <c r="AJ1906" s="166">
        <v>0</v>
      </c>
      <c r="AK1906" s="166">
        <v>0</v>
      </c>
      <c r="AL1906" s="166">
        <v>0</v>
      </c>
      <c r="AM1906" s="166">
        <v>0</v>
      </c>
      <c r="AN1906" s="166">
        <v>0</v>
      </c>
      <c r="AO1906" s="166">
        <v>0</v>
      </c>
      <c r="AP1906" s="166">
        <v>0</v>
      </c>
      <c r="AQ1906" s="166">
        <v>0</v>
      </c>
      <c r="AR1906" s="166">
        <v>0</v>
      </c>
      <c r="AS1906" s="166">
        <v>0</v>
      </c>
      <c r="AT1906" s="166">
        <v>0</v>
      </c>
      <c r="AU1906" s="166">
        <v>0</v>
      </c>
      <c r="AV1906" s="166">
        <v>0</v>
      </c>
      <c r="AW1906" s="166">
        <v>0</v>
      </c>
      <c r="AX1906" s="166">
        <v>0</v>
      </c>
      <c r="AY1906" s="166">
        <v>0</v>
      </c>
      <c r="AZ1906" s="166">
        <v>0</v>
      </c>
      <c r="BA1906" s="166">
        <v>0</v>
      </c>
      <c r="BB1906" s="166">
        <v>0</v>
      </c>
      <c r="BC1906" s="166">
        <v>0</v>
      </c>
      <c r="BD1906" s="166">
        <v>0</v>
      </c>
      <c r="BE1906" s="166">
        <v>0</v>
      </c>
      <c r="BF1906" s="166">
        <v>0</v>
      </c>
      <c r="BG1906" s="166">
        <v>0</v>
      </c>
      <c r="BH1906" s="166">
        <v>0</v>
      </c>
      <c r="BI1906" s="166">
        <v>0</v>
      </c>
      <c r="BJ1906" s="166">
        <v>0</v>
      </c>
      <c r="BK1906" s="166">
        <v>0</v>
      </c>
      <c r="BL1906" s="166">
        <v>0</v>
      </c>
      <c r="BM1906" s="166">
        <v>0</v>
      </c>
      <c r="BN1906" s="166">
        <v>0</v>
      </c>
      <c r="BO1906" s="166">
        <v>0</v>
      </c>
      <c r="BP1906" s="166">
        <v>0</v>
      </c>
      <c r="BQ1906" s="166">
        <v>0</v>
      </c>
      <c r="BR1906" s="166">
        <v>11127717.7901593</v>
      </c>
      <c r="BS1906" s="166">
        <v>11127717.7901593</v>
      </c>
      <c r="BT1906" s="168">
        <v>1</v>
      </c>
      <c r="BU1906" s="166">
        <v>895056.03450020496</v>
      </c>
      <c r="BV1906" s="166">
        <v>11127717.7901593</v>
      </c>
      <c r="BW1906" s="166">
        <v>0</v>
      </c>
      <c r="BX1906" s="166">
        <v>0</v>
      </c>
      <c r="BY1906" s="166">
        <v>0</v>
      </c>
      <c r="BZ1906" s="166">
        <v>0</v>
      </c>
      <c r="CA1906" s="166">
        <v>0</v>
      </c>
      <c r="CB1906" s="166">
        <v>0</v>
      </c>
      <c r="CC1906" s="166">
        <v>0</v>
      </c>
      <c r="CD1906" s="166">
        <v>0</v>
      </c>
      <c r="CE1906" s="166">
        <v>0</v>
      </c>
      <c r="CF1906" s="166">
        <v>0</v>
      </c>
      <c r="CG1906" s="166">
        <v>0</v>
      </c>
      <c r="CH1906" s="166">
        <v>0</v>
      </c>
      <c r="CI1906" s="166">
        <v>0</v>
      </c>
      <c r="CJ1906" s="166">
        <v>0</v>
      </c>
      <c r="CK1906" s="166">
        <v>0</v>
      </c>
      <c r="CL1906" s="166">
        <v>0</v>
      </c>
      <c r="CM1906" s="166">
        <v>0</v>
      </c>
      <c r="CN1906" s="166">
        <v>0</v>
      </c>
      <c r="CO1906" s="166">
        <v>0</v>
      </c>
      <c r="CP1906" s="166">
        <v>0</v>
      </c>
      <c r="CQ1906" s="166">
        <v>0</v>
      </c>
      <c r="CR1906" s="166">
        <v>0</v>
      </c>
      <c r="CS1906" s="166">
        <v>0</v>
      </c>
      <c r="CT1906" s="166">
        <v>0</v>
      </c>
      <c r="CU1906" s="166">
        <v>0</v>
      </c>
      <c r="CV1906" s="166">
        <v>0</v>
      </c>
      <c r="CW1906" s="166">
        <v>0</v>
      </c>
      <c r="CX1906" s="166">
        <v>0</v>
      </c>
      <c r="CY1906" s="166">
        <v>11127717.7901593</v>
      </c>
      <c r="CZ1906" s="166">
        <v>11127717.7901593</v>
      </c>
    </row>
    <row r="1907" spans="1:104" x14ac:dyDescent="0.2">
      <c r="A1907" s="167" t="s">
        <v>1129</v>
      </c>
      <c r="B1907" s="166">
        <v>5518469.62414042</v>
      </c>
      <c r="C1907" s="166">
        <v>5518469.62414042</v>
      </c>
      <c r="D1907" s="166">
        <v>0</v>
      </c>
      <c r="E1907" s="166">
        <v>0</v>
      </c>
      <c r="F1907" s="166">
        <v>0</v>
      </c>
      <c r="G1907" s="166">
        <v>0</v>
      </c>
      <c r="H1907" s="166">
        <v>0</v>
      </c>
      <c r="I1907" s="166">
        <v>0</v>
      </c>
      <c r="J1907" s="166">
        <v>0</v>
      </c>
      <c r="K1907" s="166">
        <v>0</v>
      </c>
      <c r="L1907" s="166">
        <v>0</v>
      </c>
      <c r="M1907" s="166">
        <v>0</v>
      </c>
      <c r="N1907" s="166">
        <v>0</v>
      </c>
      <c r="O1907" s="166">
        <v>0</v>
      </c>
      <c r="P1907" s="166">
        <v>0</v>
      </c>
      <c r="Q1907" s="166">
        <v>0</v>
      </c>
      <c r="R1907" s="166">
        <v>0</v>
      </c>
      <c r="S1907" s="166">
        <v>0</v>
      </c>
      <c r="T1907" s="166">
        <v>0</v>
      </c>
      <c r="U1907" s="166">
        <v>0</v>
      </c>
      <c r="V1907" s="166">
        <v>0</v>
      </c>
      <c r="W1907" s="166">
        <v>0</v>
      </c>
      <c r="X1907" s="166">
        <v>0</v>
      </c>
      <c r="Y1907" s="166">
        <v>0</v>
      </c>
      <c r="Z1907" s="166">
        <v>0</v>
      </c>
      <c r="AA1907" s="166">
        <v>0</v>
      </c>
      <c r="AB1907" s="166">
        <v>0</v>
      </c>
      <c r="AC1907" s="166">
        <v>0</v>
      </c>
      <c r="AD1907" s="166">
        <v>0</v>
      </c>
      <c r="AE1907" s="166">
        <v>0</v>
      </c>
      <c r="AF1907" s="166">
        <v>0</v>
      </c>
      <c r="AG1907" s="166">
        <v>0</v>
      </c>
      <c r="AH1907" s="166">
        <v>0</v>
      </c>
      <c r="AI1907" s="166">
        <v>0</v>
      </c>
      <c r="AJ1907" s="166">
        <v>0</v>
      </c>
      <c r="AK1907" s="166">
        <v>0</v>
      </c>
      <c r="AL1907" s="166">
        <v>0</v>
      </c>
      <c r="AM1907" s="166">
        <v>0</v>
      </c>
      <c r="AN1907" s="166">
        <v>0</v>
      </c>
      <c r="AO1907" s="166">
        <v>0</v>
      </c>
      <c r="AP1907" s="166">
        <v>0</v>
      </c>
      <c r="AQ1907" s="166">
        <v>0</v>
      </c>
      <c r="AR1907" s="166">
        <v>0</v>
      </c>
      <c r="AS1907" s="166">
        <v>0</v>
      </c>
      <c r="AT1907" s="166">
        <v>0</v>
      </c>
      <c r="AU1907" s="166">
        <v>0</v>
      </c>
      <c r="AV1907" s="166">
        <v>0</v>
      </c>
      <c r="AW1907" s="166">
        <v>0</v>
      </c>
      <c r="AX1907" s="166">
        <v>0</v>
      </c>
      <c r="AY1907" s="166">
        <v>0</v>
      </c>
      <c r="AZ1907" s="166">
        <v>0</v>
      </c>
      <c r="BA1907" s="166">
        <v>0</v>
      </c>
      <c r="BB1907" s="166">
        <v>0</v>
      </c>
      <c r="BC1907" s="166">
        <v>0</v>
      </c>
      <c r="BD1907" s="166">
        <v>0</v>
      </c>
      <c r="BE1907" s="166">
        <v>0</v>
      </c>
      <c r="BF1907" s="166">
        <v>0</v>
      </c>
      <c r="BG1907" s="166">
        <v>0</v>
      </c>
      <c r="BH1907" s="166">
        <v>0</v>
      </c>
      <c r="BI1907" s="166">
        <v>0</v>
      </c>
      <c r="BJ1907" s="166">
        <v>0</v>
      </c>
      <c r="BK1907" s="166">
        <v>0</v>
      </c>
      <c r="BL1907" s="166">
        <v>0</v>
      </c>
      <c r="BM1907" s="166">
        <v>0</v>
      </c>
      <c r="BN1907" s="166">
        <v>0</v>
      </c>
      <c r="BO1907" s="166">
        <v>0</v>
      </c>
      <c r="BP1907" s="166">
        <v>0</v>
      </c>
      <c r="BQ1907" s="166">
        <v>0</v>
      </c>
      <c r="BR1907" s="166">
        <v>5518469.62414042</v>
      </c>
      <c r="BS1907" s="166">
        <v>5518469.62414042</v>
      </c>
      <c r="BT1907" s="168">
        <v>1</v>
      </c>
      <c r="BU1907" s="166">
        <v>450763.46515376703</v>
      </c>
      <c r="BV1907" s="166">
        <v>5518469.62414042</v>
      </c>
      <c r="BW1907" s="166">
        <v>0</v>
      </c>
      <c r="BX1907" s="166">
        <v>0</v>
      </c>
      <c r="BY1907" s="166">
        <v>0</v>
      </c>
      <c r="BZ1907" s="166">
        <v>0</v>
      </c>
      <c r="CA1907" s="166">
        <v>0</v>
      </c>
      <c r="CB1907" s="166">
        <v>0</v>
      </c>
      <c r="CC1907" s="166">
        <v>0</v>
      </c>
      <c r="CD1907" s="166">
        <v>0</v>
      </c>
      <c r="CE1907" s="166">
        <v>0</v>
      </c>
      <c r="CF1907" s="166">
        <v>0</v>
      </c>
      <c r="CG1907" s="166">
        <v>0</v>
      </c>
      <c r="CH1907" s="166">
        <v>0</v>
      </c>
      <c r="CI1907" s="166">
        <v>0</v>
      </c>
      <c r="CJ1907" s="166">
        <v>0</v>
      </c>
      <c r="CK1907" s="166">
        <v>0</v>
      </c>
      <c r="CL1907" s="166">
        <v>0</v>
      </c>
      <c r="CM1907" s="166">
        <v>0</v>
      </c>
      <c r="CN1907" s="166">
        <v>0</v>
      </c>
      <c r="CO1907" s="166">
        <v>0</v>
      </c>
      <c r="CP1907" s="166">
        <v>0</v>
      </c>
      <c r="CQ1907" s="166">
        <v>0</v>
      </c>
      <c r="CR1907" s="166">
        <v>0</v>
      </c>
      <c r="CS1907" s="166">
        <v>0</v>
      </c>
      <c r="CT1907" s="166">
        <v>0</v>
      </c>
      <c r="CU1907" s="166">
        <v>0</v>
      </c>
      <c r="CV1907" s="166">
        <v>0</v>
      </c>
      <c r="CW1907" s="166">
        <v>0</v>
      </c>
      <c r="CX1907" s="166">
        <v>0</v>
      </c>
      <c r="CY1907" s="166">
        <v>5518469.62414042</v>
      </c>
      <c r="CZ1907" s="166">
        <v>5518469.62414042</v>
      </c>
    </row>
    <row r="1908" spans="1:104" x14ac:dyDescent="0.2">
      <c r="A1908" s="167" t="s">
        <v>1130</v>
      </c>
      <c r="B1908" s="166">
        <v>1312364.02333222</v>
      </c>
      <c r="C1908" s="166">
        <v>1312364.02333222</v>
      </c>
      <c r="D1908" s="166">
        <v>0</v>
      </c>
      <c r="E1908" s="166">
        <v>0</v>
      </c>
      <c r="F1908" s="166">
        <v>0</v>
      </c>
      <c r="G1908" s="166">
        <v>0</v>
      </c>
      <c r="H1908" s="166">
        <v>0</v>
      </c>
      <c r="I1908" s="166">
        <v>0</v>
      </c>
      <c r="J1908" s="166">
        <v>0</v>
      </c>
      <c r="K1908" s="166">
        <v>0</v>
      </c>
      <c r="L1908" s="166">
        <v>0</v>
      </c>
      <c r="M1908" s="166">
        <v>0</v>
      </c>
      <c r="N1908" s="166">
        <v>0</v>
      </c>
      <c r="O1908" s="166">
        <v>0</v>
      </c>
      <c r="P1908" s="166">
        <v>0</v>
      </c>
      <c r="Q1908" s="166">
        <v>0</v>
      </c>
      <c r="R1908" s="166">
        <v>0</v>
      </c>
      <c r="S1908" s="166">
        <v>0</v>
      </c>
      <c r="T1908" s="166">
        <v>0</v>
      </c>
      <c r="U1908" s="166">
        <v>0</v>
      </c>
      <c r="V1908" s="166">
        <v>0</v>
      </c>
      <c r="W1908" s="166">
        <v>0</v>
      </c>
      <c r="X1908" s="166">
        <v>0</v>
      </c>
      <c r="Y1908" s="166">
        <v>0</v>
      </c>
      <c r="Z1908" s="166">
        <v>0</v>
      </c>
      <c r="AA1908" s="166">
        <v>0</v>
      </c>
      <c r="AB1908" s="166">
        <v>0</v>
      </c>
      <c r="AC1908" s="166">
        <v>0</v>
      </c>
      <c r="AD1908" s="166">
        <v>0</v>
      </c>
      <c r="AE1908" s="166">
        <v>0</v>
      </c>
      <c r="AF1908" s="166">
        <v>0</v>
      </c>
      <c r="AG1908" s="166">
        <v>0</v>
      </c>
      <c r="AH1908" s="166">
        <v>0</v>
      </c>
      <c r="AI1908" s="166">
        <v>0</v>
      </c>
      <c r="AJ1908" s="166">
        <v>0</v>
      </c>
      <c r="AK1908" s="166">
        <v>0</v>
      </c>
      <c r="AL1908" s="166">
        <v>0</v>
      </c>
      <c r="AM1908" s="166">
        <v>0</v>
      </c>
      <c r="AN1908" s="166">
        <v>0</v>
      </c>
      <c r="AO1908" s="166">
        <v>0</v>
      </c>
      <c r="AP1908" s="166">
        <v>0</v>
      </c>
      <c r="AQ1908" s="166">
        <v>0</v>
      </c>
      <c r="AR1908" s="166">
        <v>0</v>
      </c>
      <c r="AS1908" s="166">
        <v>0</v>
      </c>
      <c r="AT1908" s="166">
        <v>0</v>
      </c>
      <c r="AU1908" s="166">
        <v>0</v>
      </c>
      <c r="AV1908" s="166">
        <v>0</v>
      </c>
      <c r="AW1908" s="166">
        <v>0</v>
      </c>
      <c r="AX1908" s="166">
        <v>0</v>
      </c>
      <c r="AY1908" s="166">
        <v>0</v>
      </c>
      <c r="AZ1908" s="166">
        <v>0</v>
      </c>
      <c r="BA1908" s="166">
        <v>0</v>
      </c>
      <c r="BB1908" s="166">
        <v>0</v>
      </c>
      <c r="BC1908" s="166">
        <v>0</v>
      </c>
      <c r="BD1908" s="166">
        <v>0</v>
      </c>
      <c r="BE1908" s="166">
        <v>0</v>
      </c>
      <c r="BF1908" s="166">
        <v>0</v>
      </c>
      <c r="BG1908" s="166">
        <v>0</v>
      </c>
      <c r="BH1908" s="166">
        <v>0</v>
      </c>
      <c r="BI1908" s="166">
        <v>0</v>
      </c>
      <c r="BJ1908" s="166">
        <v>0</v>
      </c>
      <c r="BK1908" s="166">
        <v>0</v>
      </c>
      <c r="BL1908" s="166">
        <v>0</v>
      </c>
      <c r="BM1908" s="166">
        <v>0</v>
      </c>
      <c r="BN1908" s="166">
        <v>0</v>
      </c>
      <c r="BO1908" s="166">
        <v>0</v>
      </c>
      <c r="BP1908" s="166">
        <v>0</v>
      </c>
      <c r="BQ1908" s="166">
        <v>0</v>
      </c>
      <c r="BR1908" s="166">
        <v>1312364.02333222</v>
      </c>
      <c r="BS1908" s="166">
        <v>1312364.02333222</v>
      </c>
      <c r="BT1908" s="168">
        <v>1</v>
      </c>
      <c r="BU1908" s="166">
        <v>103224.940207793</v>
      </c>
      <c r="BV1908" s="166">
        <v>1312364.02333222</v>
      </c>
      <c r="BW1908" s="166">
        <v>0</v>
      </c>
      <c r="BX1908" s="166">
        <v>0</v>
      </c>
      <c r="BY1908" s="166">
        <v>0</v>
      </c>
      <c r="BZ1908" s="166">
        <v>0</v>
      </c>
      <c r="CA1908" s="166">
        <v>0</v>
      </c>
      <c r="CB1908" s="166">
        <v>0</v>
      </c>
      <c r="CC1908" s="166">
        <v>0</v>
      </c>
      <c r="CD1908" s="166">
        <v>0</v>
      </c>
      <c r="CE1908" s="166">
        <v>0</v>
      </c>
      <c r="CF1908" s="166">
        <v>0</v>
      </c>
      <c r="CG1908" s="166">
        <v>0</v>
      </c>
      <c r="CH1908" s="166">
        <v>0</v>
      </c>
      <c r="CI1908" s="166">
        <v>0</v>
      </c>
      <c r="CJ1908" s="166">
        <v>0</v>
      </c>
      <c r="CK1908" s="166">
        <v>0</v>
      </c>
      <c r="CL1908" s="166">
        <v>0</v>
      </c>
      <c r="CM1908" s="166">
        <v>0</v>
      </c>
      <c r="CN1908" s="166">
        <v>0</v>
      </c>
      <c r="CO1908" s="166">
        <v>0</v>
      </c>
      <c r="CP1908" s="166">
        <v>0</v>
      </c>
      <c r="CQ1908" s="166">
        <v>0</v>
      </c>
      <c r="CR1908" s="166">
        <v>0</v>
      </c>
      <c r="CS1908" s="166">
        <v>0</v>
      </c>
      <c r="CT1908" s="166">
        <v>0</v>
      </c>
      <c r="CU1908" s="166">
        <v>0</v>
      </c>
      <c r="CV1908" s="166">
        <v>0</v>
      </c>
      <c r="CW1908" s="166">
        <v>0</v>
      </c>
      <c r="CX1908" s="166">
        <v>0</v>
      </c>
      <c r="CY1908" s="166">
        <v>1312364.02333222</v>
      </c>
      <c r="CZ1908" s="166">
        <v>1312364.02333222</v>
      </c>
    </row>
    <row r="1909" spans="1:104" x14ac:dyDescent="0.2">
      <c r="A1909" s="167" t="s">
        <v>1131</v>
      </c>
      <c r="B1909" s="166">
        <v>725617.76138036395</v>
      </c>
      <c r="C1909" s="166">
        <v>725617.76138036395</v>
      </c>
      <c r="D1909" s="166">
        <v>0</v>
      </c>
      <c r="E1909" s="166">
        <v>0</v>
      </c>
      <c r="F1909" s="166">
        <v>0</v>
      </c>
      <c r="G1909" s="166">
        <v>0</v>
      </c>
      <c r="H1909" s="166">
        <v>0</v>
      </c>
      <c r="I1909" s="166">
        <v>0</v>
      </c>
      <c r="J1909" s="166">
        <v>0</v>
      </c>
      <c r="K1909" s="166">
        <v>0</v>
      </c>
      <c r="L1909" s="166">
        <v>0</v>
      </c>
      <c r="M1909" s="166">
        <v>0</v>
      </c>
      <c r="N1909" s="166">
        <v>0</v>
      </c>
      <c r="O1909" s="166">
        <v>0</v>
      </c>
      <c r="P1909" s="166">
        <v>0</v>
      </c>
      <c r="Q1909" s="166">
        <v>0</v>
      </c>
      <c r="R1909" s="166">
        <v>0</v>
      </c>
      <c r="S1909" s="166">
        <v>0</v>
      </c>
      <c r="T1909" s="166">
        <v>0</v>
      </c>
      <c r="U1909" s="166">
        <v>0</v>
      </c>
      <c r="V1909" s="166">
        <v>0</v>
      </c>
      <c r="W1909" s="166">
        <v>0</v>
      </c>
      <c r="X1909" s="166">
        <v>0</v>
      </c>
      <c r="Y1909" s="166">
        <v>0</v>
      </c>
      <c r="Z1909" s="166">
        <v>0</v>
      </c>
      <c r="AA1909" s="166">
        <v>0</v>
      </c>
      <c r="AB1909" s="166">
        <v>0</v>
      </c>
      <c r="AC1909" s="166">
        <v>0</v>
      </c>
      <c r="AD1909" s="166">
        <v>0</v>
      </c>
      <c r="AE1909" s="166">
        <v>0</v>
      </c>
      <c r="AF1909" s="166">
        <v>0</v>
      </c>
      <c r="AG1909" s="166">
        <v>0</v>
      </c>
      <c r="AH1909" s="166">
        <v>0</v>
      </c>
      <c r="AI1909" s="166">
        <v>0</v>
      </c>
      <c r="AJ1909" s="166">
        <v>0</v>
      </c>
      <c r="AK1909" s="166">
        <v>0</v>
      </c>
      <c r="AL1909" s="166">
        <v>0</v>
      </c>
      <c r="AM1909" s="166">
        <v>0</v>
      </c>
      <c r="AN1909" s="166">
        <v>0</v>
      </c>
      <c r="AO1909" s="166">
        <v>0</v>
      </c>
      <c r="AP1909" s="166">
        <v>0</v>
      </c>
      <c r="AQ1909" s="166">
        <v>0</v>
      </c>
      <c r="AR1909" s="166">
        <v>0</v>
      </c>
      <c r="AS1909" s="166">
        <v>0</v>
      </c>
      <c r="AT1909" s="166">
        <v>0</v>
      </c>
      <c r="AU1909" s="166">
        <v>0</v>
      </c>
      <c r="AV1909" s="166">
        <v>0</v>
      </c>
      <c r="AW1909" s="166">
        <v>0</v>
      </c>
      <c r="AX1909" s="166">
        <v>0</v>
      </c>
      <c r="AY1909" s="166">
        <v>0</v>
      </c>
      <c r="AZ1909" s="166">
        <v>0</v>
      </c>
      <c r="BA1909" s="166">
        <v>0</v>
      </c>
      <c r="BB1909" s="166">
        <v>0</v>
      </c>
      <c r="BC1909" s="166">
        <v>0</v>
      </c>
      <c r="BD1909" s="166">
        <v>0</v>
      </c>
      <c r="BE1909" s="166">
        <v>0</v>
      </c>
      <c r="BF1909" s="166">
        <v>0</v>
      </c>
      <c r="BG1909" s="166">
        <v>0</v>
      </c>
      <c r="BH1909" s="166">
        <v>0</v>
      </c>
      <c r="BI1909" s="166">
        <v>0</v>
      </c>
      <c r="BJ1909" s="166">
        <v>0</v>
      </c>
      <c r="BK1909" s="166">
        <v>0</v>
      </c>
      <c r="BL1909" s="166">
        <v>0</v>
      </c>
      <c r="BM1909" s="166">
        <v>0</v>
      </c>
      <c r="BN1909" s="166">
        <v>0</v>
      </c>
      <c r="BO1909" s="166">
        <v>0</v>
      </c>
      <c r="BP1909" s="166">
        <v>0</v>
      </c>
      <c r="BQ1909" s="166">
        <v>0</v>
      </c>
      <c r="BR1909" s="166">
        <v>725617.76138036395</v>
      </c>
      <c r="BS1909" s="166">
        <v>725617.76138036395</v>
      </c>
      <c r="BT1909" s="168">
        <v>0.98751</v>
      </c>
      <c r="BU1909" s="166">
        <v>56894.595790854597</v>
      </c>
      <c r="BV1909" s="166">
        <v>716554.79554072302</v>
      </c>
      <c r="BW1909" s="166">
        <v>0</v>
      </c>
      <c r="BX1909" s="166">
        <v>0</v>
      </c>
      <c r="BY1909" s="166">
        <v>0</v>
      </c>
      <c r="BZ1909" s="166">
        <v>0</v>
      </c>
      <c r="CA1909" s="166">
        <v>0</v>
      </c>
      <c r="CB1909" s="166">
        <v>0</v>
      </c>
      <c r="CC1909" s="166">
        <v>0</v>
      </c>
      <c r="CD1909" s="166">
        <v>0</v>
      </c>
      <c r="CE1909" s="166">
        <v>0</v>
      </c>
      <c r="CF1909" s="166">
        <v>0</v>
      </c>
      <c r="CG1909" s="166">
        <v>0</v>
      </c>
      <c r="CH1909" s="166">
        <v>0</v>
      </c>
      <c r="CI1909" s="166">
        <v>0</v>
      </c>
      <c r="CJ1909" s="166">
        <v>0</v>
      </c>
      <c r="CK1909" s="166">
        <v>0</v>
      </c>
      <c r="CL1909" s="166">
        <v>0</v>
      </c>
      <c r="CM1909" s="166">
        <v>0</v>
      </c>
      <c r="CN1909" s="166">
        <v>0</v>
      </c>
      <c r="CO1909" s="166">
        <v>0</v>
      </c>
      <c r="CP1909" s="166">
        <v>0</v>
      </c>
      <c r="CQ1909" s="166">
        <v>0</v>
      </c>
      <c r="CR1909" s="166">
        <v>0</v>
      </c>
      <c r="CS1909" s="166">
        <v>0</v>
      </c>
      <c r="CT1909" s="166">
        <v>0</v>
      </c>
      <c r="CU1909" s="166">
        <v>0</v>
      </c>
      <c r="CV1909" s="166">
        <v>0</v>
      </c>
      <c r="CW1909" s="166">
        <v>0</v>
      </c>
      <c r="CX1909" s="166">
        <v>0</v>
      </c>
      <c r="CY1909" s="166">
        <v>716554.79554072302</v>
      </c>
      <c r="CZ1909" s="166">
        <v>716554.79554072302</v>
      </c>
    </row>
    <row r="1910" spans="1:104" x14ac:dyDescent="0.2">
      <c r="A1910" s="167" t="s">
        <v>1132</v>
      </c>
      <c r="B1910" s="166">
        <v>1843117.9909876599</v>
      </c>
      <c r="C1910" s="166">
        <v>1843117.9909876599</v>
      </c>
      <c r="D1910" s="166">
        <v>0</v>
      </c>
      <c r="E1910" s="166">
        <v>0</v>
      </c>
      <c r="F1910" s="166">
        <v>0</v>
      </c>
      <c r="G1910" s="166">
        <v>0</v>
      </c>
      <c r="H1910" s="166">
        <v>0</v>
      </c>
      <c r="I1910" s="166">
        <v>0</v>
      </c>
      <c r="J1910" s="166">
        <v>0</v>
      </c>
      <c r="K1910" s="166">
        <v>0</v>
      </c>
      <c r="L1910" s="166">
        <v>0</v>
      </c>
      <c r="M1910" s="166">
        <v>0</v>
      </c>
      <c r="N1910" s="166">
        <v>0</v>
      </c>
      <c r="O1910" s="166">
        <v>0</v>
      </c>
      <c r="P1910" s="166">
        <v>0</v>
      </c>
      <c r="Q1910" s="166">
        <v>0</v>
      </c>
      <c r="R1910" s="166">
        <v>0</v>
      </c>
      <c r="S1910" s="166">
        <v>0</v>
      </c>
      <c r="T1910" s="166">
        <v>0</v>
      </c>
      <c r="U1910" s="166">
        <v>0</v>
      </c>
      <c r="V1910" s="166">
        <v>0</v>
      </c>
      <c r="W1910" s="166">
        <v>0</v>
      </c>
      <c r="X1910" s="166">
        <v>0</v>
      </c>
      <c r="Y1910" s="166">
        <v>0</v>
      </c>
      <c r="Z1910" s="166">
        <v>0</v>
      </c>
      <c r="AA1910" s="166">
        <v>0</v>
      </c>
      <c r="AB1910" s="166">
        <v>0</v>
      </c>
      <c r="AC1910" s="166">
        <v>0</v>
      </c>
      <c r="AD1910" s="166">
        <v>0</v>
      </c>
      <c r="AE1910" s="166">
        <v>0</v>
      </c>
      <c r="AF1910" s="166">
        <v>0</v>
      </c>
      <c r="AG1910" s="166">
        <v>0</v>
      </c>
      <c r="AH1910" s="166">
        <v>0</v>
      </c>
      <c r="AI1910" s="166">
        <v>0</v>
      </c>
      <c r="AJ1910" s="166">
        <v>0</v>
      </c>
      <c r="AK1910" s="166">
        <v>0</v>
      </c>
      <c r="AL1910" s="166">
        <v>0</v>
      </c>
      <c r="AM1910" s="166">
        <v>0</v>
      </c>
      <c r="AN1910" s="166">
        <v>0</v>
      </c>
      <c r="AO1910" s="166">
        <v>0</v>
      </c>
      <c r="AP1910" s="166">
        <v>0</v>
      </c>
      <c r="AQ1910" s="166">
        <v>0</v>
      </c>
      <c r="AR1910" s="166">
        <v>0</v>
      </c>
      <c r="AS1910" s="166">
        <v>0</v>
      </c>
      <c r="AT1910" s="166">
        <v>0</v>
      </c>
      <c r="AU1910" s="166">
        <v>0</v>
      </c>
      <c r="AV1910" s="166">
        <v>0</v>
      </c>
      <c r="AW1910" s="166">
        <v>0</v>
      </c>
      <c r="AX1910" s="166">
        <v>0</v>
      </c>
      <c r="AY1910" s="166">
        <v>0</v>
      </c>
      <c r="AZ1910" s="166">
        <v>0</v>
      </c>
      <c r="BA1910" s="166">
        <v>0</v>
      </c>
      <c r="BB1910" s="166">
        <v>0</v>
      </c>
      <c r="BC1910" s="166">
        <v>0</v>
      </c>
      <c r="BD1910" s="166">
        <v>0</v>
      </c>
      <c r="BE1910" s="166">
        <v>0</v>
      </c>
      <c r="BF1910" s="166">
        <v>0</v>
      </c>
      <c r="BG1910" s="166">
        <v>0</v>
      </c>
      <c r="BH1910" s="166">
        <v>0</v>
      </c>
      <c r="BI1910" s="166">
        <v>0</v>
      </c>
      <c r="BJ1910" s="166">
        <v>0</v>
      </c>
      <c r="BK1910" s="166">
        <v>0</v>
      </c>
      <c r="BL1910" s="166">
        <v>0</v>
      </c>
      <c r="BM1910" s="166">
        <v>0</v>
      </c>
      <c r="BN1910" s="166">
        <v>0</v>
      </c>
      <c r="BO1910" s="166">
        <v>0</v>
      </c>
      <c r="BP1910" s="166">
        <v>0</v>
      </c>
      <c r="BQ1910" s="166">
        <v>0</v>
      </c>
      <c r="BR1910" s="166">
        <v>1843117.9909876599</v>
      </c>
      <c r="BS1910" s="166">
        <v>1843117.9909876599</v>
      </c>
      <c r="BT1910" s="168">
        <v>1</v>
      </c>
      <c r="BU1910" s="166">
        <v>148073.09302544099</v>
      </c>
      <c r="BV1910" s="166">
        <v>1843117.9909876599</v>
      </c>
      <c r="BW1910" s="166">
        <v>0</v>
      </c>
      <c r="BX1910" s="166">
        <v>0</v>
      </c>
      <c r="BY1910" s="166">
        <v>0</v>
      </c>
      <c r="BZ1910" s="166">
        <v>0</v>
      </c>
      <c r="CA1910" s="166">
        <v>0</v>
      </c>
      <c r="CB1910" s="166">
        <v>0</v>
      </c>
      <c r="CC1910" s="166">
        <v>0</v>
      </c>
      <c r="CD1910" s="166">
        <v>0</v>
      </c>
      <c r="CE1910" s="166">
        <v>0</v>
      </c>
      <c r="CF1910" s="166">
        <v>0</v>
      </c>
      <c r="CG1910" s="166">
        <v>0</v>
      </c>
      <c r="CH1910" s="166">
        <v>0</v>
      </c>
      <c r="CI1910" s="166">
        <v>0</v>
      </c>
      <c r="CJ1910" s="166">
        <v>0</v>
      </c>
      <c r="CK1910" s="166">
        <v>0</v>
      </c>
      <c r="CL1910" s="166">
        <v>0</v>
      </c>
      <c r="CM1910" s="166">
        <v>0</v>
      </c>
      <c r="CN1910" s="166">
        <v>0</v>
      </c>
      <c r="CO1910" s="166">
        <v>0</v>
      </c>
      <c r="CP1910" s="166">
        <v>0</v>
      </c>
      <c r="CQ1910" s="166">
        <v>0</v>
      </c>
      <c r="CR1910" s="166">
        <v>0</v>
      </c>
      <c r="CS1910" s="166">
        <v>0</v>
      </c>
      <c r="CT1910" s="166">
        <v>0</v>
      </c>
      <c r="CU1910" s="166">
        <v>0</v>
      </c>
      <c r="CV1910" s="166">
        <v>0</v>
      </c>
      <c r="CW1910" s="166">
        <v>0</v>
      </c>
      <c r="CX1910" s="166">
        <v>0</v>
      </c>
      <c r="CY1910" s="166">
        <v>1843117.9909876599</v>
      </c>
      <c r="CZ1910" s="166">
        <v>1843117.9909876599</v>
      </c>
    </row>
    <row r="1911" spans="1:104" x14ac:dyDescent="0.2">
      <c r="A1911" s="167" t="s">
        <v>1133</v>
      </c>
      <c r="B1911" s="166">
        <v>0</v>
      </c>
      <c r="C1911" s="166">
        <v>0</v>
      </c>
      <c r="D1911" s="166">
        <v>0</v>
      </c>
      <c r="E1911" s="166">
        <v>0</v>
      </c>
      <c r="F1911" s="166">
        <v>0</v>
      </c>
      <c r="G1911" s="166">
        <v>0</v>
      </c>
      <c r="H1911" s="166">
        <v>0</v>
      </c>
      <c r="I1911" s="166">
        <v>0</v>
      </c>
      <c r="J1911" s="166">
        <v>0</v>
      </c>
      <c r="K1911" s="166">
        <v>0</v>
      </c>
      <c r="L1911" s="166">
        <v>0</v>
      </c>
      <c r="M1911" s="166">
        <v>0</v>
      </c>
      <c r="N1911" s="166">
        <v>0</v>
      </c>
      <c r="O1911" s="166">
        <v>0</v>
      </c>
      <c r="P1911" s="166">
        <v>0</v>
      </c>
      <c r="Q1911" s="166">
        <v>0</v>
      </c>
      <c r="R1911" s="166">
        <v>0</v>
      </c>
      <c r="S1911" s="166">
        <v>0</v>
      </c>
      <c r="T1911" s="166">
        <v>0</v>
      </c>
      <c r="U1911" s="166">
        <v>0</v>
      </c>
      <c r="V1911" s="166">
        <v>0</v>
      </c>
      <c r="W1911" s="166">
        <v>0</v>
      </c>
      <c r="X1911" s="166">
        <v>0</v>
      </c>
      <c r="Y1911" s="166">
        <v>0</v>
      </c>
      <c r="Z1911" s="166">
        <v>0</v>
      </c>
      <c r="AA1911" s="166">
        <v>0</v>
      </c>
      <c r="AB1911" s="166">
        <v>0</v>
      </c>
      <c r="AC1911" s="166">
        <v>0</v>
      </c>
      <c r="AD1911" s="166">
        <v>0</v>
      </c>
      <c r="AE1911" s="166">
        <v>0</v>
      </c>
      <c r="AF1911" s="166">
        <v>0</v>
      </c>
      <c r="AG1911" s="166">
        <v>0</v>
      </c>
      <c r="AH1911" s="166">
        <v>0</v>
      </c>
      <c r="AI1911" s="166">
        <v>0</v>
      </c>
      <c r="AJ1911" s="166">
        <v>0</v>
      </c>
      <c r="AK1911" s="166">
        <v>0</v>
      </c>
      <c r="AL1911" s="166">
        <v>0</v>
      </c>
      <c r="AM1911" s="166">
        <v>0</v>
      </c>
      <c r="AN1911" s="166">
        <v>0</v>
      </c>
      <c r="AO1911" s="166">
        <v>0</v>
      </c>
      <c r="AP1911" s="166">
        <v>0</v>
      </c>
      <c r="AQ1911" s="166">
        <v>0</v>
      </c>
      <c r="AR1911" s="166">
        <v>0</v>
      </c>
      <c r="AS1911" s="166">
        <v>0</v>
      </c>
      <c r="AT1911" s="166">
        <v>0</v>
      </c>
      <c r="AU1911" s="166">
        <v>0</v>
      </c>
      <c r="AV1911" s="166">
        <v>0</v>
      </c>
      <c r="AW1911" s="166">
        <v>0</v>
      </c>
      <c r="AX1911" s="166">
        <v>0</v>
      </c>
      <c r="AY1911" s="166">
        <v>0</v>
      </c>
      <c r="AZ1911" s="166">
        <v>0</v>
      </c>
      <c r="BA1911" s="166">
        <v>0</v>
      </c>
      <c r="BB1911" s="166">
        <v>0</v>
      </c>
      <c r="BC1911" s="166">
        <v>0</v>
      </c>
      <c r="BD1911" s="166">
        <v>0</v>
      </c>
      <c r="BE1911" s="166">
        <v>0</v>
      </c>
      <c r="BF1911" s="166">
        <v>0</v>
      </c>
      <c r="BG1911" s="166">
        <v>0</v>
      </c>
      <c r="BH1911" s="166">
        <v>0</v>
      </c>
      <c r="BI1911" s="166">
        <v>0</v>
      </c>
      <c r="BJ1911" s="166">
        <v>0</v>
      </c>
      <c r="BK1911" s="166">
        <v>0</v>
      </c>
      <c r="BL1911" s="166">
        <v>0</v>
      </c>
      <c r="BM1911" s="166">
        <v>0</v>
      </c>
      <c r="BN1911" s="166">
        <v>0</v>
      </c>
      <c r="BO1911" s="166">
        <v>0</v>
      </c>
      <c r="BP1911" s="166">
        <v>0</v>
      </c>
      <c r="BQ1911" s="166">
        <v>0</v>
      </c>
      <c r="BR1911" s="166">
        <v>0</v>
      </c>
      <c r="BS1911" s="166">
        <v>0</v>
      </c>
      <c r="BT1911" s="168">
        <v>1</v>
      </c>
      <c r="BU1911" s="166">
        <v>0</v>
      </c>
      <c r="BV1911" s="166">
        <v>0</v>
      </c>
      <c r="BW1911" s="166">
        <v>0</v>
      </c>
      <c r="BX1911" s="166">
        <v>0</v>
      </c>
      <c r="BY1911" s="166">
        <v>0</v>
      </c>
      <c r="BZ1911" s="166">
        <v>0</v>
      </c>
      <c r="CA1911" s="166">
        <v>0</v>
      </c>
      <c r="CB1911" s="166">
        <v>0</v>
      </c>
      <c r="CC1911" s="166">
        <v>0</v>
      </c>
      <c r="CD1911" s="166">
        <v>0</v>
      </c>
      <c r="CE1911" s="166">
        <v>0</v>
      </c>
      <c r="CF1911" s="166">
        <v>0</v>
      </c>
      <c r="CG1911" s="166">
        <v>0</v>
      </c>
      <c r="CH1911" s="166">
        <v>0</v>
      </c>
      <c r="CI1911" s="166">
        <v>0</v>
      </c>
      <c r="CJ1911" s="166">
        <v>0</v>
      </c>
      <c r="CK1911" s="166">
        <v>0</v>
      </c>
      <c r="CL1911" s="166">
        <v>0</v>
      </c>
      <c r="CM1911" s="166">
        <v>0</v>
      </c>
      <c r="CN1911" s="166">
        <v>0</v>
      </c>
      <c r="CO1911" s="166">
        <v>0</v>
      </c>
      <c r="CP1911" s="166">
        <v>0</v>
      </c>
      <c r="CQ1911" s="166">
        <v>0</v>
      </c>
      <c r="CR1911" s="166">
        <v>0</v>
      </c>
      <c r="CS1911" s="166">
        <v>0</v>
      </c>
      <c r="CT1911" s="166">
        <v>0</v>
      </c>
      <c r="CU1911" s="166">
        <v>0</v>
      </c>
      <c r="CV1911" s="166">
        <v>0</v>
      </c>
      <c r="CW1911" s="166">
        <v>0</v>
      </c>
      <c r="CX1911" s="166">
        <v>0</v>
      </c>
      <c r="CY1911" s="166">
        <v>0</v>
      </c>
      <c r="CZ1911" s="166">
        <v>0</v>
      </c>
    </row>
    <row r="1912" spans="1:104" x14ac:dyDescent="0.2">
      <c r="A1912" s="167" t="s">
        <v>1134</v>
      </c>
      <c r="B1912" s="166">
        <v>20527287.189999901</v>
      </c>
      <c r="C1912" s="166">
        <v>20527287.189999901</v>
      </c>
      <c r="D1912" s="166">
        <v>0</v>
      </c>
      <c r="E1912" s="166">
        <v>0</v>
      </c>
      <c r="F1912" s="166">
        <v>0</v>
      </c>
      <c r="G1912" s="166">
        <v>0</v>
      </c>
      <c r="H1912" s="166">
        <v>0</v>
      </c>
      <c r="I1912" s="166">
        <v>0</v>
      </c>
      <c r="J1912" s="166">
        <v>0</v>
      </c>
      <c r="K1912" s="166">
        <v>0</v>
      </c>
      <c r="L1912" s="166">
        <v>0</v>
      </c>
      <c r="M1912" s="166">
        <v>0</v>
      </c>
      <c r="N1912" s="166">
        <v>0</v>
      </c>
      <c r="O1912" s="166">
        <v>0</v>
      </c>
      <c r="P1912" s="166">
        <v>0</v>
      </c>
      <c r="Q1912" s="166">
        <v>0</v>
      </c>
      <c r="R1912" s="166">
        <v>0</v>
      </c>
      <c r="S1912" s="166">
        <v>0</v>
      </c>
      <c r="T1912" s="166">
        <v>0</v>
      </c>
      <c r="U1912" s="166">
        <v>0</v>
      </c>
      <c r="V1912" s="166">
        <v>0</v>
      </c>
      <c r="W1912" s="166">
        <v>0</v>
      </c>
      <c r="X1912" s="166">
        <v>0</v>
      </c>
      <c r="Y1912" s="166">
        <v>0</v>
      </c>
      <c r="Z1912" s="166">
        <v>0</v>
      </c>
      <c r="AA1912" s="166">
        <v>0</v>
      </c>
      <c r="AB1912" s="166">
        <v>0</v>
      </c>
      <c r="AC1912" s="166">
        <v>0</v>
      </c>
      <c r="AD1912" s="166">
        <v>0</v>
      </c>
      <c r="AE1912" s="166">
        <v>0</v>
      </c>
      <c r="AF1912" s="166">
        <v>0</v>
      </c>
      <c r="AG1912" s="166">
        <v>0</v>
      </c>
      <c r="AH1912" s="166">
        <v>0</v>
      </c>
      <c r="AI1912" s="166">
        <v>0</v>
      </c>
      <c r="AJ1912" s="166">
        <v>0</v>
      </c>
      <c r="AK1912" s="166">
        <v>0</v>
      </c>
      <c r="AL1912" s="166">
        <v>0</v>
      </c>
      <c r="AM1912" s="166">
        <v>0</v>
      </c>
      <c r="AN1912" s="166">
        <v>0</v>
      </c>
      <c r="AO1912" s="166">
        <v>0</v>
      </c>
      <c r="AP1912" s="166">
        <v>0</v>
      </c>
      <c r="AQ1912" s="166">
        <v>0</v>
      </c>
      <c r="AR1912" s="166">
        <v>0</v>
      </c>
      <c r="AS1912" s="166">
        <v>0</v>
      </c>
      <c r="AT1912" s="166">
        <v>0</v>
      </c>
      <c r="AU1912" s="166">
        <v>0</v>
      </c>
      <c r="AV1912" s="166">
        <v>0</v>
      </c>
      <c r="AW1912" s="166">
        <v>0</v>
      </c>
      <c r="AX1912" s="166">
        <v>0</v>
      </c>
      <c r="AY1912" s="166">
        <v>0</v>
      </c>
      <c r="AZ1912" s="166">
        <v>0</v>
      </c>
      <c r="BA1912" s="166">
        <v>0</v>
      </c>
      <c r="BB1912" s="166">
        <v>0</v>
      </c>
      <c r="BC1912" s="166">
        <v>0</v>
      </c>
      <c r="BD1912" s="166">
        <v>0</v>
      </c>
      <c r="BE1912" s="166">
        <v>0</v>
      </c>
      <c r="BF1912" s="166">
        <v>0</v>
      </c>
      <c r="BG1912" s="166">
        <v>0</v>
      </c>
      <c r="BH1912" s="166">
        <v>0</v>
      </c>
      <c r="BI1912" s="166">
        <v>0</v>
      </c>
      <c r="BJ1912" s="166">
        <v>0</v>
      </c>
      <c r="BK1912" s="166">
        <v>0</v>
      </c>
      <c r="BL1912" s="166">
        <v>0</v>
      </c>
      <c r="BM1912" s="166">
        <v>0</v>
      </c>
      <c r="BN1912" s="166">
        <v>0</v>
      </c>
      <c r="BO1912" s="166">
        <v>0</v>
      </c>
      <c r="BP1912" s="166">
        <v>0</v>
      </c>
      <c r="BQ1912" s="166">
        <v>0</v>
      </c>
      <c r="BR1912" s="166">
        <v>20527287.189999901</v>
      </c>
      <c r="BS1912" s="166">
        <v>20527287.189999901</v>
      </c>
      <c r="BT1912" s="168">
        <v>0</v>
      </c>
      <c r="BU1912" s="166">
        <v>1654012.1286780599</v>
      </c>
      <c r="BV1912" s="166">
        <v>20518224.224160299</v>
      </c>
      <c r="BW1912" s="166">
        <v>0</v>
      </c>
      <c r="BX1912" s="166">
        <v>0</v>
      </c>
      <c r="BY1912" s="166">
        <v>0</v>
      </c>
      <c r="BZ1912" s="166">
        <v>0</v>
      </c>
      <c r="CA1912" s="166">
        <v>0</v>
      </c>
      <c r="CB1912" s="166">
        <v>0</v>
      </c>
      <c r="CC1912" s="166">
        <v>0</v>
      </c>
      <c r="CD1912" s="166">
        <v>0</v>
      </c>
      <c r="CE1912" s="166">
        <v>0</v>
      </c>
      <c r="CF1912" s="166">
        <v>0</v>
      </c>
      <c r="CG1912" s="166">
        <v>0</v>
      </c>
      <c r="CH1912" s="166">
        <v>0</v>
      </c>
      <c r="CI1912" s="166">
        <v>0</v>
      </c>
      <c r="CJ1912" s="166">
        <v>0</v>
      </c>
      <c r="CK1912" s="166">
        <v>0</v>
      </c>
      <c r="CL1912" s="166">
        <v>0</v>
      </c>
      <c r="CM1912" s="166">
        <v>0</v>
      </c>
      <c r="CN1912" s="166">
        <v>0</v>
      </c>
      <c r="CO1912" s="166">
        <v>0</v>
      </c>
      <c r="CP1912" s="166">
        <v>0</v>
      </c>
      <c r="CQ1912" s="166">
        <v>0</v>
      </c>
      <c r="CR1912" s="166">
        <v>0</v>
      </c>
      <c r="CS1912" s="166">
        <v>0</v>
      </c>
      <c r="CT1912" s="166">
        <v>0</v>
      </c>
      <c r="CU1912" s="166">
        <v>0</v>
      </c>
      <c r="CV1912" s="166">
        <v>0</v>
      </c>
      <c r="CW1912" s="166">
        <v>0</v>
      </c>
      <c r="CX1912" s="166">
        <v>0</v>
      </c>
      <c r="CY1912" s="166">
        <v>20518224.224160299</v>
      </c>
      <c r="CZ1912" s="166">
        <v>20518224.224160299</v>
      </c>
    </row>
    <row r="1913" spans="1:104" x14ac:dyDescent="0.2">
      <c r="A1913" s="167" t="s">
        <v>322</v>
      </c>
    </row>
    <row r="1914" spans="1:104" x14ac:dyDescent="0.2">
      <c r="A1914" s="167" t="s">
        <v>1135</v>
      </c>
      <c r="B1914" s="166">
        <v>1084186.7815809499</v>
      </c>
      <c r="C1914" s="166">
        <v>1084186.7815809499</v>
      </c>
      <c r="D1914" s="166">
        <v>0</v>
      </c>
      <c r="E1914" s="166">
        <v>0</v>
      </c>
      <c r="F1914" s="166">
        <v>0</v>
      </c>
      <c r="G1914" s="166">
        <v>0</v>
      </c>
      <c r="H1914" s="166">
        <v>0</v>
      </c>
      <c r="I1914" s="166">
        <v>0</v>
      </c>
      <c r="J1914" s="166">
        <v>0</v>
      </c>
      <c r="K1914" s="166">
        <v>0</v>
      </c>
      <c r="L1914" s="166">
        <v>0</v>
      </c>
      <c r="M1914" s="166">
        <v>0</v>
      </c>
      <c r="N1914" s="166">
        <v>0</v>
      </c>
      <c r="O1914" s="166">
        <v>0</v>
      </c>
      <c r="P1914" s="166">
        <v>0</v>
      </c>
      <c r="Q1914" s="166">
        <v>0</v>
      </c>
      <c r="R1914" s="166">
        <v>0</v>
      </c>
      <c r="S1914" s="166">
        <v>0</v>
      </c>
      <c r="T1914" s="166">
        <v>0</v>
      </c>
      <c r="U1914" s="166">
        <v>0</v>
      </c>
      <c r="V1914" s="166">
        <v>0</v>
      </c>
      <c r="W1914" s="166">
        <v>0</v>
      </c>
      <c r="X1914" s="166">
        <v>0</v>
      </c>
      <c r="Y1914" s="166">
        <v>0</v>
      </c>
      <c r="Z1914" s="166">
        <v>0</v>
      </c>
      <c r="AA1914" s="166">
        <v>0</v>
      </c>
      <c r="AB1914" s="166">
        <v>0</v>
      </c>
      <c r="AC1914" s="166">
        <v>0</v>
      </c>
      <c r="AD1914" s="166">
        <v>0</v>
      </c>
      <c r="AE1914" s="166">
        <v>0</v>
      </c>
      <c r="AF1914" s="166">
        <v>0</v>
      </c>
      <c r="AG1914" s="166">
        <v>0</v>
      </c>
      <c r="AH1914" s="166">
        <v>0</v>
      </c>
      <c r="AI1914" s="166">
        <v>0</v>
      </c>
      <c r="AJ1914" s="166">
        <v>0</v>
      </c>
      <c r="AK1914" s="166">
        <v>0</v>
      </c>
      <c r="AL1914" s="166">
        <v>0</v>
      </c>
      <c r="AM1914" s="166">
        <v>0</v>
      </c>
      <c r="AN1914" s="166">
        <v>0</v>
      </c>
      <c r="AO1914" s="166">
        <v>0</v>
      </c>
      <c r="AP1914" s="166">
        <v>0</v>
      </c>
      <c r="AQ1914" s="166">
        <v>0</v>
      </c>
      <c r="AR1914" s="166">
        <v>0</v>
      </c>
      <c r="AS1914" s="166">
        <v>0</v>
      </c>
      <c r="AT1914" s="166">
        <v>0</v>
      </c>
      <c r="AU1914" s="166">
        <v>0</v>
      </c>
      <c r="AV1914" s="166">
        <v>0</v>
      </c>
      <c r="AW1914" s="166">
        <v>0</v>
      </c>
      <c r="AX1914" s="166">
        <v>0</v>
      </c>
      <c r="AY1914" s="166">
        <v>0</v>
      </c>
      <c r="AZ1914" s="166">
        <v>0</v>
      </c>
      <c r="BA1914" s="166">
        <v>0</v>
      </c>
      <c r="BB1914" s="166">
        <v>0</v>
      </c>
      <c r="BC1914" s="166">
        <v>0</v>
      </c>
      <c r="BD1914" s="166">
        <v>0</v>
      </c>
      <c r="BE1914" s="166">
        <v>0</v>
      </c>
      <c r="BF1914" s="166">
        <v>0</v>
      </c>
      <c r="BG1914" s="166">
        <v>0</v>
      </c>
      <c r="BH1914" s="166">
        <v>0</v>
      </c>
      <c r="BI1914" s="166">
        <v>0</v>
      </c>
      <c r="BJ1914" s="166">
        <v>0</v>
      </c>
      <c r="BK1914" s="166">
        <v>0</v>
      </c>
      <c r="BL1914" s="166">
        <v>0</v>
      </c>
      <c r="BM1914" s="166">
        <v>0</v>
      </c>
      <c r="BN1914" s="166">
        <v>0</v>
      </c>
      <c r="BO1914" s="166">
        <v>0</v>
      </c>
      <c r="BP1914" s="166">
        <v>0</v>
      </c>
      <c r="BQ1914" s="166">
        <v>0</v>
      </c>
      <c r="BR1914" s="166">
        <v>1084186.7815809499</v>
      </c>
      <c r="BS1914" s="166">
        <v>1084186.7815809499</v>
      </c>
      <c r="BT1914" s="168">
        <v>1</v>
      </c>
      <c r="BU1914" s="166">
        <v>90151.1743740807</v>
      </c>
      <c r="BV1914" s="166">
        <v>1084186.7815809499</v>
      </c>
      <c r="BW1914" s="166">
        <v>0</v>
      </c>
      <c r="BX1914" s="166">
        <v>0</v>
      </c>
      <c r="BY1914" s="166">
        <v>0</v>
      </c>
      <c r="BZ1914" s="166">
        <v>0</v>
      </c>
      <c r="CA1914" s="166">
        <v>0</v>
      </c>
      <c r="CB1914" s="166">
        <v>0</v>
      </c>
      <c r="CC1914" s="166">
        <v>0</v>
      </c>
      <c r="CD1914" s="166">
        <v>0</v>
      </c>
      <c r="CE1914" s="166">
        <v>0</v>
      </c>
      <c r="CF1914" s="166">
        <v>0</v>
      </c>
      <c r="CG1914" s="166">
        <v>0</v>
      </c>
      <c r="CH1914" s="166">
        <v>0</v>
      </c>
      <c r="CI1914" s="166">
        <v>0</v>
      </c>
      <c r="CJ1914" s="166">
        <v>0</v>
      </c>
      <c r="CK1914" s="166">
        <v>0</v>
      </c>
      <c r="CL1914" s="166">
        <v>0</v>
      </c>
      <c r="CM1914" s="166">
        <v>0</v>
      </c>
      <c r="CN1914" s="166">
        <v>0</v>
      </c>
      <c r="CO1914" s="166">
        <v>0</v>
      </c>
      <c r="CP1914" s="166">
        <v>0</v>
      </c>
      <c r="CQ1914" s="166">
        <v>0</v>
      </c>
      <c r="CR1914" s="166">
        <v>0</v>
      </c>
      <c r="CS1914" s="166">
        <v>0</v>
      </c>
      <c r="CT1914" s="166">
        <v>0</v>
      </c>
      <c r="CU1914" s="166">
        <v>0</v>
      </c>
      <c r="CV1914" s="166">
        <v>0</v>
      </c>
      <c r="CW1914" s="166">
        <v>0</v>
      </c>
      <c r="CX1914" s="166">
        <v>0</v>
      </c>
      <c r="CY1914" s="166">
        <v>1084186.7815809499</v>
      </c>
      <c r="CZ1914" s="166">
        <v>1084186.7815809499</v>
      </c>
    </row>
    <row r="1915" spans="1:104" x14ac:dyDescent="0.2">
      <c r="A1915" s="167" t="s">
        <v>324</v>
      </c>
      <c r="B1915" s="166">
        <v>537677.03284526302</v>
      </c>
      <c r="C1915" s="166">
        <v>537677.03284526302</v>
      </c>
      <c r="D1915" s="166">
        <v>0</v>
      </c>
      <c r="E1915" s="166">
        <v>0</v>
      </c>
      <c r="F1915" s="166">
        <v>0</v>
      </c>
      <c r="G1915" s="166">
        <v>0</v>
      </c>
      <c r="H1915" s="166">
        <v>0</v>
      </c>
      <c r="I1915" s="166">
        <v>0</v>
      </c>
      <c r="J1915" s="166">
        <v>0</v>
      </c>
      <c r="K1915" s="166">
        <v>0</v>
      </c>
      <c r="L1915" s="166">
        <v>0</v>
      </c>
      <c r="M1915" s="166">
        <v>0</v>
      </c>
      <c r="N1915" s="166">
        <v>0</v>
      </c>
      <c r="O1915" s="166">
        <v>0</v>
      </c>
      <c r="P1915" s="166">
        <v>0</v>
      </c>
      <c r="Q1915" s="166">
        <v>0</v>
      </c>
      <c r="R1915" s="166">
        <v>0</v>
      </c>
      <c r="S1915" s="166">
        <v>0</v>
      </c>
      <c r="T1915" s="166">
        <v>0</v>
      </c>
      <c r="U1915" s="166">
        <v>0</v>
      </c>
      <c r="V1915" s="166">
        <v>0</v>
      </c>
      <c r="W1915" s="166">
        <v>0</v>
      </c>
      <c r="X1915" s="166">
        <v>0</v>
      </c>
      <c r="Y1915" s="166">
        <v>0</v>
      </c>
      <c r="Z1915" s="166">
        <v>0</v>
      </c>
      <c r="AA1915" s="166">
        <v>0</v>
      </c>
      <c r="AB1915" s="166">
        <v>0</v>
      </c>
      <c r="AC1915" s="166">
        <v>0</v>
      </c>
      <c r="AD1915" s="166">
        <v>0</v>
      </c>
      <c r="AE1915" s="166">
        <v>0</v>
      </c>
      <c r="AF1915" s="166">
        <v>0</v>
      </c>
      <c r="AG1915" s="166">
        <v>0</v>
      </c>
      <c r="AH1915" s="166">
        <v>0</v>
      </c>
      <c r="AI1915" s="166">
        <v>0</v>
      </c>
      <c r="AJ1915" s="166">
        <v>0</v>
      </c>
      <c r="AK1915" s="166">
        <v>0</v>
      </c>
      <c r="AL1915" s="166">
        <v>0</v>
      </c>
      <c r="AM1915" s="166">
        <v>0</v>
      </c>
      <c r="AN1915" s="166">
        <v>0</v>
      </c>
      <c r="AO1915" s="166">
        <v>0</v>
      </c>
      <c r="AP1915" s="166">
        <v>0</v>
      </c>
      <c r="AQ1915" s="166">
        <v>0</v>
      </c>
      <c r="AR1915" s="166">
        <v>0</v>
      </c>
      <c r="AS1915" s="166">
        <v>0</v>
      </c>
      <c r="AT1915" s="166">
        <v>0</v>
      </c>
      <c r="AU1915" s="166">
        <v>0</v>
      </c>
      <c r="AV1915" s="166">
        <v>0</v>
      </c>
      <c r="AW1915" s="166">
        <v>0</v>
      </c>
      <c r="AX1915" s="166">
        <v>0</v>
      </c>
      <c r="AY1915" s="166">
        <v>0</v>
      </c>
      <c r="AZ1915" s="166">
        <v>0</v>
      </c>
      <c r="BA1915" s="166">
        <v>0</v>
      </c>
      <c r="BB1915" s="166">
        <v>0</v>
      </c>
      <c r="BC1915" s="166">
        <v>0</v>
      </c>
      <c r="BD1915" s="166">
        <v>0</v>
      </c>
      <c r="BE1915" s="166">
        <v>0</v>
      </c>
      <c r="BF1915" s="166">
        <v>0</v>
      </c>
      <c r="BG1915" s="166">
        <v>0</v>
      </c>
      <c r="BH1915" s="166">
        <v>0</v>
      </c>
      <c r="BI1915" s="166">
        <v>0</v>
      </c>
      <c r="BJ1915" s="166">
        <v>0</v>
      </c>
      <c r="BK1915" s="166">
        <v>0</v>
      </c>
      <c r="BL1915" s="166">
        <v>0</v>
      </c>
      <c r="BM1915" s="166">
        <v>0</v>
      </c>
      <c r="BN1915" s="166">
        <v>0</v>
      </c>
      <c r="BO1915" s="166">
        <v>0</v>
      </c>
      <c r="BP1915" s="166">
        <v>0</v>
      </c>
      <c r="BQ1915" s="166">
        <v>0</v>
      </c>
      <c r="BR1915" s="166">
        <v>537677.03284526302</v>
      </c>
      <c r="BS1915" s="166">
        <v>537677.03284526302</v>
      </c>
      <c r="BT1915" s="168">
        <v>1</v>
      </c>
      <c r="BU1915" s="166">
        <v>45401.465586714403</v>
      </c>
      <c r="BV1915" s="166">
        <v>537677.03284526302</v>
      </c>
      <c r="BW1915" s="166">
        <v>0</v>
      </c>
      <c r="BX1915" s="166">
        <v>0</v>
      </c>
      <c r="BY1915" s="166">
        <v>0</v>
      </c>
      <c r="BZ1915" s="166">
        <v>0</v>
      </c>
      <c r="CA1915" s="166">
        <v>0</v>
      </c>
      <c r="CB1915" s="166">
        <v>0</v>
      </c>
      <c r="CC1915" s="166">
        <v>0</v>
      </c>
      <c r="CD1915" s="166">
        <v>0</v>
      </c>
      <c r="CE1915" s="166">
        <v>0</v>
      </c>
      <c r="CF1915" s="166">
        <v>0</v>
      </c>
      <c r="CG1915" s="166">
        <v>0</v>
      </c>
      <c r="CH1915" s="166">
        <v>0</v>
      </c>
      <c r="CI1915" s="166">
        <v>0</v>
      </c>
      <c r="CJ1915" s="166">
        <v>0</v>
      </c>
      <c r="CK1915" s="166">
        <v>0</v>
      </c>
      <c r="CL1915" s="166">
        <v>0</v>
      </c>
      <c r="CM1915" s="166">
        <v>0</v>
      </c>
      <c r="CN1915" s="166">
        <v>0</v>
      </c>
      <c r="CO1915" s="166">
        <v>0</v>
      </c>
      <c r="CP1915" s="166">
        <v>0</v>
      </c>
      <c r="CQ1915" s="166">
        <v>0</v>
      </c>
      <c r="CR1915" s="166">
        <v>0</v>
      </c>
      <c r="CS1915" s="166">
        <v>0</v>
      </c>
      <c r="CT1915" s="166">
        <v>0</v>
      </c>
      <c r="CU1915" s="166">
        <v>0</v>
      </c>
      <c r="CV1915" s="166">
        <v>0</v>
      </c>
      <c r="CW1915" s="166">
        <v>0</v>
      </c>
      <c r="CX1915" s="166">
        <v>0</v>
      </c>
      <c r="CY1915" s="166">
        <v>537677.03284526302</v>
      </c>
      <c r="CZ1915" s="166">
        <v>537677.03284526302</v>
      </c>
    </row>
    <row r="1916" spans="1:104" x14ac:dyDescent="0.2">
      <c r="A1916" s="167" t="s">
        <v>325</v>
      </c>
      <c r="B1916" s="166">
        <v>127862.179064372</v>
      </c>
      <c r="C1916" s="166">
        <v>127862.179064372</v>
      </c>
      <c r="D1916" s="166">
        <v>0</v>
      </c>
      <c r="E1916" s="166">
        <v>0</v>
      </c>
      <c r="F1916" s="166">
        <v>0</v>
      </c>
      <c r="G1916" s="166">
        <v>0</v>
      </c>
      <c r="H1916" s="166">
        <v>0</v>
      </c>
      <c r="I1916" s="166">
        <v>0</v>
      </c>
      <c r="J1916" s="166">
        <v>0</v>
      </c>
      <c r="K1916" s="166">
        <v>0</v>
      </c>
      <c r="L1916" s="166">
        <v>0</v>
      </c>
      <c r="M1916" s="166">
        <v>0</v>
      </c>
      <c r="N1916" s="166">
        <v>0</v>
      </c>
      <c r="O1916" s="166">
        <v>0</v>
      </c>
      <c r="P1916" s="166">
        <v>0</v>
      </c>
      <c r="Q1916" s="166">
        <v>0</v>
      </c>
      <c r="R1916" s="166">
        <v>0</v>
      </c>
      <c r="S1916" s="166">
        <v>0</v>
      </c>
      <c r="T1916" s="166">
        <v>0</v>
      </c>
      <c r="U1916" s="166">
        <v>0</v>
      </c>
      <c r="V1916" s="166">
        <v>0</v>
      </c>
      <c r="W1916" s="166">
        <v>0</v>
      </c>
      <c r="X1916" s="166">
        <v>0</v>
      </c>
      <c r="Y1916" s="166">
        <v>0</v>
      </c>
      <c r="Z1916" s="166">
        <v>0</v>
      </c>
      <c r="AA1916" s="166">
        <v>0</v>
      </c>
      <c r="AB1916" s="166">
        <v>0</v>
      </c>
      <c r="AC1916" s="166">
        <v>0</v>
      </c>
      <c r="AD1916" s="166">
        <v>0</v>
      </c>
      <c r="AE1916" s="166">
        <v>0</v>
      </c>
      <c r="AF1916" s="166">
        <v>0</v>
      </c>
      <c r="AG1916" s="166">
        <v>0</v>
      </c>
      <c r="AH1916" s="166">
        <v>0</v>
      </c>
      <c r="AI1916" s="166">
        <v>0</v>
      </c>
      <c r="AJ1916" s="166">
        <v>0</v>
      </c>
      <c r="AK1916" s="166">
        <v>0</v>
      </c>
      <c r="AL1916" s="166">
        <v>0</v>
      </c>
      <c r="AM1916" s="166">
        <v>0</v>
      </c>
      <c r="AN1916" s="166">
        <v>0</v>
      </c>
      <c r="AO1916" s="166">
        <v>0</v>
      </c>
      <c r="AP1916" s="166">
        <v>0</v>
      </c>
      <c r="AQ1916" s="166">
        <v>0</v>
      </c>
      <c r="AR1916" s="166">
        <v>0</v>
      </c>
      <c r="AS1916" s="166">
        <v>0</v>
      </c>
      <c r="AT1916" s="166">
        <v>0</v>
      </c>
      <c r="AU1916" s="166">
        <v>0</v>
      </c>
      <c r="AV1916" s="166">
        <v>0</v>
      </c>
      <c r="AW1916" s="166">
        <v>0</v>
      </c>
      <c r="AX1916" s="166">
        <v>0</v>
      </c>
      <c r="AY1916" s="166">
        <v>0</v>
      </c>
      <c r="AZ1916" s="166">
        <v>0</v>
      </c>
      <c r="BA1916" s="166">
        <v>0</v>
      </c>
      <c r="BB1916" s="166">
        <v>0</v>
      </c>
      <c r="BC1916" s="166">
        <v>0</v>
      </c>
      <c r="BD1916" s="166">
        <v>0</v>
      </c>
      <c r="BE1916" s="166">
        <v>0</v>
      </c>
      <c r="BF1916" s="166">
        <v>0</v>
      </c>
      <c r="BG1916" s="166">
        <v>0</v>
      </c>
      <c r="BH1916" s="166">
        <v>0</v>
      </c>
      <c r="BI1916" s="166">
        <v>0</v>
      </c>
      <c r="BJ1916" s="166">
        <v>0</v>
      </c>
      <c r="BK1916" s="166">
        <v>0</v>
      </c>
      <c r="BL1916" s="166">
        <v>0</v>
      </c>
      <c r="BM1916" s="166">
        <v>0</v>
      </c>
      <c r="BN1916" s="166">
        <v>0</v>
      </c>
      <c r="BO1916" s="166">
        <v>0</v>
      </c>
      <c r="BP1916" s="166">
        <v>0</v>
      </c>
      <c r="BQ1916" s="166">
        <v>0</v>
      </c>
      <c r="BR1916" s="166">
        <v>127862.179064372</v>
      </c>
      <c r="BS1916" s="166">
        <v>127862.179064372</v>
      </c>
      <c r="BT1916" s="168">
        <v>1</v>
      </c>
      <c r="BU1916" s="166">
        <v>10396.9463650654</v>
      </c>
      <c r="BV1916" s="166">
        <v>127862.179064372</v>
      </c>
      <c r="BW1916" s="166">
        <v>0</v>
      </c>
      <c r="BX1916" s="166">
        <v>0</v>
      </c>
      <c r="BY1916" s="166">
        <v>0</v>
      </c>
      <c r="BZ1916" s="166">
        <v>0</v>
      </c>
      <c r="CA1916" s="166">
        <v>0</v>
      </c>
      <c r="CB1916" s="166">
        <v>0</v>
      </c>
      <c r="CC1916" s="166">
        <v>0</v>
      </c>
      <c r="CD1916" s="166">
        <v>0</v>
      </c>
      <c r="CE1916" s="166">
        <v>0</v>
      </c>
      <c r="CF1916" s="166">
        <v>0</v>
      </c>
      <c r="CG1916" s="166">
        <v>0</v>
      </c>
      <c r="CH1916" s="166">
        <v>0</v>
      </c>
      <c r="CI1916" s="166">
        <v>0</v>
      </c>
      <c r="CJ1916" s="166">
        <v>0</v>
      </c>
      <c r="CK1916" s="166">
        <v>0</v>
      </c>
      <c r="CL1916" s="166">
        <v>0</v>
      </c>
      <c r="CM1916" s="166">
        <v>0</v>
      </c>
      <c r="CN1916" s="166">
        <v>0</v>
      </c>
      <c r="CO1916" s="166">
        <v>0</v>
      </c>
      <c r="CP1916" s="166">
        <v>0</v>
      </c>
      <c r="CQ1916" s="166">
        <v>0</v>
      </c>
      <c r="CR1916" s="166">
        <v>0</v>
      </c>
      <c r="CS1916" s="166">
        <v>0</v>
      </c>
      <c r="CT1916" s="166">
        <v>0</v>
      </c>
      <c r="CU1916" s="166">
        <v>0</v>
      </c>
      <c r="CV1916" s="166">
        <v>0</v>
      </c>
      <c r="CW1916" s="166">
        <v>0</v>
      </c>
      <c r="CX1916" s="166">
        <v>0</v>
      </c>
      <c r="CY1916" s="166">
        <v>127862.179064372</v>
      </c>
      <c r="CZ1916" s="166">
        <v>127862.179064372</v>
      </c>
    </row>
    <row r="1917" spans="1:104" x14ac:dyDescent="0.2">
      <c r="A1917" s="167" t="s">
        <v>326</v>
      </c>
      <c r="B1917" s="166">
        <v>70697.128333538407</v>
      </c>
      <c r="C1917" s="166">
        <v>70697.128333538407</v>
      </c>
      <c r="D1917" s="166">
        <v>0</v>
      </c>
      <c r="E1917" s="166">
        <v>0</v>
      </c>
      <c r="F1917" s="166">
        <v>0</v>
      </c>
      <c r="G1917" s="166">
        <v>0</v>
      </c>
      <c r="H1917" s="166">
        <v>0</v>
      </c>
      <c r="I1917" s="166">
        <v>0</v>
      </c>
      <c r="J1917" s="166">
        <v>0</v>
      </c>
      <c r="K1917" s="166">
        <v>0</v>
      </c>
      <c r="L1917" s="166">
        <v>0</v>
      </c>
      <c r="M1917" s="166">
        <v>0</v>
      </c>
      <c r="N1917" s="166">
        <v>0</v>
      </c>
      <c r="O1917" s="166">
        <v>0</v>
      </c>
      <c r="P1917" s="166">
        <v>0</v>
      </c>
      <c r="Q1917" s="166">
        <v>0</v>
      </c>
      <c r="R1917" s="166">
        <v>0</v>
      </c>
      <c r="S1917" s="166">
        <v>0</v>
      </c>
      <c r="T1917" s="166">
        <v>0</v>
      </c>
      <c r="U1917" s="166">
        <v>0</v>
      </c>
      <c r="V1917" s="166">
        <v>0</v>
      </c>
      <c r="W1917" s="166">
        <v>0</v>
      </c>
      <c r="X1917" s="166">
        <v>0</v>
      </c>
      <c r="Y1917" s="166">
        <v>0</v>
      </c>
      <c r="Z1917" s="166">
        <v>0</v>
      </c>
      <c r="AA1917" s="166">
        <v>0</v>
      </c>
      <c r="AB1917" s="166">
        <v>0</v>
      </c>
      <c r="AC1917" s="166">
        <v>0</v>
      </c>
      <c r="AD1917" s="166">
        <v>0</v>
      </c>
      <c r="AE1917" s="166">
        <v>0</v>
      </c>
      <c r="AF1917" s="166">
        <v>0</v>
      </c>
      <c r="AG1917" s="166">
        <v>0</v>
      </c>
      <c r="AH1917" s="166">
        <v>0</v>
      </c>
      <c r="AI1917" s="166">
        <v>0</v>
      </c>
      <c r="AJ1917" s="166">
        <v>0</v>
      </c>
      <c r="AK1917" s="166">
        <v>0</v>
      </c>
      <c r="AL1917" s="166">
        <v>0</v>
      </c>
      <c r="AM1917" s="166">
        <v>0</v>
      </c>
      <c r="AN1917" s="166">
        <v>0</v>
      </c>
      <c r="AO1917" s="166">
        <v>0</v>
      </c>
      <c r="AP1917" s="166">
        <v>0</v>
      </c>
      <c r="AQ1917" s="166">
        <v>0</v>
      </c>
      <c r="AR1917" s="166">
        <v>0</v>
      </c>
      <c r="AS1917" s="166">
        <v>0</v>
      </c>
      <c r="AT1917" s="166">
        <v>0</v>
      </c>
      <c r="AU1917" s="166">
        <v>0</v>
      </c>
      <c r="AV1917" s="166">
        <v>0</v>
      </c>
      <c r="AW1917" s="166">
        <v>0</v>
      </c>
      <c r="AX1917" s="166">
        <v>0</v>
      </c>
      <c r="AY1917" s="166">
        <v>0</v>
      </c>
      <c r="AZ1917" s="166">
        <v>0</v>
      </c>
      <c r="BA1917" s="166">
        <v>0</v>
      </c>
      <c r="BB1917" s="166">
        <v>0</v>
      </c>
      <c r="BC1917" s="166">
        <v>0</v>
      </c>
      <c r="BD1917" s="166">
        <v>0</v>
      </c>
      <c r="BE1917" s="166">
        <v>0</v>
      </c>
      <c r="BF1917" s="166">
        <v>0</v>
      </c>
      <c r="BG1917" s="166">
        <v>0</v>
      </c>
      <c r="BH1917" s="166">
        <v>0</v>
      </c>
      <c r="BI1917" s="166">
        <v>0</v>
      </c>
      <c r="BJ1917" s="166">
        <v>0</v>
      </c>
      <c r="BK1917" s="166">
        <v>0</v>
      </c>
      <c r="BL1917" s="166">
        <v>0</v>
      </c>
      <c r="BM1917" s="166">
        <v>0</v>
      </c>
      <c r="BN1917" s="166">
        <v>0</v>
      </c>
      <c r="BO1917" s="166">
        <v>0</v>
      </c>
      <c r="BP1917" s="166">
        <v>0</v>
      </c>
      <c r="BQ1917" s="166">
        <v>0</v>
      </c>
      <c r="BR1917" s="166">
        <v>70697.128333538407</v>
      </c>
      <c r="BS1917" s="166">
        <v>70697.128333538407</v>
      </c>
      <c r="BT1917" s="168">
        <v>0.98751</v>
      </c>
      <c r="BU1917" s="166">
        <v>5730.4955537764099</v>
      </c>
      <c r="BV1917" s="166">
        <v>69814.121200652604</v>
      </c>
      <c r="BW1917" s="166">
        <v>0</v>
      </c>
      <c r="BX1917" s="166">
        <v>0</v>
      </c>
      <c r="BY1917" s="166">
        <v>0</v>
      </c>
      <c r="BZ1917" s="166">
        <v>0</v>
      </c>
      <c r="CA1917" s="166">
        <v>0</v>
      </c>
      <c r="CB1917" s="166">
        <v>0</v>
      </c>
      <c r="CC1917" s="166">
        <v>0</v>
      </c>
      <c r="CD1917" s="166">
        <v>0</v>
      </c>
      <c r="CE1917" s="166">
        <v>0</v>
      </c>
      <c r="CF1917" s="166">
        <v>0</v>
      </c>
      <c r="CG1917" s="166">
        <v>0</v>
      </c>
      <c r="CH1917" s="166">
        <v>0</v>
      </c>
      <c r="CI1917" s="166">
        <v>0</v>
      </c>
      <c r="CJ1917" s="166">
        <v>0</v>
      </c>
      <c r="CK1917" s="166">
        <v>0</v>
      </c>
      <c r="CL1917" s="166">
        <v>0</v>
      </c>
      <c r="CM1917" s="166">
        <v>0</v>
      </c>
      <c r="CN1917" s="166">
        <v>0</v>
      </c>
      <c r="CO1917" s="166">
        <v>0</v>
      </c>
      <c r="CP1917" s="166">
        <v>0</v>
      </c>
      <c r="CQ1917" s="166">
        <v>0</v>
      </c>
      <c r="CR1917" s="166">
        <v>0</v>
      </c>
      <c r="CS1917" s="166">
        <v>0</v>
      </c>
      <c r="CT1917" s="166">
        <v>0</v>
      </c>
      <c r="CU1917" s="166">
        <v>0</v>
      </c>
      <c r="CV1917" s="166">
        <v>0</v>
      </c>
      <c r="CW1917" s="166">
        <v>0</v>
      </c>
      <c r="CX1917" s="166">
        <v>0</v>
      </c>
      <c r="CY1917" s="166">
        <v>69814.121200652604</v>
      </c>
      <c r="CZ1917" s="166">
        <v>69814.121200652604</v>
      </c>
    </row>
    <row r="1918" spans="1:104" x14ac:dyDescent="0.2">
      <c r="A1918" s="167" t="s">
        <v>327</v>
      </c>
      <c r="B1918" s="166">
        <v>179576.91817587501</v>
      </c>
      <c r="C1918" s="166">
        <v>179576.91817587501</v>
      </c>
      <c r="D1918" s="166">
        <v>0</v>
      </c>
      <c r="E1918" s="166">
        <v>0</v>
      </c>
      <c r="F1918" s="166">
        <v>0</v>
      </c>
      <c r="G1918" s="166">
        <v>0</v>
      </c>
      <c r="H1918" s="166">
        <v>0</v>
      </c>
      <c r="I1918" s="166">
        <v>0</v>
      </c>
      <c r="J1918" s="166">
        <v>0</v>
      </c>
      <c r="K1918" s="166">
        <v>0</v>
      </c>
      <c r="L1918" s="166">
        <v>0</v>
      </c>
      <c r="M1918" s="166">
        <v>0</v>
      </c>
      <c r="N1918" s="166">
        <v>0</v>
      </c>
      <c r="O1918" s="166">
        <v>0</v>
      </c>
      <c r="P1918" s="166">
        <v>0</v>
      </c>
      <c r="Q1918" s="166">
        <v>0</v>
      </c>
      <c r="R1918" s="166">
        <v>0</v>
      </c>
      <c r="S1918" s="166">
        <v>0</v>
      </c>
      <c r="T1918" s="166">
        <v>0</v>
      </c>
      <c r="U1918" s="166">
        <v>0</v>
      </c>
      <c r="V1918" s="166">
        <v>0</v>
      </c>
      <c r="W1918" s="166">
        <v>0</v>
      </c>
      <c r="X1918" s="166">
        <v>0</v>
      </c>
      <c r="Y1918" s="166">
        <v>0</v>
      </c>
      <c r="Z1918" s="166">
        <v>0</v>
      </c>
      <c r="AA1918" s="166">
        <v>0</v>
      </c>
      <c r="AB1918" s="166">
        <v>0</v>
      </c>
      <c r="AC1918" s="166">
        <v>0</v>
      </c>
      <c r="AD1918" s="166">
        <v>0</v>
      </c>
      <c r="AE1918" s="166">
        <v>0</v>
      </c>
      <c r="AF1918" s="166">
        <v>0</v>
      </c>
      <c r="AG1918" s="166">
        <v>0</v>
      </c>
      <c r="AH1918" s="166">
        <v>0</v>
      </c>
      <c r="AI1918" s="166">
        <v>0</v>
      </c>
      <c r="AJ1918" s="166">
        <v>0</v>
      </c>
      <c r="AK1918" s="166">
        <v>0</v>
      </c>
      <c r="AL1918" s="166">
        <v>0</v>
      </c>
      <c r="AM1918" s="166">
        <v>0</v>
      </c>
      <c r="AN1918" s="166">
        <v>0</v>
      </c>
      <c r="AO1918" s="166">
        <v>0</v>
      </c>
      <c r="AP1918" s="166">
        <v>0</v>
      </c>
      <c r="AQ1918" s="166">
        <v>0</v>
      </c>
      <c r="AR1918" s="166">
        <v>0</v>
      </c>
      <c r="AS1918" s="166">
        <v>0</v>
      </c>
      <c r="AT1918" s="166">
        <v>0</v>
      </c>
      <c r="AU1918" s="166">
        <v>0</v>
      </c>
      <c r="AV1918" s="166">
        <v>0</v>
      </c>
      <c r="AW1918" s="166">
        <v>0</v>
      </c>
      <c r="AX1918" s="166">
        <v>0</v>
      </c>
      <c r="AY1918" s="166">
        <v>0</v>
      </c>
      <c r="AZ1918" s="166">
        <v>0</v>
      </c>
      <c r="BA1918" s="166">
        <v>0</v>
      </c>
      <c r="BB1918" s="166">
        <v>0</v>
      </c>
      <c r="BC1918" s="166">
        <v>0</v>
      </c>
      <c r="BD1918" s="166">
        <v>0</v>
      </c>
      <c r="BE1918" s="166">
        <v>0</v>
      </c>
      <c r="BF1918" s="166">
        <v>0</v>
      </c>
      <c r="BG1918" s="166">
        <v>0</v>
      </c>
      <c r="BH1918" s="166">
        <v>0</v>
      </c>
      <c r="BI1918" s="166">
        <v>0</v>
      </c>
      <c r="BJ1918" s="166">
        <v>0</v>
      </c>
      <c r="BK1918" s="166">
        <v>0</v>
      </c>
      <c r="BL1918" s="166">
        <v>0</v>
      </c>
      <c r="BM1918" s="166">
        <v>0</v>
      </c>
      <c r="BN1918" s="166">
        <v>0</v>
      </c>
      <c r="BO1918" s="166">
        <v>0</v>
      </c>
      <c r="BP1918" s="166">
        <v>0</v>
      </c>
      <c r="BQ1918" s="166">
        <v>0</v>
      </c>
      <c r="BR1918" s="166">
        <v>179576.91817587501</v>
      </c>
      <c r="BS1918" s="166">
        <v>179576.91817587501</v>
      </c>
      <c r="BT1918" s="168">
        <v>1</v>
      </c>
      <c r="BU1918" s="166">
        <v>14914.1089662615</v>
      </c>
      <c r="BV1918" s="166">
        <v>179576.91817587501</v>
      </c>
      <c r="BW1918" s="166">
        <v>0</v>
      </c>
      <c r="BX1918" s="166">
        <v>0</v>
      </c>
      <c r="BY1918" s="166">
        <v>0</v>
      </c>
      <c r="BZ1918" s="166">
        <v>0</v>
      </c>
      <c r="CA1918" s="166">
        <v>0</v>
      </c>
      <c r="CB1918" s="166">
        <v>0</v>
      </c>
      <c r="CC1918" s="166">
        <v>0</v>
      </c>
      <c r="CD1918" s="166">
        <v>0</v>
      </c>
      <c r="CE1918" s="166">
        <v>0</v>
      </c>
      <c r="CF1918" s="166">
        <v>0</v>
      </c>
      <c r="CG1918" s="166">
        <v>0</v>
      </c>
      <c r="CH1918" s="166">
        <v>0</v>
      </c>
      <c r="CI1918" s="166">
        <v>0</v>
      </c>
      <c r="CJ1918" s="166">
        <v>0</v>
      </c>
      <c r="CK1918" s="166">
        <v>0</v>
      </c>
      <c r="CL1918" s="166">
        <v>0</v>
      </c>
      <c r="CM1918" s="166">
        <v>0</v>
      </c>
      <c r="CN1918" s="166">
        <v>0</v>
      </c>
      <c r="CO1918" s="166">
        <v>0</v>
      </c>
      <c r="CP1918" s="166">
        <v>0</v>
      </c>
      <c r="CQ1918" s="166">
        <v>0</v>
      </c>
      <c r="CR1918" s="166">
        <v>0</v>
      </c>
      <c r="CS1918" s="166">
        <v>0</v>
      </c>
      <c r="CT1918" s="166">
        <v>0</v>
      </c>
      <c r="CU1918" s="166">
        <v>0</v>
      </c>
      <c r="CV1918" s="166">
        <v>0</v>
      </c>
      <c r="CW1918" s="166">
        <v>0</v>
      </c>
      <c r="CX1918" s="166">
        <v>0</v>
      </c>
      <c r="CY1918" s="166">
        <v>179576.91817587501</v>
      </c>
      <c r="CZ1918" s="166">
        <v>179576.91817587501</v>
      </c>
    </row>
    <row r="1919" spans="1:104" x14ac:dyDescent="0.2">
      <c r="A1919" s="167" t="s">
        <v>328</v>
      </c>
      <c r="B1919" s="166">
        <v>0</v>
      </c>
      <c r="C1919" s="166">
        <v>0</v>
      </c>
      <c r="D1919" s="166">
        <v>0</v>
      </c>
      <c r="E1919" s="166">
        <v>0</v>
      </c>
      <c r="F1919" s="166">
        <v>0</v>
      </c>
      <c r="G1919" s="166">
        <v>0</v>
      </c>
      <c r="H1919" s="166">
        <v>0</v>
      </c>
      <c r="I1919" s="166">
        <v>0</v>
      </c>
      <c r="J1919" s="166">
        <v>0</v>
      </c>
      <c r="K1919" s="166">
        <v>0</v>
      </c>
      <c r="L1919" s="166">
        <v>0</v>
      </c>
      <c r="M1919" s="166">
        <v>0</v>
      </c>
      <c r="N1919" s="166">
        <v>0</v>
      </c>
      <c r="O1919" s="166">
        <v>0</v>
      </c>
      <c r="P1919" s="166">
        <v>0</v>
      </c>
      <c r="Q1919" s="166">
        <v>0</v>
      </c>
      <c r="R1919" s="166">
        <v>0</v>
      </c>
      <c r="S1919" s="166">
        <v>0</v>
      </c>
      <c r="T1919" s="166">
        <v>0</v>
      </c>
      <c r="U1919" s="166">
        <v>0</v>
      </c>
      <c r="V1919" s="166">
        <v>0</v>
      </c>
      <c r="W1919" s="166">
        <v>0</v>
      </c>
      <c r="X1919" s="166">
        <v>0</v>
      </c>
      <c r="Y1919" s="166">
        <v>0</v>
      </c>
      <c r="Z1919" s="166">
        <v>0</v>
      </c>
      <c r="AA1919" s="166">
        <v>0</v>
      </c>
      <c r="AB1919" s="166">
        <v>0</v>
      </c>
      <c r="AC1919" s="166">
        <v>0</v>
      </c>
      <c r="AD1919" s="166">
        <v>0</v>
      </c>
      <c r="AE1919" s="166">
        <v>0</v>
      </c>
      <c r="AF1919" s="166">
        <v>0</v>
      </c>
      <c r="AG1919" s="166">
        <v>0</v>
      </c>
      <c r="AH1919" s="166">
        <v>0</v>
      </c>
      <c r="AI1919" s="166">
        <v>0</v>
      </c>
      <c r="AJ1919" s="166">
        <v>0</v>
      </c>
      <c r="AK1919" s="166">
        <v>0</v>
      </c>
      <c r="AL1919" s="166">
        <v>0</v>
      </c>
      <c r="AM1919" s="166">
        <v>0</v>
      </c>
      <c r="AN1919" s="166">
        <v>0</v>
      </c>
      <c r="AO1919" s="166">
        <v>0</v>
      </c>
      <c r="AP1919" s="166">
        <v>0</v>
      </c>
      <c r="AQ1919" s="166">
        <v>0</v>
      </c>
      <c r="AR1919" s="166">
        <v>0</v>
      </c>
      <c r="AS1919" s="166">
        <v>0</v>
      </c>
      <c r="AT1919" s="166">
        <v>0</v>
      </c>
      <c r="AU1919" s="166">
        <v>0</v>
      </c>
      <c r="AV1919" s="166">
        <v>0</v>
      </c>
      <c r="AW1919" s="166">
        <v>0</v>
      </c>
      <c r="AX1919" s="166">
        <v>0</v>
      </c>
      <c r="AY1919" s="166">
        <v>0</v>
      </c>
      <c r="AZ1919" s="166">
        <v>0</v>
      </c>
      <c r="BA1919" s="166">
        <v>0</v>
      </c>
      <c r="BB1919" s="166">
        <v>0</v>
      </c>
      <c r="BC1919" s="166">
        <v>0</v>
      </c>
      <c r="BD1919" s="166">
        <v>0</v>
      </c>
      <c r="BE1919" s="166">
        <v>0</v>
      </c>
      <c r="BF1919" s="166">
        <v>0</v>
      </c>
      <c r="BG1919" s="166">
        <v>0</v>
      </c>
      <c r="BH1919" s="166">
        <v>0</v>
      </c>
      <c r="BI1919" s="166">
        <v>0</v>
      </c>
      <c r="BJ1919" s="166">
        <v>0</v>
      </c>
      <c r="BK1919" s="166">
        <v>0</v>
      </c>
      <c r="BL1919" s="166">
        <v>0</v>
      </c>
      <c r="BM1919" s="166">
        <v>0</v>
      </c>
      <c r="BN1919" s="166">
        <v>0</v>
      </c>
      <c r="BO1919" s="166">
        <v>0</v>
      </c>
      <c r="BP1919" s="166">
        <v>0</v>
      </c>
      <c r="BQ1919" s="166">
        <v>0</v>
      </c>
      <c r="BR1919" s="166">
        <v>0</v>
      </c>
      <c r="BS1919" s="166">
        <v>0</v>
      </c>
      <c r="BT1919" s="168">
        <v>1</v>
      </c>
      <c r="BU1919" s="166">
        <v>0</v>
      </c>
      <c r="BV1919" s="166">
        <v>0</v>
      </c>
      <c r="BW1919" s="166">
        <v>0</v>
      </c>
      <c r="BX1919" s="166">
        <v>0</v>
      </c>
      <c r="BY1919" s="166">
        <v>0</v>
      </c>
      <c r="BZ1919" s="166">
        <v>0</v>
      </c>
      <c r="CA1919" s="166">
        <v>0</v>
      </c>
      <c r="CB1919" s="166">
        <v>0</v>
      </c>
      <c r="CC1919" s="166">
        <v>0</v>
      </c>
      <c r="CD1919" s="166">
        <v>0</v>
      </c>
      <c r="CE1919" s="166">
        <v>0</v>
      </c>
      <c r="CF1919" s="166">
        <v>0</v>
      </c>
      <c r="CG1919" s="166">
        <v>0</v>
      </c>
      <c r="CH1919" s="166">
        <v>0</v>
      </c>
      <c r="CI1919" s="166">
        <v>0</v>
      </c>
      <c r="CJ1919" s="166">
        <v>0</v>
      </c>
      <c r="CK1919" s="166">
        <v>0</v>
      </c>
      <c r="CL1919" s="166">
        <v>0</v>
      </c>
      <c r="CM1919" s="166">
        <v>0</v>
      </c>
      <c r="CN1919" s="166">
        <v>0</v>
      </c>
      <c r="CO1919" s="166">
        <v>0</v>
      </c>
      <c r="CP1919" s="166">
        <v>0</v>
      </c>
      <c r="CQ1919" s="166">
        <v>0</v>
      </c>
      <c r="CR1919" s="166">
        <v>0</v>
      </c>
      <c r="CS1919" s="166">
        <v>0</v>
      </c>
      <c r="CT1919" s="166">
        <v>0</v>
      </c>
      <c r="CU1919" s="166">
        <v>0</v>
      </c>
      <c r="CV1919" s="166">
        <v>0</v>
      </c>
      <c r="CW1919" s="166">
        <v>0</v>
      </c>
      <c r="CX1919" s="166">
        <v>0</v>
      </c>
      <c r="CY1919" s="166">
        <v>0</v>
      </c>
      <c r="CZ1919" s="166">
        <v>0</v>
      </c>
    </row>
    <row r="1920" spans="1:104" x14ac:dyDescent="0.2">
      <c r="A1920" s="167" t="s">
        <v>329</v>
      </c>
      <c r="B1920" s="166">
        <v>2000000.04</v>
      </c>
      <c r="C1920" s="166">
        <v>2000000.04</v>
      </c>
      <c r="D1920" s="166">
        <v>0</v>
      </c>
      <c r="E1920" s="166">
        <v>0</v>
      </c>
      <c r="F1920" s="166">
        <v>0</v>
      </c>
      <c r="G1920" s="166">
        <v>0</v>
      </c>
      <c r="H1920" s="166">
        <v>0</v>
      </c>
      <c r="I1920" s="166">
        <v>0</v>
      </c>
      <c r="J1920" s="166">
        <v>0</v>
      </c>
      <c r="K1920" s="166">
        <v>0</v>
      </c>
      <c r="L1920" s="166">
        <v>0</v>
      </c>
      <c r="M1920" s="166">
        <v>0</v>
      </c>
      <c r="N1920" s="166">
        <v>0</v>
      </c>
      <c r="O1920" s="166">
        <v>0</v>
      </c>
      <c r="P1920" s="166">
        <v>0</v>
      </c>
      <c r="Q1920" s="166">
        <v>0</v>
      </c>
      <c r="R1920" s="166">
        <v>0</v>
      </c>
      <c r="S1920" s="166">
        <v>0</v>
      </c>
      <c r="T1920" s="166">
        <v>0</v>
      </c>
      <c r="U1920" s="166">
        <v>0</v>
      </c>
      <c r="V1920" s="166">
        <v>0</v>
      </c>
      <c r="W1920" s="166">
        <v>0</v>
      </c>
      <c r="X1920" s="166">
        <v>0</v>
      </c>
      <c r="Y1920" s="166">
        <v>0</v>
      </c>
      <c r="Z1920" s="166">
        <v>0</v>
      </c>
      <c r="AA1920" s="166">
        <v>0</v>
      </c>
      <c r="AB1920" s="166">
        <v>0</v>
      </c>
      <c r="AC1920" s="166">
        <v>0</v>
      </c>
      <c r="AD1920" s="166">
        <v>0</v>
      </c>
      <c r="AE1920" s="166">
        <v>0</v>
      </c>
      <c r="AF1920" s="166">
        <v>0</v>
      </c>
      <c r="AG1920" s="166">
        <v>0</v>
      </c>
      <c r="AH1920" s="166">
        <v>0</v>
      </c>
      <c r="AI1920" s="166">
        <v>0</v>
      </c>
      <c r="AJ1920" s="166">
        <v>0</v>
      </c>
      <c r="AK1920" s="166">
        <v>0</v>
      </c>
      <c r="AL1920" s="166">
        <v>0</v>
      </c>
      <c r="AM1920" s="166">
        <v>0</v>
      </c>
      <c r="AN1920" s="166">
        <v>0</v>
      </c>
      <c r="AO1920" s="166">
        <v>0</v>
      </c>
      <c r="AP1920" s="166">
        <v>0</v>
      </c>
      <c r="AQ1920" s="166">
        <v>0</v>
      </c>
      <c r="AR1920" s="166">
        <v>0</v>
      </c>
      <c r="AS1920" s="166">
        <v>0</v>
      </c>
      <c r="AT1920" s="166">
        <v>0</v>
      </c>
      <c r="AU1920" s="166">
        <v>0</v>
      </c>
      <c r="AV1920" s="166">
        <v>0</v>
      </c>
      <c r="AW1920" s="166">
        <v>0</v>
      </c>
      <c r="AX1920" s="166">
        <v>0</v>
      </c>
      <c r="AY1920" s="166">
        <v>0</v>
      </c>
      <c r="AZ1920" s="166">
        <v>0</v>
      </c>
      <c r="BA1920" s="166">
        <v>0</v>
      </c>
      <c r="BB1920" s="166">
        <v>0</v>
      </c>
      <c r="BC1920" s="166">
        <v>0</v>
      </c>
      <c r="BD1920" s="166">
        <v>0</v>
      </c>
      <c r="BE1920" s="166">
        <v>0</v>
      </c>
      <c r="BF1920" s="166">
        <v>0</v>
      </c>
      <c r="BG1920" s="166">
        <v>0</v>
      </c>
      <c r="BH1920" s="166">
        <v>0</v>
      </c>
      <c r="BI1920" s="166">
        <v>0</v>
      </c>
      <c r="BJ1920" s="166">
        <v>0</v>
      </c>
      <c r="BK1920" s="166">
        <v>0</v>
      </c>
      <c r="BL1920" s="166">
        <v>0</v>
      </c>
      <c r="BM1920" s="166">
        <v>0</v>
      </c>
      <c r="BN1920" s="166">
        <v>0</v>
      </c>
      <c r="BO1920" s="166">
        <v>0</v>
      </c>
      <c r="BP1920" s="166">
        <v>0</v>
      </c>
      <c r="BQ1920" s="166">
        <v>0</v>
      </c>
      <c r="BR1920" s="166">
        <v>2000000.04</v>
      </c>
      <c r="BS1920" s="166">
        <v>2000000.03999999</v>
      </c>
      <c r="BT1920" s="168">
        <v>0</v>
      </c>
      <c r="BU1920" s="166">
        <v>166594.190845898</v>
      </c>
      <c r="BV1920" s="166">
        <v>1999117.0328671101</v>
      </c>
      <c r="BW1920" s="166">
        <v>0</v>
      </c>
      <c r="BX1920" s="166">
        <v>0</v>
      </c>
      <c r="BY1920" s="166">
        <v>0</v>
      </c>
      <c r="BZ1920" s="166">
        <v>0</v>
      </c>
      <c r="CA1920" s="166">
        <v>0</v>
      </c>
      <c r="CB1920" s="166">
        <v>0</v>
      </c>
      <c r="CC1920" s="166">
        <v>0</v>
      </c>
      <c r="CD1920" s="166">
        <v>0</v>
      </c>
      <c r="CE1920" s="166">
        <v>0</v>
      </c>
      <c r="CF1920" s="166">
        <v>0</v>
      </c>
      <c r="CG1920" s="166">
        <v>0</v>
      </c>
      <c r="CH1920" s="166">
        <v>0</v>
      </c>
      <c r="CI1920" s="166">
        <v>0</v>
      </c>
      <c r="CJ1920" s="166">
        <v>0</v>
      </c>
      <c r="CK1920" s="166">
        <v>0</v>
      </c>
      <c r="CL1920" s="166">
        <v>0</v>
      </c>
      <c r="CM1920" s="166">
        <v>0</v>
      </c>
      <c r="CN1920" s="166">
        <v>0</v>
      </c>
      <c r="CO1920" s="166">
        <v>0</v>
      </c>
      <c r="CP1920" s="166">
        <v>0</v>
      </c>
      <c r="CQ1920" s="166">
        <v>0</v>
      </c>
      <c r="CR1920" s="166">
        <v>0</v>
      </c>
      <c r="CS1920" s="166">
        <v>0</v>
      </c>
      <c r="CT1920" s="166">
        <v>0</v>
      </c>
      <c r="CU1920" s="166">
        <v>0</v>
      </c>
      <c r="CV1920" s="166">
        <v>0</v>
      </c>
      <c r="CW1920" s="166">
        <v>0</v>
      </c>
      <c r="CX1920" s="166">
        <v>0</v>
      </c>
      <c r="CY1920" s="166">
        <v>1999117.0328671101</v>
      </c>
      <c r="CZ1920" s="166">
        <v>1999117.0328671101</v>
      </c>
    </row>
    <row r="1921" spans="1:104" x14ac:dyDescent="0.2">
      <c r="A1921" s="167" t="s">
        <v>330</v>
      </c>
    </row>
    <row r="1922" spans="1:104" x14ac:dyDescent="0.2">
      <c r="A1922" s="167" t="s">
        <v>331</v>
      </c>
      <c r="B1922" s="166">
        <v>0</v>
      </c>
      <c r="C1922" s="166">
        <v>0</v>
      </c>
      <c r="D1922" s="166">
        <v>0</v>
      </c>
      <c r="E1922" s="166">
        <v>0</v>
      </c>
      <c r="F1922" s="166">
        <v>0</v>
      </c>
      <c r="G1922" s="166">
        <v>0</v>
      </c>
      <c r="H1922" s="166">
        <v>0</v>
      </c>
      <c r="I1922" s="166">
        <v>0</v>
      </c>
      <c r="J1922" s="166">
        <v>0</v>
      </c>
      <c r="K1922" s="166">
        <v>0</v>
      </c>
      <c r="L1922" s="166">
        <v>0</v>
      </c>
      <c r="M1922" s="166">
        <v>0</v>
      </c>
      <c r="N1922" s="166">
        <v>0</v>
      </c>
      <c r="O1922" s="166">
        <v>0</v>
      </c>
      <c r="P1922" s="166">
        <v>0</v>
      </c>
      <c r="Q1922" s="166">
        <v>0</v>
      </c>
      <c r="R1922" s="166">
        <v>0</v>
      </c>
      <c r="S1922" s="166">
        <v>0</v>
      </c>
      <c r="T1922" s="166">
        <v>0</v>
      </c>
      <c r="U1922" s="166">
        <v>0</v>
      </c>
      <c r="V1922" s="166">
        <v>0</v>
      </c>
      <c r="W1922" s="166">
        <v>0</v>
      </c>
      <c r="X1922" s="166">
        <v>0</v>
      </c>
      <c r="Y1922" s="166">
        <v>0</v>
      </c>
      <c r="Z1922" s="166">
        <v>0</v>
      </c>
      <c r="AA1922" s="166">
        <v>0</v>
      </c>
      <c r="AB1922" s="166">
        <v>0</v>
      </c>
      <c r="AC1922" s="166">
        <v>0</v>
      </c>
      <c r="AD1922" s="166">
        <v>0</v>
      </c>
      <c r="AE1922" s="166">
        <v>0</v>
      </c>
      <c r="AF1922" s="166">
        <v>0</v>
      </c>
      <c r="AG1922" s="166">
        <v>0</v>
      </c>
      <c r="AH1922" s="166">
        <v>0</v>
      </c>
      <c r="AI1922" s="166">
        <v>0</v>
      </c>
      <c r="AJ1922" s="166">
        <v>0</v>
      </c>
      <c r="AK1922" s="166">
        <v>0</v>
      </c>
      <c r="AL1922" s="166">
        <v>0</v>
      </c>
      <c r="AM1922" s="166">
        <v>0</v>
      </c>
      <c r="AN1922" s="166">
        <v>0</v>
      </c>
      <c r="AO1922" s="166">
        <v>0</v>
      </c>
      <c r="AP1922" s="166">
        <v>0</v>
      </c>
      <c r="AQ1922" s="166">
        <v>0</v>
      </c>
      <c r="AR1922" s="166">
        <v>0</v>
      </c>
      <c r="AS1922" s="166">
        <v>0</v>
      </c>
      <c r="AT1922" s="166">
        <v>0</v>
      </c>
      <c r="AU1922" s="166">
        <v>0</v>
      </c>
      <c r="AV1922" s="166">
        <v>0</v>
      </c>
      <c r="AW1922" s="166">
        <v>0</v>
      </c>
      <c r="AX1922" s="166">
        <v>0</v>
      </c>
      <c r="AY1922" s="166">
        <v>0</v>
      </c>
      <c r="AZ1922" s="166">
        <v>0</v>
      </c>
      <c r="BA1922" s="166">
        <v>0</v>
      </c>
      <c r="BB1922" s="166">
        <v>0</v>
      </c>
      <c r="BC1922" s="166">
        <v>0</v>
      </c>
      <c r="BD1922" s="166">
        <v>0</v>
      </c>
      <c r="BE1922" s="166">
        <v>0</v>
      </c>
      <c r="BF1922" s="166">
        <v>0</v>
      </c>
      <c r="BG1922" s="166">
        <v>0</v>
      </c>
      <c r="BH1922" s="166">
        <v>0</v>
      </c>
      <c r="BI1922" s="166">
        <v>0</v>
      </c>
      <c r="BJ1922" s="166">
        <v>0</v>
      </c>
      <c r="BK1922" s="166">
        <v>0</v>
      </c>
      <c r="BL1922" s="166">
        <v>0</v>
      </c>
      <c r="BM1922" s="166">
        <v>0</v>
      </c>
      <c r="BN1922" s="166">
        <v>0</v>
      </c>
      <c r="BO1922" s="166">
        <v>0</v>
      </c>
      <c r="BP1922" s="166">
        <v>0</v>
      </c>
      <c r="BQ1922" s="166">
        <v>0</v>
      </c>
      <c r="BR1922" s="166">
        <v>0</v>
      </c>
      <c r="BS1922" s="166">
        <v>0</v>
      </c>
      <c r="BT1922" s="168">
        <v>1</v>
      </c>
      <c r="BU1922" s="166">
        <v>0</v>
      </c>
      <c r="BV1922" s="166">
        <v>0</v>
      </c>
      <c r="BW1922" s="166">
        <v>0</v>
      </c>
      <c r="BX1922" s="166">
        <v>0</v>
      </c>
      <c r="BY1922" s="166">
        <v>0</v>
      </c>
      <c r="BZ1922" s="166">
        <v>0</v>
      </c>
      <c r="CA1922" s="166">
        <v>0</v>
      </c>
      <c r="CB1922" s="166">
        <v>0</v>
      </c>
      <c r="CC1922" s="166">
        <v>0</v>
      </c>
      <c r="CD1922" s="166">
        <v>0</v>
      </c>
      <c r="CE1922" s="166">
        <v>0</v>
      </c>
      <c r="CF1922" s="166">
        <v>0</v>
      </c>
      <c r="CG1922" s="166">
        <v>0</v>
      </c>
      <c r="CH1922" s="166">
        <v>0</v>
      </c>
      <c r="CI1922" s="166">
        <v>0</v>
      </c>
      <c r="CJ1922" s="166">
        <v>0</v>
      </c>
      <c r="CK1922" s="166">
        <v>0</v>
      </c>
      <c r="CL1922" s="166">
        <v>0</v>
      </c>
      <c r="CM1922" s="166">
        <v>0</v>
      </c>
      <c r="CN1922" s="166">
        <v>0</v>
      </c>
      <c r="CO1922" s="166">
        <v>0</v>
      </c>
      <c r="CP1922" s="166">
        <v>0</v>
      </c>
      <c r="CQ1922" s="166">
        <v>0</v>
      </c>
      <c r="CR1922" s="166">
        <v>0</v>
      </c>
      <c r="CS1922" s="166">
        <v>0</v>
      </c>
      <c r="CT1922" s="166">
        <v>0</v>
      </c>
      <c r="CU1922" s="166">
        <v>0</v>
      </c>
      <c r="CV1922" s="166">
        <v>0</v>
      </c>
      <c r="CW1922" s="166">
        <v>0</v>
      </c>
      <c r="CX1922" s="166">
        <v>0</v>
      </c>
      <c r="CY1922" s="166">
        <v>0</v>
      </c>
      <c r="CZ1922" s="166">
        <v>0</v>
      </c>
    </row>
    <row r="1923" spans="1:104" x14ac:dyDescent="0.2">
      <c r="A1923" s="167" t="s">
        <v>332</v>
      </c>
    </row>
    <row r="1924" spans="1:104" x14ac:dyDescent="0.2">
      <c r="A1924" s="170" t="s">
        <v>333</v>
      </c>
      <c r="B1924" s="166">
        <v>31794290.379999999</v>
      </c>
      <c r="C1924" s="166">
        <v>31794290.379999999</v>
      </c>
      <c r="D1924" s="166">
        <v>0</v>
      </c>
      <c r="E1924" s="166">
        <v>0</v>
      </c>
      <c r="F1924" s="166">
        <v>0</v>
      </c>
      <c r="G1924" s="166">
        <v>0</v>
      </c>
      <c r="H1924" s="166">
        <v>0</v>
      </c>
      <c r="I1924" s="166">
        <v>0</v>
      </c>
      <c r="J1924" s="166">
        <v>0</v>
      </c>
      <c r="K1924" s="166">
        <v>0</v>
      </c>
      <c r="L1924" s="166">
        <v>0</v>
      </c>
      <c r="M1924" s="166">
        <v>0</v>
      </c>
      <c r="N1924" s="166">
        <v>0</v>
      </c>
      <c r="O1924" s="166">
        <v>0</v>
      </c>
      <c r="P1924" s="166">
        <v>0</v>
      </c>
      <c r="Q1924" s="166">
        <v>0</v>
      </c>
      <c r="R1924" s="166">
        <v>0</v>
      </c>
      <c r="S1924" s="166">
        <v>0</v>
      </c>
      <c r="T1924" s="166">
        <v>0</v>
      </c>
      <c r="U1924" s="166">
        <v>0</v>
      </c>
      <c r="V1924" s="166">
        <v>0</v>
      </c>
      <c r="W1924" s="166">
        <v>0</v>
      </c>
      <c r="X1924" s="166">
        <v>0</v>
      </c>
      <c r="Y1924" s="166">
        <v>0</v>
      </c>
      <c r="Z1924" s="166">
        <v>0</v>
      </c>
      <c r="AA1924" s="166">
        <v>0</v>
      </c>
      <c r="AB1924" s="166">
        <v>0</v>
      </c>
      <c r="AC1924" s="166">
        <v>0</v>
      </c>
      <c r="AD1924" s="166">
        <v>0</v>
      </c>
      <c r="AE1924" s="166">
        <v>0</v>
      </c>
      <c r="AF1924" s="166">
        <v>0</v>
      </c>
      <c r="AG1924" s="166">
        <v>0</v>
      </c>
      <c r="AH1924" s="166">
        <v>0</v>
      </c>
      <c r="AI1924" s="166">
        <v>0</v>
      </c>
      <c r="AJ1924" s="166">
        <v>0</v>
      </c>
      <c r="AK1924" s="166">
        <v>0</v>
      </c>
      <c r="AL1924" s="166">
        <v>0</v>
      </c>
      <c r="AM1924" s="166">
        <v>0</v>
      </c>
      <c r="AN1924" s="166">
        <v>0</v>
      </c>
      <c r="AO1924" s="166">
        <v>0</v>
      </c>
      <c r="AP1924" s="166">
        <v>0</v>
      </c>
      <c r="AQ1924" s="166">
        <v>0</v>
      </c>
      <c r="AR1924" s="166">
        <v>0</v>
      </c>
      <c r="AS1924" s="166">
        <v>0</v>
      </c>
      <c r="AT1924" s="166">
        <v>0</v>
      </c>
      <c r="AU1924" s="166">
        <v>0</v>
      </c>
      <c r="AV1924" s="166">
        <v>0</v>
      </c>
      <c r="AW1924" s="166">
        <v>0</v>
      </c>
      <c r="AX1924" s="166">
        <v>0</v>
      </c>
      <c r="AY1924" s="166">
        <v>0</v>
      </c>
      <c r="AZ1924" s="166">
        <v>0</v>
      </c>
      <c r="BA1924" s="166">
        <v>0</v>
      </c>
      <c r="BB1924" s="166">
        <v>0</v>
      </c>
      <c r="BC1924" s="166">
        <v>0</v>
      </c>
      <c r="BD1924" s="166">
        <v>0</v>
      </c>
      <c r="BE1924" s="166">
        <v>0</v>
      </c>
      <c r="BF1924" s="166">
        <v>0</v>
      </c>
      <c r="BG1924" s="166">
        <v>0</v>
      </c>
      <c r="BH1924" s="166">
        <v>0</v>
      </c>
      <c r="BI1924" s="166">
        <v>0</v>
      </c>
      <c r="BJ1924" s="166">
        <v>0</v>
      </c>
      <c r="BK1924" s="166">
        <v>0</v>
      </c>
      <c r="BL1924" s="166">
        <v>0</v>
      </c>
      <c r="BM1924" s="166">
        <v>0</v>
      </c>
      <c r="BN1924" s="166">
        <v>0</v>
      </c>
      <c r="BO1924" s="166">
        <v>0</v>
      </c>
      <c r="BP1924" s="166">
        <v>0</v>
      </c>
      <c r="BQ1924" s="166">
        <v>0</v>
      </c>
      <c r="BR1924" s="166">
        <v>31794290.379999999</v>
      </c>
      <c r="BS1924" s="166">
        <v>31794290.379999898</v>
      </c>
      <c r="BT1924" s="168">
        <v>0</v>
      </c>
      <c r="BU1924" s="166">
        <v>2584598.44161291</v>
      </c>
      <c r="BV1924" s="166">
        <v>31752605.531126902</v>
      </c>
      <c r="BW1924" s="166">
        <v>0</v>
      </c>
      <c r="BX1924" s="166">
        <v>0</v>
      </c>
      <c r="BY1924" s="166">
        <v>0</v>
      </c>
      <c r="BZ1924" s="166">
        <v>0</v>
      </c>
      <c r="CA1924" s="166">
        <v>0</v>
      </c>
      <c r="CB1924" s="166">
        <v>0</v>
      </c>
      <c r="CC1924" s="166">
        <v>0</v>
      </c>
      <c r="CD1924" s="166">
        <v>0</v>
      </c>
      <c r="CE1924" s="166">
        <v>0</v>
      </c>
      <c r="CF1924" s="166">
        <v>0</v>
      </c>
      <c r="CG1924" s="166">
        <v>0</v>
      </c>
      <c r="CH1924" s="166">
        <v>0</v>
      </c>
      <c r="CI1924" s="166">
        <v>0</v>
      </c>
      <c r="CJ1924" s="166">
        <v>0</v>
      </c>
      <c r="CK1924" s="166">
        <v>0</v>
      </c>
      <c r="CL1924" s="166">
        <v>0</v>
      </c>
      <c r="CM1924" s="166">
        <v>0</v>
      </c>
      <c r="CN1924" s="166">
        <v>0</v>
      </c>
      <c r="CO1924" s="166">
        <v>0</v>
      </c>
      <c r="CP1924" s="166">
        <v>0</v>
      </c>
      <c r="CQ1924" s="166">
        <v>0</v>
      </c>
      <c r="CR1924" s="166">
        <v>0</v>
      </c>
      <c r="CS1924" s="166">
        <v>0</v>
      </c>
      <c r="CT1924" s="166">
        <v>0</v>
      </c>
      <c r="CU1924" s="166">
        <v>0</v>
      </c>
      <c r="CV1924" s="166">
        <v>0</v>
      </c>
      <c r="CW1924" s="166">
        <v>0</v>
      </c>
      <c r="CX1924" s="166">
        <v>0</v>
      </c>
      <c r="CY1924" s="166">
        <v>31752605.531126902</v>
      </c>
      <c r="CZ1924" s="166">
        <v>31752605.531126902</v>
      </c>
    </row>
    <row r="1925" spans="1:104" x14ac:dyDescent="0.2">
      <c r="A1925" s="167" t="s">
        <v>334</v>
      </c>
    </row>
    <row r="1926" spans="1:104" x14ac:dyDescent="0.2">
      <c r="A1926" s="170" t="s">
        <v>335</v>
      </c>
      <c r="B1926" s="166">
        <v>0</v>
      </c>
      <c r="C1926" s="166">
        <v>0</v>
      </c>
      <c r="D1926" s="166">
        <v>0</v>
      </c>
      <c r="E1926" s="166">
        <v>0</v>
      </c>
      <c r="F1926" s="166">
        <v>0</v>
      </c>
      <c r="G1926" s="166">
        <v>0</v>
      </c>
      <c r="H1926" s="166">
        <v>0</v>
      </c>
      <c r="I1926" s="166">
        <v>0</v>
      </c>
      <c r="J1926" s="166">
        <v>0</v>
      </c>
      <c r="K1926" s="166">
        <v>0</v>
      </c>
      <c r="L1926" s="166">
        <v>0</v>
      </c>
      <c r="M1926" s="166">
        <v>0</v>
      </c>
      <c r="N1926" s="166">
        <v>0</v>
      </c>
      <c r="O1926" s="166">
        <v>0</v>
      </c>
      <c r="P1926" s="166">
        <v>0</v>
      </c>
      <c r="Q1926" s="166">
        <v>0</v>
      </c>
      <c r="R1926" s="166">
        <v>0</v>
      </c>
      <c r="S1926" s="166">
        <v>0</v>
      </c>
      <c r="T1926" s="166">
        <v>0</v>
      </c>
      <c r="U1926" s="166">
        <v>0</v>
      </c>
      <c r="V1926" s="166">
        <v>0</v>
      </c>
      <c r="W1926" s="166">
        <v>0</v>
      </c>
      <c r="X1926" s="166">
        <v>0</v>
      </c>
      <c r="Y1926" s="166">
        <v>0</v>
      </c>
      <c r="Z1926" s="166">
        <v>0</v>
      </c>
      <c r="AA1926" s="166">
        <v>0</v>
      </c>
      <c r="AB1926" s="166">
        <v>0</v>
      </c>
      <c r="AC1926" s="166">
        <v>0</v>
      </c>
      <c r="AD1926" s="166">
        <v>0</v>
      </c>
      <c r="AE1926" s="166">
        <v>0</v>
      </c>
      <c r="AF1926" s="166">
        <v>0</v>
      </c>
      <c r="AG1926" s="166">
        <v>0</v>
      </c>
      <c r="AH1926" s="166">
        <v>0</v>
      </c>
      <c r="AI1926" s="166">
        <v>0</v>
      </c>
      <c r="AJ1926" s="166">
        <v>0</v>
      </c>
      <c r="AK1926" s="166">
        <v>0</v>
      </c>
      <c r="AL1926" s="166">
        <v>0</v>
      </c>
      <c r="AM1926" s="166">
        <v>0</v>
      </c>
      <c r="AN1926" s="166">
        <v>0</v>
      </c>
      <c r="AO1926" s="166">
        <v>0</v>
      </c>
      <c r="AP1926" s="166">
        <v>0</v>
      </c>
      <c r="AQ1926" s="166">
        <v>0</v>
      </c>
      <c r="AR1926" s="166">
        <v>0</v>
      </c>
      <c r="AS1926" s="166">
        <v>0</v>
      </c>
      <c r="AT1926" s="166">
        <v>0</v>
      </c>
      <c r="AU1926" s="166">
        <v>0</v>
      </c>
      <c r="AV1926" s="166">
        <v>0</v>
      </c>
      <c r="AW1926" s="166">
        <v>0</v>
      </c>
      <c r="AX1926" s="166">
        <v>0</v>
      </c>
      <c r="AY1926" s="166">
        <v>0</v>
      </c>
      <c r="AZ1926" s="166">
        <v>0</v>
      </c>
      <c r="BA1926" s="166">
        <v>0</v>
      </c>
      <c r="BB1926" s="166">
        <v>0</v>
      </c>
      <c r="BC1926" s="166">
        <v>0</v>
      </c>
      <c r="BD1926" s="166">
        <v>0</v>
      </c>
      <c r="BE1926" s="166">
        <v>0</v>
      </c>
      <c r="BF1926" s="166">
        <v>0</v>
      </c>
      <c r="BG1926" s="166">
        <v>0</v>
      </c>
      <c r="BH1926" s="166">
        <v>0</v>
      </c>
      <c r="BI1926" s="166">
        <v>0</v>
      </c>
      <c r="BJ1926" s="166">
        <v>0</v>
      </c>
      <c r="BK1926" s="166">
        <v>0</v>
      </c>
      <c r="BL1926" s="166">
        <v>0</v>
      </c>
      <c r="BM1926" s="166">
        <v>0</v>
      </c>
      <c r="BN1926" s="166">
        <v>0</v>
      </c>
      <c r="BO1926" s="166">
        <v>0</v>
      </c>
      <c r="BP1926" s="166">
        <v>0</v>
      </c>
      <c r="BQ1926" s="166">
        <v>0</v>
      </c>
      <c r="BR1926" s="166">
        <v>0</v>
      </c>
      <c r="BS1926" s="166">
        <v>0</v>
      </c>
      <c r="BT1926" s="166">
        <v>0</v>
      </c>
      <c r="BU1926" s="166">
        <v>0</v>
      </c>
      <c r="BV1926" s="166">
        <v>0</v>
      </c>
      <c r="BW1926" s="166">
        <v>0</v>
      </c>
      <c r="BX1926" s="166">
        <v>0</v>
      </c>
      <c r="BY1926" s="166">
        <v>0</v>
      </c>
      <c r="BZ1926" s="166">
        <v>0</v>
      </c>
      <c r="CA1926" s="166">
        <v>0</v>
      </c>
      <c r="CB1926" s="166">
        <v>0</v>
      </c>
      <c r="CC1926" s="166">
        <v>0</v>
      </c>
      <c r="CD1926" s="166">
        <v>0</v>
      </c>
      <c r="CE1926" s="166">
        <v>0</v>
      </c>
      <c r="CF1926" s="166">
        <v>0</v>
      </c>
      <c r="CG1926" s="166">
        <v>0</v>
      </c>
      <c r="CH1926" s="166">
        <v>0</v>
      </c>
      <c r="CI1926" s="166">
        <v>0</v>
      </c>
      <c r="CJ1926" s="166">
        <v>0</v>
      </c>
      <c r="CK1926" s="166">
        <v>0</v>
      </c>
      <c r="CL1926" s="166">
        <v>0</v>
      </c>
      <c r="CM1926" s="166">
        <v>0</v>
      </c>
      <c r="CN1926" s="166">
        <v>0</v>
      </c>
      <c r="CO1926" s="166">
        <v>0</v>
      </c>
      <c r="CP1926" s="166">
        <v>0</v>
      </c>
      <c r="CQ1926" s="166">
        <v>0</v>
      </c>
      <c r="CR1926" s="166">
        <v>0</v>
      </c>
      <c r="CS1926" s="166">
        <v>0</v>
      </c>
      <c r="CT1926" s="166">
        <v>0</v>
      </c>
      <c r="CU1926" s="166">
        <v>0</v>
      </c>
      <c r="CV1926" s="166">
        <v>0</v>
      </c>
      <c r="CW1926" s="166">
        <v>0</v>
      </c>
      <c r="CX1926" s="166">
        <v>0</v>
      </c>
      <c r="CY1926" s="166">
        <v>0</v>
      </c>
      <c r="CZ1926" s="166">
        <v>0</v>
      </c>
    </row>
    <row r="1927" spans="1:104" x14ac:dyDescent="0.2">
      <c r="A1927" s="167" t="s">
        <v>1136</v>
      </c>
      <c r="B1927" s="166">
        <v>0</v>
      </c>
      <c r="C1927" s="166">
        <v>0</v>
      </c>
      <c r="D1927" s="166">
        <v>0</v>
      </c>
      <c r="E1927" s="166">
        <v>0</v>
      </c>
      <c r="F1927" s="166">
        <v>0</v>
      </c>
      <c r="G1927" s="166">
        <v>0</v>
      </c>
      <c r="H1927" s="166">
        <v>0</v>
      </c>
      <c r="I1927" s="166">
        <v>0</v>
      </c>
      <c r="J1927" s="166">
        <v>0</v>
      </c>
      <c r="K1927" s="166">
        <v>0</v>
      </c>
      <c r="L1927" s="166">
        <v>0</v>
      </c>
      <c r="M1927" s="166">
        <v>0</v>
      </c>
      <c r="N1927" s="166">
        <v>0</v>
      </c>
      <c r="O1927" s="166">
        <v>0</v>
      </c>
      <c r="P1927" s="166">
        <v>0</v>
      </c>
      <c r="Q1927" s="166">
        <v>0</v>
      </c>
      <c r="R1927" s="166">
        <v>0</v>
      </c>
      <c r="S1927" s="166">
        <v>0</v>
      </c>
      <c r="T1927" s="166">
        <v>0</v>
      </c>
      <c r="U1927" s="166">
        <v>0</v>
      </c>
      <c r="V1927" s="166">
        <v>0</v>
      </c>
      <c r="W1927" s="166">
        <v>0</v>
      </c>
      <c r="X1927" s="166">
        <v>0</v>
      </c>
      <c r="Y1927" s="166">
        <v>0</v>
      </c>
      <c r="Z1927" s="166">
        <v>0</v>
      </c>
      <c r="AA1927" s="166">
        <v>0</v>
      </c>
      <c r="AB1927" s="166">
        <v>0</v>
      </c>
      <c r="AC1927" s="166">
        <v>0</v>
      </c>
      <c r="AD1927" s="166">
        <v>0</v>
      </c>
      <c r="AE1927" s="166">
        <v>0</v>
      </c>
      <c r="AF1927" s="166">
        <v>0</v>
      </c>
      <c r="AG1927" s="166">
        <v>0</v>
      </c>
      <c r="AH1927" s="166">
        <v>0</v>
      </c>
      <c r="AI1927" s="166">
        <v>0</v>
      </c>
      <c r="AJ1927" s="166">
        <v>0</v>
      </c>
      <c r="AK1927" s="166">
        <v>0</v>
      </c>
      <c r="AL1927" s="166">
        <v>0</v>
      </c>
      <c r="AM1927" s="166">
        <v>0</v>
      </c>
      <c r="AN1927" s="166">
        <v>0</v>
      </c>
      <c r="AO1927" s="166">
        <v>0</v>
      </c>
      <c r="AP1927" s="166">
        <v>0</v>
      </c>
      <c r="AQ1927" s="166">
        <v>0</v>
      </c>
      <c r="AR1927" s="166">
        <v>0</v>
      </c>
      <c r="AS1927" s="166">
        <v>0</v>
      </c>
      <c r="AT1927" s="166">
        <v>0</v>
      </c>
      <c r="AU1927" s="166">
        <v>0</v>
      </c>
      <c r="AV1927" s="166">
        <v>0</v>
      </c>
      <c r="AW1927" s="166">
        <v>0</v>
      </c>
      <c r="AX1927" s="166">
        <v>0</v>
      </c>
      <c r="AY1927" s="166">
        <v>0</v>
      </c>
      <c r="AZ1927" s="166">
        <v>0</v>
      </c>
      <c r="BA1927" s="166">
        <v>0</v>
      </c>
      <c r="BB1927" s="166">
        <v>0</v>
      </c>
      <c r="BC1927" s="166">
        <v>0</v>
      </c>
      <c r="BD1927" s="166">
        <v>0</v>
      </c>
      <c r="BE1927" s="166">
        <v>0</v>
      </c>
      <c r="BF1927" s="166">
        <v>0</v>
      </c>
      <c r="BG1927" s="166">
        <v>0</v>
      </c>
      <c r="BH1927" s="166">
        <v>0</v>
      </c>
      <c r="BI1927" s="166">
        <v>0</v>
      </c>
      <c r="BJ1927" s="166">
        <v>0</v>
      </c>
      <c r="BK1927" s="166">
        <v>0</v>
      </c>
      <c r="BL1927" s="166">
        <v>0</v>
      </c>
      <c r="BM1927" s="166">
        <v>0</v>
      </c>
      <c r="BN1927" s="166">
        <v>0</v>
      </c>
      <c r="BO1927" s="166">
        <v>0</v>
      </c>
      <c r="BP1927" s="166">
        <v>0</v>
      </c>
      <c r="BQ1927" s="166">
        <v>0</v>
      </c>
      <c r="BR1927" s="166">
        <v>0</v>
      </c>
      <c r="BS1927" s="166">
        <v>0</v>
      </c>
      <c r="BT1927" s="168">
        <v>1</v>
      </c>
      <c r="BU1927" s="166">
        <v>0</v>
      </c>
      <c r="BV1927" s="166">
        <v>0</v>
      </c>
      <c r="BW1927" s="166">
        <v>0</v>
      </c>
      <c r="BX1927" s="166">
        <v>0</v>
      </c>
      <c r="BY1927" s="166">
        <v>0</v>
      </c>
      <c r="BZ1927" s="166">
        <v>0</v>
      </c>
      <c r="CA1927" s="166">
        <v>0</v>
      </c>
      <c r="CB1927" s="166">
        <v>0</v>
      </c>
      <c r="CC1927" s="166">
        <v>0</v>
      </c>
      <c r="CD1927" s="166">
        <v>0</v>
      </c>
      <c r="CE1927" s="166">
        <v>0</v>
      </c>
      <c r="CF1927" s="166">
        <v>0</v>
      </c>
      <c r="CG1927" s="166">
        <v>0</v>
      </c>
      <c r="CH1927" s="166">
        <v>0</v>
      </c>
      <c r="CI1927" s="166">
        <v>0</v>
      </c>
      <c r="CJ1927" s="166">
        <v>0</v>
      </c>
      <c r="CK1927" s="166">
        <v>0</v>
      </c>
      <c r="CL1927" s="166">
        <v>0</v>
      </c>
      <c r="CM1927" s="166">
        <v>0</v>
      </c>
      <c r="CN1927" s="166">
        <v>0</v>
      </c>
      <c r="CO1927" s="166">
        <v>0</v>
      </c>
      <c r="CP1927" s="166">
        <v>0</v>
      </c>
      <c r="CQ1927" s="166">
        <v>0</v>
      </c>
      <c r="CR1927" s="166">
        <v>0</v>
      </c>
      <c r="CS1927" s="166">
        <v>0</v>
      </c>
      <c r="CT1927" s="166">
        <v>0</v>
      </c>
      <c r="CU1927" s="166">
        <v>0</v>
      </c>
      <c r="CV1927" s="166">
        <v>0</v>
      </c>
      <c r="CW1927" s="166">
        <v>0</v>
      </c>
      <c r="CX1927" s="166">
        <v>0</v>
      </c>
      <c r="CY1927" s="166">
        <v>0</v>
      </c>
      <c r="CZ1927" s="166">
        <v>0</v>
      </c>
    </row>
    <row r="1928" spans="1:104" x14ac:dyDescent="0.2">
      <c r="A1928" s="167" t="s">
        <v>1137</v>
      </c>
      <c r="B1928" s="166">
        <v>0</v>
      </c>
      <c r="C1928" s="166">
        <v>0</v>
      </c>
      <c r="D1928" s="166">
        <v>0</v>
      </c>
      <c r="E1928" s="166">
        <v>0</v>
      </c>
      <c r="F1928" s="166">
        <v>0</v>
      </c>
      <c r="G1928" s="166">
        <v>0</v>
      </c>
      <c r="H1928" s="166">
        <v>0</v>
      </c>
      <c r="I1928" s="166">
        <v>0</v>
      </c>
      <c r="J1928" s="166">
        <v>0</v>
      </c>
      <c r="K1928" s="166">
        <v>0</v>
      </c>
      <c r="L1928" s="166">
        <v>0</v>
      </c>
      <c r="M1928" s="166">
        <v>0</v>
      </c>
      <c r="N1928" s="166">
        <v>0</v>
      </c>
      <c r="O1928" s="166">
        <v>0</v>
      </c>
      <c r="P1928" s="166">
        <v>0</v>
      </c>
      <c r="Q1928" s="166">
        <v>0</v>
      </c>
      <c r="R1928" s="166">
        <v>0</v>
      </c>
      <c r="S1928" s="166">
        <v>0</v>
      </c>
      <c r="T1928" s="166">
        <v>0</v>
      </c>
      <c r="U1928" s="166">
        <v>0</v>
      </c>
      <c r="V1928" s="166">
        <v>0</v>
      </c>
      <c r="W1928" s="166">
        <v>0</v>
      </c>
      <c r="X1928" s="166">
        <v>0</v>
      </c>
      <c r="Y1928" s="166">
        <v>0</v>
      </c>
      <c r="Z1928" s="166">
        <v>0</v>
      </c>
      <c r="AA1928" s="166">
        <v>0</v>
      </c>
      <c r="AB1928" s="166">
        <v>0</v>
      </c>
      <c r="AC1928" s="166">
        <v>0</v>
      </c>
      <c r="AD1928" s="166">
        <v>0</v>
      </c>
      <c r="AE1928" s="166">
        <v>0</v>
      </c>
      <c r="AF1928" s="166">
        <v>0</v>
      </c>
      <c r="AG1928" s="166">
        <v>0</v>
      </c>
      <c r="AH1928" s="166">
        <v>0</v>
      </c>
      <c r="AI1928" s="166">
        <v>0</v>
      </c>
      <c r="AJ1928" s="166">
        <v>0</v>
      </c>
      <c r="AK1928" s="166">
        <v>0</v>
      </c>
      <c r="AL1928" s="166">
        <v>0</v>
      </c>
      <c r="AM1928" s="166">
        <v>0</v>
      </c>
      <c r="AN1928" s="166">
        <v>0</v>
      </c>
      <c r="AO1928" s="166">
        <v>0</v>
      </c>
      <c r="AP1928" s="166">
        <v>0</v>
      </c>
      <c r="AQ1928" s="166">
        <v>0</v>
      </c>
      <c r="AR1928" s="166">
        <v>0</v>
      </c>
      <c r="AS1928" s="166">
        <v>0</v>
      </c>
      <c r="AT1928" s="166">
        <v>0</v>
      </c>
      <c r="AU1928" s="166">
        <v>0</v>
      </c>
      <c r="AV1928" s="166">
        <v>0</v>
      </c>
      <c r="AW1928" s="166">
        <v>0</v>
      </c>
      <c r="AX1928" s="166">
        <v>0</v>
      </c>
      <c r="AY1928" s="166">
        <v>0</v>
      </c>
      <c r="AZ1928" s="166">
        <v>0</v>
      </c>
      <c r="BA1928" s="166">
        <v>0</v>
      </c>
      <c r="BB1928" s="166">
        <v>0</v>
      </c>
      <c r="BC1928" s="166">
        <v>0</v>
      </c>
      <c r="BD1928" s="166">
        <v>0</v>
      </c>
      <c r="BE1928" s="166">
        <v>0</v>
      </c>
      <c r="BF1928" s="166">
        <v>0</v>
      </c>
      <c r="BG1928" s="166">
        <v>0</v>
      </c>
      <c r="BH1928" s="166">
        <v>0</v>
      </c>
      <c r="BI1928" s="166">
        <v>0</v>
      </c>
      <c r="BJ1928" s="166">
        <v>0</v>
      </c>
      <c r="BK1928" s="166">
        <v>0</v>
      </c>
      <c r="BL1928" s="166">
        <v>0</v>
      </c>
      <c r="BM1928" s="166">
        <v>0</v>
      </c>
      <c r="BN1928" s="166">
        <v>0</v>
      </c>
      <c r="BO1928" s="166">
        <v>0</v>
      </c>
      <c r="BP1928" s="166">
        <v>0</v>
      </c>
      <c r="BQ1928" s="166">
        <v>0</v>
      </c>
      <c r="BR1928" s="166">
        <v>0</v>
      </c>
      <c r="BS1928" s="166">
        <v>0</v>
      </c>
      <c r="BT1928" s="168">
        <v>1</v>
      </c>
      <c r="BU1928" s="166">
        <v>0</v>
      </c>
      <c r="BV1928" s="166">
        <v>0</v>
      </c>
      <c r="BW1928" s="166">
        <v>0</v>
      </c>
      <c r="BX1928" s="166">
        <v>0</v>
      </c>
      <c r="BY1928" s="166">
        <v>0</v>
      </c>
      <c r="BZ1928" s="166">
        <v>0</v>
      </c>
      <c r="CA1928" s="166">
        <v>0</v>
      </c>
      <c r="CB1928" s="166">
        <v>0</v>
      </c>
      <c r="CC1928" s="166">
        <v>0</v>
      </c>
      <c r="CD1928" s="166">
        <v>0</v>
      </c>
      <c r="CE1928" s="166">
        <v>0</v>
      </c>
      <c r="CF1928" s="166">
        <v>0</v>
      </c>
      <c r="CG1928" s="166">
        <v>0</v>
      </c>
      <c r="CH1928" s="166">
        <v>0</v>
      </c>
      <c r="CI1928" s="166">
        <v>0</v>
      </c>
      <c r="CJ1928" s="166">
        <v>0</v>
      </c>
      <c r="CK1928" s="166">
        <v>0</v>
      </c>
      <c r="CL1928" s="166">
        <v>0</v>
      </c>
      <c r="CM1928" s="166">
        <v>0</v>
      </c>
      <c r="CN1928" s="166">
        <v>0</v>
      </c>
      <c r="CO1928" s="166">
        <v>0</v>
      </c>
      <c r="CP1928" s="166">
        <v>0</v>
      </c>
      <c r="CQ1928" s="166">
        <v>0</v>
      </c>
      <c r="CR1928" s="166">
        <v>0</v>
      </c>
      <c r="CS1928" s="166">
        <v>0</v>
      </c>
      <c r="CT1928" s="166">
        <v>0</v>
      </c>
      <c r="CU1928" s="166">
        <v>0</v>
      </c>
      <c r="CV1928" s="166">
        <v>0</v>
      </c>
      <c r="CW1928" s="166">
        <v>0</v>
      </c>
      <c r="CX1928" s="166">
        <v>0</v>
      </c>
      <c r="CY1928" s="166">
        <v>0</v>
      </c>
      <c r="CZ1928" s="166">
        <v>0</v>
      </c>
    </row>
    <row r="1929" spans="1:104" x14ac:dyDescent="0.2">
      <c r="A1929" s="167" t="s">
        <v>1138</v>
      </c>
      <c r="B1929" s="166">
        <v>0</v>
      </c>
      <c r="C1929" s="166">
        <v>0</v>
      </c>
      <c r="D1929" s="166">
        <v>0</v>
      </c>
      <c r="E1929" s="166">
        <v>0</v>
      </c>
      <c r="F1929" s="166">
        <v>0</v>
      </c>
      <c r="G1929" s="166">
        <v>0</v>
      </c>
      <c r="H1929" s="166">
        <v>0</v>
      </c>
      <c r="I1929" s="166">
        <v>0</v>
      </c>
      <c r="J1929" s="166">
        <v>0</v>
      </c>
      <c r="K1929" s="166">
        <v>0</v>
      </c>
      <c r="L1929" s="166">
        <v>0</v>
      </c>
      <c r="M1929" s="166">
        <v>0</v>
      </c>
      <c r="N1929" s="166">
        <v>0</v>
      </c>
      <c r="O1929" s="166">
        <v>0</v>
      </c>
      <c r="P1929" s="166">
        <v>0</v>
      </c>
      <c r="Q1929" s="166">
        <v>0</v>
      </c>
      <c r="R1929" s="166">
        <v>0</v>
      </c>
      <c r="S1929" s="166">
        <v>0</v>
      </c>
      <c r="T1929" s="166">
        <v>0</v>
      </c>
      <c r="U1929" s="166">
        <v>0</v>
      </c>
      <c r="V1929" s="166">
        <v>0</v>
      </c>
      <c r="W1929" s="166">
        <v>0</v>
      </c>
      <c r="X1929" s="166">
        <v>0</v>
      </c>
      <c r="Y1929" s="166">
        <v>0</v>
      </c>
      <c r="Z1929" s="166">
        <v>0</v>
      </c>
      <c r="AA1929" s="166">
        <v>0</v>
      </c>
      <c r="AB1929" s="166">
        <v>0</v>
      </c>
      <c r="AC1929" s="166">
        <v>0</v>
      </c>
      <c r="AD1929" s="166">
        <v>0</v>
      </c>
      <c r="AE1929" s="166">
        <v>0</v>
      </c>
      <c r="AF1929" s="166">
        <v>0</v>
      </c>
      <c r="AG1929" s="166">
        <v>0</v>
      </c>
      <c r="AH1929" s="166">
        <v>0</v>
      </c>
      <c r="AI1929" s="166">
        <v>0</v>
      </c>
      <c r="AJ1929" s="166">
        <v>0</v>
      </c>
      <c r="AK1929" s="166">
        <v>0</v>
      </c>
      <c r="AL1929" s="166">
        <v>0</v>
      </c>
      <c r="AM1929" s="166">
        <v>0</v>
      </c>
      <c r="AN1929" s="166">
        <v>0</v>
      </c>
      <c r="AO1929" s="166">
        <v>0</v>
      </c>
      <c r="AP1929" s="166">
        <v>0</v>
      </c>
      <c r="AQ1929" s="166">
        <v>0</v>
      </c>
      <c r="AR1929" s="166">
        <v>0</v>
      </c>
      <c r="AS1929" s="166">
        <v>0</v>
      </c>
      <c r="AT1929" s="166">
        <v>0</v>
      </c>
      <c r="AU1929" s="166">
        <v>0</v>
      </c>
      <c r="AV1929" s="166">
        <v>0</v>
      </c>
      <c r="AW1929" s="166">
        <v>0</v>
      </c>
      <c r="AX1929" s="166">
        <v>0</v>
      </c>
      <c r="AY1929" s="166">
        <v>0</v>
      </c>
      <c r="AZ1929" s="166">
        <v>0</v>
      </c>
      <c r="BA1929" s="166">
        <v>0</v>
      </c>
      <c r="BB1929" s="166">
        <v>0</v>
      </c>
      <c r="BC1929" s="166">
        <v>0</v>
      </c>
      <c r="BD1929" s="166">
        <v>0</v>
      </c>
      <c r="BE1929" s="166">
        <v>0</v>
      </c>
      <c r="BF1929" s="166">
        <v>0</v>
      </c>
      <c r="BG1929" s="166">
        <v>0</v>
      </c>
      <c r="BH1929" s="166">
        <v>0</v>
      </c>
      <c r="BI1929" s="166">
        <v>0</v>
      </c>
      <c r="BJ1929" s="166">
        <v>0</v>
      </c>
      <c r="BK1929" s="166">
        <v>0</v>
      </c>
      <c r="BL1929" s="166">
        <v>0</v>
      </c>
      <c r="BM1929" s="166">
        <v>0</v>
      </c>
      <c r="BN1929" s="166">
        <v>0</v>
      </c>
      <c r="BO1929" s="166">
        <v>0</v>
      </c>
      <c r="BP1929" s="166">
        <v>0</v>
      </c>
      <c r="BQ1929" s="166">
        <v>0</v>
      </c>
      <c r="BR1929" s="166">
        <v>0</v>
      </c>
      <c r="BS1929" s="166">
        <v>0</v>
      </c>
      <c r="BT1929" s="168">
        <v>1</v>
      </c>
      <c r="BU1929" s="166">
        <v>0</v>
      </c>
      <c r="BV1929" s="166">
        <v>0</v>
      </c>
      <c r="BW1929" s="166">
        <v>0</v>
      </c>
      <c r="BX1929" s="166">
        <v>0</v>
      </c>
      <c r="BY1929" s="166">
        <v>0</v>
      </c>
      <c r="BZ1929" s="166">
        <v>0</v>
      </c>
      <c r="CA1929" s="166">
        <v>0</v>
      </c>
      <c r="CB1929" s="166">
        <v>0</v>
      </c>
      <c r="CC1929" s="166">
        <v>0</v>
      </c>
      <c r="CD1929" s="166">
        <v>0</v>
      </c>
      <c r="CE1929" s="166">
        <v>0</v>
      </c>
      <c r="CF1929" s="166">
        <v>0</v>
      </c>
      <c r="CG1929" s="166">
        <v>0</v>
      </c>
      <c r="CH1929" s="166">
        <v>0</v>
      </c>
      <c r="CI1929" s="166">
        <v>0</v>
      </c>
      <c r="CJ1929" s="166">
        <v>0</v>
      </c>
      <c r="CK1929" s="166">
        <v>0</v>
      </c>
      <c r="CL1929" s="166">
        <v>0</v>
      </c>
      <c r="CM1929" s="166">
        <v>0</v>
      </c>
      <c r="CN1929" s="166">
        <v>0</v>
      </c>
      <c r="CO1929" s="166">
        <v>0</v>
      </c>
      <c r="CP1929" s="166">
        <v>0</v>
      </c>
      <c r="CQ1929" s="166">
        <v>0</v>
      </c>
      <c r="CR1929" s="166">
        <v>0</v>
      </c>
      <c r="CS1929" s="166">
        <v>0</v>
      </c>
      <c r="CT1929" s="166">
        <v>0</v>
      </c>
      <c r="CU1929" s="166">
        <v>0</v>
      </c>
      <c r="CV1929" s="166">
        <v>0</v>
      </c>
      <c r="CW1929" s="166">
        <v>0</v>
      </c>
      <c r="CX1929" s="166">
        <v>0</v>
      </c>
      <c r="CY1929" s="166">
        <v>0</v>
      </c>
      <c r="CZ1929" s="166">
        <v>0</v>
      </c>
    </row>
    <row r="1930" spans="1:104" x14ac:dyDescent="0.2">
      <c r="A1930" s="167" t="s">
        <v>1139</v>
      </c>
      <c r="B1930" s="166">
        <v>0</v>
      </c>
      <c r="C1930" s="166">
        <v>0</v>
      </c>
      <c r="D1930" s="166">
        <v>0</v>
      </c>
      <c r="E1930" s="166">
        <v>0</v>
      </c>
      <c r="F1930" s="166">
        <v>0</v>
      </c>
      <c r="G1930" s="166">
        <v>0</v>
      </c>
      <c r="H1930" s="166">
        <v>0</v>
      </c>
      <c r="I1930" s="166">
        <v>0</v>
      </c>
      <c r="J1930" s="166">
        <v>0</v>
      </c>
      <c r="K1930" s="166">
        <v>0</v>
      </c>
      <c r="L1930" s="166">
        <v>0</v>
      </c>
      <c r="M1930" s="166">
        <v>0</v>
      </c>
      <c r="N1930" s="166">
        <v>0</v>
      </c>
      <c r="O1930" s="166">
        <v>0</v>
      </c>
      <c r="P1930" s="166">
        <v>0</v>
      </c>
      <c r="Q1930" s="166">
        <v>0</v>
      </c>
      <c r="R1930" s="166">
        <v>0</v>
      </c>
      <c r="S1930" s="166">
        <v>0</v>
      </c>
      <c r="T1930" s="166">
        <v>0</v>
      </c>
      <c r="U1930" s="166">
        <v>0</v>
      </c>
      <c r="V1930" s="166">
        <v>0</v>
      </c>
      <c r="W1930" s="166">
        <v>0</v>
      </c>
      <c r="X1930" s="166">
        <v>0</v>
      </c>
      <c r="Y1930" s="166">
        <v>0</v>
      </c>
      <c r="Z1930" s="166">
        <v>0</v>
      </c>
      <c r="AA1930" s="166">
        <v>0</v>
      </c>
      <c r="AB1930" s="166">
        <v>0</v>
      </c>
      <c r="AC1930" s="166">
        <v>0</v>
      </c>
      <c r="AD1930" s="166">
        <v>0</v>
      </c>
      <c r="AE1930" s="166">
        <v>0</v>
      </c>
      <c r="AF1930" s="166">
        <v>0</v>
      </c>
      <c r="AG1930" s="166">
        <v>0</v>
      </c>
      <c r="AH1930" s="166">
        <v>0</v>
      </c>
      <c r="AI1930" s="166">
        <v>0</v>
      </c>
      <c r="AJ1930" s="166">
        <v>0</v>
      </c>
      <c r="AK1930" s="166">
        <v>0</v>
      </c>
      <c r="AL1930" s="166">
        <v>0</v>
      </c>
      <c r="AM1930" s="166">
        <v>0</v>
      </c>
      <c r="AN1930" s="166">
        <v>0</v>
      </c>
      <c r="AO1930" s="166">
        <v>0</v>
      </c>
      <c r="AP1930" s="166">
        <v>0</v>
      </c>
      <c r="AQ1930" s="166">
        <v>0</v>
      </c>
      <c r="AR1930" s="166">
        <v>0</v>
      </c>
      <c r="AS1930" s="166">
        <v>0</v>
      </c>
      <c r="AT1930" s="166">
        <v>0</v>
      </c>
      <c r="AU1930" s="166">
        <v>0</v>
      </c>
      <c r="AV1930" s="166">
        <v>0</v>
      </c>
      <c r="AW1930" s="166">
        <v>0</v>
      </c>
      <c r="AX1930" s="166">
        <v>0</v>
      </c>
      <c r="AY1930" s="166">
        <v>0</v>
      </c>
      <c r="AZ1930" s="166">
        <v>0</v>
      </c>
      <c r="BA1930" s="166">
        <v>0</v>
      </c>
      <c r="BB1930" s="166">
        <v>0</v>
      </c>
      <c r="BC1930" s="166">
        <v>0</v>
      </c>
      <c r="BD1930" s="166">
        <v>0</v>
      </c>
      <c r="BE1930" s="166">
        <v>0</v>
      </c>
      <c r="BF1930" s="166">
        <v>0</v>
      </c>
      <c r="BG1930" s="166">
        <v>0</v>
      </c>
      <c r="BH1930" s="166">
        <v>0</v>
      </c>
      <c r="BI1930" s="166">
        <v>0</v>
      </c>
      <c r="BJ1930" s="166">
        <v>0</v>
      </c>
      <c r="BK1930" s="166">
        <v>0</v>
      </c>
      <c r="BL1930" s="166">
        <v>0</v>
      </c>
      <c r="BM1930" s="166">
        <v>0</v>
      </c>
      <c r="BN1930" s="166">
        <v>0</v>
      </c>
      <c r="BO1930" s="166">
        <v>0</v>
      </c>
      <c r="BP1930" s="166">
        <v>0</v>
      </c>
      <c r="BQ1930" s="166">
        <v>0</v>
      </c>
      <c r="BR1930" s="166">
        <v>0</v>
      </c>
      <c r="BS1930" s="166">
        <v>0</v>
      </c>
      <c r="BT1930" s="168">
        <v>0.98751</v>
      </c>
      <c r="BU1930" s="166">
        <v>0</v>
      </c>
      <c r="BV1930" s="166">
        <v>0</v>
      </c>
      <c r="BW1930" s="166">
        <v>0</v>
      </c>
      <c r="BX1930" s="166">
        <v>0</v>
      </c>
      <c r="BY1930" s="166">
        <v>0</v>
      </c>
      <c r="BZ1930" s="166">
        <v>0</v>
      </c>
      <c r="CA1930" s="166">
        <v>0</v>
      </c>
      <c r="CB1930" s="166">
        <v>0</v>
      </c>
      <c r="CC1930" s="166">
        <v>0</v>
      </c>
      <c r="CD1930" s="166">
        <v>0</v>
      </c>
      <c r="CE1930" s="166">
        <v>0</v>
      </c>
      <c r="CF1930" s="166">
        <v>0</v>
      </c>
      <c r="CG1930" s="166">
        <v>0</v>
      </c>
      <c r="CH1930" s="166">
        <v>0</v>
      </c>
      <c r="CI1930" s="166">
        <v>0</v>
      </c>
      <c r="CJ1930" s="166">
        <v>0</v>
      </c>
      <c r="CK1930" s="166">
        <v>0</v>
      </c>
      <c r="CL1930" s="166">
        <v>0</v>
      </c>
      <c r="CM1930" s="166">
        <v>0</v>
      </c>
      <c r="CN1930" s="166">
        <v>0</v>
      </c>
      <c r="CO1930" s="166">
        <v>0</v>
      </c>
      <c r="CP1930" s="166">
        <v>0</v>
      </c>
      <c r="CQ1930" s="166">
        <v>0</v>
      </c>
      <c r="CR1930" s="166">
        <v>0</v>
      </c>
      <c r="CS1930" s="166">
        <v>0</v>
      </c>
      <c r="CT1930" s="166">
        <v>0</v>
      </c>
      <c r="CU1930" s="166">
        <v>0</v>
      </c>
      <c r="CV1930" s="166">
        <v>0</v>
      </c>
      <c r="CW1930" s="166">
        <v>0</v>
      </c>
      <c r="CX1930" s="166">
        <v>0</v>
      </c>
      <c r="CY1930" s="166">
        <v>0</v>
      </c>
      <c r="CZ1930" s="166">
        <v>0</v>
      </c>
    </row>
    <row r="1931" spans="1:104" x14ac:dyDescent="0.2">
      <c r="A1931" s="167" t="s">
        <v>1140</v>
      </c>
      <c r="B1931" s="166">
        <v>0</v>
      </c>
      <c r="C1931" s="166">
        <v>0</v>
      </c>
      <c r="D1931" s="166">
        <v>0</v>
      </c>
      <c r="E1931" s="166">
        <v>0</v>
      </c>
      <c r="F1931" s="166">
        <v>0</v>
      </c>
      <c r="G1931" s="166">
        <v>0</v>
      </c>
      <c r="H1931" s="166">
        <v>0</v>
      </c>
      <c r="I1931" s="166">
        <v>0</v>
      </c>
      <c r="J1931" s="166">
        <v>0</v>
      </c>
      <c r="K1931" s="166">
        <v>0</v>
      </c>
      <c r="L1931" s="166">
        <v>0</v>
      </c>
      <c r="M1931" s="166">
        <v>0</v>
      </c>
      <c r="N1931" s="166">
        <v>0</v>
      </c>
      <c r="O1931" s="166">
        <v>0</v>
      </c>
      <c r="P1931" s="166">
        <v>0</v>
      </c>
      <c r="Q1931" s="166">
        <v>0</v>
      </c>
      <c r="R1931" s="166">
        <v>0</v>
      </c>
      <c r="S1931" s="166">
        <v>0</v>
      </c>
      <c r="T1931" s="166">
        <v>0</v>
      </c>
      <c r="U1931" s="166">
        <v>0</v>
      </c>
      <c r="V1931" s="166">
        <v>0</v>
      </c>
      <c r="W1931" s="166">
        <v>0</v>
      </c>
      <c r="X1931" s="166">
        <v>0</v>
      </c>
      <c r="Y1931" s="166">
        <v>0</v>
      </c>
      <c r="Z1931" s="166">
        <v>0</v>
      </c>
      <c r="AA1931" s="166">
        <v>0</v>
      </c>
      <c r="AB1931" s="166">
        <v>0</v>
      </c>
      <c r="AC1931" s="166">
        <v>0</v>
      </c>
      <c r="AD1931" s="166">
        <v>0</v>
      </c>
      <c r="AE1931" s="166">
        <v>0</v>
      </c>
      <c r="AF1931" s="166">
        <v>0</v>
      </c>
      <c r="AG1931" s="166">
        <v>0</v>
      </c>
      <c r="AH1931" s="166">
        <v>0</v>
      </c>
      <c r="AI1931" s="166">
        <v>0</v>
      </c>
      <c r="AJ1931" s="166">
        <v>0</v>
      </c>
      <c r="AK1931" s="166">
        <v>0</v>
      </c>
      <c r="AL1931" s="166">
        <v>0</v>
      </c>
      <c r="AM1931" s="166">
        <v>0</v>
      </c>
      <c r="AN1931" s="166">
        <v>0</v>
      </c>
      <c r="AO1931" s="166">
        <v>0</v>
      </c>
      <c r="AP1931" s="166">
        <v>0</v>
      </c>
      <c r="AQ1931" s="166">
        <v>0</v>
      </c>
      <c r="AR1931" s="166">
        <v>0</v>
      </c>
      <c r="AS1931" s="166">
        <v>0</v>
      </c>
      <c r="AT1931" s="166">
        <v>0</v>
      </c>
      <c r="AU1931" s="166">
        <v>0</v>
      </c>
      <c r="AV1931" s="166">
        <v>0</v>
      </c>
      <c r="AW1931" s="166">
        <v>0</v>
      </c>
      <c r="AX1931" s="166">
        <v>0</v>
      </c>
      <c r="AY1931" s="166">
        <v>0</v>
      </c>
      <c r="AZ1931" s="166">
        <v>0</v>
      </c>
      <c r="BA1931" s="166">
        <v>0</v>
      </c>
      <c r="BB1931" s="166">
        <v>0</v>
      </c>
      <c r="BC1931" s="166">
        <v>0</v>
      </c>
      <c r="BD1931" s="166">
        <v>0</v>
      </c>
      <c r="BE1931" s="166">
        <v>0</v>
      </c>
      <c r="BF1931" s="166">
        <v>0</v>
      </c>
      <c r="BG1931" s="166">
        <v>0</v>
      </c>
      <c r="BH1931" s="166">
        <v>0</v>
      </c>
      <c r="BI1931" s="166">
        <v>0</v>
      </c>
      <c r="BJ1931" s="166">
        <v>0</v>
      </c>
      <c r="BK1931" s="166">
        <v>0</v>
      </c>
      <c r="BL1931" s="166">
        <v>0</v>
      </c>
      <c r="BM1931" s="166">
        <v>0</v>
      </c>
      <c r="BN1931" s="166">
        <v>0</v>
      </c>
      <c r="BO1931" s="166">
        <v>0</v>
      </c>
      <c r="BP1931" s="166">
        <v>0</v>
      </c>
      <c r="BQ1931" s="166">
        <v>0</v>
      </c>
      <c r="BR1931" s="166">
        <v>0</v>
      </c>
      <c r="BS1931" s="166">
        <v>0</v>
      </c>
      <c r="BT1931" s="168">
        <v>1</v>
      </c>
      <c r="BU1931" s="166">
        <v>0</v>
      </c>
      <c r="BV1931" s="166">
        <v>0</v>
      </c>
      <c r="BW1931" s="166">
        <v>0</v>
      </c>
      <c r="BX1931" s="166">
        <v>0</v>
      </c>
      <c r="BY1931" s="166">
        <v>0</v>
      </c>
      <c r="BZ1931" s="166">
        <v>0</v>
      </c>
      <c r="CA1931" s="166">
        <v>0</v>
      </c>
      <c r="CB1931" s="166">
        <v>0</v>
      </c>
      <c r="CC1931" s="166">
        <v>0</v>
      </c>
      <c r="CD1931" s="166">
        <v>0</v>
      </c>
      <c r="CE1931" s="166">
        <v>0</v>
      </c>
      <c r="CF1931" s="166">
        <v>0</v>
      </c>
      <c r="CG1931" s="166">
        <v>0</v>
      </c>
      <c r="CH1931" s="166">
        <v>0</v>
      </c>
      <c r="CI1931" s="166">
        <v>0</v>
      </c>
      <c r="CJ1931" s="166">
        <v>0</v>
      </c>
      <c r="CK1931" s="166">
        <v>0</v>
      </c>
      <c r="CL1931" s="166">
        <v>0</v>
      </c>
      <c r="CM1931" s="166">
        <v>0</v>
      </c>
      <c r="CN1931" s="166">
        <v>0</v>
      </c>
      <c r="CO1931" s="166">
        <v>0</v>
      </c>
      <c r="CP1931" s="166">
        <v>0</v>
      </c>
      <c r="CQ1931" s="166">
        <v>0</v>
      </c>
      <c r="CR1931" s="166">
        <v>0</v>
      </c>
      <c r="CS1931" s="166">
        <v>0</v>
      </c>
      <c r="CT1931" s="166">
        <v>0</v>
      </c>
      <c r="CU1931" s="166">
        <v>0</v>
      </c>
      <c r="CV1931" s="166">
        <v>0</v>
      </c>
      <c r="CW1931" s="166">
        <v>0</v>
      </c>
      <c r="CX1931" s="166">
        <v>0</v>
      </c>
      <c r="CY1931" s="166">
        <v>0</v>
      </c>
      <c r="CZ1931" s="166">
        <v>0</v>
      </c>
    </row>
    <row r="1932" spans="1:104" x14ac:dyDescent="0.2">
      <c r="A1932" s="167" t="s">
        <v>1141</v>
      </c>
      <c r="B1932" s="166">
        <v>0</v>
      </c>
      <c r="C1932" s="166">
        <v>0</v>
      </c>
      <c r="D1932" s="166">
        <v>0</v>
      </c>
      <c r="E1932" s="166">
        <v>0</v>
      </c>
      <c r="F1932" s="166">
        <v>0</v>
      </c>
      <c r="G1932" s="166">
        <v>0</v>
      </c>
      <c r="H1932" s="166">
        <v>0</v>
      </c>
      <c r="I1932" s="166">
        <v>0</v>
      </c>
      <c r="J1932" s="166">
        <v>0</v>
      </c>
      <c r="K1932" s="166">
        <v>0</v>
      </c>
      <c r="L1932" s="166">
        <v>0</v>
      </c>
      <c r="M1932" s="166">
        <v>0</v>
      </c>
      <c r="N1932" s="166">
        <v>0</v>
      </c>
      <c r="O1932" s="166">
        <v>0</v>
      </c>
      <c r="P1932" s="166">
        <v>0</v>
      </c>
      <c r="Q1932" s="166">
        <v>0</v>
      </c>
      <c r="R1932" s="166">
        <v>0</v>
      </c>
      <c r="S1932" s="166">
        <v>0</v>
      </c>
      <c r="T1932" s="166">
        <v>0</v>
      </c>
      <c r="U1932" s="166">
        <v>0</v>
      </c>
      <c r="V1932" s="166">
        <v>0</v>
      </c>
      <c r="W1932" s="166">
        <v>0</v>
      </c>
      <c r="X1932" s="166">
        <v>0</v>
      </c>
      <c r="Y1932" s="166">
        <v>0</v>
      </c>
      <c r="Z1932" s="166">
        <v>0</v>
      </c>
      <c r="AA1932" s="166">
        <v>0</v>
      </c>
      <c r="AB1932" s="166">
        <v>0</v>
      </c>
      <c r="AC1932" s="166">
        <v>0</v>
      </c>
      <c r="AD1932" s="166">
        <v>0</v>
      </c>
      <c r="AE1932" s="166">
        <v>0</v>
      </c>
      <c r="AF1932" s="166">
        <v>0</v>
      </c>
      <c r="AG1932" s="166">
        <v>0</v>
      </c>
      <c r="AH1932" s="166">
        <v>0</v>
      </c>
      <c r="AI1932" s="166">
        <v>0</v>
      </c>
      <c r="AJ1932" s="166">
        <v>0</v>
      </c>
      <c r="AK1932" s="166">
        <v>0</v>
      </c>
      <c r="AL1932" s="166">
        <v>0</v>
      </c>
      <c r="AM1932" s="166">
        <v>0</v>
      </c>
      <c r="AN1932" s="166">
        <v>0</v>
      </c>
      <c r="AO1932" s="166">
        <v>0</v>
      </c>
      <c r="AP1932" s="166">
        <v>0</v>
      </c>
      <c r="AQ1932" s="166">
        <v>0</v>
      </c>
      <c r="AR1932" s="166">
        <v>0</v>
      </c>
      <c r="AS1932" s="166">
        <v>0</v>
      </c>
      <c r="AT1932" s="166">
        <v>0</v>
      </c>
      <c r="AU1932" s="166">
        <v>0</v>
      </c>
      <c r="AV1932" s="166">
        <v>0</v>
      </c>
      <c r="AW1932" s="166">
        <v>0</v>
      </c>
      <c r="AX1932" s="166">
        <v>0</v>
      </c>
      <c r="AY1932" s="166">
        <v>0</v>
      </c>
      <c r="AZ1932" s="166">
        <v>0</v>
      </c>
      <c r="BA1932" s="166">
        <v>0</v>
      </c>
      <c r="BB1932" s="166">
        <v>0</v>
      </c>
      <c r="BC1932" s="166">
        <v>0</v>
      </c>
      <c r="BD1932" s="166">
        <v>0</v>
      </c>
      <c r="BE1932" s="166">
        <v>0</v>
      </c>
      <c r="BF1932" s="166">
        <v>0</v>
      </c>
      <c r="BG1932" s="166">
        <v>0</v>
      </c>
      <c r="BH1932" s="166">
        <v>0</v>
      </c>
      <c r="BI1932" s="166">
        <v>0</v>
      </c>
      <c r="BJ1932" s="166">
        <v>0</v>
      </c>
      <c r="BK1932" s="166">
        <v>0</v>
      </c>
      <c r="BL1932" s="166">
        <v>0</v>
      </c>
      <c r="BM1932" s="166">
        <v>0</v>
      </c>
      <c r="BN1932" s="166">
        <v>0</v>
      </c>
      <c r="BO1932" s="166">
        <v>0</v>
      </c>
      <c r="BP1932" s="166">
        <v>0</v>
      </c>
      <c r="BQ1932" s="166">
        <v>0</v>
      </c>
      <c r="BR1932" s="166">
        <v>0</v>
      </c>
      <c r="BS1932" s="166">
        <v>0</v>
      </c>
      <c r="BT1932" s="171">
        <v>0</v>
      </c>
      <c r="BU1932" s="166">
        <v>0</v>
      </c>
      <c r="BV1932" s="166">
        <v>0</v>
      </c>
      <c r="BW1932" s="166">
        <v>0</v>
      </c>
      <c r="BX1932" s="166">
        <v>0</v>
      </c>
      <c r="BY1932" s="166">
        <v>0</v>
      </c>
      <c r="BZ1932" s="166">
        <v>0</v>
      </c>
      <c r="CA1932" s="166">
        <v>0</v>
      </c>
      <c r="CB1932" s="166">
        <v>0</v>
      </c>
      <c r="CC1932" s="166">
        <v>0</v>
      </c>
      <c r="CD1932" s="166">
        <v>0</v>
      </c>
      <c r="CE1932" s="166">
        <v>0</v>
      </c>
      <c r="CF1932" s="166">
        <v>0</v>
      </c>
      <c r="CG1932" s="166">
        <v>0</v>
      </c>
      <c r="CH1932" s="166">
        <v>0</v>
      </c>
      <c r="CI1932" s="166">
        <v>0</v>
      </c>
      <c r="CJ1932" s="166">
        <v>0</v>
      </c>
      <c r="CK1932" s="166">
        <v>0</v>
      </c>
      <c r="CL1932" s="166">
        <v>0</v>
      </c>
      <c r="CM1932" s="166">
        <v>0</v>
      </c>
      <c r="CN1932" s="166">
        <v>0</v>
      </c>
      <c r="CO1932" s="166">
        <v>0</v>
      </c>
      <c r="CP1932" s="166">
        <v>0</v>
      </c>
      <c r="CQ1932" s="166">
        <v>0</v>
      </c>
      <c r="CR1932" s="166">
        <v>0</v>
      </c>
      <c r="CS1932" s="166">
        <v>0</v>
      </c>
      <c r="CT1932" s="166">
        <v>0</v>
      </c>
      <c r="CU1932" s="166">
        <v>0</v>
      </c>
      <c r="CV1932" s="166">
        <v>0</v>
      </c>
      <c r="CW1932" s="166">
        <v>0</v>
      </c>
      <c r="CX1932" s="166">
        <v>0</v>
      </c>
      <c r="CY1932" s="166">
        <v>0</v>
      </c>
      <c r="CZ1932" s="166">
        <v>0</v>
      </c>
    </row>
    <row r="1933" spans="1:104" x14ac:dyDescent="0.2">
      <c r="A1933" s="167" t="s">
        <v>342</v>
      </c>
    </row>
    <row r="1934" spans="1:104" x14ac:dyDescent="0.2">
      <c r="A1934" s="167" t="s">
        <v>1142</v>
      </c>
      <c r="B1934" s="166">
        <v>0</v>
      </c>
      <c r="C1934" s="166">
        <v>0</v>
      </c>
      <c r="D1934" s="166">
        <v>0</v>
      </c>
      <c r="E1934" s="166">
        <v>0</v>
      </c>
      <c r="F1934" s="166">
        <v>0</v>
      </c>
      <c r="G1934" s="166">
        <v>0</v>
      </c>
      <c r="H1934" s="166">
        <v>0</v>
      </c>
      <c r="I1934" s="166">
        <v>0</v>
      </c>
      <c r="J1934" s="166">
        <v>0</v>
      </c>
      <c r="K1934" s="166">
        <v>0</v>
      </c>
      <c r="L1934" s="166">
        <v>0</v>
      </c>
      <c r="M1934" s="166">
        <v>0</v>
      </c>
      <c r="N1934" s="166">
        <v>0</v>
      </c>
      <c r="O1934" s="166">
        <v>0</v>
      </c>
      <c r="P1934" s="166">
        <v>0</v>
      </c>
      <c r="Q1934" s="166">
        <v>0</v>
      </c>
      <c r="R1934" s="166">
        <v>0</v>
      </c>
      <c r="S1934" s="166">
        <v>0</v>
      </c>
      <c r="T1934" s="166">
        <v>0</v>
      </c>
      <c r="U1934" s="166">
        <v>0</v>
      </c>
      <c r="V1934" s="166">
        <v>0</v>
      </c>
      <c r="W1934" s="166">
        <v>0</v>
      </c>
      <c r="X1934" s="166">
        <v>0</v>
      </c>
      <c r="Y1934" s="166">
        <v>0</v>
      </c>
      <c r="Z1934" s="166">
        <v>0</v>
      </c>
      <c r="AA1934" s="166">
        <v>0</v>
      </c>
      <c r="AB1934" s="166">
        <v>0</v>
      </c>
      <c r="AC1934" s="166">
        <v>0</v>
      </c>
      <c r="AD1934" s="166">
        <v>0</v>
      </c>
      <c r="AE1934" s="166">
        <v>0</v>
      </c>
      <c r="AF1934" s="166">
        <v>0</v>
      </c>
      <c r="AG1934" s="166">
        <v>0</v>
      </c>
      <c r="AH1934" s="166">
        <v>0</v>
      </c>
      <c r="AI1934" s="166">
        <v>0</v>
      </c>
      <c r="AJ1934" s="166">
        <v>0</v>
      </c>
      <c r="AK1934" s="166">
        <v>0</v>
      </c>
      <c r="AL1934" s="166">
        <v>0</v>
      </c>
      <c r="AM1934" s="166">
        <v>0</v>
      </c>
      <c r="AN1934" s="166">
        <v>0</v>
      </c>
      <c r="AO1934" s="166">
        <v>0</v>
      </c>
      <c r="AP1934" s="166">
        <v>0</v>
      </c>
      <c r="AQ1934" s="166">
        <v>0</v>
      </c>
      <c r="AR1934" s="166">
        <v>0</v>
      </c>
      <c r="AS1934" s="166">
        <v>0</v>
      </c>
      <c r="AT1934" s="166">
        <v>0</v>
      </c>
      <c r="AU1934" s="166">
        <v>0</v>
      </c>
      <c r="AV1934" s="166">
        <v>0</v>
      </c>
      <c r="AW1934" s="166">
        <v>0</v>
      </c>
      <c r="AX1934" s="166">
        <v>0</v>
      </c>
      <c r="AY1934" s="166">
        <v>0</v>
      </c>
      <c r="AZ1934" s="166">
        <v>0</v>
      </c>
      <c r="BA1934" s="166">
        <v>0</v>
      </c>
      <c r="BB1934" s="166">
        <v>0</v>
      </c>
      <c r="BC1934" s="166">
        <v>0</v>
      </c>
      <c r="BD1934" s="166">
        <v>0</v>
      </c>
      <c r="BE1934" s="166">
        <v>0</v>
      </c>
      <c r="BF1934" s="166">
        <v>0</v>
      </c>
      <c r="BG1934" s="166">
        <v>0</v>
      </c>
      <c r="BH1934" s="166">
        <v>0</v>
      </c>
      <c r="BI1934" s="166">
        <v>0</v>
      </c>
      <c r="BJ1934" s="166">
        <v>0</v>
      </c>
      <c r="BK1934" s="166">
        <v>0</v>
      </c>
      <c r="BL1934" s="166">
        <v>0</v>
      </c>
      <c r="BM1934" s="166">
        <v>0</v>
      </c>
      <c r="BN1934" s="166">
        <v>0</v>
      </c>
      <c r="BO1934" s="166">
        <v>0</v>
      </c>
      <c r="BP1934" s="166">
        <v>0</v>
      </c>
      <c r="BQ1934" s="166">
        <v>0</v>
      </c>
      <c r="BR1934" s="166">
        <v>0</v>
      </c>
      <c r="BS1934" s="166">
        <v>0</v>
      </c>
      <c r="BT1934" s="168">
        <v>1</v>
      </c>
      <c r="BU1934" s="166">
        <v>0</v>
      </c>
      <c r="BV1934" s="166">
        <v>0</v>
      </c>
      <c r="BW1934" s="166">
        <v>0</v>
      </c>
      <c r="BX1934" s="166">
        <v>0</v>
      </c>
      <c r="BY1934" s="166">
        <v>0</v>
      </c>
      <c r="BZ1934" s="166">
        <v>0</v>
      </c>
      <c r="CA1934" s="166">
        <v>0</v>
      </c>
      <c r="CB1934" s="166">
        <v>0</v>
      </c>
      <c r="CC1934" s="166">
        <v>0</v>
      </c>
      <c r="CD1934" s="166">
        <v>0</v>
      </c>
      <c r="CE1934" s="166">
        <v>0</v>
      </c>
      <c r="CF1934" s="166">
        <v>0</v>
      </c>
      <c r="CG1934" s="166">
        <v>0</v>
      </c>
      <c r="CH1934" s="166">
        <v>0</v>
      </c>
      <c r="CI1934" s="166">
        <v>0</v>
      </c>
      <c r="CJ1934" s="166">
        <v>0</v>
      </c>
      <c r="CK1934" s="166">
        <v>0</v>
      </c>
      <c r="CL1934" s="166">
        <v>0</v>
      </c>
      <c r="CM1934" s="166">
        <v>0</v>
      </c>
      <c r="CN1934" s="166">
        <v>0</v>
      </c>
      <c r="CO1934" s="166">
        <v>0</v>
      </c>
      <c r="CP1934" s="166">
        <v>0</v>
      </c>
      <c r="CQ1934" s="166">
        <v>0</v>
      </c>
      <c r="CR1934" s="166">
        <v>0</v>
      </c>
      <c r="CS1934" s="166">
        <v>0</v>
      </c>
      <c r="CT1934" s="166">
        <v>0</v>
      </c>
      <c r="CU1934" s="166">
        <v>0</v>
      </c>
      <c r="CV1934" s="166">
        <v>0</v>
      </c>
      <c r="CW1934" s="166">
        <v>0</v>
      </c>
      <c r="CX1934" s="166">
        <v>0</v>
      </c>
      <c r="CY1934" s="166">
        <v>0</v>
      </c>
      <c r="CZ1934" s="166">
        <v>0</v>
      </c>
    </row>
    <row r="1935" spans="1:104" x14ac:dyDescent="0.2">
      <c r="A1935" s="167" t="s">
        <v>344</v>
      </c>
    </row>
    <row r="1936" spans="1:104" x14ac:dyDescent="0.2">
      <c r="A1936" s="167" t="s">
        <v>1143</v>
      </c>
      <c r="B1936" s="166">
        <v>1543421.9761687501</v>
      </c>
      <c r="C1936" s="166">
        <v>1543421.9761687501</v>
      </c>
      <c r="D1936" s="166">
        <v>0</v>
      </c>
      <c r="E1936" s="166">
        <v>0</v>
      </c>
      <c r="F1936" s="166">
        <v>0</v>
      </c>
      <c r="G1936" s="166">
        <v>0</v>
      </c>
      <c r="H1936" s="166">
        <v>0</v>
      </c>
      <c r="I1936" s="166">
        <v>0</v>
      </c>
      <c r="J1936" s="166">
        <v>0</v>
      </c>
      <c r="K1936" s="166">
        <v>0</v>
      </c>
      <c r="L1936" s="166">
        <v>0</v>
      </c>
      <c r="M1936" s="166">
        <v>0</v>
      </c>
      <c r="N1936" s="166">
        <v>0</v>
      </c>
      <c r="O1936" s="166">
        <v>0</v>
      </c>
      <c r="P1936" s="166">
        <v>0</v>
      </c>
      <c r="Q1936" s="166">
        <v>0</v>
      </c>
      <c r="R1936" s="166">
        <v>0</v>
      </c>
      <c r="S1936" s="166">
        <v>0</v>
      </c>
      <c r="T1936" s="166">
        <v>0</v>
      </c>
      <c r="U1936" s="166">
        <v>0</v>
      </c>
      <c r="V1936" s="166">
        <v>0</v>
      </c>
      <c r="W1936" s="166">
        <v>0</v>
      </c>
      <c r="X1936" s="166">
        <v>0</v>
      </c>
      <c r="Y1936" s="166">
        <v>0</v>
      </c>
      <c r="Z1936" s="166">
        <v>0</v>
      </c>
      <c r="AA1936" s="166">
        <v>0</v>
      </c>
      <c r="AB1936" s="166">
        <v>0</v>
      </c>
      <c r="AC1936" s="166">
        <v>0</v>
      </c>
      <c r="AD1936" s="166">
        <v>0</v>
      </c>
      <c r="AE1936" s="166">
        <v>0</v>
      </c>
      <c r="AF1936" s="166">
        <v>0</v>
      </c>
      <c r="AG1936" s="166">
        <v>0</v>
      </c>
      <c r="AH1936" s="166">
        <v>0</v>
      </c>
      <c r="AI1936" s="166">
        <v>0</v>
      </c>
      <c r="AJ1936" s="166">
        <v>0</v>
      </c>
      <c r="AK1936" s="166">
        <v>0</v>
      </c>
      <c r="AL1936" s="166">
        <v>0</v>
      </c>
      <c r="AM1936" s="166">
        <v>0</v>
      </c>
      <c r="AN1936" s="166">
        <v>0</v>
      </c>
      <c r="AO1936" s="166">
        <v>0</v>
      </c>
      <c r="AP1936" s="166">
        <v>0</v>
      </c>
      <c r="AQ1936" s="166">
        <v>0</v>
      </c>
      <c r="AR1936" s="166">
        <v>0</v>
      </c>
      <c r="AS1936" s="166">
        <v>0</v>
      </c>
      <c r="AT1936" s="166">
        <v>0</v>
      </c>
      <c r="AU1936" s="166">
        <v>0</v>
      </c>
      <c r="AV1936" s="166">
        <v>0</v>
      </c>
      <c r="AW1936" s="166">
        <v>0</v>
      </c>
      <c r="AX1936" s="166">
        <v>0</v>
      </c>
      <c r="AY1936" s="166">
        <v>0</v>
      </c>
      <c r="AZ1936" s="166">
        <v>0</v>
      </c>
      <c r="BA1936" s="166">
        <v>0</v>
      </c>
      <c r="BB1936" s="166">
        <v>0</v>
      </c>
      <c r="BC1936" s="166">
        <v>0</v>
      </c>
      <c r="BD1936" s="166">
        <v>0</v>
      </c>
      <c r="BE1936" s="166">
        <v>0</v>
      </c>
      <c r="BF1936" s="166">
        <v>0</v>
      </c>
      <c r="BG1936" s="166">
        <v>0</v>
      </c>
      <c r="BH1936" s="166">
        <v>0</v>
      </c>
      <c r="BI1936" s="166">
        <v>0</v>
      </c>
      <c r="BJ1936" s="166">
        <v>0</v>
      </c>
      <c r="BK1936" s="166">
        <v>0</v>
      </c>
      <c r="BL1936" s="166">
        <v>0</v>
      </c>
      <c r="BM1936" s="166">
        <v>0</v>
      </c>
      <c r="BN1936" s="166">
        <v>0</v>
      </c>
      <c r="BO1936" s="166">
        <v>0</v>
      </c>
      <c r="BP1936" s="166">
        <v>0</v>
      </c>
      <c r="BQ1936" s="166">
        <v>0</v>
      </c>
      <c r="BR1936" s="166">
        <v>1543421.9761687501</v>
      </c>
      <c r="BS1936" s="166">
        <v>1543421.9761687501</v>
      </c>
      <c r="BT1936" s="168">
        <v>1</v>
      </c>
      <c r="BU1936" s="166">
        <v>82751.457948041207</v>
      </c>
      <c r="BV1936" s="166">
        <v>1543421.9761687501</v>
      </c>
      <c r="BW1936" s="166">
        <v>0</v>
      </c>
      <c r="BX1936" s="166">
        <v>0</v>
      </c>
      <c r="BY1936" s="166">
        <v>0</v>
      </c>
      <c r="BZ1936" s="166">
        <v>0</v>
      </c>
      <c r="CA1936" s="166">
        <v>0</v>
      </c>
      <c r="CB1936" s="166">
        <v>0</v>
      </c>
      <c r="CC1936" s="166">
        <v>0</v>
      </c>
      <c r="CD1936" s="166">
        <v>0</v>
      </c>
      <c r="CE1936" s="166">
        <v>0</v>
      </c>
      <c r="CF1936" s="166">
        <v>0</v>
      </c>
      <c r="CG1936" s="166">
        <v>0</v>
      </c>
      <c r="CH1936" s="166">
        <v>0</v>
      </c>
      <c r="CI1936" s="166">
        <v>0</v>
      </c>
      <c r="CJ1936" s="166">
        <v>0</v>
      </c>
      <c r="CK1936" s="166">
        <v>0</v>
      </c>
      <c r="CL1936" s="166">
        <v>0</v>
      </c>
      <c r="CM1936" s="166">
        <v>0</v>
      </c>
      <c r="CN1936" s="166">
        <v>0</v>
      </c>
      <c r="CO1936" s="166">
        <v>0</v>
      </c>
      <c r="CP1936" s="166">
        <v>0</v>
      </c>
      <c r="CQ1936" s="166">
        <v>0</v>
      </c>
      <c r="CR1936" s="166">
        <v>0</v>
      </c>
      <c r="CS1936" s="166">
        <v>0</v>
      </c>
      <c r="CT1936" s="166">
        <v>0</v>
      </c>
      <c r="CU1936" s="166">
        <v>0</v>
      </c>
      <c r="CV1936" s="166">
        <v>0</v>
      </c>
      <c r="CW1936" s="166">
        <v>0</v>
      </c>
      <c r="CX1936" s="166">
        <v>0</v>
      </c>
      <c r="CY1936" s="166">
        <v>1543421.9761687501</v>
      </c>
      <c r="CZ1936" s="166">
        <v>1543421.9761687501</v>
      </c>
    </row>
    <row r="1937" spans="1:104" x14ac:dyDescent="0.2">
      <c r="A1937" s="167" t="s">
        <v>1144</v>
      </c>
      <c r="B1937" s="166">
        <v>763977.315640099</v>
      </c>
      <c r="C1937" s="166">
        <v>763977.315640099</v>
      </c>
      <c r="D1937" s="166">
        <v>0</v>
      </c>
      <c r="E1937" s="166">
        <v>0</v>
      </c>
      <c r="F1937" s="166">
        <v>0</v>
      </c>
      <c r="G1937" s="166">
        <v>0</v>
      </c>
      <c r="H1937" s="166">
        <v>0</v>
      </c>
      <c r="I1937" s="166">
        <v>0</v>
      </c>
      <c r="J1937" s="166">
        <v>0</v>
      </c>
      <c r="K1937" s="166">
        <v>0</v>
      </c>
      <c r="L1937" s="166">
        <v>0</v>
      </c>
      <c r="M1937" s="166">
        <v>0</v>
      </c>
      <c r="N1937" s="166">
        <v>0</v>
      </c>
      <c r="O1937" s="166">
        <v>0</v>
      </c>
      <c r="P1937" s="166">
        <v>0</v>
      </c>
      <c r="Q1937" s="166">
        <v>0</v>
      </c>
      <c r="R1937" s="166">
        <v>0</v>
      </c>
      <c r="S1937" s="166">
        <v>0</v>
      </c>
      <c r="T1937" s="166">
        <v>0</v>
      </c>
      <c r="U1937" s="166">
        <v>0</v>
      </c>
      <c r="V1937" s="166">
        <v>0</v>
      </c>
      <c r="W1937" s="166">
        <v>0</v>
      </c>
      <c r="X1937" s="166">
        <v>0</v>
      </c>
      <c r="Y1937" s="166">
        <v>0</v>
      </c>
      <c r="Z1937" s="166">
        <v>0</v>
      </c>
      <c r="AA1937" s="166">
        <v>0</v>
      </c>
      <c r="AB1937" s="166">
        <v>0</v>
      </c>
      <c r="AC1937" s="166">
        <v>0</v>
      </c>
      <c r="AD1937" s="166">
        <v>0</v>
      </c>
      <c r="AE1937" s="166">
        <v>0</v>
      </c>
      <c r="AF1937" s="166">
        <v>0</v>
      </c>
      <c r="AG1937" s="166">
        <v>0</v>
      </c>
      <c r="AH1937" s="166">
        <v>0</v>
      </c>
      <c r="AI1937" s="166">
        <v>0</v>
      </c>
      <c r="AJ1937" s="166">
        <v>0</v>
      </c>
      <c r="AK1937" s="166">
        <v>0</v>
      </c>
      <c r="AL1937" s="166">
        <v>0</v>
      </c>
      <c r="AM1937" s="166">
        <v>0</v>
      </c>
      <c r="AN1937" s="166">
        <v>0</v>
      </c>
      <c r="AO1937" s="166">
        <v>0</v>
      </c>
      <c r="AP1937" s="166">
        <v>0</v>
      </c>
      <c r="AQ1937" s="166">
        <v>0</v>
      </c>
      <c r="AR1937" s="166">
        <v>0</v>
      </c>
      <c r="AS1937" s="166">
        <v>0</v>
      </c>
      <c r="AT1937" s="166">
        <v>0</v>
      </c>
      <c r="AU1937" s="166">
        <v>0</v>
      </c>
      <c r="AV1937" s="166">
        <v>0</v>
      </c>
      <c r="AW1937" s="166">
        <v>0</v>
      </c>
      <c r="AX1937" s="166">
        <v>0</v>
      </c>
      <c r="AY1937" s="166">
        <v>0</v>
      </c>
      <c r="AZ1937" s="166">
        <v>0</v>
      </c>
      <c r="BA1937" s="166">
        <v>0</v>
      </c>
      <c r="BB1937" s="166">
        <v>0</v>
      </c>
      <c r="BC1937" s="166">
        <v>0</v>
      </c>
      <c r="BD1937" s="166">
        <v>0</v>
      </c>
      <c r="BE1937" s="166">
        <v>0</v>
      </c>
      <c r="BF1937" s="166">
        <v>0</v>
      </c>
      <c r="BG1937" s="166">
        <v>0</v>
      </c>
      <c r="BH1937" s="166">
        <v>0</v>
      </c>
      <c r="BI1937" s="166">
        <v>0</v>
      </c>
      <c r="BJ1937" s="166">
        <v>0</v>
      </c>
      <c r="BK1937" s="166">
        <v>0</v>
      </c>
      <c r="BL1937" s="166">
        <v>0</v>
      </c>
      <c r="BM1937" s="166">
        <v>0</v>
      </c>
      <c r="BN1937" s="166">
        <v>0</v>
      </c>
      <c r="BO1937" s="166">
        <v>0</v>
      </c>
      <c r="BP1937" s="166">
        <v>0</v>
      </c>
      <c r="BQ1937" s="166">
        <v>0</v>
      </c>
      <c r="BR1937" s="166">
        <v>763977.315640099</v>
      </c>
      <c r="BS1937" s="166">
        <v>763977.315640099</v>
      </c>
      <c r="BT1937" s="168">
        <v>1</v>
      </c>
      <c r="BU1937" s="166">
        <v>41674.858884130299</v>
      </c>
      <c r="BV1937" s="166">
        <v>763977.315640099</v>
      </c>
      <c r="BW1937" s="166">
        <v>0</v>
      </c>
      <c r="BX1937" s="166">
        <v>0</v>
      </c>
      <c r="BY1937" s="166">
        <v>0</v>
      </c>
      <c r="BZ1937" s="166">
        <v>0</v>
      </c>
      <c r="CA1937" s="166">
        <v>0</v>
      </c>
      <c r="CB1937" s="166">
        <v>0</v>
      </c>
      <c r="CC1937" s="166">
        <v>0</v>
      </c>
      <c r="CD1937" s="166">
        <v>0</v>
      </c>
      <c r="CE1937" s="166">
        <v>0</v>
      </c>
      <c r="CF1937" s="166">
        <v>0</v>
      </c>
      <c r="CG1937" s="166">
        <v>0</v>
      </c>
      <c r="CH1937" s="166">
        <v>0</v>
      </c>
      <c r="CI1937" s="166">
        <v>0</v>
      </c>
      <c r="CJ1937" s="166">
        <v>0</v>
      </c>
      <c r="CK1937" s="166">
        <v>0</v>
      </c>
      <c r="CL1937" s="166">
        <v>0</v>
      </c>
      <c r="CM1937" s="166">
        <v>0</v>
      </c>
      <c r="CN1937" s="166">
        <v>0</v>
      </c>
      <c r="CO1937" s="166">
        <v>0</v>
      </c>
      <c r="CP1937" s="166">
        <v>0</v>
      </c>
      <c r="CQ1937" s="166">
        <v>0</v>
      </c>
      <c r="CR1937" s="166">
        <v>0</v>
      </c>
      <c r="CS1937" s="166">
        <v>0</v>
      </c>
      <c r="CT1937" s="166">
        <v>0</v>
      </c>
      <c r="CU1937" s="166">
        <v>0</v>
      </c>
      <c r="CV1937" s="166">
        <v>0</v>
      </c>
      <c r="CW1937" s="166">
        <v>0</v>
      </c>
      <c r="CX1937" s="166">
        <v>0</v>
      </c>
      <c r="CY1937" s="166">
        <v>763977.315640099</v>
      </c>
      <c r="CZ1937" s="166">
        <v>763977.315640099</v>
      </c>
    </row>
    <row r="1938" spans="1:104" x14ac:dyDescent="0.2">
      <c r="A1938" s="167" t="s">
        <v>1145</v>
      </c>
      <c r="B1938" s="166">
        <v>182516.81852574201</v>
      </c>
      <c r="C1938" s="166">
        <v>182516.81852574201</v>
      </c>
      <c r="D1938" s="166">
        <v>0</v>
      </c>
      <c r="E1938" s="166">
        <v>0</v>
      </c>
      <c r="F1938" s="166">
        <v>0</v>
      </c>
      <c r="G1938" s="166">
        <v>0</v>
      </c>
      <c r="H1938" s="166">
        <v>0</v>
      </c>
      <c r="I1938" s="166">
        <v>0</v>
      </c>
      <c r="J1938" s="166">
        <v>0</v>
      </c>
      <c r="K1938" s="166">
        <v>0</v>
      </c>
      <c r="L1938" s="166">
        <v>0</v>
      </c>
      <c r="M1938" s="166">
        <v>0</v>
      </c>
      <c r="N1938" s="166">
        <v>0</v>
      </c>
      <c r="O1938" s="166">
        <v>0</v>
      </c>
      <c r="P1938" s="166">
        <v>0</v>
      </c>
      <c r="Q1938" s="166">
        <v>0</v>
      </c>
      <c r="R1938" s="166">
        <v>0</v>
      </c>
      <c r="S1938" s="166">
        <v>0</v>
      </c>
      <c r="T1938" s="166">
        <v>0</v>
      </c>
      <c r="U1938" s="166">
        <v>0</v>
      </c>
      <c r="V1938" s="166">
        <v>0</v>
      </c>
      <c r="W1938" s="166">
        <v>0</v>
      </c>
      <c r="X1938" s="166">
        <v>0</v>
      </c>
      <c r="Y1938" s="166">
        <v>0</v>
      </c>
      <c r="Z1938" s="166">
        <v>0</v>
      </c>
      <c r="AA1938" s="166">
        <v>0</v>
      </c>
      <c r="AB1938" s="166">
        <v>0</v>
      </c>
      <c r="AC1938" s="166">
        <v>0</v>
      </c>
      <c r="AD1938" s="166">
        <v>0</v>
      </c>
      <c r="AE1938" s="166">
        <v>0</v>
      </c>
      <c r="AF1938" s="166">
        <v>0</v>
      </c>
      <c r="AG1938" s="166">
        <v>0</v>
      </c>
      <c r="AH1938" s="166">
        <v>0</v>
      </c>
      <c r="AI1938" s="166">
        <v>0</v>
      </c>
      <c r="AJ1938" s="166">
        <v>0</v>
      </c>
      <c r="AK1938" s="166">
        <v>0</v>
      </c>
      <c r="AL1938" s="166">
        <v>0</v>
      </c>
      <c r="AM1938" s="166">
        <v>0</v>
      </c>
      <c r="AN1938" s="166">
        <v>0</v>
      </c>
      <c r="AO1938" s="166">
        <v>0</v>
      </c>
      <c r="AP1938" s="166">
        <v>0</v>
      </c>
      <c r="AQ1938" s="166">
        <v>0</v>
      </c>
      <c r="AR1938" s="166">
        <v>0</v>
      </c>
      <c r="AS1938" s="166">
        <v>0</v>
      </c>
      <c r="AT1938" s="166">
        <v>0</v>
      </c>
      <c r="AU1938" s="166">
        <v>0</v>
      </c>
      <c r="AV1938" s="166">
        <v>0</v>
      </c>
      <c r="AW1938" s="166">
        <v>0</v>
      </c>
      <c r="AX1938" s="166">
        <v>0</v>
      </c>
      <c r="AY1938" s="166">
        <v>0</v>
      </c>
      <c r="AZ1938" s="166">
        <v>0</v>
      </c>
      <c r="BA1938" s="166">
        <v>0</v>
      </c>
      <c r="BB1938" s="166">
        <v>0</v>
      </c>
      <c r="BC1938" s="166">
        <v>0</v>
      </c>
      <c r="BD1938" s="166">
        <v>0</v>
      </c>
      <c r="BE1938" s="166">
        <v>0</v>
      </c>
      <c r="BF1938" s="166">
        <v>0</v>
      </c>
      <c r="BG1938" s="166">
        <v>0</v>
      </c>
      <c r="BH1938" s="166">
        <v>0</v>
      </c>
      <c r="BI1938" s="166">
        <v>0</v>
      </c>
      <c r="BJ1938" s="166">
        <v>0</v>
      </c>
      <c r="BK1938" s="166">
        <v>0</v>
      </c>
      <c r="BL1938" s="166">
        <v>0</v>
      </c>
      <c r="BM1938" s="166">
        <v>0</v>
      </c>
      <c r="BN1938" s="166">
        <v>0</v>
      </c>
      <c r="BO1938" s="166">
        <v>0</v>
      </c>
      <c r="BP1938" s="166">
        <v>0</v>
      </c>
      <c r="BQ1938" s="166">
        <v>0</v>
      </c>
      <c r="BR1938" s="166">
        <v>182516.81852574201</v>
      </c>
      <c r="BS1938" s="166">
        <v>182516.81852574201</v>
      </c>
      <c r="BT1938" s="168">
        <v>1</v>
      </c>
      <c r="BU1938" s="166">
        <v>9543.5525481531295</v>
      </c>
      <c r="BV1938" s="166">
        <v>182516.81852574201</v>
      </c>
      <c r="BW1938" s="166">
        <v>0</v>
      </c>
      <c r="BX1938" s="166">
        <v>0</v>
      </c>
      <c r="BY1938" s="166">
        <v>0</v>
      </c>
      <c r="BZ1938" s="166">
        <v>0</v>
      </c>
      <c r="CA1938" s="166">
        <v>0</v>
      </c>
      <c r="CB1938" s="166">
        <v>0</v>
      </c>
      <c r="CC1938" s="166">
        <v>0</v>
      </c>
      <c r="CD1938" s="166">
        <v>0</v>
      </c>
      <c r="CE1938" s="166">
        <v>0</v>
      </c>
      <c r="CF1938" s="166">
        <v>0</v>
      </c>
      <c r="CG1938" s="166">
        <v>0</v>
      </c>
      <c r="CH1938" s="166">
        <v>0</v>
      </c>
      <c r="CI1938" s="166">
        <v>0</v>
      </c>
      <c r="CJ1938" s="166">
        <v>0</v>
      </c>
      <c r="CK1938" s="166">
        <v>0</v>
      </c>
      <c r="CL1938" s="166">
        <v>0</v>
      </c>
      <c r="CM1938" s="166">
        <v>0</v>
      </c>
      <c r="CN1938" s="166">
        <v>0</v>
      </c>
      <c r="CO1938" s="166">
        <v>0</v>
      </c>
      <c r="CP1938" s="166">
        <v>0</v>
      </c>
      <c r="CQ1938" s="166">
        <v>0</v>
      </c>
      <c r="CR1938" s="166">
        <v>0</v>
      </c>
      <c r="CS1938" s="166">
        <v>0</v>
      </c>
      <c r="CT1938" s="166">
        <v>0</v>
      </c>
      <c r="CU1938" s="166">
        <v>0</v>
      </c>
      <c r="CV1938" s="166">
        <v>0</v>
      </c>
      <c r="CW1938" s="166">
        <v>0</v>
      </c>
      <c r="CX1938" s="166">
        <v>0</v>
      </c>
      <c r="CY1938" s="166">
        <v>182516.81852574201</v>
      </c>
      <c r="CZ1938" s="166">
        <v>182516.81852574201</v>
      </c>
    </row>
    <row r="1939" spans="1:104" x14ac:dyDescent="0.2">
      <c r="A1939" s="167" t="s">
        <v>1146</v>
      </c>
      <c r="B1939" s="166">
        <v>100802.653040866</v>
      </c>
      <c r="C1939" s="166">
        <v>100802.653040866</v>
      </c>
      <c r="D1939" s="166">
        <v>0</v>
      </c>
      <c r="E1939" s="166">
        <v>0</v>
      </c>
      <c r="F1939" s="166">
        <v>0</v>
      </c>
      <c r="G1939" s="166">
        <v>0</v>
      </c>
      <c r="H1939" s="166">
        <v>0</v>
      </c>
      <c r="I1939" s="166">
        <v>0</v>
      </c>
      <c r="J1939" s="166">
        <v>0</v>
      </c>
      <c r="K1939" s="166">
        <v>0</v>
      </c>
      <c r="L1939" s="166">
        <v>0</v>
      </c>
      <c r="M1939" s="166">
        <v>0</v>
      </c>
      <c r="N1939" s="166">
        <v>0</v>
      </c>
      <c r="O1939" s="166">
        <v>0</v>
      </c>
      <c r="P1939" s="166">
        <v>0</v>
      </c>
      <c r="Q1939" s="166">
        <v>0</v>
      </c>
      <c r="R1939" s="166">
        <v>0</v>
      </c>
      <c r="S1939" s="166">
        <v>0</v>
      </c>
      <c r="T1939" s="166">
        <v>0</v>
      </c>
      <c r="U1939" s="166">
        <v>0</v>
      </c>
      <c r="V1939" s="166">
        <v>0</v>
      </c>
      <c r="W1939" s="166">
        <v>0</v>
      </c>
      <c r="X1939" s="166">
        <v>0</v>
      </c>
      <c r="Y1939" s="166">
        <v>0</v>
      </c>
      <c r="Z1939" s="166">
        <v>0</v>
      </c>
      <c r="AA1939" s="166">
        <v>0</v>
      </c>
      <c r="AB1939" s="166">
        <v>0</v>
      </c>
      <c r="AC1939" s="166">
        <v>0</v>
      </c>
      <c r="AD1939" s="166">
        <v>0</v>
      </c>
      <c r="AE1939" s="166">
        <v>0</v>
      </c>
      <c r="AF1939" s="166">
        <v>0</v>
      </c>
      <c r="AG1939" s="166">
        <v>0</v>
      </c>
      <c r="AH1939" s="166">
        <v>0</v>
      </c>
      <c r="AI1939" s="166">
        <v>0</v>
      </c>
      <c r="AJ1939" s="166">
        <v>0</v>
      </c>
      <c r="AK1939" s="166">
        <v>0</v>
      </c>
      <c r="AL1939" s="166">
        <v>0</v>
      </c>
      <c r="AM1939" s="166">
        <v>0</v>
      </c>
      <c r="AN1939" s="166">
        <v>0</v>
      </c>
      <c r="AO1939" s="166">
        <v>0</v>
      </c>
      <c r="AP1939" s="166">
        <v>0</v>
      </c>
      <c r="AQ1939" s="166">
        <v>0</v>
      </c>
      <c r="AR1939" s="166">
        <v>0</v>
      </c>
      <c r="AS1939" s="166">
        <v>0</v>
      </c>
      <c r="AT1939" s="166">
        <v>0</v>
      </c>
      <c r="AU1939" s="166">
        <v>0</v>
      </c>
      <c r="AV1939" s="166">
        <v>0</v>
      </c>
      <c r="AW1939" s="166">
        <v>0</v>
      </c>
      <c r="AX1939" s="166">
        <v>0</v>
      </c>
      <c r="AY1939" s="166">
        <v>0</v>
      </c>
      <c r="AZ1939" s="166">
        <v>0</v>
      </c>
      <c r="BA1939" s="166">
        <v>0</v>
      </c>
      <c r="BB1939" s="166">
        <v>0</v>
      </c>
      <c r="BC1939" s="166">
        <v>0</v>
      </c>
      <c r="BD1939" s="166">
        <v>0</v>
      </c>
      <c r="BE1939" s="166">
        <v>0</v>
      </c>
      <c r="BF1939" s="166">
        <v>0</v>
      </c>
      <c r="BG1939" s="166">
        <v>0</v>
      </c>
      <c r="BH1939" s="166">
        <v>0</v>
      </c>
      <c r="BI1939" s="166">
        <v>0</v>
      </c>
      <c r="BJ1939" s="166">
        <v>0</v>
      </c>
      <c r="BK1939" s="166">
        <v>0</v>
      </c>
      <c r="BL1939" s="166">
        <v>0</v>
      </c>
      <c r="BM1939" s="166">
        <v>0</v>
      </c>
      <c r="BN1939" s="166">
        <v>0</v>
      </c>
      <c r="BO1939" s="166">
        <v>0</v>
      </c>
      <c r="BP1939" s="166">
        <v>0</v>
      </c>
      <c r="BQ1939" s="166">
        <v>0</v>
      </c>
      <c r="BR1939" s="166">
        <v>100802.653040866</v>
      </c>
      <c r="BS1939" s="166">
        <v>100802.653040866</v>
      </c>
      <c r="BT1939" s="168">
        <v>0.98751</v>
      </c>
      <c r="BU1939" s="166">
        <v>5260.1296115350997</v>
      </c>
      <c r="BV1939" s="166">
        <v>99543.627904385896</v>
      </c>
      <c r="BW1939" s="166">
        <v>0</v>
      </c>
      <c r="BX1939" s="166">
        <v>0</v>
      </c>
      <c r="BY1939" s="166">
        <v>0</v>
      </c>
      <c r="BZ1939" s="166">
        <v>0</v>
      </c>
      <c r="CA1939" s="166">
        <v>0</v>
      </c>
      <c r="CB1939" s="166">
        <v>0</v>
      </c>
      <c r="CC1939" s="166">
        <v>0</v>
      </c>
      <c r="CD1939" s="166">
        <v>0</v>
      </c>
      <c r="CE1939" s="166">
        <v>0</v>
      </c>
      <c r="CF1939" s="166">
        <v>0</v>
      </c>
      <c r="CG1939" s="166">
        <v>0</v>
      </c>
      <c r="CH1939" s="166">
        <v>0</v>
      </c>
      <c r="CI1939" s="166">
        <v>0</v>
      </c>
      <c r="CJ1939" s="166">
        <v>0</v>
      </c>
      <c r="CK1939" s="166">
        <v>0</v>
      </c>
      <c r="CL1939" s="166">
        <v>0</v>
      </c>
      <c r="CM1939" s="166">
        <v>0</v>
      </c>
      <c r="CN1939" s="166">
        <v>0</v>
      </c>
      <c r="CO1939" s="166">
        <v>0</v>
      </c>
      <c r="CP1939" s="166">
        <v>0</v>
      </c>
      <c r="CQ1939" s="166">
        <v>0</v>
      </c>
      <c r="CR1939" s="166">
        <v>0</v>
      </c>
      <c r="CS1939" s="166">
        <v>0</v>
      </c>
      <c r="CT1939" s="166">
        <v>0</v>
      </c>
      <c r="CU1939" s="166">
        <v>0</v>
      </c>
      <c r="CV1939" s="166">
        <v>0</v>
      </c>
      <c r="CW1939" s="166">
        <v>0</v>
      </c>
      <c r="CX1939" s="166">
        <v>0</v>
      </c>
      <c r="CY1939" s="166">
        <v>99543.627904385896</v>
      </c>
      <c r="CZ1939" s="166">
        <v>99543.627904385896</v>
      </c>
    </row>
    <row r="1940" spans="1:104" x14ac:dyDescent="0.2">
      <c r="A1940" s="167" t="s">
        <v>1147</v>
      </c>
      <c r="B1940" s="166">
        <v>255668.89662454001</v>
      </c>
      <c r="C1940" s="166">
        <v>255668.89662454001</v>
      </c>
      <c r="D1940" s="166">
        <v>0</v>
      </c>
      <c r="E1940" s="166">
        <v>0</v>
      </c>
      <c r="F1940" s="166">
        <v>0</v>
      </c>
      <c r="G1940" s="166">
        <v>0</v>
      </c>
      <c r="H1940" s="166">
        <v>0</v>
      </c>
      <c r="I1940" s="166">
        <v>0</v>
      </c>
      <c r="J1940" s="166">
        <v>0</v>
      </c>
      <c r="K1940" s="166">
        <v>0</v>
      </c>
      <c r="L1940" s="166">
        <v>0</v>
      </c>
      <c r="M1940" s="166">
        <v>0</v>
      </c>
      <c r="N1940" s="166">
        <v>0</v>
      </c>
      <c r="O1940" s="166">
        <v>0</v>
      </c>
      <c r="P1940" s="166">
        <v>0</v>
      </c>
      <c r="Q1940" s="166">
        <v>0</v>
      </c>
      <c r="R1940" s="166">
        <v>0</v>
      </c>
      <c r="S1940" s="166">
        <v>0</v>
      </c>
      <c r="T1940" s="166">
        <v>0</v>
      </c>
      <c r="U1940" s="166">
        <v>0</v>
      </c>
      <c r="V1940" s="166">
        <v>0</v>
      </c>
      <c r="W1940" s="166">
        <v>0</v>
      </c>
      <c r="X1940" s="166">
        <v>0</v>
      </c>
      <c r="Y1940" s="166">
        <v>0</v>
      </c>
      <c r="Z1940" s="166">
        <v>0</v>
      </c>
      <c r="AA1940" s="166">
        <v>0</v>
      </c>
      <c r="AB1940" s="166">
        <v>0</v>
      </c>
      <c r="AC1940" s="166">
        <v>0</v>
      </c>
      <c r="AD1940" s="166">
        <v>0</v>
      </c>
      <c r="AE1940" s="166">
        <v>0</v>
      </c>
      <c r="AF1940" s="166">
        <v>0</v>
      </c>
      <c r="AG1940" s="166">
        <v>0</v>
      </c>
      <c r="AH1940" s="166">
        <v>0</v>
      </c>
      <c r="AI1940" s="166">
        <v>0</v>
      </c>
      <c r="AJ1940" s="166">
        <v>0</v>
      </c>
      <c r="AK1940" s="166">
        <v>0</v>
      </c>
      <c r="AL1940" s="166">
        <v>0</v>
      </c>
      <c r="AM1940" s="166">
        <v>0</v>
      </c>
      <c r="AN1940" s="166">
        <v>0</v>
      </c>
      <c r="AO1940" s="166">
        <v>0</v>
      </c>
      <c r="AP1940" s="166">
        <v>0</v>
      </c>
      <c r="AQ1940" s="166">
        <v>0</v>
      </c>
      <c r="AR1940" s="166">
        <v>0</v>
      </c>
      <c r="AS1940" s="166">
        <v>0</v>
      </c>
      <c r="AT1940" s="166">
        <v>0</v>
      </c>
      <c r="AU1940" s="166">
        <v>0</v>
      </c>
      <c r="AV1940" s="166">
        <v>0</v>
      </c>
      <c r="AW1940" s="166">
        <v>0</v>
      </c>
      <c r="AX1940" s="166">
        <v>0</v>
      </c>
      <c r="AY1940" s="166">
        <v>0</v>
      </c>
      <c r="AZ1940" s="166">
        <v>0</v>
      </c>
      <c r="BA1940" s="166">
        <v>0</v>
      </c>
      <c r="BB1940" s="166">
        <v>0</v>
      </c>
      <c r="BC1940" s="166">
        <v>0</v>
      </c>
      <c r="BD1940" s="166">
        <v>0</v>
      </c>
      <c r="BE1940" s="166">
        <v>0</v>
      </c>
      <c r="BF1940" s="166">
        <v>0</v>
      </c>
      <c r="BG1940" s="166">
        <v>0</v>
      </c>
      <c r="BH1940" s="166">
        <v>0</v>
      </c>
      <c r="BI1940" s="166">
        <v>0</v>
      </c>
      <c r="BJ1940" s="166">
        <v>0</v>
      </c>
      <c r="BK1940" s="166">
        <v>0</v>
      </c>
      <c r="BL1940" s="166">
        <v>0</v>
      </c>
      <c r="BM1940" s="166">
        <v>0</v>
      </c>
      <c r="BN1940" s="166">
        <v>0</v>
      </c>
      <c r="BO1940" s="166">
        <v>0</v>
      </c>
      <c r="BP1940" s="166">
        <v>0</v>
      </c>
      <c r="BQ1940" s="166">
        <v>0</v>
      </c>
      <c r="BR1940" s="166">
        <v>255668.89662454001</v>
      </c>
      <c r="BS1940" s="166">
        <v>255668.89662454001</v>
      </c>
      <c r="BT1940" s="168">
        <v>1</v>
      </c>
      <c r="BU1940" s="166">
        <v>13689.941029863399</v>
      </c>
      <c r="BV1940" s="166">
        <v>255668.89662454001</v>
      </c>
      <c r="BW1940" s="166">
        <v>0</v>
      </c>
      <c r="BX1940" s="166">
        <v>0</v>
      </c>
      <c r="BY1940" s="166">
        <v>0</v>
      </c>
      <c r="BZ1940" s="166">
        <v>0</v>
      </c>
      <c r="CA1940" s="166">
        <v>0</v>
      </c>
      <c r="CB1940" s="166">
        <v>0</v>
      </c>
      <c r="CC1940" s="166">
        <v>0</v>
      </c>
      <c r="CD1940" s="166">
        <v>0</v>
      </c>
      <c r="CE1940" s="166">
        <v>0</v>
      </c>
      <c r="CF1940" s="166">
        <v>0</v>
      </c>
      <c r="CG1940" s="166">
        <v>0</v>
      </c>
      <c r="CH1940" s="166">
        <v>0</v>
      </c>
      <c r="CI1940" s="166">
        <v>0</v>
      </c>
      <c r="CJ1940" s="166">
        <v>0</v>
      </c>
      <c r="CK1940" s="166">
        <v>0</v>
      </c>
      <c r="CL1940" s="166">
        <v>0</v>
      </c>
      <c r="CM1940" s="166">
        <v>0</v>
      </c>
      <c r="CN1940" s="166">
        <v>0</v>
      </c>
      <c r="CO1940" s="166">
        <v>0</v>
      </c>
      <c r="CP1940" s="166">
        <v>0</v>
      </c>
      <c r="CQ1940" s="166">
        <v>0</v>
      </c>
      <c r="CR1940" s="166">
        <v>0</v>
      </c>
      <c r="CS1940" s="166">
        <v>0</v>
      </c>
      <c r="CT1940" s="166">
        <v>0</v>
      </c>
      <c r="CU1940" s="166">
        <v>0</v>
      </c>
      <c r="CV1940" s="166">
        <v>0</v>
      </c>
      <c r="CW1940" s="166">
        <v>0</v>
      </c>
      <c r="CX1940" s="166">
        <v>0</v>
      </c>
      <c r="CY1940" s="166">
        <v>255668.89662454001</v>
      </c>
      <c r="CZ1940" s="166">
        <v>255668.89662454001</v>
      </c>
    </row>
    <row r="1941" spans="1:104" x14ac:dyDescent="0.2">
      <c r="A1941" s="167" t="s">
        <v>1148</v>
      </c>
      <c r="B1941" s="166">
        <v>0</v>
      </c>
      <c r="C1941" s="166">
        <v>0</v>
      </c>
      <c r="D1941" s="166">
        <v>0</v>
      </c>
      <c r="E1941" s="166">
        <v>0</v>
      </c>
      <c r="F1941" s="166">
        <v>0</v>
      </c>
      <c r="G1941" s="166">
        <v>0</v>
      </c>
      <c r="H1941" s="166">
        <v>0</v>
      </c>
      <c r="I1941" s="166">
        <v>0</v>
      </c>
      <c r="J1941" s="166">
        <v>0</v>
      </c>
      <c r="K1941" s="166">
        <v>0</v>
      </c>
      <c r="L1941" s="166">
        <v>0</v>
      </c>
      <c r="M1941" s="166">
        <v>0</v>
      </c>
      <c r="N1941" s="166">
        <v>0</v>
      </c>
      <c r="O1941" s="166">
        <v>0</v>
      </c>
      <c r="P1941" s="166">
        <v>0</v>
      </c>
      <c r="Q1941" s="166">
        <v>0</v>
      </c>
      <c r="R1941" s="166">
        <v>0</v>
      </c>
      <c r="S1941" s="166">
        <v>0</v>
      </c>
      <c r="T1941" s="166">
        <v>0</v>
      </c>
      <c r="U1941" s="166">
        <v>0</v>
      </c>
      <c r="V1941" s="166">
        <v>0</v>
      </c>
      <c r="W1941" s="166">
        <v>0</v>
      </c>
      <c r="X1941" s="166">
        <v>0</v>
      </c>
      <c r="Y1941" s="166">
        <v>0</v>
      </c>
      <c r="Z1941" s="166">
        <v>0</v>
      </c>
      <c r="AA1941" s="166">
        <v>0</v>
      </c>
      <c r="AB1941" s="166">
        <v>0</v>
      </c>
      <c r="AC1941" s="166">
        <v>0</v>
      </c>
      <c r="AD1941" s="166">
        <v>0</v>
      </c>
      <c r="AE1941" s="166">
        <v>0</v>
      </c>
      <c r="AF1941" s="166">
        <v>0</v>
      </c>
      <c r="AG1941" s="166">
        <v>0</v>
      </c>
      <c r="AH1941" s="166">
        <v>0</v>
      </c>
      <c r="AI1941" s="166">
        <v>0</v>
      </c>
      <c r="AJ1941" s="166">
        <v>0</v>
      </c>
      <c r="AK1941" s="166">
        <v>0</v>
      </c>
      <c r="AL1941" s="166">
        <v>0</v>
      </c>
      <c r="AM1941" s="166">
        <v>0</v>
      </c>
      <c r="AN1941" s="166">
        <v>0</v>
      </c>
      <c r="AO1941" s="166">
        <v>0</v>
      </c>
      <c r="AP1941" s="166">
        <v>0</v>
      </c>
      <c r="AQ1941" s="166">
        <v>0</v>
      </c>
      <c r="AR1941" s="166">
        <v>0</v>
      </c>
      <c r="AS1941" s="166">
        <v>0</v>
      </c>
      <c r="AT1941" s="166">
        <v>0</v>
      </c>
      <c r="AU1941" s="166">
        <v>0</v>
      </c>
      <c r="AV1941" s="166">
        <v>0</v>
      </c>
      <c r="AW1941" s="166">
        <v>0</v>
      </c>
      <c r="AX1941" s="166">
        <v>0</v>
      </c>
      <c r="AY1941" s="166">
        <v>0</v>
      </c>
      <c r="AZ1941" s="166">
        <v>0</v>
      </c>
      <c r="BA1941" s="166">
        <v>0</v>
      </c>
      <c r="BB1941" s="166">
        <v>0</v>
      </c>
      <c r="BC1941" s="166">
        <v>0</v>
      </c>
      <c r="BD1941" s="166">
        <v>0</v>
      </c>
      <c r="BE1941" s="166">
        <v>0</v>
      </c>
      <c r="BF1941" s="166">
        <v>0</v>
      </c>
      <c r="BG1941" s="166">
        <v>0</v>
      </c>
      <c r="BH1941" s="166">
        <v>0</v>
      </c>
      <c r="BI1941" s="166">
        <v>0</v>
      </c>
      <c r="BJ1941" s="166">
        <v>0</v>
      </c>
      <c r="BK1941" s="166">
        <v>0</v>
      </c>
      <c r="BL1941" s="166">
        <v>0</v>
      </c>
      <c r="BM1941" s="166">
        <v>0</v>
      </c>
      <c r="BN1941" s="166">
        <v>0</v>
      </c>
      <c r="BO1941" s="166">
        <v>0</v>
      </c>
      <c r="BP1941" s="166">
        <v>0</v>
      </c>
      <c r="BQ1941" s="166">
        <v>0</v>
      </c>
      <c r="BR1941" s="166">
        <v>0</v>
      </c>
      <c r="BS1941" s="166">
        <v>0</v>
      </c>
      <c r="BT1941" s="168">
        <v>1</v>
      </c>
      <c r="BU1941" s="166">
        <v>0</v>
      </c>
      <c r="BV1941" s="166">
        <v>0</v>
      </c>
      <c r="BW1941" s="166">
        <v>0</v>
      </c>
      <c r="BX1941" s="166">
        <v>0</v>
      </c>
      <c r="BY1941" s="166">
        <v>0</v>
      </c>
      <c r="BZ1941" s="166">
        <v>0</v>
      </c>
      <c r="CA1941" s="166">
        <v>0</v>
      </c>
      <c r="CB1941" s="166">
        <v>0</v>
      </c>
      <c r="CC1941" s="166">
        <v>0</v>
      </c>
      <c r="CD1941" s="166">
        <v>0</v>
      </c>
      <c r="CE1941" s="166">
        <v>0</v>
      </c>
      <c r="CF1941" s="166">
        <v>0</v>
      </c>
      <c r="CG1941" s="166">
        <v>0</v>
      </c>
      <c r="CH1941" s="166">
        <v>0</v>
      </c>
      <c r="CI1941" s="166">
        <v>0</v>
      </c>
      <c r="CJ1941" s="166">
        <v>0</v>
      </c>
      <c r="CK1941" s="166">
        <v>0</v>
      </c>
      <c r="CL1941" s="166">
        <v>0</v>
      </c>
      <c r="CM1941" s="166">
        <v>0</v>
      </c>
      <c r="CN1941" s="166">
        <v>0</v>
      </c>
      <c r="CO1941" s="166">
        <v>0</v>
      </c>
      <c r="CP1941" s="166">
        <v>0</v>
      </c>
      <c r="CQ1941" s="166">
        <v>0</v>
      </c>
      <c r="CR1941" s="166">
        <v>0</v>
      </c>
      <c r="CS1941" s="166">
        <v>0</v>
      </c>
      <c r="CT1941" s="166">
        <v>0</v>
      </c>
      <c r="CU1941" s="166">
        <v>0</v>
      </c>
      <c r="CV1941" s="166">
        <v>0</v>
      </c>
      <c r="CW1941" s="166">
        <v>0</v>
      </c>
      <c r="CX1941" s="166">
        <v>0</v>
      </c>
      <c r="CY1941" s="166">
        <v>0</v>
      </c>
      <c r="CZ1941" s="166">
        <v>0</v>
      </c>
    </row>
    <row r="1942" spans="1:104" x14ac:dyDescent="0.2">
      <c r="A1942" s="167" t="s">
        <v>1149</v>
      </c>
      <c r="B1942" s="166">
        <v>2846387.6599999899</v>
      </c>
      <c r="C1942" s="166">
        <v>2846387.6599999899</v>
      </c>
      <c r="D1942" s="166">
        <v>0</v>
      </c>
      <c r="E1942" s="166">
        <v>0</v>
      </c>
      <c r="F1942" s="166">
        <v>0</v>
      </c>
      <c r="G1942" s="166">
        <v>0</v>
      </c>
      <c r="H1942" s="166">
        <v>0</v>
      </c>
      <c r="I1942" s="166">
        <v>0</v>
      </c>
      <c r="J1942" s="166">
        <v>0</v>
      </c>
      <c r="K1942" s="166">
        <v>0</v>
      </c>
      <c r="L1942" s="166">
        <v>0</v>
      </c>
      <c r="M1942" s="166">
        <v>0</v>
      </c>
      <c r="N1942" s="166">
        <v>0</v>
      </c>
      <c r="O1942" s="166">
        <v>0</v>
      </c>
      <c r="P1942" s="166">
        <v>0</v>
      </c>
      <c r="Q1942" s="166">
        <v>0</v>
      </c>
      <c r="R1942" s="166">
        <v>0</v>
      </c>
      <c r="S1942" s="166">
        <v>0</v>
      </c>
      <c r="T1942" s="166">
        <v>0</v>
      </c>
      <c r="U1942" s="166">
        <v>0</v>
      </c>
      <c r="V1942" s="166">
        <v>0</v>
      </c>
      <c r="W1942" s="166">
        <v>0</v>
      </c>
      <c r="X1942" s="166">
        <v>0</v>
      </c>
      <c r="Y1942" s="166">
        <v>0</v>
      </c>
      <c r="Z1942" s="166">
        <v>0</v>
      </c>
      <c r="AA1942" s="166">
        <v>0</v>
      </c>
      <c r="AB1942" s="166">
        <v>0</v>
      </c>
      <c r="AC1942" s="166">
        <v>0</v>
      </c>
      <c r="AD1942" s="166">
        <v>0</v>
      </c>
      <c r="AE1942" s="166">
        <v>0</v>
      </c>
      <c r="AF1942" s="166">
        <v>0</v>
      </c>
      <c r="AG1942" s="166">
        <v>0</v>
      </c>
      <c r="AH1942" s="166">
        <v>0</v>
      </c>
      <c r="AI1942" s="166">
        <v>0</v>
      </c>
      <c r="AJ1942" s="166">
        <v>0</v>
      </c>
      <c r="AK1942" s="166">
        <v>0</v>
      </c>
      <c r="AL1942" s="166">
        <v>0</v>
      </c>
      <c r="AM1942" s="166">
        <v>0</v>
      </c>
      <c r="AN1942" s="166">
        <v>0</v>
      </c>
      <c r="AO1942" s="166">
        <v>0</v>
      </c>
      <c r="AP1942" s="166">
        <v>0</v>
      </c>
      <c r="AQ1942" s="166">
        <v>0</v>
      </c>
      <c r="AR1942" s="166">
        <v>0</v>
      </c>
      <c r="AS1942" s="166">
        <v>0</v>
      </c>
      <c r="AT1942" s="166">
        <v>0</v>
      </c>
      <c r="AU1942" s="166">
        <v>0</v>
      </c>
      <c r="AV1942" s="166">
        <v>0</v>
      </c>
      <c r="AW1942" s="166">
        <v>0</v>
      </c>
      <c r="AX1942" s="166">
        <v>0</v>
      </c>
      <c r="AY1942" s="166">
        <v>0</v>
      </c>
      <c r="AZ1942" s="166">
        <v>0</v>
      </c>
      <c r="BA1942" s="166">
        <v>0</v>
      </c>
      <c r="BB1942" s="166">
        <v>0</v>
      </c>
      <c r="BC1942" s="166">
        <v>0</v>
      </c>
      <c r="BD1942" s="166">
        <v>0</v>
      </c>
      <c r="BE1942" s="166">
        <v>0</v>
      </c>
      <c r="BF1942" s="166">
        <v>0</v>
      </c>
      <c r="BG1942" s="166">
        <v>0</v>
      </c>
      <c r="BH1942" s="166">
        <v>0</v>
      </c>
      <c r="BI1942" s="166">
        <v>0</v>
      </c>
      <c r="BJ1942" s="166">
        <v>0</v>
      </c>
      <c r="BK1942" s="166">
        <v>0</v>
      </c>
      <c r="BL1942" s="166">
        <v>0</v>
      </c>
      <c r="BM1942" s="166">
        <v>0</v>
      </c>
      <c r="BN1942" s="166">
        <v>0</v>
      </c>
      <c r="BO1942" s="166">
        <v>0</v>
      </c>
      <c r="BP1942" s="166">
        <v>0</v>
      </c>
      <c r="BQ1942" s="166">
        <v>0</v>
      </c>
      <c r="BR1942" s="166">
        <v>2846387.6599999899</v>
      </c>
      <c r="BS1942" s="166">
        <v>2846387.6599999899</v>
      </c>
      <c r="BT1942" s="168">
        <v>0</v>
      </c>
      <c r="BU1942" s="166">
        <v>152919.94002172301</v>
      </c>
      <c r="BV1942" s="166">
        <v>2845128.6348635098</v>
      </c>
      <c r="BW1942" s="166">
        <v>0</v>
      </c>
      <c r="BX1942" s="166">
        <v>0</v>
      </c>
      <c r="BY1942" s="166">
        <v>0</v>
      </c>
      <c r="BZ1942" s="166">
        <v>0</v>
      </c>
      <c r="CA1942" s="166">
        <v>0</v>
      </c>
      <c r="CB1942" s="166">
        <v>0</v>
      </c>
      <c r="CC1942" s="166">
        <v>0</v>
      </c>
      <c r="CD1942" s="166">
        <v>0</v>
      </c>
      <c r="CE1942" s="166">
        <v>0</v>
      </c>
      <c r="CF1942" s="166">
        <v>0</v>
      </c>
      <c r="CG1942" s="166">
        <v>0</v>
      </c>
      <c r="CH1942" s="166">
        <v>0</v>
      </c>
      <c r="CI1942" s="166">
        <v>0</v>
      </c>
      <c r="CJ1942" s="166">
        <v>0</v>
      </c>
      <c r="CK1942" s="166">
        <v>0</v>
      </c>
      <c r="CL1942" s="166">
        <v>0</v>
      </c>
      <c r="CM1942" s="166">
        <v>0</v>
      </c>
      <c r="CN1942" s="166">
        <v>0</v>
      </c>
      <c r="CO1942" s="166">
        <v>0</v>
      </c>
      <c r="CP1942" s="166">
        <v>0</v>
      </c>
      <c r="CQ1942" s="166">
        <v>0</v>
      </c>
      <c r="CR1942" s="166">
        <v>0</v>
      </c>
      <c r="CS1942" s="166">
        <v>0</v>
      </c>
      <c r="CT1942" s="166">
        <v>0</v>
      </c>
      <c r="CU1942" s="166">
        <v>0</v>
      </c>
      <c r="CV1942" s="166">
        <v>0</v>
      </c>
      <c r="CW1942" s="166">
        <v>0</v>
      </c>
      <c r="CX1942" s="166">
        <v>0</v>
      </c>
      <c r="CY1942" s="166">
        <v>2845128.6348635098</v>
      </c>
      <c r="CZ1942" s="166">
        <v>2845128.6348635098</v>
      </c>
    </row>
    <row r="1943" spans="1:104" x14ac:dyDescent="0.2">
      <c r="A1943" s="167" t="s">
        <v>352</v>
      </c>
    </row>
    <row r="1944" spans="1:104" x14ac:dyDescent="0.2">
      <c r="A1944" s="167" t="s">
        <v>1150</v>
      </c>
      <c r="B1944" s="166">
        <v>37819726.285592698</v>
      </c>
      <c r="C1944" s="166">
        <v>37819726.285592698</v>
      </c>
      <c r="D1944" s="166">
        <v>0</v>
      </c>
      <c r="E1944" s="166">
        <v>0</v>
      </c>
      <c r="F1944" s="166">
        <v>0</v>
      </c>
      <c r="G1944" s="166">
        <v>0</v>
      </c>
      <c r="H1944" s="166">
        <v>0</v>
      </c>
      <c r="I1944" s="166">
        <v>0</v>
      </c>
      <c r="J1944" s="166">
        <v>0</v>
      </c>
      <c r="K1944" s="166">
        <v>0</v>
      </c>
      <c r="L1944" s="166">
        <v>0</v>
      </c>
      <c r="M1944" s="166">
        <v>0</v>
      </c>
      <c r="N1944" s="166">
        <v>0</v>
      </c>
      <c r="O1944" s="166">
        <v>0</v>
      </c>
      <c r="P1944" s="166">
        <v>0</v>
      </c>
      <c r="Q1944" s="166">
        <v>0</v>
      </c>
      <c r="R1944" s="166">
        <v>0</v>
      </c>
      <c r="S1944" s="166">
        <v>0</v>
      </c>
      <c r="T1944" s="166">
        <v>0</v>
      </c>
      <c r="U1944" s="166">
        <v>0</v>
      </c>
      <c r="V1944" s="166">
        <v>0</v>
      </c>
      <c r="W1944" s="166">
        <v>0</v>
      </c>
      <c r="X1944" s="166">
        <v>0</v>
      </c>
      <c r="Y1944" s="166">
        <v>0</v>
      </c>
      <c r="Z1944" s="166">
        <v>0</v>
      </c>
      <c r="AA1944" s="166">
        <v>0</v>
      </c>
      <c r="AB1944" s="166">
        <v>0</v>
      </c>
      <c r="AC1944" s="166">
        <v>0</v>
      </c>
      <c r="AD1944" s="166">
        <v>0</v>
      </c>
      <c r="AE1944" s="166">
        <v>0</v>
      </c>
      <c r="AF1944" s="166">
        <v>0</v>
      </c>
      <c r="AG1944" s="166">
        <v>0</v>
      </c>
      <c r="AH1944" s="166">
        <v>0</v>
      </c>
      <c r="AI1944" s="166">
        <v>0</v>
      </c>
      <c r="AJ1944" s="166">
        <v>0</v>
      </c>
      <c r="AK1944" s="166">
        <v>0</v>
      </c>
      <c r="AL1944" s="166">
        <v>0</v>
      </c>
      <c r="AM1944" s="166">
        <v>0</v>
      </c>
      <c r="AN1944" s="166">
        <v>0</v>
      </c>
      <c r="AO1944" s="166">
        <v>0</v>
      </c>
      <c r="AP1944" s="166">
        <v>0</v>
      </c>
      <c r="AQ1944" s="166">
        <v>0</v>
      </c>
      <c r="AR1944" s="166">
        <v>0</v>
      </c>
      <c r="AS1944" s="166">
        <v>0</v>
      </c>
      <c r="AT1944" s="166">
        <v>0</v>
      </c>
      <c r="AU1944" s="166">
        <v>0</v>
      </c>
      <c r="AV1944" s="166">
        <v>0</v>
      </c>
      <c r="AW1944" s="166">
        <v>0</v>
      </c>
      <c r="AX1944" s="166">
        <v>0</v>
      </c>
      <c r="AY1944" s="166">
        <v>0</v>
      </c>
      <c r="AZ1944" s="166">
        <v>0</v>
      </c>
      <c r="BA1944" s="166">
        <v>0</v>
      </c>
      <c r="BB1944" s="166">
        <v>0</v>
      </c>
      <c r="BC1944" s="166">
        <v>0</v>
      </c>
      <c r="BD1944" s="166">
        <v>0</v>
      </c>
      <c r="BE1944" s="166">
        <v>0</v>
      </c>
      <c r="BF1944" s="166">
        <v>0</v>
      </c>
      <c r="BG1944" s="166">
        <v>0</v>
      </c>
      <c r="BH1944" s="166">
        <v>0</v>
      </c>
      <c r="BI1944" s="166">
        <v>0</v>
      </c>
      <c r="BJ1944" s="166">
        <v>0</v>
      </c>
      <c r="BK1944" s="166">
        <v>0</v>
      </c>
      <c r="BL1944" s="166">
        <v>0</v>
      </c>
      <c r="BM1944" s="166">
        <v>0</v>
      </c>
      <c r="BN1944" s="166">
        <v>0</v>
      </c>
      <c r="BO1944" s="166">
        <v>0</v>
      </c>
      <c r="BP1944" s="166">
        <v>0</v>
      </c>
      <c r="BQ1944" s="166">
        <v>0</v>
      </c>
      <c r="BR1944" s="166">
        <v>37819726.285592698</v>
      </c>
      <c r="BS1944" s="166">
        <v>37819726.285592698</v>
      </c>
      <c r="BT1944" s="168">
        <v>1</v>
      </c>
      <c r="BU1944" s="166">
        <v>3561036.9546107501</v>
      </c>
      <c r="BV1944" s="166">
        <v>37819726.285592698</v>
      </c>
      <c r="BW1944" s="166">
        <v>0</v>
      </c>
      <c r="BX1944" s="166">
        <v>0</v>
      </c>
      <c r="BY1944" s="166">
        <v>0</v>
      </c>
      <c r="BZ1944" s="166">
        <v>0</v>
      </c>
      <c r="CA1944" s="166">
        <v>0</v>
      </c>
      <c r="CB1944" s="166">
        <v>0</v>
      </c>
      <c r="CC1944" s="166">
        <v>0</v>
      </c>
      <c r="CD1944" s="166">
        <v>0</v>
      </c>
      <c r="CE1944" s="166">
        <v>0</v>
      </c>
      <c r="CF1944" s="166">
        <v>0</v>
      </c>
      <c r="CG1944" s="166">
        <v>0</v>
      </c>
      <c r="CH1944" s="166">
        <v>0</v>
      </c>
      <c r="CI1944" s="166">
        <v>0</v>
      </c>
      <c r="CJ1944" s="166">
        <v>0</v>
      </c>
      <c r="CK1944" s="166">
        <v>0</v>
      </c>
      <c r="CL1944" s="166">
        <v>0</v>
      </c>
      <c r="CM1944" s="166">
        <v>0</v>
      </c>
      <c r="CN1944" s="166">
        <v>0</v>
      </c>
      <c r="CO1944" s="166">
        <v>0</v>
      </c>
      <c r="CP1944" s="166">
        <v>0</v>
      </c>
      <c r="CQ1944" s="166">
        <v>0</v>
      </c>
      <c r="CR1944" s="166">
        <v>0</v>
      </c>
      <c r="CS1944" s="166">
        <v>0</v>
      </c>
      <c r="CT1944" s="166">
        <v>0</v>
      </c>
      <c r="CU1944" s="166">
        <v>0</v>
      </c>
      <c r="CV1944" s="166">
        <v>0</v>
      </c>
      <c r="CW1944" s="166">
        <v>0</v>
      </c>
      <c r="CX1944" s="166">
        <v>0</v>
      </c>
      <c r="CY1944" s="166">
        <v>37819726.285592698</v>
      </c>
      <c r="CZ1944" s="166">
        <v>37819726.285592698</v>
      </c>
    </row>
    <row r="1945" spans="1:104" x14ac:dyDescent="0.2">
      <c r="A1945" s="167" t="s">
        <v>1151</v>
      </c>
      <c r="B1945" s="166">
        <v>18772363.914200801</v>
      </c>
      <c r="C1945" s="166">
        <v>18772363.914200801</v>
      </c>
      <c r="D1945" s="166">
        <v>0</v>
      </c>
      <c r="E1945" s="166">
        <v>0</v>
      </c>
      <c r="F1945" s="166">
        <v>0</v>
      </c>
      <c r="G1945" s="166">
        <v>0</v>
      </c>
      <c r="H1945" s="166">
        <v>0</v>
      </c>
      <c r="I1945" s="166">
        <v>0</v>
      </c>
      <c r="J1945" s="166">
        <v>0</v>
      </c>
      <c r="K1945" s="166">
        <v>0</v>
      </c>
      <c r="L1945" s="166">
        <v>0</v>
      </c>
      <c r="M1945" s="166">
        <v>0</v>
      </c>
      <c r="N1945" s="166">
        <v>0</v>
      </c>
      <c r="O1945" s="166">
        <v>0</v>
      </c>
      <c r="P1945" s="166">
        <v>0</v>
      </c>
      <c r="Q1945" s="166">
        <v>0</v>
      </c>
      <c r="R1945" s="166">
        <v>0</v>
      </c>
      <c r="S1945" s="166">
        <v>0</v>
      </c>
      <c r="T1945" s="166">
        <v>0</v>
      </c>
      <c r="U1945" s="166">
        <v>0</v>
      </c>
      <c r="V1945" s="166">
        <v>0</v>
      </c>
      <c r="W1945" s="166">
        <v>0</v>
      </c>
      <c r="X1945" s="166">
        <v>0</v>
      </c>
      <c r="Y1945" s="166">
        <v>0</v>
      </c>
      <c r="Z1945" s="166">
        <v>0</v>
      </c>
      <c r="AA1945" s="166">
        <v>0</v>
      </c>
      <c r="AB1945" s="166">
        <v>0</v>
      </c>
      <c r="AC1945" s="166">
        <v>0</v>
      </c>
      <c r="AD1945" s="166">
        <v>0</v>
      </c>
      <c r="AE1945" s="166">
        <v>0</v>
      </c>
      <c r="AF1945" s="166">
        <v>0</v>
      </c>
      <c r="AG1945" s="166">
        <v>0</v>
      </c>
      <c r="AH1945" s="166">
        <v>0</v>
      </c>
      <c r="AI1945" s="166">
        <v>0</v>
      </c>
      <c r="AJ1945" s="166">
        <v>0</v>
      </c>
      <c r="AK1945" s="166">
        <v>0</v>
      </c>
      <c r="AL1945" s="166">
        <v>0</v>
      </c>
      <c r="AM1945" s="166">
        <v>0</v>
      </c>
      <c r="AN1945" s="166">
        <v>0</v>
      </c>
      <c r="AO1945" s="166">
        <v>0</v>
      </c>
      <c r="AP1945" s="166">
        <v>0</v>
      </c>
      <c r="AQ1945" s="166">
        <v>0</v>
      </c>
      <c r="AR1945" s="166">
        <v>0</v>
      </c>
      <c r="AS1945" s="166">
        <v>0</v>
      </c>
      <c r="AT1945" s="166">
        <v>0</v>
      </c>
      <c r="AU1945" s="166">
        <v>0</v>
      </c>
      <c r="AV1945" s="166">
        <v>0</v>
      </c>
      <c r="AW1945" s="166">
        <v>0</v>
      </c>
      <c r="AX1945" s="166">
        <v>0</v>
      </c>
      <c r="AY1945" s="166">
        <v>0</v>
      </c>
      <c r="AZ1945" s="166">
        <v>0</v>
      </c>
      <c r="BA1945" s="166">
        <v>0</v>
      </c>
      <c r="BB1945" s="166">
        <v>0</v>
      </c>
      <c r="BC1945" s="166">
        <v>0</v>
      </c>
      <c r="BD1945" s="166">
        <v>0</v>
      </c>
      <c r="BE1945" s="166">
        <v>0</v>
      </c>
      <c r="BF1945" s="166">
        <v>0</v>
      </c>
      <c r="BG1945" s="166">
        <v>0</v>
      </c>
      <c r="BH1945" s="166">
        <v>0</v>
      </c>
      <c r="BI1945" s="166">
        <v>0</v>
      </c>
      <c r="BJ1945" s="166">
        <v>0</v>
      </c>
      <c r="BK1945" s="166">
        <v>0</v>
      </c>
      <c r="BL1945" s="166">
        <v>0</v>
      </c>
      <c r="BM1945" s="166">
        <v>0</v>
      </c>
      <c r="BN1945" s="166">
        <v>0</v>
      </c>
      <c r="BO1945" s="166">
        <v>0</v>
      </c>
      <c r="BP1945" s="166">
        <v>0</v>
      </c>
      <c r="BQ1945" s="166">
        <v>0</v>
      </c>
      <c r="BR1945" s="166">
        <v>18772363.914200801</v>
      </c>
      <c r="BS1945" s="166">
        <v>18772363.914200801</v>
      </c>
      <c r="BT1945" s="168">
        <v>1</v>
      </c>
      <c r="BU1945" s="166">
        <v>1793390.91110344</v>
      </c>
      <c r="BV1945" s="166">
        <v>18772363.914200801</v>
      </c>
      <c r="BW1945" s="166">
        <v>0</v>
      </c>
      <c r="BX1945" s="166">
        <v>0</v>
      </c>
      <c r="BY1945" s="166">
        <v>0</v>
      </c>
      <c r="BZ1945" s="166">
        <v>0</v>
      </c>
      <c r="CA1945" s="166">
        <v>0</v>
      </c>
      <c r="CB1945" s="166">
        <v>0</v>
      </c>
      <c r="CC1945" s="166">
        <v>0</v>
      </c>
      <c r="CD1945" s="166">
        <v>0</v>
      </c>
      <c r="CE1945" s="166">
        <v>0</v>
      </c>
      <c r="CF1945" s="166">
        <v>0</v>
      </c>
      <c r="CG1945" s="166">
        <v>0</v>
      </c>
      <c r="CH1945" s="166">
        <v>0</v>
      </c>
      <c r="CI1945" s="166">
        <v>0</v>
      </c>
      <c r="CJ1945" s="166">
        <v>0</v>
      </c>
      <c r="CK1945" s="166">
        <v>0</v>
      </c>
      <c r="CL1945" s="166">
        <v>0</v>
      </c>
      <c r="CM1945" s="166">
        <v>0</v>
      </c>
      <c r="CN1945" s="166">
        <v>0</v>
      </c>
      <c r="CO1945" s="166">
        <v>0</v>
      </c>
      <c r="CP1945" s="166">
        <v>0</v>
      </c>
      <c r="CQ1945" s="166">
        <v>0</v>
      </c>
      <c r="CR1945" s="166">
        <v>0</v>
      </c>
      <c r="CS1945" s="166">
        <v>0</v>
      </c>
      <c r="CT1945" s="166">
        <v>0</v>
      </c>
      <c r="CU1945" s="166">
        <v>0</v>
      </c>
      <c r="CV1945" s="166">
        <v>0</v>
      </c>
      <c r="CW1945" s="166">
        <v>0</v>
      </c>
      <c r="CX1945" s="166">
        <v>0</v>
      </c>
      <c r="CY1945" s="166">
        <v>18772363.914200801</v>
      </c>
      <c r="CZ1945" s="166">
        <v>18772363.914200801</v>
      </c>
    </row>
    <row r="1946" spans="1:104" x14ac:dyDescent="0.2">
      <c r="A1946" s="167" t="s">
        <v>1152</v>
      </c>
      <c r="B1946" s="166">
        <v>4454415.4991967203</v>
      </c>
      <c r="C1946" s="166">
        <v>4454415.4991967203</v>
      </c>
      <c r="D1946" s="166">
        <v>0</v>
      </c>
      <c r="E1946" s="166">
        <v>0</v>
      </c>
      <c r="F1946" s="166">
        <v>0</v>
      </c>
      <c r="G1946" s="166">
        <v>0</v>
      </c>
      <c r="H1946" s="166">
        <v>0</v>
      </c>
      <c r="I1946" s="166">
        <v>0</v>
      </c>
      <c r="J1946" s="166">
        <v>0</v>
      </c>
      <c r="K1946" s="166">
        <v>0</v>
      </c>
      <c r="L1946" s="166">
        <v>0</v>
      </c>
      <c r="M1946" s="166">
        <v>0</v>
      </c>
      <c r="N1946" s="166">
        <v>0</v>
      </c>
      <c r="O1946" s="166">
        <v>0</v>
      </c>
      <c r="P1946" s="166">
        <v>0</v>
      </c>
      <c r="Q1946" s="166">
        <v>0</v>
      </c>
      <c r="R1946" s="166">
        <v>0</v>
      </c>
      <c r="S1946" s="166">
        <v>0</v>
      </c>
      <c r="T1946" s="166">
        <v>0</v>
      </c>
      <c r="U1946" s="166">
        <v>0</v>
      </c>
      <c r="V1946" s="166">
        <v>0</v>
      </c>
      <c r="W1946" s="166">
        <v>0</v>
      </c>
      <c r="X1946" s="166">
        <v>0</v>
      </c>
      <c r="Y1946" s="166">
        <v>0</v>
      </c>
      <c r="Z1946" s="166">
        <v>0</v>
      </c>
      <c r="AA1946" s="166">
        <v>0</v>
      </c>
      <c r="AB1946" s="166">
        <v>0</v>
      </c>
      <c r="AC1946" s="166">
        <v>0</v>
      </c>
      <c r="AD1946" s="166">
        <v>0</v>
      </c>
      <c r="AE1946" s="166">
        <v>0</v>
      </c>
      <c r="AF1946" s="166">
        <v>0</v>
      </c>
      <c r="AG1946" s="166">
        <v>0</v>
      </c>
      <c r="AH1946" s="166">
        <v>0</v>
      </c>
      <c r="AI1946" s="166">
        <v>0</v>
      </c>
      <c r="AJ1946" s="166">
        <v>0</v>
      </c>
      <c r="AK1946" s="166">
        <v>0</v>
      </c>
      <c r="AL1946" s="166">
        <v>0</v>
      </c>
      <c r="AM1946" s="166">
        <v>0</v>
      </c>
      <c r="AN1946" s="166">
        <v>0</v>
      </c>
      <c r="AO1946" s="166">
        <v>0</v>
      </c>
      <c r="AP1946" s="166">
        <v>0</v>
      </c>
      <c r="AQ1946" s="166">
        <v>0</v>
      </c>
      <c r="AR1946" s="166">
        <v>0</v>
      </c>
      <c r="AS1946" s="166">
        <v>0</v>
      </c>
      <c r="AT1946" s="166">
        <v>0</v>
      </c>
      <c r="AU1946" s="166">
        <v>0</v>
      </c>
      <c r="AV1946" s="166">
        <v>0</v>
      </c>
      <c r="AW1946" s="166">
        <v>0</v>
      </c>
      <c r="AX1946" s="166">
        <v>0</v>
      </c>
      <c r="AY1946" s="166">
        <v>0</v>
      </c>
      <c r="AZ1946" s="166">
        <v>0</v>
      </c>
      <c r="BA1946" s="166">
        <v>0</v>
      </c>
      <c r="BB1946" s="166">
        <v>0</v>
      </c>
      <c r="BC1946" s="166">
        <v>0</v>
      </c>
      <c r="BD1946" s="166">
        <v>0</v>
      </c>
      <c r="BE1946" s="166">
        <v>0</v>
      </c>
      <c r="BF1946" s="166">
        <v>0</v>
      </c>
      <c r="BG1946" s="166">
        <v>0</v>
      </c>
      <c r="BH1946" s="166">
        <v>0</v>
      </c>
      <c r="BI1946" s="166">
        <v>0</v>
      </c>
      <c r="BJ1946" s="166">
        <v>0</v>
      </c>
      <c r="BK1946" s="166">
        <v>0</v>
      </c>
      <c r="BL1946" s="166">
        <v>0</v>
      </c>
      <c r="BM1946" s="166">
        <v>0</v>
      </c>
      <c r="BN1946" s="166">
        <v>0</v>
      </c>
      <c r="BO1946" s="166">
        <v>0</v>
      </c>
      <c r="BP1946" s="166">
        <v>0</v>
      </c>
      <c r="BQ1946" s="166">
        <v>0</v>
      </c>
      <c r="BR1946" s="166">
        <v>4454415.4991967203</v>
      </c>
      <c r="BS1946" s="166">
        <v>4454415.4991967203</v>
      </c>
      <c r="BT1946" s="168">
        <v>1</v>
      </c>
      <c r="BU1946" s="166">
        <v>410686.94310596498</v>
      </c>
      <c r="BV1946" s="166">
        <v>4454415.4991967203</v>
      </c>
      <c r="BW1946" s="166">
        <v>0</v>
      </c>
      <c r="BX1946" s="166">
        <v>0</v>
      </c>
      <c r="BY1946" s="166">
        <v>0</v>
      </c>
      <c r="BZ1946" s="166">
        <v>0</v>
      </c>
      <c r="CA1946" s="166">
        <v>0</v>
      </c>
      <c r="CB1946" s="166">
        <v>0</v>
      </c>
      <c r="CC1946" s="166">
        <v>0</v>
      </c>
      <c r="CD1946" s="166">
        <v>0</v>
      </c>
      <c r="CE1946" s="166">
        <v>0</v>
      </c>
      <c r="CF1946" s="166">
        <v>0</v>
      </c>
      <c r="CG1946" s="166">
        <v>0</v>
      </c>
      <c r="CH1946" s="166">
        <v>0</v>
      </c>
      <c r="CI1946" s="166">
        <v>0</v>
      </c>
      <c r="CJ1946" s="166">
        <v>0</v>
      </c>
      <c r="CK1946" s="166">
        <v>0</v>
      </c>
      <c r="CL1946" s="166">
        <v>0</v>
      </c>
      <c r="CM1946" s="166">
        <v>0</v>
      </c>
      <c r="CN1946" s="166">
        <v>0</v>
      </c>
      <c r="CO1946" s="166">
        <v>0</v>
      </c>
      <c r="CP1946" s="166">
        <v>0</v>
      </c>
      <c r="CQ1946" s="166">
        <v>0</v>
      </c>
      <c r="CR1946" s="166">
        <v>0</v>
      </c>
      <c r="CS1946" s="166">
        <v>0</v>
      </c>
      <c r="CT1946" s="166">
        <v>0</v>
      </c>
      <c r="CU1946" s="166">
        <v>0</v>
      </c>
      <c r="CV1946" s="166">
        <v>0</v>
      </c>
      <c r="CW1946" s="166">
        <v>0</v>
      </c>
      <c r="CX1946" s="166">
        <v>0</v>
      </c>
      <c r="CY1946" s="166">
        <v>4454415.4991967203</v>
      </c>
      <c r="CZ1946" s="166">
        <v>4454415.4991967203</v>
      </c>
    </row>
    <row r="1947" spans="1:104" x14ac:dyDescent="0.2">
      <c r="A1947" s="167" t="s">
        <v>1153</v>
      </c>
      <c r="B1947" s="166">
        <v>6263811.5910096196</v>
      </c>
      <c r="C1947" s="166">
        <v>6263811.5910096196</v>
      </c>
      <c r="D1947" s="166">
        <v>0</v>
      </c>
      <c r="E1947" s="166">
        <v>0</v>
      </c>
      <c r="F1947" s="166">
        <v>0</v>
      </c>
      <c r="G1947" s="166">
        <v>0</v>
      </c>
      <c r="H1947" s="166">
        <v>0</v>
      </c>
      <c r="I1947" s="166">
        <v>0</v>
      </c>
      <c r="J1947" s="166">
        <v>0</v>
      </c>
      <c r="K1947" s="166">
        <v>0</v>
      </c>
      <c r="L1947" s="166">
        <v>0</v>
      </c>
      <c r="M1947" s="166">
        <v>0</v>
      </c>
      <c r="N1947" s="166">
        <v>0</v>
      </c>
      <c r="O1947" s="166">
        <v>0</v>
      </c>
      <c r="P1947" s="166">
        <v>0</v>
      </c>
      <c r="Q1947" s="166">
        <v>0</v>
      </c>
      <c r="R1947" s="166">
        <v>0</v>
      </c>
      <c r="S1947" s="166">
        <v>0</v>
      </c>
      <c r="T1947" s="166">
        <v>0</v>
      </c>
      <c r="U1947" s="166">
        <v>0</v>
      </c>
      <c r="V1947" s="166">
        <v>0</v>
      </c>
      <c r="W1947" s="166">
        <v>0</v>
      </c>
      <c r="X1947" s="166">
        <v>0</v>
      </c>
      <c r="Y1947" s="166">
        <v>0</v>
      </c>
      <c r="Z1947" s="166">
        <v>0</v>
      </c>
      <c r="AA1947" s="166">
        <v>0</v>
      </c>
      <c r="AB1947" s="166">
        <v>0</v>
      </c>
      <c r="AC1947" s="166">
        <v>0</v>
      </c>
      <c r="AD1947" s="166">
        <v>0</v>
      </c>
      <c r="AE1947" s="166">
        <v>0</v>
      </c>
      <c r="AF1947" s="166">
        <v>0</v>
      </c>
      <c r="AG1947" s="166">
        <v>0</v>
      </c>
      <c r="AH1947" s="166">
        <v>0</v>
      </c>
      <c r="AI1947" s="166">
        <v>0</v>
      </c>
      <c r="AJ1947" s="166">
        <v>0</v>
      </c>
      <c r="AK1947" s="166">
        <v>0</v>
      </c>
      <c r="AL1947" s="166">
        <v>0</v>
      </c>
      <c r="AM1947" s="166">
        <v>0</v>
      </c>
      <c r="AN1947" s="166">
        <v>0</v>
      </c>
      <c r="AO1947" s="166">
        <v>0</v>
      </c>
      <c r="AP1947" s="166">
        <v>0</v>
      </c>
      <c r="AQ1947" s="166">
        <v>0</v>
      </c>
      <c r="AR1947" s="166">
        <v>0</v>
      </c>
      <c r="AS1947" s="166">
        <v>0</v>
      </c>
      <c r="AT1947" s="166">
        <v>0</v>
      </c>
      <c r="AU1947" s="166">
        <v>0</v>
      </c>
      <c r="AV1947" s="166">
        <v>0</v>
      </c>
      <c r="AW1947" s="166">
        <v>0</v>
      </c>
      <c r="AX1947" s="166">
        <v>0</v>
      </c>
      <c r="AY1947" s="166">
        <v>0</v>
      </c>
      <c r="AZ1947" s="166">
        <v>0</v>
      </c>
      <c r="BA1947" s="166">
        <v>0</v>
      </c>
      <c r="BB1947" s="166">
        <v>0</v>
      </c>
      <c r="BC1947" s="166">
        <v>0</v>
      </c>
      <c r="BD1947" s="166">
        <v>0</v>
      </c>
      <c r="BE1947" s="166">
        <v>0</v>
      </c>
      <c r="BF1947" s="166">
        <v>0</v>
      </c>
      <c r="BG1947" s="166">
        <v>0</v>
      </c>
      <c r="BH1947" s="166">
        <v>0</v>
      </c>
      <c r="BI1947" s="166">
        <v>0</v>
      </c>
      <c r="BJ1947" s="166">
        <v>0</v>
      </c>
      <c r="BK1947" s="166">
        <v>0</v>
      </c>
      <c r="BL1947" s="166">
        <v>0</v>
      </c>
      <c r="BM1947" s="166">
        <v>0</v>
      </c>
      <c r="BN1947" s="166">
        <v>0</v>
      </c>
      <c r="BO1947" s="166">
        <v>0</v>
      </c>
      <c r="BP1947" s="166">
        <v>0</v>
      </c>
      <c r="BQ1947" s="166">
        <v>0</v>
      </c>
      <c r="BR1947" s="166">
        <v>6263811.5910096196</v>
      </c>
      <c r="BS1947" s="166">
        <v>6263811.5910096196</v>
      </c>
      <c r="BT1947" s="168">
        <v>1</v>
      </c>
      <c r="BU1947" s="166">
        <v>589118.15117983101</v>
      </c>
      <c r="BV1947" s="166">
        <v>6263811.5910096196</v>
      </c>
      <c r="BW1947" s="166">
        <v>0</v>
      </c>
      <c r="BX1947" s="166">
        <v>0</v>
      </c>
      <c r="BY1947" s="166">
        <v>0</v>
      </c>
      <c r="BZ1947" s="166">
        <v>0</v>
      </c>
      <c r="CA1947" s="166">
        <v>0</v>
      </c>
      <c r="CB1947" s="166">
        <v>0</v>
      </c>
      <c r="CC1947" s="166">
        <v>0</v>
      </c>
      <c r="CD1947" s="166">
        <v>0</v>
      </c>
      <c r="CE1947" s="166">
        <v>0</v>
      </c>
      <c r="CF1947" s="166">
        <v>0</v>
      </c>
      <c r="CG1947" s="166">
        <v>0</v>
      </c>
      <c r="CH1947" s="166">
        <v>0</v>
      </c>
      <c r="CI1947" s="166">
        <v>0</v>
      </c>
      <c r="CJ1947" s="166">
        <v>0</v>
      </c>
      <c r="CK1947" s="166">
        <v>0</v>
      </c>
      <c r="CL1947" s="166">
        <v>0</v>
      </c>
      <c r="CM1947" s="166">
        <v>0</v>
      </c>
      <c r="CN1947" s="166">
        <v>0</v>
      </c>
      <c r="CO1947" s="166">
        <v>0</v>
      </c>
      <c r="CP1947" s="166">
        <v>0</v>
      </c>
      <c r="CQ1947" s="166">
        <v>0</v>
      </c>
      <c r="CR1947" s="166">
        <v>0</v>
      </c>
      <c r="CS1947" s="166">
        <v>0</v>
      </c>
      <c r="CT1947" s="166">
        <v>0</v>
      </c>
      <c r="CU1947" s="166">
        <v>0</v>
      </c>
      <c r="CV1947" s="166">
        <v>0</v>
      </c>
      <c r="CW1947" s="166">
        <v>0</v>
      </c>
      <c r="CX1947" s="166">
        <v>0</v>
      </c>
      <c r="CY1947" s="166">
        <v>6263811.5910096196</v>
      </c>
      <c r="CZ1947" s="166">
        <v>6263811.5910096196</v>
      </c>
    </row>
    <row r="1948" spans="1:104" x14ac:dyDescent="0.2">
      <c r="A1948" s="167" t="s">
        <v>1154</v>
      </c>
      <c r="B1948" s="166">
        <v>0</v>
      </c>
      <c r="C1948" s="166">
        <v>0</v>
      </c>
      <c r="D1948" s="166">
        <v>0</v>
      </c>
      <c r="E1948" s="166">
        <v>0</v>
      </c>
      <c r="F1948" s="166">
        <v>0</v>
      </c>
      <c r="G1948" s="166">
        <v>0</v>
      </c>
      <c r="H1948" s="166">
        <v>0</v>
      </c>
      <c r="I1948" s="166">
        <v>0</v>
      </c>
      <c r="J1948" s="166">
        <v>0</v>
      </c>
      <c r="K1948" s="166">
        <v>0</v>
      </c>
      <c r="L1948" s="166">
        <v>0</v>
      </c>
      <c r="M1948" s="166">
        <v>0</v>
      </c>
      <c r="N1948" s="166">
        <v>0</v>
      </c>
      <c r="O1948" s="166">
        <v>0</v>
      </c>
      <c r="P1948" s="166">
        <v>0</v>
      </c>
      <c r="Q1948" s="166">
        <v>0</v>
      </c>
      <c r="R1948" s="166">
        <v>0</v>
      </c>
      <c r="S1948" s="166">
        <v>0</v>
      </c>
      <c r="T1948" s="166">
        <v>0</v>
      </c>
      <c r="U1948" s="166">
        <v>0</v>
      </c>
      <c r="V1948" s="166">
        <v>0</v>
      </c>
      <c r="W1948" s="166">
        <v>0</v>
      </c>
      <c r="X1948" s="166">
        <v>0</v>
      </c>
      <c r="Y1948" s="166">
        <v>0</v>
      </c>
      <c r="Z1948" s="166">
        <v>0</v>
      </c>
      <c r="AA1948" s="166">
        <v>0</v>
      </c>
      <c r="AB1948" s="166">
        <v>0</v>
      </c>
      <c r="AC1948" s="166">
        <v>0</v>
      </c>
      <c r="AD1948" s="166">
        <v>0</v>
      </c>
      <c r="AE1948" s="166">
        <v>0</v>
      </c>
      <c r="AF1948" s="166">
        <v>0</v>
      </c>
      <c r="AG1948" s="166">
        <v>0</v>
      </c>
      <c r="AH1948" s="166">
        <v>0</v>
      </c>
      <c r="AI1948" s="166">
        <v>0</v>
      </c>
      <c r="AJ1948" s="166">
        <v>0</v>
      </c>
      <c r="AK1948" s="166">
        <v>0</v>
      </c>
      <c r="AL1948" s="166">
        <v>0</v>
      </c>
      <c r="AM1948" s="166">
        <v>0</v>
      </c>
      <c r="AN1948" s="166">
        <v>0</v>
      </c>
      <c r="AO1948" s="166">
        <v>0</v>
      </c>
      <c r="AP1948" s="166">
        <v>0</v>
      </c>
      <c r="AQ1948" s="166">
        <v>0</v>
      </c>
      <c r="AR1948" s="166">
        <v>0</v>
      </c>
      <c r="AS1948" s="166">
        <v>0</v>
      </c>
      <c r="AT1948" s="166">
        <v>0</v>
      </c>
      <c r="AU1948" s="166">
        <v>0</v>
      </c>
      <c r="AV1948" s="166">
        <v>0</v>
      </c>
      <c r="AW1948" s="166">
        <v>0</v>
      </c>
      <c r="AX1948" s="166">
        <v>0</v>
      </c>
      <c r="AY1948" s="166">
        <v>0</v>
      </c>
      <c r="AZ1948" s="166">
        <v>0</v>
      </c>
      <c r="BA1948" s="166">
        <v>0</v>
      </c>
      <c r="BB1948" s="166">
        <v>0</v>
      </c>
      <c r="BC1948" s="166">
        <v>0</v>
      </c>
      <c r="BD1948" s="166">
        <v>0</v>
      </c>
      <c r="BE1948" s="166">
        <v>0</v>
      </c>
      <c r="BF1948" s="166">
        <v>0</v>
      </c>
      <c r="BG1948" s="166">
        <v>0</v>
      </c>
      <c r="BH1948" s="166">
        <v>0</v>
      </c>
      <c r="BI1948" s="166">
        <v>0</v>
      </c>
      <c r="BJ1948" s="166">
        <v>0</v>
      </c>
      <c r="BK1948" s="166">
        <v>0</v>
      </c>
      <c r="BL1948" s="166">
        <v>0</v>
      </c>
      <c r="BM1948" s="166">
        <v>0</v>
      </c>
      <c r="BN1948" s="166">
        <v>0</v>
      </c>
      <c r="BO1948" s="166">
        <v>0</v>
      </c>
      <c r="BP1948" s="166">
        <v>0</v>
      </c>
      <c r="BQ1948" s="166">
        <v>0</v>
      </c>
      <c r="BR1948" s="166">
        <v>0</v>
      </c>
      <c r="BS1948" s="166">
        <v>0</v>
      </c>
      <c r="BT1948" s="168">
        <v>1</v>
      </c>
      <c r="BU1948" s="166">
        <v>0</v>
      </c>
      <c r="BV1948" s="166">
        <v>0</v>
      </c>
      <c r="BW1948" s="166">
        <v>0</v>
      </c>
      <c r="BX1948" s="166">
        <v>0</v>
      </c>
      <c r="BY1948" s="166">
        <v>0</v>
      </c>
      <c r="BZ1948" s="166">
        <v>0</v>
      </c>
      <c r="CA1948" s="166">
        <v>0</v>
      </c>
      <c r="CB1948" s="166">
        <v>0</v>
      </c>
      <c r="CC1948" s="166">
        <v>0</v>
      </c>
      <c r="CD1948" s="166">
        <v>0</v>
      </c>
      <c r="CE1948" s="166">
        <v>0</v>
      </c>
      <c r="CF1948" s="166">
        <v>0</v>
      </c>
      <c r="CG1948" s="166">
        <v>0</v>
      </c>
      <c r="CH1948" s="166">
        <v>0</v>
      </c>
      <c r="CI1948" s="166">
        <v>0</v>
      </c>
      <c r="CJ1948" s="166">
        <v>0</v>
      </c>
      <c r="CK1948" s="166">
        <v>0</v>
      </c>
      <c r="CL1948" s="166">
        <v>0</v>
      </c>
      <c r="CM1948" s="166">
        <v>0</v>
      </c>
      <c r="CN1948" s="166">
        <v>0</v>
      </c>
      <c r="CO1948" s="166">
        <v>0</v>
      </c>
      <c r="CP1948" s="166">
        <v>0</v>
      </c>
      <c r="CQ1948" s="166">
        <v>0</v>
      </c>
      <c r="CR1948" s="166">
        <v>0</v>
      </c>
      <c r="CS1948" s="166">
        <v>0</v>
      </c>
      <c r="CT1948" s="166">
        <v>0</v>
      </c>
      <c r="CU1948" s="166">
        <v>0</v>
      </c>
      <c r="CV1948" s="166">
        <v>0</v>
      </c>
      <c r="CW1948" s="166">
        <v>0</v>
      </c>
      <c r="CX1948" s="166">
        <v>0</v>
      </c>
      <c r="CY1948" s="166">
        <v>0</v>
      </c>
      <c r="CZ1948" s="166">
        <v>0</v>
      </c>
    </row>
    <row r="1949" spans="1:104" x14ac:dyDescent="0.2">
      <c r="A1949" s="167" t="s">
        <v>1155</v>
      </c>
      <c r="B1949" s="166">
        <v>67310317.289999902</v>
      </c>
      <c r="C1949" s="166">
        <v>67310317.289999902</v>
      </c>
      <c r="D1949" s="166">
        <v>0</v>
      </c>
      <c r="E1949" s="166">
        <v>0</v>
      </c>
      <c r="F1949" s="166">
        <v>0</v>
      </c>
      <c r="G1949" s="166">
        <v>0</v>
      </c>
      <c r="H1949" s="166">
        <v>0</v>
      </c>
      <c r="I1949" s="166">
        <v>0</v>
      </c>
      <c r="J1949" s="166">
        <v>0</v>
      </c>
      <c r="K1949" s="166">
        <v>0</v>
      </c>
      <c r="L1949" s="166">
        <v>0</v>
      </c>
      <c r="M1949" s="166">
        <v>0</v>
      </c>
      <c r="N1949" s="166">
        <v>0</v>
      </c>
      <c r="O1949" s="166">
        <v>0</v>
      </c>
      <c r="P1949" s="166">
        <v>0</v>
      </c>
      <c r="Q1949" s="166">
        <v>0</v>
      </c>
      <c r="R1949" s="166">
        <v>0</v>
      </c>
      <c r="S1949" s="166">
        <v>0</v>
      </c>
      <c r="T1949" s="166">
        <v>0</v>
      </c>
      <c r="U1949" s="166">
        <v>0</v>
      </c>
      <c r="V1949" s="166">
        <v>0</v>
      </c>
      <c r="W1949" s="166">
        <v>0</v>
      </c>
      <c r="X1949" s="166">
        <v>0</v>
      </c>
      <c r="Y1949" s="166">
        <v>0</v>
      </c>
      <c r="Z1949" s="166">
        <v>0</v>
      </c>
      <c r="AA1949" s="166">
        <v>0</v>
      </c>
      <c r="AB1949" s="166">
        <v>0</v>
      </c>
      <c r="AC1949" s="166">
        <v>0</v>
      </c>
      <c r="AD1949" s="166">
        <v>0</v>
      </c>
      <c r="AE1949" s="166">
        <v>0</v>
      </c>
      <c r="AF1949" s="166">
        <v>0</v>
      </c>
      <c r="AG1949" s="166">
        <v>0</v>
      </c>
      <c r="AH1949" s="166">
        <v>0</v>
      </c>
      <c r="AI1949" s="166">
        <v>0</v>
      </c>
      <c r="AJ1949" s="166">
        <v>0</v>
      </c>
      <c r="AK1949" s="166">
        <v>0</v>
      </c>
      <c r="AL1949" s="166">
        <v>0</v>
      </c>
      <c r="AM1949" s="166">
        <v>0</v>
      </c>
      <c r="AN1949" s="166">
        <v>0</v>
      </c>
      <c r="AO1949" s="166">
        <v>0</v>
      </c>
      <c r="AP1949" s="166">
        <v>0</v>
      </c>
      <c r="AQ1949" s="166">
        <v>0</v>
      </c>
      <c r="AR1949" s="166">
        <v>0</v>
      </c>
      <c r="AS1949" s="166">
        <v>0</v>
      </c>
      <c r="AT1949" s="166">
        <v>0</v>
      </c>
      <c r="AU1949" s="166">
        <v>0</v>
      </c>
      <c r="AV1949" s="166">
        <v>0</v>
      </c>
      <c r="AW1949" s="166">
        <v>0</v>
      </c>
      <c r="AX1949" s="166">
        <v>0</v>
      </c>
      <c r="AY1949" s="166">
        <v>0</v>
      </c>
      <c r="AZ1949" s="166">
        <v>0</v>
      </c>
      <c r="BA1949" s="166">
        <v>0</v>
      </c>
      <c r="BB1949" s="166">
        <v>0</v>
      </c>
      <c r="BC1949" s="166">
        <v>0</v>
      </c>
      <c r="BD1949" s="166">
        <v>0</v>
      </c>
      <c r="BE1949" s="166">
        <v>0</v>
      </c>
      <c r="BF1949" s="166">
        <v>0</v>
      </c>
      <c r="BG1949" s="166">
        <v>0</v>
      </c>
      <c r="BH1949" s="166">
        <v>0</v>
      </c>
      <c r="BI1949" s="166">
        <v>0</v>
      </c>
      <c r="BJ1949" s="166">
        <v>0</v>
      </c>
      <c r="BK1949" s="166">
        <v>0</v>
      </c>
      <c r="BL1949" s="166">
        <v>0</v>
      </c>
      <c r="BM1949" s="166">
        <v>0</v>
      </c>
      <c r="BN1949" s="166">
        <v>0</v>
      </c>
      <c r="BO1949" s="166">
        <v>0</v>
      </c>
      <c r="BP1949" s="166">
        <v>0</v>
      </c>
      <c r="BQ1949" s="166">
        <v>0</v>
      </c>
      <c r="BR1949" s="166">
        <v>67310317.289999902</v>
      </c>
      <c r="BS1949" s="166">
        <v>67310317.289999902</v>
      </c>
      <c r="BT1949" s="168">
        <v>0</v>
      </c>
      <c r="BU1949" s="166">
        <v>6354232.96</v>
      </c>
      <c r="BV1949" s="166">
        <v>67310317.289999902</v>
      </c>
      <c r="BW1949" s="166">
        <v>0</v>
      </c>
      <c r="BX1949" s="166">
        <v>0</v>
      </c>
      <c r="BY1949" s="166">
        <v>0</v>
      </c>
      <c r="BZ1949" s="166">
        <v>0</v>
      </c>
      <c r="CA1949" s="166">
        <v>0</v>
      </c>
      <c r="CB1949" s="166">
        <v>0</v>
      </c>
      <c r="CC1949" s="166">
        <v>0</v>
      </c>
      <c r="CD1949" s="166">
        <v>0</v>
      </c>
      <c r="CE1949" s="166">
        <v>0</v>
      </c>
      <c r="CF1949" s="166">
        <v>0</v>
      </c>
      <c r="CG1949" s="166">
        <v>0</v>
      </c>
      <c r="CH1949" s="166">
        <v>0</v>
      </c>
      <c r="CI1949" s="166">
        <v>0</v>
      </c>
      <c r="CJ1949" s="166">
        <v>0</v>
      </c>
      <c r="CK1949" s="166">
        <v>0</v>
      </c>
      <c r="CL1949" s="166">
        <v>0</v>
      </c>
      <c r="CM1949" s="166">
        <v>0</v>
      </c>
      <c r="CN1949" s="166">
        <v>0</v>
      </c>
      <c r="CO1949" s="166">
        <v>0</v>
      </c>
      <c r="CP1949" s="166">
        <v>0</v>
      </c>
      <c r="CQ1949" s="166">
        <v>0</v>
      </c>
      <c r="CR1949" s="166">
        <v>0</v>
      </c>
      <c r="CS1949" s="166">
        <v>0</v>
      </c>
      <c r="CT1949" s="166">
        <v>0</v>
      </c>
      <c r="CU1949" s="166">
        <v>0</v>
      </c>
      <c r="CV1949" s="166">
        <v>0</v>
      </c>
      <c r="CW1949" s="166">
        <v>0</v>
      </c>
      <c r="CX1949" s="166">
        <v>0</v>
      </c>
      <c r="CY1949" s="166">
        <v>67310317.289999902</v>
      </c>
      <c r="CZ1949" s="166">
        <v>67310317.289999902</v>
      </c>
    </row>
    <row r="1950" spans="1:104" x14ac:dyDescent="0.2">
      <c r="A1950" s="167" t="s">
        <v>359</v>
      </c>
    </row>
    <row r="1951" spans="1:104" x14ac:dyDescent="0.2">
      <c r="A1951" s="167" t="s">
        <v>1156</v>
      </c>
      <c r="B1951" s="166">
        <v>0</v>
      </c>
      <c r="C1951" s="166">
        <v>0</v>
      </c>
      <c r="D1951" s="166">
        <v>0</v>
      </c>
      <c r="E1951" s="166">
        <v>0</v>
      </c>
      <c r="F1951" s="166">
        <v>0</v>
      </c>
      <c r="G1951" s="166">
        <v>0</v>
      </c>
      <c r="H1951" s="166">
        <v>0</v>
      </c>
      <c r="I1951" s="166">
        <v>0</v>
      </c>
      <c r="J1951" s="166">
        <v>0</v>
      </c>
      <c r="K1951" s="166">
        <v>0</v>
      </c>
      <c r="L1951" s="166">
        <v>0</v>
      </c>
      <c r="M1951" s="166">
        <v>0</v>
      </c>
      <c r="N1951" s="166">
        <v>0</v>
      </c>
      <c r="O1951" s="166">
        <v>0</v>
      </c>
      <c r="P1951" s="166">
        <v>0</v>
      </c>
      <c r="Q1951" s="166">
        <v>0</v>
      </c>
      <c r="R1951" s="166">
        <v>0</v>
      </c>
      <c r="S1951" s="166">
        <v>0</v>
      </c>
      <c r="T1951" s="166">
        <v>0</v>
      </c>
      <c r="U1951" s="166">
        <v>0</v>
      </c>
      <c r="V1951" s="166">
        <v>0</v>
      </c>
      <c r="W1951" s="166">
        <v>0</v>
      </c>
      <c r="X1951" s="166">
        <v>0</v>
      </c>
      <c r="Y1951" s="166">
        <v>0</v>
      </c>
      <c r="Z1951" s="166">
        <v>0</v>
      </c>
      <c r="AA1951" s="166">
        <v>0</v>
      </c>
      <c r="AB1951" s="166">
        <v>0</v>
      </c>
      <c r="AC1951" s="166">
        <v>0</v>
      </c>
      <c r="AD1951" s="166">
        <v>0</v>
      </c>
      <c r="AE1951" s="166">
        <v>0</v>
      </c>
      <c r="AF1951" s="166">
        <v>0</v>
      </c>
      <c r="AG1951" s="166">
        <v>0</v>
      </c>
      <c r="AH1951" s="166">
        <v>0</v>
      </c>
      <c r="AI1951" s="166">
        <v>0</v>
      </c>
      <c r="AJ1951" s="166">
        <v>0</v>
      </c>
      <c r="AK1951" s="166">
        <v>0</v>
      </c>
      <c r="AL1951" s="166">
        <v>0</v>
      </c>
      <c r="AM1951" s="166">
        <v>0</v>
      </c>
      <c r="AN1951" s="166">
        <v>0</v>
      </c>
      <c r="AO1951" s="166">
        <v>0</v>
      </c>
      <c r="AP1951" s="166">
        <v>0</v>
      </c>
      <c r="AQ1951" s="166">
        <v>0</v>
      </c>
      <c r="AR1951" s="166">
        <v>0</v>
      </c>
      <c r="AS1951" s="166">
        <v>0</v>
      </c>
      <c r="AT1951" s="166">
        <v>0</v>
      </c>
      <c r="AU1951" s="166">
        <v>0</v>
      </c>
      <c r="AV1951" s="166">
        <v>0</v>
      </c>
      <c r="AW1951" s="166">
        <v>0</v>
      </c>
      <c r="AX1951" s="166">
        <v>0</v>
      </c>
      <c r="AY1951" s="166">
        <v>0</v>
      </c>
      <c r="AZ1951" s="166">
        <v>0</v>
      </c>
      <c r="BA1951" s="166">
        <v>0</v>
      </c>
      <c r="BB1951" s="166">
        <v>0</v>
      </c>
      <c r="BC1951" s="166">
        <v>0</v>
      </c>
      <c r="BD1951" s="166">
        <v>0</v>
      </c>
      <c r="BE1951" s="166">
        <v>0</v>
      </c>
      <c r="BF1951" s="166">
        <v>0</v>
      </c>
      <c r="BG1951" s="166">
        <v>0</v>
      </c>
      <c r="BH1951" s="166">
        <v>0</v>
      </c>
      <c r="BI1951" s="166">
        <v>0</v>
      </c>
      <c r="BJ1951" s="166">
        <v>0</v>
      </c>
      <c r="BK1951" s="166">
        <v>0</v>
      </c>
      <c r="BL1951" s="166">
        <v>0</v>
      </c>
      <c r="BM1951" s="166">
        <v>0</v>
      </c>
      <c r="BN1951" s="166">
        <v>0</v>
      </c>
      <c r="BO1951" s="166">
        <v>0</v>
      </c>
      <c r="BP1951" s="166">
        <v>0</v>
      </c>
      <c r="BQ1951" s="166">
        <v>0</v>
      </c>
      <c r="BR1951" s="166">
        <v>0</v>
      </c>
      <c r="BS1951" s="166">
        <v>0</v>
      </c>
      <c r="BT1951" s="168">
        <v>1</v>
      </c>
      <c r="BU1951" s="166">
        <v>0</v>
      </c>
      <c r="BV1951" s="166">
        <v>0</v>
      </c>
      <c r="BW1951" s="166">
        <v>0</v>
      </c>
      <c r="BX1951" s="166">
        <v>0</v>
      </c>
      <c r="BY1951" s="166">
        <v>0</v>
      </c>
      <c r="BZ1951" s="166">
        <v>0</v>
      </c>
      <c r="CA1951" s="166">
        <v>0</v>
      </c>
      <c r="CB1951" s="166">
        <v>0</v>
      </c>
      <c r="CC1951" s="166">
        <v>0</v>
      </c>
      <c r="CD1951" s="166">
        <v>0</v>
      </c>
      <c r="CE1951" s="166">
        <v>0</v>
      </c>
      <c r="CF1951" s="166">
        <v>0</v>
      </c>
      <c r="CG1951" s="166">
        <v>0</v>
      </c>
      <c r="CH1951" s="166">
        <v>0</v>
      </c>
      <c r="CI1951" s="166">
        <v>0</v>
      </c>
      <c r="CJ1951" s="166">
        <v>0</v>
      </c>
      <c r="CK1951" s="166">
        <v>0</v>
      </c>
      <c r="CL1951" s="166">
        <v>0</v>
      </c>
      <c r="CM1951" s="166">
        <v>0</v>
      </c>
      <c r="CN1951" s="166">
        <v>0</v>
      </c>
      <c r="CO1951" s="166">
        <v>0</v>
      </c>
      <c r="CP1951" s="166">
        <v>0</v>
      </c>
      <c r="CQ1951" s="166">
        <v>0</v>
      </c>
      <c r="CR1951" s="166">
        <v>0</v>
      </c>
      <c r="CS1951" s="166">
        <v>0</v>
      </c>
      <c r="CT1951" s="166">
        <v>0</v>
      </c>
      <c r="CU1951" s="166">
        <v>0</v>
      </c>
      <c r="CV1951" s="166">
        <v>0</v>
      </c>
      <c r="CW1951" s="166">
        <v>0</v>
      </c>
      <c r="CX1951" s="166">
        <v>0</v>
      </c>
      <c r="CY1951" s="166">
        <v>0</v>
      </c>
      <c r="CZ1951" s="166">
        <v>0</v>
      </c>
    </row>
    <row r="1952" spans="1:104" x14ac:dyDescent="0.2">
      <c r="A1952" s="167" t="s">
        <v>1157</v>
      </c>
      <c r="B1952" s="166">
        <v>0</v>
      </c>
      <c r="C1952" s="166">
        <v>0</v>
      </c>
      <c r="D1952" s="166">
        <v>0</v>
      </c>
      <c r="E1952" s="166">
        <v>0</v>
      </c>
      <c r="F1952" s="166">
        <v>0</v>
      </c>
      <c r="G1952" s="166">
        <v>0</v>
      </c>
      <c r="H1952" s="166">
        <v>0</v>
      </c>
      <c r="I1952" s="166">
        <v>0</v>
      </c>
      <c r="J1952" s="166">
        <v>0</v>
      </c>
      <c r="K1952" s="166">
        <v>0</v>
      </c>
      <c r="L1952" s="166">
        <v>0</v>
      </c>
      <c r="M1952" s="166">
        <v>0</v>
      </c>
      <c r="N1952" s="166">
        <v>0</v>
      </c>
      <c r="O1952" s="166">
        <v>0</v>
      </c>
      <c r="P1952" s="166">
        <v>0</v>
      </c>
      <c r="Q1952" s="166">
        <v>0</v>
      </c>
      <c r="R1952" s="166">
        <v>0</v>
      </c>
      <c r="S1952" s="166">
        <v>0</v>
      </c>
      <c r="T1952" s="166">
        <v>0</v>
      </c>
      <c r="U1952" s="166">
        <v>0</v>
      </c>
      <c r="V1952" s="166">
        <v>0</v>
      </c>
      <c r="W1952" s="166">
        <v>0</v>
      </c>
      <c r="X1952" s="166">
        <v>0</v>
      </c>
      <c r="Y1952" s="166">
        <v>0</v>
      </c>
      <c r="Z1952" s="166">
        <v>0</v>
      </c>
      <c r="AA1952" s="166">
        <v>0</v>
      </c>
      <c r="AB1952" s="166">
        <v>0</v>
      </c>
      <c r="AC1952" s="166">
        <v>0</v>
      </c>
      <c r="AD1952" s="166">
        <v>0</v>
      </c>
      <c r="AE1952" s="166">
        <v>0</v>
      </c>
      <c r="AF1952" s="166">
        <v>0</v>
      </c>
      <c r="AG1952" s="166">
        <v>0</v>
      </c>
      <c r="AH1952" s="166">
        <v>0</v>
      </c>
      <c r="AI1952" s="166">
        <v>0</v>
      </c>
      <c r="AJ1952" s="166">
        <v>0</v>
      </c>
      <c r="AK1952" s="166">
        <v>0</v>
      </c>
      <c r="AL1952" s="166">
        <v>0</v>
      </c>
      <c r="AM1952" s="166">
        <v>0</v>
      </c>
      <c r="AN1952" s="166">
        <v>0</v>
      </c>
      <c r="AO1952" s="166">
        <v>0</v>
      </c>
      <c r="AP1952" s="166">
        <v>0</v>
      </c>
      <c r="AQ1952" s="166">
        <v>0</v>
      </c>
      <c r="AR1952" s="166">
        <v>0</v>
      </c>
      <c r="AS1952" s="166">
        <v>0</v>
      </c>
      <c r="AT1952" s="166">
        <v>0</v>
      </c>
      <c r="AU1952" s="166">
        <v>0</v>
      </c>
      <c r="AV1952" s="166">
        <v>0</v>
      </c>
      <c r="AW1952" s="166">
        <v>0</v>
      </c>
      <c r="AX1952" s="166">
        <v>0</v>
      </c>
      <c r="AY1952" s="166">
        <v>0</v>
      </c>
      <c r="AZ1952" s="166">
        <v>0</v>
      </c>
      <c r="BA1952" s="166">
        <v>0</v>
      </c>
      <c r="BB1952" s="166">
        <v>0</v>
      </c>
      <c r="BC1952" s="166">
        <v>0</v>
      </c>
      <c r="BD1952" s="166">
        <v>0</v>
      </c>
      <c r="BE1952" s="166">
        <v>0</v>
      </c>
      <c r="BF1952" s="166">
        <v>0</v>
      </c>
      <c r="BG1952" s="166">
        <v>0</v>
      </c>
      <c r="BH1952" s="166">
        <v>0</v>
      </c>
      <c r="BI1952" s="166">
        <v>0</v>
      </c>
      <c r="BJ1952" s="166">
        <v>0</v>
      </c>
      <c r="BK1952" s="166">
        <v>0</v>
      </c>
      <c r="BL1952" s="166">
        <v>0</v>
      </c>
      <c r="BM1952" s="166">
        <v>0</v>
      </c>
      <c r="BN1952" s="166">
        <v>0</v>
      </c>
      <c r="BO1952" s="166">
        <v>0</v>
      </c>
      <c r="BP1952" s="166">
        <v>0</v>
      </c>
      <c r="BQ1952" s="166">
        <v>0</v>
      </c>
      <c r="BR1952" s="166">
        <v>0</v>
      </c>
      <c r="BS1952" s="166">
        <v>0</v>
      </c>
      <c r="BT1952" s="168">
        <v>1</v>
      </c>
      <c r="BU1952" s="166">
        <v>0</v>
      </c>
      <c r="BV1952" s="166">
        <v>0</v>
      </c>
      <c r="BW1952" s="166">
        <v>0</v>
      </c>
      <c r="BX1952" s="166">
        <v>0</v>
      </c>
      <c r="BY1952" s="166">
        <v>0</v>
      </c>
      <c r="BZ1952" s="166">
        <v>0</v>
      </c>
      <c r="CA1952" s="166">
        <v>0</v>
      </c>
      <c r="CB1952" s="166">
        <v>0</v>
      </c>
      <c r="CC1952" s="166">
        <v>0</v>
      </c>
      <c r="CD1952" s="166">
        <v>0</v>
      </c>
      <c r="CE1952" s="166">
        <v>0</v>
      </c>
      <c r="CF1952" s="166">
        <v>0</v>
      </c>
      <c r="CG1952" s="166">
        <v>0</v>
      </c>
      <c r="CH1952" s="166">
        <v>0</v>
      </c>
      <c r="CI1952" s="166">
        <v>0</v>
      </c>
      <c r="CJ1952" s="166">
        <v>0</v>
      </c>
      <c r="CK1952" s="166">
        <v>0</v>
      </c>
      <c r="CL1952" s="166">
        <v>0</v>
      </c>
      <c r="CM1952" s="166">
        <v>0</v>
      </c>
      <c r="CN1952" s="166">
        <v>0</v>
      </c>
      <c r="CO1952" s="166">
        <v>0</v>
      </c>
      <c r="CP1952" s="166">
        <v>0</v>
      </c>
      <c r="CQ1952" s="166">
        <v>0</v>
      </c>
      <c r="CR1952" s="166">
        <v>0</v>
      </c>
      <c r="CS1952" s="166">
        <v>0</v>
      </c>
      <c r="CT1952" s="166">
        <v>0</v>
      </c>
      <c r="CU1952" s="166">
        <v>0</v>
      </c>
      <c r="CV1952" s="166">
        <v>0</v>
      </c>
      <c r="CW1952" s="166">
        <v>0</v>
      </c>
      <c r="CX1952" s="166">
        <v>0</v>
      </c>
      <c r="CY1952" s="166">
        <v>0</v>
      </c>
      <c r="CZ1952" s="166">
        <v>0</v>
      </c>
    </row>
    <row r="1953" spans="1:104" x14ac:dyDescent="0.2">
      <c r="A1953" s="167" t="s">
        <v>1158</v>
      </c>
      <c r="B1953" s="166">
        <v>0</v>
      </c>
      <c r="C1953" s="166">
        <v>0</v>
      </c>
      <c r="D1953" s="166">
        <v>0</v>
      </c>
      <c r="E1953" s="166">
        <v>0</v>
      </c>
      <c r="F1953" s="166">
        <v>0</v>
      </c>
      <c r="G1953" s="166">
        <v>0</v>
      </c>
      <c r="H1953" s="166">
        <v>0</v>
      </c>
      <c r="I1953" s="166">
        <v>0</v>
      </c>
      <c r="J1953" s="166">
        <v>0</v>
      </c>
      <c r="K1953" s="166">
        <v>0</v>
      </c>
      <c r="L1953" s="166">
        <v>0</v>
      </c>
      <c r="M1953" s="166">
        <v>0</v>
      </c>
      <c r="N1953" s="166">
        <v>0</v>
      </c>
      <c r="O1953" s="166">
        <v>0</v>
      </c>
      <c r="P1953" s="166">
        <v>0</v>
      </c>
      <c r="Q1953" s="166">
        <v>0</v>
      </c>
      <c r="R1953" s="166">
        <v>0</v>
      </c>
      <c r="S1953" s="166">
        <v>0</v>
      </c>
      <c r="T1953" s="166">
        <v>0</v>
      </c>
      <c r="U1953" s="166">
        <v>0</v>
      </c>
      <c r="V1953" s="166">
        <v>0</v>
      </c>
      <c r="W1953" s="166">
        <v>0</v>
      </c>
      <c r="X1953" s="166">
        <v>0</v>
      </c>
      <c r="Y1953" s="166">
        <v>0</v>
      </c>
      <c r="Z1953" s="166">
        <v>0</v>
      </c>
      <c r="AA1953" s="166">
        <v>0</v>
      </c>
      <c r="AB1953" s="166">
        <v>0</v>
      </c>
      <c r="AC1953" s="166">
        <v>0</v>
      </c>
      <c r="AD1953" s="166">
        <v>0</v>
      </c>
      <c r="AE1953" s="166">
        <v>0</v>
      </c>
      <c r="AF1953" s="166">
        <v>0</v>
      </c>
      <c r="AG1953" s="166">
        <v>0</v>
      </c>
      <c r="AH1953" s="166">
        <v>0</v>
      </c>
      <c r="AI1953" s="166">
        <v>0</v>
      </c>
      <c r="AJ1953" s="166">
        <v>0</v>
      </c>
      <c r="AK1953" s="166">
        <v>0</v>
      </c>
      <c r="AL1953" s="166">
        <v>0</v>
      </c>
      <c r="AM1953" s="166">
        <v>0</v>
      </c>
      <c r="AN1953" s="166">
        <v>0</v>
      </c>
      <c r="AO1953" s="166">
        <v>0</v>
      </c>
      <c r="AP1953" s="166">
        <v>0</v>
      </c>
      <c r="AQ1953" s="166">
        <v>0</v>
      </c>
      <c r="AR1953" s="166">
        <v>0</v>
      </c>
      <c r="AS1953" s="166">
        <v>0</v>
      </c>
      <c r="AT1953" s="166">
        <v>0</v>
      </c>
      <c r="AU1953" s="166">
        <v>0</v>
      </c>
      <c r="AV1953" s="166">
        <v>0</v>
      </c>
      <c r="AW1953" s="166">
        <v>0</v>
      </c>
      <c r="AX1953" s="166">
        <v>0</v>
      </c>
      <c r="AY1953" s="166">
        <v>0</v>
      </c>
      <c r="AZ1953" s="166">
        <v>0</v>
      </c>
      <c r="BA1953" s="166">
        <v>0</v>
      </c>
      <c r="BB1953" s="166">
        <v>0</v>
      </c>
      <c r="BC1953" s="166">
        <v>0</v>
      </c>
      <c r="BD1953" s="166">
        <v>0</v>
      </c>
      <c r="BE1953" s="166">
        <v>0</v>
      </c>
      <c r="BF1953" s="166">
        <v>0</v>
      </c>
      <c r="BG1953" s="166">
        <v>0</v>
      </c>
      <c r="BH1953" s="166">
        <v>0</v>
      </c>
      <c r="BI1953" s="166">
        <v>0</v>
      </c>
      <c r="BJ1953" s="166">
        <v>0</v>
      </c>
      <c r="BK1953" s="166">
        <v>0</v>
      </c>
      <c r="BL1953" s="166">
        <v>0</v>
      </c>
      <c r="BM1953" s="166">
        <v>0</v>
      </c>
      <c r="BN1953" s="166">
        <v>0</v>
      </c>
      <c r="BO1953" s="166">
        <v>0</v>
      </c>
      <c r="BP1953" s="166">
        <v>0</v>
      </c>
      <c r="BQ1953" s="166">
        <v>0</v>
      </c>
      <c r="BR1953" s="166">
        <v>0</v>
      </c>
      <c r="BS1953" s="166">
        <v>0</v>
      </c>
      <c r="BT1953" s="168">
        <v>1</v>
      </c>
      <c r="BU1953" s="166">
        <v>0</v>
      </c>
      <c r="BV1953" s="166">
        <v>0</v>
      </c>
      <c r="BW1953" s="166">
        <v>0</v>
      </c>
      <c r="BX1953" s="166">
        <v>0</v>
      </c>
      <c r="BY1953" s="166">
        <v>0</v>
      </c>
      <c r="BZ1953" s="166">
        <v>0</v>
      </c>
      <c r="CA1953" s="166">
        <v>0</v>
      </c>
      <c r="CB1953" s="166">
        <v>0</v>
      </c>
      <c r="CC1953" s="166">
        <v>0</v>
      </c>
      <c r="CD1953" s="166">
        <v>0</v>
      </c>
      <c r="CE1953" s="166">
        <v>0</v>
      </c>
      <c r="CF1953" s="166">
        <v>0</v>
      </c>
      <c r="CG1953" s="166">
        <v>0</v>
      </c>
      <c r="CH1953" s="166">
        <v>0</v>
      </c>
      <c r="CI1953" s="166">
        <v>0</v>
      </c>
      <c r="CJ1953" s="166">
        <v>0</v>
      </c>
      <c r="CK1953" s="166">
        <v>0</v>
      </c>
      <c r="CL1953" s="166">
        <v>0</v>
      </c>
      <c r="CM1953" s="166">
        <v>0</v>
      </c>
      <c r="CN1953" s="166">
        <v>0</v>
      </c>
      <c r="CO1953" s="166">
        <v>0</v>
      </c>
      <c r="CP1953" s="166">
        <v>0</v>
      </c>
      <c r="CQ1953" s="166">
        <v>0</v>
      </c>
      <c r="CR1953" s="166">
        <v>0</v>
      </c>
      <c r="CS1953" s="166">
        <v>0</v>
      </c>
      <c r="CT1953" s="166">
        <v>0</v>
      </c>
      <c r="CU1953" s="166">
        <v>0</v>
      </c>
      <c r="CV1953" s="166">
        <v>0</v>
      </c>
      <c r="CW1953" s="166">
        <v>0</v>
      </c>
      <c r="CX1953" s="166">
        <v>0</v>
      </c>
      <c r="CY1953" s="166">
        <v>0</v>
      </c>
      <c r="CZ1953" s="166">
        <v>0</v>
      </c>
    </row>
    <row r="1954" spans="1:104" x14ac:dyDescent="0.2">
      <c r="A1954" s="167" t="s">
        <v>1159</v>
      </c>
      <c r="B1954" s="166">
        <v>0</v>
      </c>
      <c r="C1954" s="166">
        <v>0</v>
      </c>
      <c r="D1954" s="166">
        <v>0</v>
      </c>
      <c r="E1954" s="166">
        <v>0</v>
      </c>
      <c r="F1954" s="166">
        <v>0</v>
      </c>
      <c r="G1954" s="166">
        <v>0</v>
      </c>
      <c r="H1954" s="166">
        <v>0</v>
      </c>
      <c r="I1954" s="166">
        <v>0</v>
      </c>
      <c r="J1954" s="166">
        <v>0</v>
      </c>
      <c r="K1954" s="166">
        <v>0</v>
      </c>
      <c r="L1954" s="166">
        <v>0</v>
      </c>
      <c r="M1954" s="166">
        <v>0</v>
      </c>
      <c r="N1954" s="166">
        <v>0</v>
      </c>
      <c r="O1954" s="166">
        <v>0</v>
      </c>
      <c r="P1954" s="166">
        <v>0</v>
      </c>
      <c r="Q1954" s="166">
        <v>0</v>
      </c>
      <c r="R1954" s="166">
        <v>0</v>
      </c>
      <c r="S1954" s="166">
        <v>0</v>
      </c>
      <c r="T1954" s="166">
        <v>0</v>
      </c>
      <c r="U1954" s="166">
        <v>0</v>
      </c>
      <c r="V1954" s="166">
        <v>0</v>
      </c>
      <c r="W1954" s="166">
        <v>0</v>
      </c>
      <c r="X1954" s="166">
        <v>0</v>
      </c>
      <c r="Y1954" s="166">
        <v>0</v>
      </c>
      <c r="Z1954" s="166">
        <v>0</v>
      </c>
      <c r="AA1954" s="166">
        <v>0</v>
      </c>
      <c r="AB1954" s="166">
        <v>0</v>
      </c>
      <c r="AC1954" s="166">
        <v>0</v>
      </c>
      <c r="AD1954" s="166">
        <v>0</v>
      </c>
      <c r="AE1954" s="166">
        <v>0</v>
      </c>
      <c r="AF1954" s="166">
        <v>0</v>
      </c>
      <c r="AG1954" s="166">
        <v>0</v>
      </c>
      <c r="AH1954" s="166">
        <v>0</v>
      </c>
      <c r="AI1954" s="166">
        <v>0</v>
      </c>
      <c r="AJ1954" s="166">
        <v>0</v>
      </c>
      <c r="AK1954" s="166">
        <v>0</v>
      </c>
      <c r="AL1954" s="166">
        <v>0</v>
      </c>
      <c r="AM1954" s="166">
        <v>0</v>
      </c>
      <c r="AN1954" s="166">
        <v>0</v>
      </c>
      <c r="AO1954" s="166">
        <v>0</v>
      </c>
      <c r="AP1954" s="166">
        <v>0</v>
      </c>
      <c r="AQ1954" s="166">
        <v>0</v>
      </c>
      <c r="AR1954" s="166">
        <v>0</v>
      </c>
      <c r="AS1954" s="166">
        <v>0</v>
      </c>
      <c r="AT1954" s="166">
        <v>0</v>
      </c>
      <c r="AU1954" s="166">
        <v>0</v>
      </c>
      <c r="AV1954" s="166">
        <v>0</v>
      </c>
      <c r="AW1954" s="166">
        <v>0</v>
      </c>
      <c r="AX1954" s="166">
        <v>0</v>
      </c>
      <c r="AY1954" s="166">
        <v>0</v>
      </c>
      <c r="AZ1954" s="166">
        <v>0</v>
      </c>
      <c r="BA1954" s="166">
        <v>0</v>
      </c>
      <c r="BB1954" s="166">
        <v>0</v>
      </c>
      <c r="BC1954" s="166">
        <v>0</v>
      </c>
      <c r="BD1954" s="166">
        <v>0</v>
      </c>
      <c r="BE1954" s="166">
        <v>0</v>
      </c>
      <c r="BF1954" s="166">
        <v>0</v>
      </c>
      <c r="BG1954" s="166">
        <v>0</v>
      </c>
      <c r="BH1954" s="166">
        <v>0</v>
      </c>
      <c r="BI1954" s="166">
        <v>0</v>
      </c>
      <c r="BJ1954" s="166">
        <v>0</v>
      </c>
      <c r="BK1954" s="166">
        <v>0</v>
      </c>
      <c r="BL1954" s="166">
        <v>0</v>
      </c>
      <c r="BM1954" s="166">
        <v>0</v>
      </c>
      <c r="BN1954" s="166">
        <v>0</v>
      </c>
      <c r="BO1954" s="166">
        <v>0</v>
      </c>
      <c r="BP1954" s="166">
        <v>0</v>
      </c>
      <c r="BQ1954" s="166">
        <v>0</v>
      </c>
      <c r="BR1954" s="166">
        <v>0</v>
      </c>
      <c r="BS1954" s="166">
        <v>0</v>
      </c>
      <c r="BT1954" s="168">
        <v>0</v>
      </c>
      <c r="BU1954" s="166">
        <v>0</v>
      </c>
      <c r="BV1954" s="166">
        <v>0</v>
      </c>
      <c r="BW1954" s="166">
        <v>0</v>
      </c>
      <c r="BX1954" s="166">
        <v>0</v>
      </c>
      <c r="BY1954" s="166">
        <v>0</v>
      </c>
      <c r="BZ1954" s="166">
        <v>0</v>
      </c>
      <c r="CA1954" s="166">
        <v>0</v>
      </c>
      <c r="CB1954" s="166">
        <v>0</v>
      </c>
      <c r="CC1954" s="166">
        <v>0</v>
      </c>
      <c r="CD1954" s="166">
        <v>0</v>
      </c>
      <c r="CE1954" s="166">
        <v>0</v>
      </c>
      <c r="CF1954" s="166">
        <v>0</v>
      </c>
      <c r="CG1954" s="166">
        <v>0</v>
      </c>
      <c r="CH1954" s="166">
        <v>0</v>
      </c>
      <c r="CI1954" s="166">
        <v>0</v>
      </c>
      <c r="CJ1954" s="166">
        <v>0</v>
      </c>
      <c r="CK1954" s="166">
        <v>0</v>
      </c>
      <c r="CL1954" s="166">
        <v>0</v>
      </c>
      <c r="CM1954" s="166">
        <v>0</v>
      </c>
      <c r="CN1954" s="166">
        <v>0</v>
      </c>
      <c r="CO1954" s="166">
        <v>0</v>
      </c>
      <c r="CP1954" s="166">
        <v>0</v>
      </c>
      <c r="CQ1954" s="166">
        <v>0</v>
      </c>
      <c r="CR1954" s="166">
        <v>0</v>
      </c>
      <c r="CS1954" s="166">
        <v>0</v>
      </c>
      <c r="CT1954" s="166">
        <v>0</v>
      </c>
      <c r="CU1954" s="166">
        <v>0</v>
      </c>
      <c r="CV1954" s="166">
        <v>0</v>
      </c>
      <c r="CW1954" s="166">
        <v>0</v>
      </c>
      <c r="CX1954" s="166">
        <v>0</v>
      </c>
      <c r="CY1954" s="166">
        <v>0</v>
      </c>
      <c r="CZ1954" s="166">
        <v>0</v>
      </c>
    </row>
    <row r="1955" spans="1:104" x14ac:dyDescent="0.2">
      <c r="A1955" s="167" t="s">
        <v>364</v>
      </c>
    </row>
    <row r="1956" spans="1:104" x14ac:dyDescent="0.2">
      <c r="A1956" s="167" t="s">
        <v>1160</v>
      </c>
      <c r="B1956" s="166">
        <v>283949.62</v>
      </c>
      <c r="C1956" s="166">
        <v>283949.62</v>
      </c>
      <c r="D1956" s="166">
        <v>0</v>
      </c>
      <c r="E1956" s="166">
        <v>0</v>
      </c>
      <c r="F1956" s="166">
        <v>0</v>
      </c>
      <c r="G1956" s="166">
        <v>0</v>
      </c>
      <c r="H1956" s="166">
        <v>0</v>
      </c>
      <c r="I1956" s="166">
        <v>0</v>
      </c>
      <c r="J1956" s="166">
        <v>0</v>
      </c>
      <c r="K1956" s="166">
        <v>0</v>
      </c>
      <c r="L1956" s="166">
        <v>0</v>
      </c>
      <c r="M1956" s="166">
        <v>0</v>
      </c>
      <c r="N1956" s="166">
        <v>0</v>
      </c>
      <c r="O1956" s="166">
        <v>0</v>
      </c>
      <c r="P1956" s="166">
        <v>0</v>
      </c>
      <c r="Q1956" s="166">
        <v>0</v>
      </c>
      <c r="R1956" s="166">
        <v>0</v>
      </c>
      <c r="S1956" s="166">
        <v>0</v>
      </c>
      <c r="T1956" s="166">
        <v>0</v>
      </c>
      <c r="U1956" s="166">
        <v>0</v>
      </c>
      <c r="V1956" s="166">
        <v>0</v>
      </c>
      <c r="W1956" s="166">
        <v>0</v>
      </c>
      <c r="X1956" s="166">
        <v>0</v>
      </c>
      <c r="Y1956" s="166">
        <v>0</v>
      </c>
      <c r="Z1956" s="166">
        <v>0</v>
      </c>
      <c r="AA1956" s="166">
        <v>0</v>
      </c>
      <c r="AB1956" s="166">
        <v>0</v>
      </c>
      <c r="AC1956" s="166">
        <v>0</v>
      </c>
      <c r="AD1956" s="166">
        <v>0</v>
      </c>
      <c r="AE1956" s="166">
        <v>0</v>
      </c>
      <c r="AF1956" s="166">
        <v>0</v>
      </c>
      <c r="AG1956" s="166">
        <v>0</v>
      </c>
      <c r="AH1956" s="166">
        <v>0</v>
      </c>
      <c r="AI1956" s="166">
        <v>0</v>
      </c>
      <c r="AJ1956" s="166">
        <v>0</v>
      </c>
      <c r="AK1956" s="166">
        <v>0</v>
      </c>
      <c r="AL1956" s="166">
        <v>0</v>
      </c>
      <c r="AM1956" s="166">
        <v>0</v>
      </c>
      <c r="AN1956" s="166">
        <v>0</v>
      </c>
      <c r="AO1956" s="166">
        <v>0</v>
      </c>
      <c r="AP1956" s="166">
        <v>0</v>
      </c>
      <c r="AQ1956" s="166">
        <v>0</v>
      </c>
      <c r="AR1956" s="166">
        <v>0</v>
      </c>
      <c r="AS1956" s="166">
        <v>0</v>
      </c>
      <c r="AT1956" s="166">
        <v>0</v>
      </c>
      <c r="AU1956" s="166">
        <v>0</v>
      </c>
      <c r="AV1956" s="166">
        <v>0</v>
      </c>
      <c r="AW1956" s="166">
        <v>0</v>
      </c>
      <c r="AX1956" s="166">
        <v>0</v>
      </c>
      <c r="AY1956" s="166">
        <v>0</v>
      </c>
      <c r="AZ1956" s="166">
        <v>0</v>
      </c>
      <c r="BA1956" s="166">
        <v>0</v>
      </c>
      <c r="BB1956" s="166">
        <v>0</v>
      </c>
      <c r="BC1956" s="166">
        <v>0</v>
      </c>
      <c r="BD1956" s="166">
        <v>0</v>
      </c>
      <c r="BE1956" s="166">
        <v>0</v>
      </c>
      <c r="BF1956" s="166">
        <v>0</v>
      </c>
      <c r="BG1956" s="166">
        <v>0</v>
      </c>
      <c r="BH1956" s="166">
        <v>0</v>
      </c>
      <c r="BI1956" s="166">
        <v>0</v>
      </c>
      <c r="BJ1956" s="166">
        <v>0</v>
      </c>
      <c r="BK1956" s="166">
        <v>0</v>
      </c>
      <c r="BL1956" s="166">
        <v>0</v>
      </c>
      <c r="BM1956" s="166">
        <v>0</v>
      </c>
      <c r="BN1956" s="166">
        <v>0</v>
      </c>
      <c r="BO1956" s="166">
        <v>0</v>
      </c>
      <c r="BP1956" s="166">
        <v>0</v>
      </c>
      <c r="BQ1956" s="166">
        <v>0</v>
      </c>
      <c r="BR1956" s="166">
        <v>283949.62</v>
      </c>
      <c r="BS1956" s="166">
        <v>283949.62</v>
      </c>
      <c r="BT1956" s="168">
        <v>1</v>
      </c>
      <c r="BU1956" s="166">
        <v>22977.29</v>
      </c>
      <c r="BV1956" s="166">
        <v>283949.62</v>
      </c>
      <c r="BW1956" s="166">
        <v>0</v>
      </c>
      <c r="BX1956" s="166">
        <v>0</v>
      </c>
      <c r="BY1956" s="166">
        <v>0</v>
      </c>
      <c r="BZ1956" s="166">
        <v>0</v>
      </c>
      <c r="CA1956" s="166">
        <v>0</v>
      </c>
      <c r="CB1956" s="166">
        <v>0</v>
      </c>
      <c r="CC1956" s="166">
        <v>0</v>
      </c>
      <c r="CD1956" s="166">
        <v>0</v>
      </c>
      <c r="CE1956" s="166">
        <v>0</v>
      </c>
      <c r="CF1956" s="166">
        <v>0</v>
      </c>
      <c r="CG1956" s="166">
        <v>0</v>
      </c>
      <c r="CH1956" s="166">
        <v>0</v>
      </c>
      <c r="CI1956" s="166">
        <v>0</v>
      </c>
      <c r="CJ1956" s="166">
        <v>0</v>
      </c>
      <c r="CK1956" s="166">
        <v>0</v>
      </c>
      <c r="CL1956" s="166">
        <v>0</v>
      </c>
      <c r="CM1956" s="166">
        <v>0</v>
      </c>
      <c r="CN1956" s="166">
        <v>0</v>
      </c>
      <c r="CO1956" s="166">
        <v>0</v>
      </c>
      <c r="CP1956" s="166">
        <v>0</v>
      </c>
      <c r="CQ1956" s="166">
        <v>0</v>
      </c>
      <c r="CR1956" s="166">
        <v>0</v>
      </c>
      <c r="CS1956" s="166">
        <v>0</v>
      </c>
      <c r="CT1956" s="166">
        <v>0</v>
      </c>
      <c r="CU1956" s="166">
        <v>0</v>
      </c>
      <c r="CV1956" s="166">
        <v>0</v>
      </c>
      <c r="CW1956" s="166">
        <v>0</v>
      </c>
      <c r="CX1956" s="166">
        <v>0</v>
      </c>
      <c r="CY1956" s="166">
        <v>283949.62</v>
      </c>
      <c r="CZ1956" s="166">
        <v>283949.62</v>
      </c>
    </row>
    <row r="1957" spans="1:104" x14ac:dyDescent="0.2">
      <c r="A1957" s="167" t="s">
        <v>366</v>
      </c>
    </row>
    <row r="1958" spans="1:104" x14ac:dyDescent="0.2">
      <c r="A1958" s="167" t="s">
        <v>1161</v>
      </c>
      <c r="B1958" s="166">
        <v>11512715.73</v>
      </c>
      <c r="C1958" s="166">
        <v>11512715.73</v>
      </c>
      <c r="D1958" s="166">
        <v>0</v>
      </c>
      <c r="E1958" s="166">
        <v>0</v>
      </c>
      <c r="F1958" s="166">
        <v>0</v>
      </c>
      <c r="G1958" s="166">
        <v>0</v>
      </c>
      <c r="H1958" s="166">
        <v>0</v>
      </c>
      <c r="I1958" s="166">
        <v>0</v>
      </c>
      <c r="J1958" s="166">
        <v>0</v>
      </c>
      <c r="K1958" s="166">
        <v>0</v>
      </c>
      <c r="L1958" s="166">
        <v>0</v>
      </c>
      <c r="M1958" s="166">
        <v>0</v>
      </c>
      <c r="N1958" s="166">
        <v>0</v>
      </c>
      <c r="O1958" s="166">
        <v>0</v>
      </c>
      <c r="P1958" s="166">
        <v>0</v>
      </c>
      <c r="Q1958" s="166">
        <v>0</v>
      </c>
      <c r="R1958" s="166">
        <v>0</v>
      </c>
      <c r="S1958" s="166">
        <v>0</v>
      </c>
      <c r="T1958" s="166">
        <v>0</v>
      </c>
      <c r="U1958" s="166">
        <v>0</v>
      </c>
      <c r="V1958" s="166">
        <v>0</v>
      </c>
      <c r="W1958" s="166">
        <v>0</v>
      </c>
      <c r="X1958" s="166">
        <v>0</v>
      </c>
      <c r="Y1958" s="166">
        <v>0</v>
      </c>
      <c r="Z1958" s="166">
        <v>0</v>
      </c>
      <c r="AA1958" s="166">
        <v>0</v>
      </c>
      <c r="AB1958" s="166">
        <v>0</v>
      </c>
      <c r="AC1958" s="166">
        <v>0</v>
      </c>
      <c r="AD1958" s="166">
        <v>0</v>
      </c>
      <c r="AE1958" s="166">
        <v>0</v>
      </c>
      <c r="AF1958" s="166">
        <v>0</v>
      </c>
      <c r="AG1958" s="166">
        <v>0</v>
      </c>
      <c r="AH1958" s="166">
        <v>0</v>
      </c>
      <c r="AI1958" s="166">
        <v>0</v>
      </c>
      <c r="AJ1958" s="166">
        <v>0</v>
      </c>
      <c r="AK1958" s="166">
        <v>0</v>
      </c>
      <c r="AL1958" s="166">
        <v>0</v>
      </c>
      <c r="AM1958" s="166">
        <v>0</v>
      </c>
      <c r="AN1958" s="166">
        <v>0</v>
      </c>
      <c r="AO1958" s="166">
        <v>0</v>
      </c>
      <c r="AP1958" s="166">
        <v>0</v>
      </c>
      <c r="AQ1958" s="166">
        <v>0</v>
      </c>
      <c r="AR1958" s="166">
        <v>0</v>
      </c>
      <c r="AS1958" s="166">
        <v>0</v>
      </c>
      <c r="AT1958" s="166">
        <v>0</v>
      </c>
      <c r="AU1958" s="166">
        <v>0</v>
      </c>
      <c r="AV1958" s="166">
        <v>0</v>
      </c>
      <c r="AW1958" s="166">
        <v>0</v>
      </c>
      <c r="AX1958" s="166">
        <v>0</v>
      </c>
      <c r="AY1958" s="166">
        <v>0</v>
      </c>
      <c r="AZ1958" s="166">
        <v>0</v>
      </c>
      <c r="BA1958" s="166">
        <v>0</v>
      </c>
      <c r="BB1958" s="166">
        <v>0</v>
      </c>
      <c r="BC1958" s="166">
        <v>0</v>
      </c>
      <c r="BD1958" s="166">
        <v>0</v>
      </c>
      <c r="BE1958" s="166">
        <v>0</v>
      </c>
      <c r="BF1958" s="166">
        <v>0</v>
      </c>
      <c r="BG1958" s="166">
        <v>0</v>
      </c>
      <c r="BH1958" s="166">
        <v>0</v>
      </c>
      <c r="BI1958" s="166">
        <v>0</v>
      </c>
      <c r="BJ1958" s="166">
        <v>0</v>
      </c>
      <c r="BK1958" s="166">
        <v>0</v>
      </c>
      <c r="BL1958" s="166">
        <v>0</v>
      </c>
      <c r="BM1958" s="166">
        <v>0</v>
      </c>
      <c r="BN1958" s="166">
        <v>0</v>
      </c>
      <c r="BO1958" s="166">
        <v>0</v>
      </c>
      <c r="BP1958" s="166">
        <v>0</v>
      </c>
      <c r="BQ1958" s="166">
        <v>0</v>
      </c>
      <c r="BR1958" s="166">
        <v>11512715.73</v>
      </c>
      <c r="BS1958" s="166">
        <v>11512715.73</v>
      </c>
      <c r="BT1958" s="168">
        <v>1</v>
      </c>
      <c r="BU1958" s="166">
        <v>1053318.31</v>
      </c>
      <c r="BV1958" s="166">
        <v>11512715.73</v>
      </c>
      <c r="BW1958" s="166">
        <v>0</v>
      </c>
      <c r="BX1958" s="166">
        <v>0</v>
      </c>
      <c r="BY1958" s="166">
        <v>0</v>
      </c>
      <c r="BZ1958" s="166">
        <v>0</v>
      </c>
      <c r="CA1958" s="166">
        <v>0</v>
      </c>
      <c r="CB1958" s="166">
        <v>0</v>
      </c>
      <c r="CC1958" s="166">
        <v>0</v>
      </c>
      <c r="CD1958" s="166">
        <v>0</v>
      </c>
      <c r="CE1958" s="166">
        <v>0</v>
      </c>
      <c r="CF1958" s="166">
        <v>0</v>
      </c>
      <c r="CG1958" s="166">
        <v>0</v>
      </c>
      <c r="CH1958" s="166">
        <v>0</v>
      </c>
      <c r="CI1958" s="166">
        <v>0</v>
      </c>
      <c r="CJ1958" s="166">
        <v>0</v>
      </c>
      <c r="CK1958" s="166">
        <v>0</v>
      </c>
      <c r="CL1958" s="166">
        <v>0</v>
      </c>
      <c r="CM1958" s="166">
        <v>0</v>
      </c>
      <c r="CN1958" s="166">
        <v>0</v>
      </c>
      <c r="CO1958" s="166">
        <v>0</v>
      </c>
      <c r="CP1958" s="166">
        <v>0</v>
      </c>
      <c r="CQ1958" s="166">
        <v>0</v>
      </c>
      <c r="CR1958" s="166">
        <v>0</v>
      </c>
      <c r="CS1958" s="166">
        <v>0</v>
      </c>
      <c r="CT1958" s="166">
        <v>0</v>
      </c>
      <c r="CU1958" s="166">
        <v>0</v>
      </c>
      <c r="CV1958" s="166">
        <v>0</v>
      </c>
      <c r="CW1958" s="166">
        <v>0</v>
      </c>
      <c r="CX1958" s="166">
        <v>0</v>
      </c>
      <c r="CY1958" s="166">
        <v>11512715.73</v>
      </c>
      <c r="CZ1958" s="166">
        <v>11512715.73</v>
      </c>
    </row>
    <row r="1959" spans="1:104" x14ac:dyDescent="0.2">
      <c r="A1959" s="167" t="s">
        <v>368</v>
      </c>
    </row>
    <row r="1960" spans="1:104" x14ac:dyDescent="0.2">
      <c r="A1960" s="167" t="s">
        <v>1162</v>
      </c>
      <c r="B1960" s="166">
        <v>2273679.69</v>
      </c>
      <c r="C1960" s="166">
        <v>2273679.69</v>
      </c>
      <c r="D1960" s="166">
        <v>0</v>
      </c>
      <c r="E1960" s="166">
        <v>0</v>
      </c>
      <c r="F1960" s="166">
        <v>0</v>
      </c>
      <c r="G1960" s="166">
        <v>0</v>
      </c>
      <c r="H1960" s="166">
        <v>0</v>
      </c>
      <c r="I1960" s="166">
        <v>0</v>
      </c>
      <c r="J1960" s="166">
        <v>0</v>
      </c>
      <c r="K1960" s="166">
        <v>0</v>
      </c>
      <c r="L1960" s="166">
        <v>0</v>
      </c>
      <c r="M1960" s="166">
        <v>0</v>
      </c>
      <c r="N1960" s="166">
        <v>0</v>
      </c>
      <c r="O1960" s="166">
        <v>0</v>
      </c>
      <c r="P1960" s="166">
        <v>0</v>
      </c>
      <c r="Q1960" s="166">
        <v>0</v>
      </c>
      <c r="R1960" s="166">
        <v>0</v>
      </c>
      <c r="S1960" s="166">
        <v>0</v>
      </c>
      <c r="T1960" s="166">
        <v>0</v>
      </c>
      <c r="U1960" s="166">
        <v>0</v>
      </c>
      <c r="V1960" s="166">
        <v>0</v>
      </c>
      <c r="W1960" s="166">
        <v>0</v>
      </c>
      <c r="X1960" s="166">
        <v>0</v>
      </c>
      <c r="Y1960" s="166">
        <v>0</v>
      </c>
      <c r="Z1960" s="166">
        <v>0</v>
      </c>
      <c r="AA1960" s="166">
        <v>0</v>
      </c>
      <c r="AB1960" s="166">
        <v>0</v>
      </c>
      <c r="AC1960" s="166">
        <v>0</v>
      </c>
      <c r="AD1960" s="166">
        <v>0</v>
      </c>
      <c r="AE1960" s="166">
        <v>0</v>
      </c>
      <c r="AF1960" s="166">
        <v>0</v>
      </c>
      <c r="AG1960" s="166">
        <v>0</v>
      </c>
      <c r="AH1960" s="166">
        <v>0</v>
      </c>
      <c r="AI1960" s="166">
        <v>0</v>
      </c>
      <c r="AJ1960" s="166">
        <v>0</v>
      </c>
      <c r="AK1960" s="166">
        <v>0</v>
      </c>
      <c r="AL1960" s="166">
        <v>0</v>
      </c>
      <c r="AM1960" s="166">
        <v>0</v>
      </c>
      <c r="AN1960" s="166">
        <v>0</v>
      </c>
      <c r="AO1960" s="166">
        <v>0</v>
      </c>
      <c r="AP1960" s="166">
        <v>0</v>
      </c>
      <c r="AQ1960" s="166">
        <v>0</v>
      </c>
      <c r="AR1960" s="166">
        <v>0</v>
      </c>
      <c r="AS1960" s="166">
        <v>0</v>
      </c>
      <c r="AT1960" s="166">
        <v>0</v>
      </c>
      <c r="AU1960" s="166">
        <v>0</v>
      </c>
      <c r="AV1960" s="166">
        <v>0</v>
      </c>
      <c r="AW1960" s="166">
        <v>0</v>
      </c>
      <c r="AX1960" s="166">
        <v>0</v>
      </c>
      <c r="AY1960" s="166">
        <v>0</v>
      </c>
      <c r="AZ1960" s="166">
        <v>0</v>
      </c>
      <c r="BA1960" s="166">
        <v>0</v>
      </c>
      <c r="BB1960" s="166">
        <v>0</v>
      </c>
      <c r="BC1960" s="166">
        <v>0</v>
      </c>
      <c r="BD1960" s="166">
        <v>0</v>
      </c>
      <c r="BE1960" s="166">
        <v>0</v>
      </c>
      <c r="BF1960" s="166">
        <v>0</v>
      </c>
      <c r="BG1960" s="166">
        <v>0</v>
      </c>
      <c r="BH1960" s="166">
        <v>0</v>
      </c>
      <c r="BI1960" s="166">
        <v>0</v>
      </c>
      <c r="BJ1960" s="166">
        <v>0</v>
      </c>
      <c r="BK1960" s="166">
        <v>0</v>
      </c>
      <c r="BL1960" s="166">
        <v>0</v>
      </c>
      <c r="BM1960" s="166">
        <v>0</v>
      </c>
      <c r="BN1960" s="166">
        <v>0</v>
      </c>
      <c r="BO1960" s="166">
        <v>0</v>
      </c>
      <c r="BP1960" s="166">
        <v>0</v>
      </c>
      <c r="BQ1960" s="166">
        <v>0</v>
      </c>
      <c r="BR1960" s="166">
        <v>2273679.69</v>
      </c>
      <c r="BS1960" s="166">
        <v>2273679.69</v>
      </c>
      <c r="BT1960" s="168">
        <v>0.98751</v>
      </c>
      <c r="BU1960" s="166">
        <v>183231.41398919999</v>
      </c>
      <c r="BV1960" s="166">
        <v>2245281.4306719</v>
      </c>
      <c r="BW1960" s="166">
        <v>0</v>
      </c>
      <c r="BX1960" s="166">
        <v>0</v>
      </c>
      <c r="BY1960" s="166">
        <v>0</v>
      </c>
      <c r="BZ1960" s="166">
        <v>0</v>
      </c>
      <c r="CA1960" s="166">
        <v>0</v>
      </c>
      <c r="CB1960" s="166">
        <v>0</v>
      </c>
      <c r="CC1960" s="166">
        <v>0</v>
      </c>
      <c r="CD1960" s="166">
        <v>0</v>
      </c>
      <c r="CE1960" s="166">
        <v>0</v>
      </c>
      <c r="CF1960" s="166">
        <v>0</v>
      </c>
      <c r="CG1960" s="166">
        <v>0</v>
      </c>
      <c r="CH1960" s="166">
        <v>0</v>
      </c>
      <c r="CI1960" s="166">
        <v>0</v>
      </c>
      <c r="CJ1960" s="166">
        <v>0</v>
      </c>
      <c r="CK1960" s="166">
        <v>0</v>
      </c>
      <c r="CL1960" s="166">
        <v>0</v>
      </c>
      <c r="CM1960" s="166">
        <v>0</v>
      </c>
      <c r="CN1960" s="166">
        <v>0</v>
      </c>
      <c r="CO1960" s="166">
        <v>0</v>
      </c>
      <c r="CP1960" s="166">
        <v>0</v>
      </c>
      <c r="CQ1960" s="166">
        <v>0</v>
      </c>
      <c r="CR1960" s="166">
        <v>0</v>
      </c>
      <c r="CS1960" s="166">
        <v>0</v>
      </c>
      <c r="CT1960" s="166">
        <v>0</v>
      </c>
      <c r="CU1960" s="166">
        <v>0</v>
      </c>
      <c r="CV1960" s="166">
        <v>0</v>
      </c>
      <c r="CW1960" s="166">
        <v>0</v>
      </c>
      <c r="CX1960" s="166">
        <v>0</v>
      </c>
      <c r="CY1960" s="166">
        <v>2245281.4306719</v>
      </c>
      <c r="CZ1960" s="166">
        <v>2245281.4306719</v>
      </c>
    </row>
    <row r="1961" spans="1:104" x14ac:dyDescent="0.2">
      <c r="A1961" s="167" t="s">
        <v>370</v>
      </c>
    </row>
    <row r="1962" spans="1:104" x14ac:dyDescent="0.2">
      <c r="A1962" s="167" t="s">
        <v>1163</v>
      </c>
      <c r="B1962" s="166">
        <v>0</v>
      </c>
      <c r="C1962" s="166">
        <v>0</v>
      </c>
      <c r="D1962" s="166">
        <v>0</v>
      </c>
      <c r="E1962" s="166">
        <v>0</v>
      </c>
      <c r="F1962" s="166">
        <v>0</v>
      </c>
      <c r="G1962" s="166">
        <v>0</v>
      </c>
      <c r="H1962" s="166">
        <v>0</v>
      </c>
      <c r="I1962" s="166">
        <v>0</v>
      </c>
      <c r="J1962" s="166">
        <v>0</v>
      </c>
      <c r="K1962" s="166">
        <v>0</v>
      </c>
      <c r="L1962" s="166">
        <v>0</v>
      </c>
      <c r="M1962" s="166">
        <v>0</v>
      </c>
      <c r="N1962" s="166">
        <v>0</v>
      </c>
      <c r="O1962" s="166">
        <v>0</v>
      </c>
      <c r="P1962" s="166">
        <v>0</v>
      </c>
      <c r="Q1962" s="166">
        <v>0</v>
      </c>
      <c r="R1962" s="166">
        <v>0</v>
      </c>
      <c r="S1962" s="166">
        <v>0</v>
      </c>
      <c r="T1962" s="166">
        <v>0</v>
      </c>
      <c r="U1962" s="166">
        <v>0</v>
      </c>
      <c r="V1962" s="166">
        <v>0</v>
      </c>
      <c r="W1962" s="166">
        <v>0</v>
      </c>
      <c r="X1962" s="166">
        <v>0</v>
      </c>
      <c r="Y1962" s="166">
        <v>0</v>
      </c>
      <c r="Z1962" s="166">
        <v>0</v>
      </c>
      <c r="AA1962" s="166">
        <v>0</v>
      </c>
      <c r="AB1962" s="166">
        <v>0</v>
      </c>
      <c r="AC1962" s="166">
        <v>0</v>
      </c>
      <c r="AD1962" s="166">
        <v>0</v>
      </c>
      <c r="AE1962" s="166">
        <v>0</v>
      </c>
      <c r="AF1962" s="166">
        <v>0</v>
      </c>
      <c r="AG1962" s="166">
        <v>0</v>
      </c>
      <c r="AH1962" s="166">
        <v>0</v>
      </c>
      <c r="AI1962" s="166">
        <v>0</v>
      </c>
      <c r="AJ1962" s="166">
        <v>0</v>
      </c>
      <c r="AK1962" s="166">
        <v>0</v>
      </c>
      <c r="AL1962" s="166">
        <v>0</v>
      </c>
      <c r="AM1962" s="166">
        <v>0</v>
      </c>
      <c r="AN1962" s="166">
        <v>0</v>
      </c>
      <c r="AO1962" s="166">
        <v>0</v>
      </c>
      <c r="AP1962" s="166">
        <v>0</v>
      </c>
      <c r="AQ1962" s="166">
        <v>0</v>
      </c>
      <c r="AR1962" s="166">
        <v>0</v>
      </c>
      <c r="AS1962" s="166">
        <v>0</v>
      </c>
      <c r="AT1962" s="166">
        <v>0</v>
      </c>
      <c r="AU1962" s="166">
        <v>0</v>
      </c>
      <c r="AV1962" s="166">
        <v>0</v>
      </c>
      <c r="AW1962" s="166">
        <v>0</v>
      </c>
      <c r="AX1962" s="166">
        <v>0</v>
      </c>
      <c r="AY1962" s="166">
        <v>0</v>
      </c>
      <c r="AZ1962" s="166">
        <v>0</v>
      </c>
      <c r="BA1962" s="166">
        <v>0</v>
      </c>
      <c r="BB1962" s="166">
        <v>0</v>
      </c>
      <c r="BC1962" s="166">
        <v>0</v>
      </c>
      <c r="BD1962" s="166">
        <v>0</v>
      </c>
      <c r="BE1962" s="166">
        <v>0</v>
      </c>
      <c r="BF1962" s="166">
        <v>0</v>
      </c>
      <c r="BG1962" s="166">
        <v>0</v>
      </c>
      <c r="BH1962" s="166">
        <v>0</v>
      </c>
      <c r="BI1962" s="166">
        <v>0</v>
      </c>
      <c r="BJ1962" s="166">
        <v>0</v>
      </c>
      <c r="BK1962" s="166">
        <v>0</v>
      </c>
      <c r="BL1962" s="166">
        <v>0</v>
      </c>
      <c r="BM1962" s="166">
        <v>0</v>
      </c>
      <c r="BN1962" s="166">
        <v>0</v>
      </c>
      <c r="BO1962" s="166">
        <v>0</v>
      </c>
      <c r="BP1962" s="166">
        <v>0</v>
      </c>
      <c r="BQ1962" s="166">
        <v>0</v>
      </c>
      <c r="BR1962" s="166">
        <v>0</v>
      </c>
      <c r="BS1962" s="166">
        <v>0</v>
      </c>
      <c r="BT1962" s="168">
        <v>1</v>
      </c>
      <c r="BU1962" s="166">
        <v>0</v>
      </c>
      <c r="BV1962" s="166">
        <v>0</v>
      </c>
      <c r="BW1962" s="166">
        <v>0</v>
      </c>
      <c r="BX1962" s="166">
        <v>0</v>
      </c>
      <c r="BY1962" s="166">
        <v>0</v>
      </c>
      <c r="BZ1962" s="166">
        <v>0</v>
      </c>
      <c r="CA1962" s="166">
        <v>0</v>
      </c>
      <c r="CB1962" s="166">
        <v>0</v>
      </c>
      <c r="CC1962" s="166">
        <v>0</v>
      </c>
      <c r="CD1962" s="166">
        <v>0</v>
      </c>
      <c r="CE1962" s="166">
        <v>0</v>
      </c>
      <c r="CF1962" s="166">
        <v>0</v>
      </c>
      <c r="CG1962" s="166">
        <v>0</v>
      </c>
      <c r="CH1962" s="166">
        <v>0</v>
      </c>
      <c r="CI1962" s="166">
        <v>0</v>
      </c>
      <c r="CJ1962" s="166">
        <v>0</v>
      </c>
      <c r="CK1962" s="166">
        <v>0</v>
      </c>
      <c r="CL1962" s="166">
        <v>0</v>
      </c>
      <c r="CM1962" s="166">
        <v>0</v>
      </c>
      <c r="CN1962" s="166">
        <v>0</v>
      </c>
      <c r="CO1962" s="166">
        <v>0</v>
      </c>
      <c r="CP1962" s="166">
        <v>0</v>
      </c>
      <c r="CQ1962" s="166">
        <v>0</v>
      </c>
      <c r="CR1962" s="166">
        <v>0</v>
      </c>
      <c r="CS1962" s="166">
        <v>0</v>
      </c>
      <c r="CT1962" s="166">
        <v>0</v>
      </c>
      <c r="CU1962" s="166">
        <v>0</v>
      </c>
      <c r="CV1962" s="166">
        <v>0</v>
      </c>
      <c r="CW1962" s="166">
        <v>0</v>
      </c>
      <c r="CX1962" s="166">
        <v>0</v>
      </c>
      <c r="CY1962" s="166">
        <v>0</v>
      </c>
      <c r="CZ1962" s="166">
        <v>0</v>
      </c>
    </row>
    <row r="1963" spans="1:104" x14ac:dyDescent="0.2">
      <c r="A1963" s="167" t="s">
        <v>1164</v>
      </c>
      <c r="B1963" s="166">
        <v>0</v>
      </c>
      <c r="C1963" s="166">
        <v>0</v>
      </c>
      <c r="D1963" s="166">
        <v>0</v>
      </c>
      <c r="E1963" s="166">
        <v>0</v>
      </c>
      <c r="F1963" s="166">
        <v>0</v>
      </c>
      <c r="G1963" s="166">
        <v>0</v>
      </c>
      <c r="H1963" s="166">
        <v>0</v>
      </c>
      <c r="I1963" s="166">
        <v>0</v>
      </c>
      <c r="J1963" s="166">
        <v>0</v>
      </c>
      <c r="K1963" s="166">
        <v>0</v>
      </c>
      <c r="L1963" s="166">
        <v>0</v>
      </c>
      <c r="M1963" s="166">
        <v>0</v>
      </c>
      <c r="N1963" s="166">
        <v>0</v>
      </c>
      <c r="O1963" s="166">
        <v>0</v>
      </c>
      <c r="P1963" s="166">
        <v>0</v>
      </c>
      <c r="Q1963" s="166">
        <v>0</v>
      </c>
      <c r="R1963" s="166">
        <v>0</v>
      </c>
      <c r="S1963" s="166">
        <v>0</v>
      </c>
      <c r="T1963" s="166">
        <v>0</v>
      </c>
      <c r="U1963" s="166">
        <v>0</v>
      </c>
      <c r="V1963" s="166">
        <v>0</v>
      </c>
      <c r="W1963" s="166">
        <v>0</v>
      </c>
      <c r="X1963" s="166">
        <v>0</v>
      </c>
      <c r="Y1963" s="166">
        <v>0</v>
      </c>
      <c r="Z1963" s="166">
        <v>0</v>
      </c>
      <c r="AA1963" s="166">
        <v>0</v>
      </c>
      <c r="AB1963" s="166">
        <v>0</v>
      </c>
      <c r="AC1963" s="166">
        <v>0</v>
      </c>
      <c r="AD1963" s="166">
        <v>0</v>
      </c>
      <c r="AE1963" s="166">
        <v>0</v>
      </c>
      <c r="AF1963" s="166">
        <v>0</v>
      </c>
      <c r="AG1963" s="166">
        <v>0</v>
      </c>
      <c r="AH1963" s="166">
        <v>0</v>
      </c>
      <c r="AI1963" s="166">
        <v>0</v>
      </c>
      <c r="AJ1963" s="166">
        <v>0</v>
      </c>
      <c r="AK1963" s="166">
        <v>0</v>
      </c>
      <c r="AL1963" s="166">
        <v>0</v>
      </c>
      <c r="AM1963" s="166">
        <v>0</v>
      </c>
      <c r="AN1963" s="166">
        <v>0</v>
      </c>
      <c r="AO1963" s="166">
        <v>0</v>
      </c>
      <c r="AP1963" s="166">
        <v>0</v>
      </c>
      <c r="AQ1963" s="166">
        <v>0</v>
      </c>
      <c r="AR1963" s="166">
        <v>0</v>
      </c>
      <c r="AS1963" s="166">
        <v>0</v>
      </c>
      <c r="AT1963" s="166">
        <v>0</v>
      </c>
      <c r="AU1963" s="166">
        <v>0</v>
      </c>
      <c r="AV1963" s="166">
        <v>0</v>
      </c>
      <c r="AW1963" s="166">
        <v>0</v>
      </c>
      <c r="AX1963" s="166">
        <v>0</v>
      </c>
      <c r="AY1963" s="166">
        <v>0</v>
      </c>
      <c r="AZ1963" s="166">
        <v>0</v>
      </c>
      <c r="BA1963" s="166">
        <v>0</v>
      </c>
      <c r="BB1963" s="166">
        <v>0</v>
      </c>
      <c r="BC1963" s="166">
        <v>0</v>
      </c>
      <c r="BD1963" s="166">
        <v>0</v>
      </c>
      <c r="BE1963" s="166">
        <v>0</v>
      </c>
      <c r="BF1963" s="166">
        <v>0</v>
      </c>
      <c r="BG1963" s="166">
        <v>0</v>
      </c>
      <c r="BH1963" s="166">
        <v>0</v>
      </c>
      <c r="BI1963" s="166">
        <v>0</v>
      </c>
      <c r="BJ1963" s="166">
        <v>0</v>
      </c>
      <c r="BK1963" s="166">
        <v>0</v>
      </c>
      <c r="BL1963" s="166">
        <v>0</v>
      </c>
      <c r="BM1963" s="166">
        <v>0</v>
      </c>
      <c r="BN1963" s="166">
        <v>0</v>
      </c>
      <c r="BO1963" s="166">
        <v>0</v>
      </c>
      <c r="BP1963" s="166">
        <v>0</v>
      </c>
      <c r="BQ1963" s="166">
        <v>0</v>
      </c>
      <c r="BR1963" s="166">
        <v>0</v>
      </c>
      <c r="BS1963" s="166">
        <v>0</v>
      </c>
      <c r="BT1963" s="168">
        <v>1</v>
      </c>
      <c r="BU1963" s="166">
        <v>0</v>
      </c>
      <c r="BV1963" s="166">
        <v>0</v>
      </c>
      <c r="BW1963" s="166">
        <v>0</v>
      </c>
      <c r="BX1963" s="166">
        <v>0</v>
      </c>
      <c r="BY1963" s="166">
        <v>0</v>
      </c>
      <c r="BZ1963" s="166">
        <v>0</v>
      </c>
      <c r="CA1963" s="166">
        <v>0</v>
      </c>
      <c r="CB1963" s="166">
        <v>0</v>
      </c>
      <c r="CC1963" s="166">
        <v>0</v>
      </c>
      <c r="CD1963" s="166">
        <v>0</v>
      </c>
      <c r="CE1963" s="166">
        <v>0</v>
      </c>
      <c r="CF1963" s="166">
        <v>0</v>
      </c>
      <c r="CG1963" s="166">
        <v>0</v>
      </c>
      <c r="CH1963" s="166">
        <v>0</v>
      </c>
      <c r="CI1963" s="166">
        <v>0</v>
      </c>
      <c r="CJ1963" s="166">
        <v>0</v>
      </c>
      <c r="CK1963" s="166">
        <v>0</v>
      </c>
      <c r="CL1963" s="166">
        <v>0</v>
      </c>
      <c r="CM1963" s="166">
        <v>0</v>
      </c>
      <c r="CN1963" s="166">
        <v>0</v>
      </c>
      <c r="CO1963" s="166">
        <v>0</v>
      </c>
      <c r="CP1963" s="166">
        <v>0</v>
      </c>
      <c r="CQ1963" s="166">
        <v>0</v>
      </c>
      <c r="CR1963" s="166">
        <v>0</v>
      </c>
      <c r="CS1963" s="166">
        <v>0</v>
      </c>
      <c r="CT1963" s="166">
        <v>0</v>
      </c>
      <c r="CU1963" s="166">
        <v>0</v>
      </c>
      <c r="CV1963" s="166">
        <v>0</v>
      </c>
      <c r="CW1963" s="166">
        <v>0</v>
      </c>
      <c r="CX1963" s="166">
        <v>0</v>
      </c>
      <c r="CY1963" s="166">
        <v>0</v>
      </c>
      <c r="CZ1963" s="166">
        <v>0</v>
      </c>
    </row>
    <row r="1964" spans="1:104" x14ac:dyDescent="0.2">
      <c r="A1964" s="167" t="s">
        <v>1165</v>
      </c>
      <c r="B1964" s="166">
        <v>0</v>
      </c>
      <c r="C1964" s="166">
        <v>0</v>
      </c>
      <c r="D1964" s="166">
        <v>0</v>
      </c>
      <c r="E1964" s="166">
        <v>0</v>
      </c>
      <c r="F1964" s="166">
        <v>0</v>
      </c>
      <c r="G1964" s="166">
        <v>0</v>
      </c>
      <c r="H1964" s="166">
        <v>0</v>
      </c>
      <c r="I1964" s="166">
        <v>0</v>
      </c>
      <c r="J1964" s="166">
        <v>0</v>
      </c>
      <c r="K1964" s="166">
        <v>0</v>
      </c>
      <c r="L1964" s="166">
        <v>0</v>
      </c>
      <c r="M1964" s="166">
        <v>0</v>
      </c>
      <c r="N1964" s="166">
        <v>0</v>
      </c>
      <c r="O1964" s="166">
        <v>0</v>
      </c>
      <c r="P1964" s="166">
        <v>0</v>
      </c>
      <c r="Q1964" s="166">
        <v>0</v>
      </c>
      <c r="R1964" s="166">
        <v>0</v>
      </c>
      <c r="S1964" s="166">
        <v>0</v>
      </c>
      <c r="T1964" s="166">
        <v>0</v>
      </c>
      <c r="U1964" s="166">
        <v>0</v>
      </c>
      <c r="V1964" s="166">
        <v>0</v>
      </c>
      <c r="W1964" s="166">
        <v>0</v>
      </c>
      <c r="X1964" s="166">
        <v>0</v>
      </c>
      <c r="Y1964" s="166">
        <v>0</v>
      </c>
      <c r="Z1964" s="166">
        <v>0</v>
      </c>
      <c r="AA1964" s="166">
        <v>0</v>
      </c>
      <c r="AB1964" s="166">
        <v>0</v>
      </c>
      <c r="AC1964" s="166">
        <v>0</v>
      </c>
      <c r="AD1964" s="166">
        <v>0</v>
      </c>
      <c r="AE1964" s="166">
        <v>0</v>
      </c>
      <c r="AF1964" s="166">
        <v>0</v>
      </c>
      <c r="AG1964" s="166">
        <v>0</v>
      </c>
      <c r="AH1964" s="166">
        <v>0</v>
      </c>
      <c r="AI1964" s="166">
        <v>0</v>
      </c>
      <c r="AJ1964" s="166">
        <v>0</v>
      </c>
      <c r="AK1964" s="166">
        <v>0</v>
      </c>
      <c r="AL1964" s="166">
        <v>0</v>
      </c>
      <c r="AM1964" s="166">
        <v>0</v>
      </c>
      <c r="AN1964" s="166">
        <v>0</v>
      </c>
      <c r="AO1964" s="166">
        <v>0</v>
      </c>
      <c r="AP1964" s="166">
        <v>0</v>
      </c>
      <c r="AQ1964" s="166">
        <v>0</v>
      </c>
      <c r="AR1964" s="166">
        <v>0</v>
      </c>
      <c r="AS1964" s="166">
        <v>0</v>
      </c>
      <c r="AT1964" s="166">
        <v>0</v>
      </c>
      <c r="AU1964" s="166">
        <v>0</v>
      </c>
      <c r="AV1964" s="166">
        <v>0</v>
      </c>
      <c r="AW1964" s="166">
        <v>0</v>
      </c>
      <c r="AX1964" s="166">
        <v>0</v>
      </c>
      <c r="AY1964" s="166">
        <v>0</v>
      </c>
      <c r="AZ1964" s="166">
        <v>0</v>
      </c>
      <c r="BA1964" s="166">
        <v>0</v>
      </c>
      <c r="BB1964" s="166">
        <v>0</v>
      </c>
      <c r="BC1964" s="166">
        <v>0</v>
      </c>
      <c r="BD1964" s="166">
        <v>0</v>
      </c>
      <c r="BE1964" s="166">
        <v>0</v>
      </c>
      <c r="BF1964" s="166">
        <v>0</v>
      </c>
      <c r="BG1964" s="166">
        <v>0</v>
      </c>
      <c r="BH1964" s="166">
        <v>0</v>
      </c>
      <c r="BI1964" s="166">
        <v>0</v>
      </c>
      <c r="BJ1964" s="166">
        <v>0</v>
      </c>
      <c r="BK1964" s="166">
        <v>0</v>
      </c>
      <c r="BL1964" s="166">
        <v>0</v>
      </c>
      <c r="BM1964" s="166">
        <v>0</v>
      </c>
      <c r="BN1964" s="166">
        <v>0</v>
      </c>
      <c r="BO1964" s="166">
        <v>0</v>
      </c>
      <c r="BP1964" s="166">
        <v>0</v>
      </c>
      <c r="BQ1964" s="166">
        <v>0</v>
      </c>
      <c r="BR1964" s="166">
        <v>0</v>
      </c>
      <c r="BS1964" s="166">
        <v>0</v>
      </c>
      <c r="BT1964" s="168">
        <v>1</v>
      </c>
      <c r="BU1964" s="166">
        <v>0</v>
      </c>
      <c r="BV1964" s="166">
        <v>0</v>
      </c>
      <c r="BW1964" s="166">
        <v>0</v>
      </c>
      <c r="BX1964" s="166">
        <v>0</v>
      </c>
      <c r="BY1964" s="166">
        <v>0</v>
      </c>
      <c r="BZ1964" s="166">
        <v>0</v>
      </c>
      <c r="CA1964" s="166">
        <v>0</v>
      </c>
      <c r="CB1964" s="166">
        <v>0</v>
      </c>
      <c r="CC1964" s="166">
        <v>0</v>
      </c>
      <c r="CD1964" s="166">
        <v>0</v>
      </c>
      <c r="CE1964" s="166">
        <v>0</v>
      </c>
      <c r="CF1964" s="166">
        <v>0</v>
      </c>
      <c r="CG1964" s="166">
        <v>0</v>
      </c>
      <c r="CH1964" s="166">
        <v>0</v>
      </c>
      <c r="CI1964" s="166">
        <v>0</v>
      </c>
      <c r="CJ1964" s="166">
        <v>0</v>
      </c>
      <c r="CK1964" s="166">
        <v>0</v>
      </c>
      <c r="CL1964" s="166">
        <v>0</v>
      </c>
      <c r="CM1964" s="166">
        <v>0</v>
      </c>
      <c r="CN1964" s="166">
        <v>0</v>
      </c>
      <c r="CO1964" s="166">
        <v>0</v>
      </c>
      <c r="CP1964" s="166">
        <v>0</v>
      </c>
      <c r="CQ1964" s="166">
        <v>0</v>
      </c>
      <c r="CR1964" s="166">
        <v>0</v>
      </c>
      <c r="CS1964" s="166">
        <v>0</v>
      </c>
      <c r="CT1964" s="166">
        <v>0</v>
      </c>
      <c r="CU1964" s="166">
        <v>0</v>
      </c>
      <c r="CV1964" s="166">
        <v>0</v>
      </c>
      <c r="CW1964" s="166">
        <v>0</v>
      </c>
      <c r="CX1964" s="166">
        <v>0</v>
      </c>
      <c r="CY1964" s="166">
        <v>0</v>
      </c>
      <c r="CZ1964" s="166">
        <v>0</v>
      </c>
    </row>
    <row r="1965" spans="1:104" x14ac:dyDescent="0.2">
      <c r="A1965" s="167" t="s">
        <v>1166</v>
      </c>
      <c r="B1965" s="166">
        <v>0</v>
      </c>
      <c r="C1965" s="166">
        <v>0</v>
      </c>
      <c r="D1965" s="166">
        <v>0</v>
      </c>
      <c r="E1965" s="166">
        <v>0</v>
      </c>
      <c r="F1965" s="166">
        <v>0</v>
      </c>
      <c r="G1965" s="166">
        <v>0</v>
      </c>
      <c r="H1965" s="166">
        <v>0</v>
      </c>
      <c r="I1965" s="166">
        <v>0</v>
      </c>
      <c r="J1965" s="166">
        <v>0</v>
      </c>
      <c r="K1965" s="166">
        <v>0</v>
      </c>
      <c r="L1965" s="166">
        <v>0</v>
      </c>
      <c r="M1965" s="166">
        <v>0</v>
      </c>
      <c r="N1965" s="166">
        <v>0</v>
      </c>
      <c r="O1965" s="166">
        <v>0</v>
      </c>
      <c r="P1965" s="166">
        <v>0</v>
      </c>
      <c r="Q1965" s="166">
        <v>0</v>
      </c>
      <c r="R1965" s="166">
        <v>0</v>
      </c>
      <c r="S1965" s="166">
        <v>0</v>
      </c>
      <c r="T1965" s="166">
        <v>0</v>
      </c>
      <c r="U1965" s="166">
        <v>0</v>
      </c>
      <c r="V1965" s="166">
        <v>0</v>
      </c>
      <c r="W1965" s="166">
        <v>0</v>
      </c>
      <c r="X1965" s="166">
        <v>0</v>
      </c>
      <c r="Y1965" s="166">
        <v>0</v>
      </c>
      <c r="Z1965" s="166">
        <v>0</v>
      </c>
      <c r="AA1965" s="166">
        <v>0</v>
      </c>
      <c r="AB1965" s="166">
        <v>0</v>
      </c>
      <c r="AC1965" s="166">
        <v>0</v>
      </c>
      <c r="AD1965" s="166">
        <v>0</v>
      </c>
      <c r="AE1965" s="166">
        <v>0</v>
      </c>
      <c r="AF1965" s="166">
        <v>0</v>
      </c>
      <c r="AG1965" s="166">
        <v>0</v>
      </c>
      <c r="AH1965" s="166">
        <v>0</v>
      </c>
      <c r="AI1965" s="166">
        <v>0</v>
      </c>
      <c r="AJ1965" s="166">
        <v>0</v>
      </c>
      <c r="AK1965" s="166">
        <v>0</v>
      </c>
      <c r="AL1965" s="166">
        <v>0</v>
      </c>
      <c r="AM1965" s="166">
        <v>0</v>
      </c>
      <c r="AN1965" s="166">
        <v>0</v>
      </c>
      <c r="AO1965" s="166">
        <v>0</v>
      </c>
      <c r="AP1965" s="166">
        <v>0</v>
      </c>
      <c r="AQ1965" s="166">
        <v>0</v>
      </c>
      <c r="AR1965" s="166">
        <v>0</v>
      </c>
      <c r="AS1965" s="166">
        <v>0</v>
      </c>
      <c r="AT1965" s="166">
        <v>0</v>
      </c>
      <c r="AU1965" s="166">
        <v>0</v>
      </c>
      <c r="AV1965" s="166">
        <v>0</v>
      </c>
      <c r="AW1965" s="166">
        <v>0</v>
      </c>
      <c r="AX1965" s="166">
        <v>0</v>
      </c>
      <c r="AY1965" s="166">
        <v>0</v>
      </c>
      <c r="AZ1965" s="166">
        <v>0</v>
      </c>
      <c r="BA1965" s="166">
        <v>0</v>
      </c>
      <c r="BB1965" s="166">
        <v>0</v>
      </c>
      <c r="BC1965" s="166">
        <v>0</v>
      </c>
      <c r="BD1965" s="166">
        <v>0</v>
      </c>
      <c r="BE1965" s="166">
        <v>0</v>
      </c>
      <c r="BF1965" s="166">
        <v>0</v>
      </c>
      <c r="BG1965" s="166">
        <v>0</v>
      </c>
      <c r="BH1965" s="166">
        <v>0</v>
      </c>
      <c r="BI1965" s="166">
        <v>0</v>
      </c>
      <c r="BJ1965" s="166">
        <v>0</v>
      </c>
      <c r="BK1965" s="166">
        <v>0</v>
      </c>
      <c r="BL1965" s="166">
        <v>0</v>
      </c>
      <c r="BM1965" s="166">
        <v>0</v>
      </c>
      <c r="BN1965" s="166">
        <v>0</v>
      </c>
      <c r="BO1965" s="166">
        <v>0</v>
      </c>
      <c r="BP1965" s="166">
        <v>0</v>
      </c>
      <c r="BQ1965" s="166">
        <v>0</v>
      </c>
      <c r="BR1965" s="166">
        <v>0</v>
      </c>
      <c r="BS1965" s="166">
        <v>0</v>
      </c>
      <c r="BT1965" s="168">
        <v>0.98751</v>
      </c>
      <c r="BU1965" s="166">
        <v>0</v>
      </c>
      <c r="BV1965" s="166">
        <v>0</v>
      </c>
      <c r="BW1965" s="166">
        <v>0</v>
      </c>
      <c r="BX1965" s="166">
        <v>0</v>
      </c>
      <c r="BY1965" s="166">
        <v>0</v>
      </c>
      <c r="BZ1965" s="166">
        <v>0</v>
      </c>
      <c r="CA1965" s="166">
        <v>0</v>
      </c>
      <c r="CB1965" s="166">
        <v>0</v>
      </c>
      <c r="CC1965" s="166">
        <v>0</v>
      </c>
      <c r="CD1965" s="166">
        <v>0</v>
      </c>
      <c r="CE1965" s="166">
        <v>0</v>
      </c>
      <c r="CF1965" s="166">
        <v>0</v>
      </c>
      <c r="CG1965" s="166">
        <v>0</v>
      </c>
      <c r="CH1965" s="166">
        <v>0</v>
      </c>
      <c r="CI1965" s="166">
        <v>0</v>
      </c>
      <c r="CJ1965" s="166">
        <v>0</v>
      </c>
      <c r="CK1965" s="166">
        <v>0</v>
      </c>
      <c r="CL1965" s="166">
        <v>0</v>
      </c>
      <c r="CM1965" s="166">
        <v>0</v>
      </c>
      <c r="CN1965" s="166">
        <v>0</v>
      </c>
      <c r="CO1965" s="166">
        <v>0</v>
      </c>
      <c r="CP1965" s="166">
        <v>0</v>
      </c>
      <c r="CQ1965" s="166">
        <v>0</v>
      </c>
      <c r="CR1965" s="166">
        <v>0</v>
      </c>
      <c r="CS1965" s="166">
        <v>0</v>
      </c>
      <c r="CT1965" s="166">
        <v>0</v>
      </c>
      <c r="CU1965" s="166">
        <v>0</v>
      </c>
      <c r="CV1965" s="166">
        <v>0</v>
      </c>
      <c r="CW1965" s="166">
        <v>0</v>
      </c>
      <c r="CX1965" s="166">
        <v>0</v>
      </c>
      <c r="CY1965" s="166">
        <v>0</v>
      </c>
      <c r="CZ1965" s="166">
        <v>0</v>
      </c>
    </row>
    <row r="1966" spans="1:104" x14ac:dyDescent="0.2">
      <c r="A1966" s="167" t="s">
        <v>1167</v>
      </c>
      <c r="B1966" s="166">
        <v>0</v>
      </c>
      <c r="C1966" s="166">
        <v>0</v>
      </c>
      <c r="D1966" s="166">
        <v>0</v>
      </c>
      <c r="E1966" s="166">
        <v>0</v>
      </c>
      <c r="F1966" s="166">
        <v>0</v>
      </c>
      <c r="G1966" s="166">
        <v>0</v>
      </c>
      <c r="H1966" s="166">
        <v>0</v>
      </c>
      <c r="I1966" s="166">
        <v>0</v>
      </c>
      <c r="J1966" s="166">
        <v>0</v>
      </c>
      <c r="K1966" s="166">
        <v>0</v>
      </c>
      <c r="L1966" s="166">
        <v>0</v>
      </c>
      <c r="M1966" s="166">
        <v>0</v>
      </c>
      <c r="N1966" s="166">
        <v>0</v>
      </c>
      <c r="O1966" s="166">
        <v>0</v>
      </c>
      <c r="P1966" s="166">
        <v>0</v>
      </c>
      <c r="Q1966" s="166">
        <v>0</v>
      </c>
      <c r="R1966" s="166">
        <v>0</v>
      </c>
      <c r="S1966" s="166">
        <v>0</v>
      </c>
      <c r="T1966" s="166">
        <v>0</v>
      </c>
      <c r="U1966" s="166">
        <v>0</v>
      </c>
      <c r="V1966" s="166">
        <v>0</v>
      </c>
      <c r="W1966" s="166">
        <v>0</v>
      </c>
      <c r="X1966" s="166">
        <v>0</v>
      </c>
      <c r="Y1966" s="166">
        <v>0</v>
      </c>
      <c r="Z1966" s="166">
        <v>0</v>
      </c>
      <c r="AA1966" s="166">
        <v>0</v>
      </c>
      <c r="AB1966" s="166">
        <v>0</v>
      </c>
      <c r="AC1966" s="166">
        <v>0</v>
      </c>
      <c r="AD1966" s="166">
        <v>0</v>
      </c>
      <c r="AE1966" s="166">
        <v>0</v>
      </c>
      <c r="AF1966" s="166">
        <v>0</v>
      </c>
      <c r="AG1966" s="166">
        <v>0</v>
      </c>
      <c r="AH1966" s="166">
        <v>0</v>
      </c>
      <c r="AI1966" s="166">
        <v>0</v>
      </c>
      <c r="AJ1966" s="166">
        <v>0</v>
      </c>
      <c r="AK1966" s="166">
        <v>0</v>
      </c>
      <c r="AL1966" s="166">
        <v>0</v>
      </c>
      <c r="AM1966" s="166">
        <v>0</v>
      </c>
      <c r="AN1966" s="166">
        <v>0</v>
      </c>
      <c r="AO1966" s="166">
        <v>0</v>
      </c>
      <c r="AP1966" s="166">
        <v>0</v>
      </c>
      <c r="AQ1966" s="166">
        <v>0</v>
      </c>
      <c r="AR1966" s="166">
        <v>0</v>
      </c>
      <c r="AS1966" s="166">
        <v>0</v>
      </c>
      <c r="AT1966" s="166">
        <v>0</v>
      </c>
      <c r="AU1966" s="166">
        <v>0</v>
      </c>
      <c r="AV1966" s="166">
        <v>0</v>
      </c>
      <c r="AW1966" s="166">
        <v>0</v>
      </c>
      <c r="AX1966" s="166">
        <v>0</v>
      </c>
      <c r="AY1966" s="166">
        <v>0</v>
      </c>
      <c r="AZ1966" s="166">
        <v>0</v>
      </c>
      <c r="BA1966" s="166">
        <v>0</v>
      </c>
      <c r="BB1966" s="166">
        <v>0</v>
      </c>
      <c r="BC1966" s="166">
        <v>0</v>
      </c>
      <c r="BD1966" s="166">
        <v>0</v>
      </c>
      <c r="BE1966" s="166">
        <v>0</v>
      </c>
      <c r="BF1966" s="166">
        <v>0</v>
      </c>
      <c r="BG1966" s="166">
        <v>0</v>
      </c>
      <c r="BH1966" s="166">
        <v>0</v>
      </c>
      <c r="BI1966" s="166">
        <v>0</v>
      </c>
      <c r="BJ1966" s="166">
        <v>0</v>
      </c>
      <c r="BK1966" s="166">
        <v>0</v>
      </c>
      <c r="BL1966" s="166">
        <v>0</v>
      </c>
      <c r="BM1966" s="166">
        <v>0</v>
      </c>
      <c r="BN1966" s="166">
        <v>0</v>
      </c>
      <c r="BO1966" s="166">
        <v>0</v>
      </c>
      <c r="BP1966" s="166">
        <v>0</v>
      </c>
      <c r="BQ1966" s="166">
        <v>0</v>
      </c>
      <c r="BR1966" s="166">
        <v>0</v>
      </c>
      <c r="BS1966" s="166">
        <v>0</v>
      </c>
      <c r="BT1966" s="168">
        <v>1</v>
      </c>
      <c r="BU1966" s="166">
        <v>0</v>
      </c>
      <c r="BV1966" s="166">
        <v>0</v>
      </c>
      <c r="BW1966" s="166">
        <v>0</v>
      </c>
      <c r="BX1966" s="166">
        <v>0</v>
      </c>
      <c r="BY1966" s="166">
        <v>0</v>
      </c>
      <c r="BZ1966" s="166">
        <v>0</v>
      </c>
      <c r="CA1966" s="166">
        <v>0</v>
      </c>
      <c r="CB1966" s="166">
        <v>0</v>
      </c>
      <c r="CC1966" s="166">
        <v>0</v>
      </c>
      <c r="CD1966" s="166">
        <v>0</v>
      </c>
      <c r="CE1966" s="166">
        <v>0</v>
      </c>
      <c r="CF1966" s="166">
        <v>0</v>
      </c>
      <c r="CG1966" s="166">
        <v>0</v>
      </c>
      <c r="CH1966" s="166">
        <v>0</v>
      </c>
      <c r="CI1966" s="166">
        <v>0</v>
      </c>
      <c r="CJ1966" s="166">
        <v>0</v>
      </c>
      <c r="CK1966" s="166">
        <v>0</v>
      </c>
      <c r="CL1966" s="166">
        <v>0</v>
      </c>
      <c r="CM1966" s="166">
        <v>0</v>
      </c>
      <c r="CN1966" s="166">
        <v>0</v>
      </c>
      <c r="CO1966" s="166">
        <v>0</v>
      </c>
      <c r="CP1966" s="166">
        <v>0</v>
      </c>
      <c r="CQ1966" s="166">
        <v>0</v>
      </c>
      <c r="CR1966" s="166">
        <v>0</v>
      </c>
      <c r="CS1966" s="166">
        <v>0</v>
      </c>
      <c r="CT1966" s="166">
        <v>0</v>
      </c>
      <c r="CU1966" s="166">
        <v>0</v>
      </c>
      <c r="CV1966" s="166">
        <v>0</v>
      </c>
      <c r="CW1966" s="166">
        <v>0</v>
      </c>
      <c r="CX1966" s="166">
        <v>0</v>
      </c>
      <c r="CY1966" s="166">
        <v>0</v>
      </c>
      <c r="CZ1966" s="166">
        <v>0</v>
      </c>
    </row>
    <row r="1967" spans="1:104" x14ac:dyDescent="0.2">
      <c r="A1967" s="167" t="s">
        <v>1168</v>
      </c>
      <c r="B1967" s="166">
        <v>0</v>
      </c>
      <c r="C1967" s="166">
        <v>0</v>
      </c>
      <c r="D1967" s="166">
        <v>0</v>
      </c>
      <c r="E1967" s="166">
        <v>0</v>
      </c>
      <c r="F1967" s="166">
        <v>0</v>
      </c>
      <c r="G1967" s="166">
        <v>0</v>
      </c>
      <c r="H1967" s="166">
        <v>0</v>
      </c>
      <c r="I1967" s="166">
        <v>0</v>
      </c>
      <c r="J1967" s="166">
        <v>0</v>
      </c>
      <c r="K1967" s="166">
        <v>0</v>
      </c>
      <c r="L1967" s="166">
        <v>0</v>
      </c>
      <c r="M1967" s="166">
        <v>0</v>
      </c>
      <c r="N1967" s="166">
        <v>0</v>
      </c>
      <c r="O1967" s="166">
        <v>0</v>
      </c>
      <c r="P1967" s="166">
        <v>0</v>
      </c>
      <c r="Q1967" s="166">
        <v>0</v>
      </c>
      <c r="R1967" s="166">
        <v>0</v>
      </c>
      <c r="S1967" s="166">
        <v>0</v>
      </c>
      <c r="T1967" s="166">
        <v>0</v>
      </c>
      <c r="U1967" s="166">
        <v>0</v>
      </c>
      <c r="V1967" s="166">
        <v>0</v>
      </c>
      <c r="W1967" s="166">
        <v>0</v>
      </c>
      <c r="X1967" s="166">
        <v>0</v>
      </c>
      <c r="Y1967" s="166">
        <v>0</v>
      </c>
      <c r="Z1967" s="166">
        <v>0</v>
      </c>
      <c r="AA1967" s="166">
        <v>0</v>
      </c>
      <c r="AB1967" s="166">
        <v>0</v>
      </c>
      <c r="AC1967" s="166">
        <v>0</v>
      </c>
      <c r="AD1967" s="166">
        <v>0</v>
      </c>
      <c r="AE1967" s="166">
        <v>0</v>
      </c>
      <c r="AF1967" s="166">
        <v>0</v>
      </c>
      <c r="AG1967" s="166">
        <v>0</v>
      </c>
      <c r="AH1967" s="166">
        <v>0</v>
      </c>
      <c r="AI1967" s="166">
        <v>0</v>
      </c>
      <c r="AJ1967" s="166">
        <v>0</v>
      </c>
      <c r="AK1967" s="166">
        <v>0</v>
      </c>
      <c r="AL1967" s="166">
        <v>0</v>
      </c>
      <c r="AM1967" s="166">
        <v>0</v>
      </c>
      <c r="AN1967" s="166">
        <v>0</v>
      </c>
      <c r="AO1967" s="166">
        <v>0</v>
      </c>
      <c r="AP1967" s="166">
        <v>0</v>
      </c>
      <c r="AQ1967" s="166">
        <v>0</v>
      </c>
      <c r="AR1967" s="166">
        <v>0</v>
      </c>
      <c r="AS1967" s="166">
        <v>0</v>
      </c>
      <c r="AT1967" s="166">
        <v>0</v>
      </c>
      <c r="AU1967" s="166">
        <v>0</v>
      </c>
      <c r="AV1967" s="166">
        <v>0</v>
      </c>
      <c r="AW1967" s="166">
        <v>0</v>
      </c>
      <c r="AX1967" s="166">
        <v>0</v>
      </c>
      <c r="AY1967" s="166">
        <v>0</v>
      </c>
      <c r="AZ1967" s="166">
        <v>0</v>
      </c>
      <c r="BA1967" s="166">
        <v>0</v>
      </c>
      <c r="BB1967" s="166">
        <v>0</v>
      </c>
      <c r="BC1967" s="166">
        <v>0</v>
      </c>
      <c r="BD1967" s="166">
        <v>0</v>
      </c>
      <c r="BE1967" s="166">
        <v>0</v>
      </c>
      <c r="BF1967" s="166">
        <v>0</v>
      </c>
      <c r="BG1967" s="166">
        <v>0</v>
      </c>
      <c r="BH1967" s="166">
        <v>0</v>
      </c>
      <c r="BI1967" s="166">
        <v>0</v>
      </c>
      <c r="BJ1967" s="166">
        <v>0</v>
      </c>
      <c r="BK1967" s="166">
        <v>0</v>
      </c>
      <c r="BL1967" s="166">
        <v>0</v>
      </c>
      <c r="BM1967" s="166">
        <v>0</v>
      </c>
      <c r="BN1967" s="166">
        <v>0</v>
      </c>
      <c r="BO1967" s="166">
        <v>0</v>
      </c>
      <c r="BP1967" s="166">
        <v>0</v>
      </c>
      <c r="BQ1967" s="166">
        <v>0</v>
      </c>
      <c r="BR1967" s="166">
        <v>0</v>
      </c>
      <c r="BS1967" s="166">
        <v>0</v>
      </c>
      <c r="BT1967" s="168">
        <v>0</v>
      </c>
      <c r="BU1967" s="166">
        <v>0</v>
      </c>
      <c r="BV1967" s="166">
        <v>0</v>
      </c>
      <c r="BW1967" s="166">
        <v>0</v>
      </c>
      <c r="BX1967" s="166">
        <v>0</v>
      </c>
      <c r="BY1967" s="166">
        <v>0</v>
      </c>
      <c r="BZ1967" s="166">
        <v>0</v>
      </c>
      <c r="CA1967" s="166">
        <v>0</v>
      </c>
      <c r="CB1967" s="166">
        <v>0</v>
      </c>
      <c r="CC1967" s="166">
        <v>0</v>
      </c>
      <c r="CD1967" s="166">
        <v>0</v>
      </c>
      <c r="CE1967" s="166">
        <v>0</v>
      </c>
      <c r="CF1967" s="166">
        <v>0</v>
      </c>
      <c r="CG1967" s="166">
        <v>0</v>
      </c>
      <c r="CH1967" s="166">
        <v>0</v>
      </c>
      <c r="CI1967" s="166">
        <v>0</v>
      </c>
      <c r="CJ1967" s="166">
        <v>0</v>
      </c>
      <c r="CK1967" s="166">
        <v>0</v>
      </c>
      <c r="CL1967" s="166">
        <v>0</v>
      </c>
      <c r="CM1967" s="166">
        <v>0</v>
      </c>
      <c r="CN1967" s="166">
        <v>0</v>
      </c>
      <c r="CO1967" s="166">
        <v>0</v>
      </c>
      <c r="CP1967" s="166">
        <v>0</v>
      </c>
      <c r="CQ1967" s="166">
        <v>0</v>
      </c>
      <c r="CR1967" s="166">
        <v>0</v>
      </c>
      <c r="CS1967" s="166">
        <v>0</v>
      </c>
      <c r="CT1967" s="166">
        <v>0</v>
      </c>
      <c r="CU1967" s="166">
        <v>0</v>
      </c>
      <c r="CV1967" s="166">
        <v>0</v>
      </c>
      <c r="CW1967" s="166">
        <v>0</v>
      </c>
      <c r="CX1967" s="166">
        <v>0</v>
      </c>
      <c r="CY1967" s="166">
        <v>0</v>
      </c>
      <c r="CZ1967" s="166">
        <v>0</v>
      </c>
    </row>
    <row r="1968" spans="1:104" x14ac:dyDescent="0.2">
      <c r="A1968" s="167" t="s">
        <v>377</v>
      </c>
    </row>
    <row r="1969" spans="1:104" x14ac:dyDescent="0.2">
      <c r="A1969" s="167" t="s">
        <v>378</v>
      </c>
      <c r="B1969" s="166">
        <v>0</v>
      </c>
      <c r="C1969" s="166">
        <v>0</v>
      </c>
      <c r="D1969" s="166">
        <v>0</v>
      </c>
      <c r="E1969" s="166">
        <v>0</v>
      </c>
      <c r="F1969" s="166">
        <v>0</v>
      </c>
      <c r="G1969" s="166">
        <v>0</v>
      </c>
      <c r="H1969" s="166">
        <v>0</v>
      </c>
      <c r="I1969" s="166">
        <v>0</v>
      </c>
      <c r="J1969" s="166">
        <v>0</v>
      </c>
      <c r="K1969" s="166">
        <v>0</v>
      </c>
      <c r="L1969" s="166">
        <v>0</v>
      </c>
      <c r="M1969" s="166">
        <v>0</v>
      </c>
      <c r="N1969" s="166">
        <v>0</v>
      </c>
      <c r="O1969" s="166">
        <v>0</v>
      </c>
      <c r="P1969" s="166">
        <v>0</v>
      </c>
      <c r="Q1969" s="166">
        <v>0</v>
      </c>
      <c r="R1969" s="166">
        <v>0</v>
      </c>
      <c r="S1969" s="166">
        <v>0</v>
      </c>
      <c r="T1969" s="166">
        <v>0</v>
      </c>
      <c r="U1969" s="166">
        <v>0</v>
      </c>
      <c r="V1969" s="166">
        <v>0</v>
      </c>
      <c r="W1969" s="166">
        <v>0</v>
      </c>
      <c r="X1969" s="166">
        <v>0</v>
      </c>
      <c r="Y1969" s="166">
        <v>0</v>
      </c>
      <c r="Z1969" s="166">
        <v>0</v>
      </c>
      <c r="AA1969" s="166">
        <v>0</v>
      </c>
      <c r="AB1969" s="166">
        <v>0</v>
      </c>
      <c r="AC1969" s="166">
        <v>0</v>
      </c>
      <c r="AD1969" s="166">
        <v>0</v>
      </c>
      <c r="AE1969" s="166">
        <v>0</v>
      </c>
      <c r="AF1969" s="166">
        <v>0</v>
      </c>
      <c r="AG1969" s="166">
        <v>0</v>
      </c>
      <c r="AH1969" s="166">
        <v>0</v>
      </c>
      <c r="AI1969" s="166">
        <v>0</v>
      </c>
      <c r="AJ1969" s="166">
        <v>0</v>
      </c>
      <c r="AK1969" s="166">
        <v>0</v>
      </c>
      <c r="AL1969" s="166">
        <v>0</v>
      </c>
      <c r="AM1969" s="166">
        <v>0</v>
      </c>
      <c r="AN1969" s="166">
        <v>0</v>
      </c>
      <c r="AO1969" s="166">
        <v>0</v>
      </c>
      <c r="AP1969" s="166">
        <v>0</v>
      </c>
      <c r="AQ1969" s="166">
        <v>0</v>
      </c>
      <c r="AR1969" s="166">
        <v>0</v>
      </c>
      <c r="AS1969" s="166">
        <v>0</v>
      </c>
      <c r="AT1969" s="166">
        <v>0</v>
      </c>
      <c r="AU1969" s="166">
        <v>0</v>
      </c>
      <c r="AV1969" s="166">
        <v>0</v>
      </c>
      <c r="AW1969" s="166">
        <v>0</v>
      </c>
      <c r="AX1969" s="166">
        <v>0</v>
      </c>
      <c r="AY1969" s="166">
        <v>0</v>
      </c>
      <c r="AZ1969" s="166">
        <v>0</v>
      </c>
      <c r="BA1969" s="166">
        <v>0</v>
      </c>
      <c r="BB1969" s="166">
        <v>0</v>
      </c>
      <c r="BC1969" s="166">
        <v>0</v>
      </c>
      <c r="BD1969" s="166">
        <v>0</v>
      </c>
      <c r="BE1969" s="166">
        <v>0</v>
      </c>
      <c r="BF1969" s="166">
        <v>0</v>
      </c>
      <c r="BG1969" s="166">
        <v>0</v>
      </c>
      <c r="BH1969" s="166">
        <v>0</v>
      </c>
      <c r="BI1969" s="166">
        <v>0</v>
      </c>
      <c r="BJ1969" s="166">
        <v>0</v>
      </c>
      <c r="BK1969" s="166">
        <v>0</v>
      </c>
      <c r="BL1969" s="166">
        <v>0</v>
      </c>
      <c r="BM1969" s="166">
        <v>0</v>
      </c>
      <c r="BN1969" s="166">
        <v>0</v>
      </c>
      <c r="BO1969" s="166">
        <v>0</v>
      </c>
      <c r="BP1969" s="166">
        <v>0</v>
      </c>
      <c r="BQ1969" s="166">
        <v>0</v>
      </c>
      <c r="BR1969" s="166">
        <v>0</v>
      </c>
      <c r="BS1969" s="166">
        <v>0</v>
      </c>
      <c r="BT1969" s="168">
        <v>1</v>
      </c>
      <c r="BU1969" s="166">
        <v>0</v>
      </c>
      <c r="BV1969" s="166">
        <v>0</v>
      </c>
      <c r="BW1969" s="166">
        <v>0</v>
      </c>
      <c r="BX1969" s="166">
        <v>0</v>
      </c>
      <c r="BY1969" s="166">
        <v>0</v>
      </c>
      <c r="BZ1969" s="166">
        <v>0</v>
      </c>
      <c r="CA1969" s="166">
        <v>0</v>
      </c>
      <c r="CB1969" s="166">
        <v>0</v>
      </c>
      <c r="CC1969" s="166">
        <v>0</v>
      </c>
      <c r="CD1969" s="166">
        <v>0</v>
      </c>
      <c r="CE1969" s="166">
        <v>0</v>
      </c>
      <c r="CF1969" s="166">
        <v>0</v>
      </c>
      <c r="CG1969" s="166">
        <v>0</v>
      </c>
      <c r="CH1969" s="166">
        <v>0</v>
      </c>
      <c r="CI1969" s="166">
        <v>0</v>
      </c>
      <c r="CJ1969" s="166">
        <v>0</v>
      </c>
      <c r="CK1969" s="166">
        <v>0</v>
      </c>
      <c r="CL1969" s="166">
        <v>0</v>
      </c>
      <c r="CM1969" s="166">
        <v>0</v>
      </c>
      <c r="CN1969" s="166">
        <v>0</v>
      </c>
      <c r="CO1969" s="166">
        <v>0</v>
      </c>
      <c r="CP1969" s="166">
        <v>0</v>
      </c>
      <c r="CQ1969" s="166">
        <v>0</v>
      </c>
      <c r="CR1969" s="166">
        <v>0</v>
      </c>
      <c r="CS1969" s="166">
        <v>0</v>
      </c>
      <c r="CT1969" s="166">
        <v>0</v>
      </c>
      <c r="CU1969" s="166">
        <v>0</v>
      </c>
      <c r="CV1969" s="166">
        <v>0</v>
      </c>
      <c r="CW1969" s="166">
        <v>0</v>
      </c>
      <c r="CX1969" s="166">
        <v>0</v>
      </c>
      <c r="CY1969" s="166">
        <v>0</v>
      </c>
      <c r="CZ1969" s="166">
        <v>0</v>
      </c>
    </row>
    <row r="1970" spans="1:104" x14ac:dyDescent="0.2">
      <c r="A1970" s="170" t="s">
        <v>379</v>
      </c>
      <c r="B1970" s="166">
        <v>84227049.989999905</v>
      </c>
      <c r="C1970" s="166">
        <v>84227049.989999905</v>
      </c>
      <c r="D1970" s="166">
        <v>0</v>
      </c>
      <c r="E1970" s="166">
        <v>0</v>
      </c>
      <c r="F1970" s="166">
        <v>0</v>
      </c>
      <c r="G1970" s="166">
        <v>0</v>
      </c>
      <c r="H1970" s="166">
        <v>0</v>
      </c>
      <c r="I1970" s="166">
        <v>0</v>
      </c>
      <c r="J1970" s="166">
        <v>0</v>
      </c>
      <c r="K1970" s="166">
        <v>0</v>
      </c>
      <c r="L1970" s="166">
        <v>0</v>
      </c>
      <c r="M1970" s="166">
        <v>0</v>
      </c>
      <c r="N1970" s="166">
        <v>0</v>
      </c>
      <c r="O1970" s="166">
        <v>0</v>
      </c>
      <c r="P1970" s="166">
        <v>0</v>
      </c>
      <c r="Q1970" s="166">
        <v>0</v>
      </c>
      <c r="R1970" s="166">
        <v>0</v>
      </c>
      <c r="S1970" s="166">
        <v>0</v>
      </c>
      <c r="T1970" s="166">
        <v>0</v>
      </c>
      <c r="U1970" s="166">
        <v>0</v>
      </c>
      <c r="V1970" s="166">
        <v>0</v>
      </c>
      <c r="W1970" s="166">
        <v>0</v>
      </c>
      <c r="X1970" s="166">
        <v>0</v>
      </c>
      <c r="Y1970" s="166">
        <v>0</v>
      </c>
      <c r="Z1970" s="166">
        <v>0</v>
      </c>
      <c r="AA1970" s="166">
        <v>0</v>
      </c>
      <c r="AB1970" s="166">
        <v>0</v>
      </c>
      <c r="AC1970" s="166">
        <v>0</v>
      </c>
      <c r="AD1970" s="166">
        <v>0</v>
      </c>
      <c r="AE1970" s="166">
        <v>0</v>
      </c>
      <c r="AF1970" s="166">
        <v>0</v>
      </c>
      <c r="AG1970" s="166">
        <v>0</v>
      </c>
      <c r="AH1970" s="166">
        <v>0</v>
      </c>
      <c r="AI1970" s="166">
        <v>0</v>
      </c>
      <c r="AJ1970" s="166">
        <v>0</v>
      </c>
      <c r="AK1970" s="166">
        <v>0</v>
      </c>
      <c r="AL1970" s="166">
        <v>0</v>
      </c>
      <c r="AM1970" s="166">
        <v>0</v>
      </c>
      <c r="AN1970" s="166">
        <v>0</v>
      </c>
      <c r="AO1970" s="166">
        <v>0</v>
      </c>
      <c r="AP1970" s="166">
        <v>0</v>
      </c>
      <c r="AQ1970" s="166">
        <v>0</v>
      </c>
      <c r="AR1970" s="166">
        <v>0</v>
      </c>
      <c r="AS1970" s="166">
        <v>0</v>
      </c>
      <c r="AT1970" s="166">
        <v>0</v>
      </c>
      <c r="AU1970" s="166">
        <v>0</v>
      </c>
      <c r="AV1970" s="166">
        <v>0</v>
      </c>
      <c r="AW1970" s="166">
        <v>0</v>
      </c>
      <c r="AX1970" s="166">
        <v>0</v>
      </c>
      <c r="AY1970" s="166">
        <v>0</v>
      </c>
      <c r="AZ1970" s="166">
        <v>0</v>
      </c>
      <c r="BA1970" s="166">
        <v>0</v>
      </c>
      <c r="BB1970" s="166">
        <v>0</v>
      </c>
      <c r="BC1970" s="166">
        <v>0</v>
      </c>
      <c r="BD1970" s="166">
        <v>0</v>
      </c>
      <c r="BE1970" s="166">
        <v>0</v>
      </c>
      <c r="BF1970" s="166">
        <v>0</v>
      </c>
      <c r="BG1970" s="166">
        <v>0</v>
      </c>
      <c r="BH1970" s="166">
        <v>0</v>
      </c>
      <c r="BI1970" s="166">
        <v>0</v>
      </c>
      <c r="BJ1970" s="166">
        <v>0</v>
      </c>
      <c r="BK1970" s="166">
        <v>0</v>
      </c>
      <c r="BL1970" s="166">
        <v>0</v>
      </c>
      <c r="BM1970" s="166">
        <v>0</v>
      </c>
      <c r="BN1970" s="166">
        <v>0</v>
      </c>
      <c r="BO1970" s="166">
        <v>0</v>
      </c>
      <c r="BP1970" s="166">
        <v>0</v>
      </c>
      <c r="BQ1970" s="166">
        <v>0</v>
      </c>
      <c r="BR1970" s="166">
        <v>84227049.989999905</v>
      </c>
      <c r="BS1970" s="166">
        <v>84227049.989999905</v>
      </c>
      <c r="BT1970" s="168">
        <v>0</v>
      </c>
      <c r="BU1970" s="166">
        <v>7766679.9140109196</v>
      </c>
      <c r="BV1970" s="166">
        <v>84197392.705535293</v>
      </c>
      <c r="BW1970" s="166">
        <v>0</v>
      </c>
      <c r="BX1970" s="166">
        <v>0</v>
      </c>
      <c r="BY1970" s="166">
        <v>0</v>
      </c>
      <c r="BZ1970" s="166">
        <v>0</v>
      </c>
      <c r="CA1970" s="166">
        <v>0</v>
      </c>
      <c r="CB1970" s="166">
        <v>0</v>
      </c>
      <c r="CC1970" s="166">
        <v>0</v>
      </c>
      <c r="CD1970" s="166">
        <v>0</v>
      </c>
      <c r="CE1970" s="166">
        <v>0</v>
      </c>
      <c r="CF1970" s="166">
        <v>0</v>
      </c>
      <c r="CG1970" s="166">
        <v>0</v>
      </c>
      <c r="CH1970" s="166">
        <v>0</v>
      </c>
      <c r="CI1970" s="166">
        <v>0</v>
      </c>
      <c r="CJ1970" s="166">
        <v>0</v>
      </c>
      <c r="CK1970" s="166">
        <v>0</v>
      </c>
      <c r="CL1970" s="166">
        <v>0</v>
      </c>
      <c r="CM1970" s="166">
        <v>0</v>
      </c>
      <c r="CN1970" s="166">
        <v>0</v>
      </c>
      <c r="CO1970" s="166">
        <v>0</v>
      </c>
      <c r="CP1970" s="166">
        <v>0</v>
      </c>
      <c r="CQ1970" s="166">
        <v>0</v>
      </c>
      <c r="CR1970" s="166">
        <v>0</v>
      </c>
      <c r="CS1970" s="166">
        <v>0</v>
      </c>
      <c r="CT1970" s="166">
        <v>0</v>
      </c>
      <c r="CU1970" s="166">
        <v>0</v>
      </c>
      <c r="CV1970" s="166">
        <v>0</v>
      </c>
      <c r="CW1970" s="166">
        <v>0</v>
      </c>
      <c r="CX1970" s="166">
        <v>0</v>
      </c>
      <c r="CY1970" s="166">
        <v>84197392.705535397</v>
      </c>
      <c r="CZ1970" s="166">
        <v>84197392.705535293</v>
      </c>
    </row>
    <row r="1971" spans="1:104" x14ac:dyDescent="0.2">
      <c r="A1971" s="167" t="s">
        <v>380</v>
      </c>
    </row>
    <row r="1972" spans="1:104" x14ac:dyDescent="0.2">
      <c r="A1972" s="170" t="s">
        <v>381</v>
      </c>
      <c r="B1972" s="166">
        <v>116021340.37</v>
      </c>
      <c r="C1972" s="166">
        <v>116021340.37</v>
      </c>
      <c r="D1972" s="166">
        <v>0</v>
      </c>
      <c r="E1972" s="166">
        <v>0</v>
      </c>
      <c r="F1972" s="166">
        <v>0</v>
      </c>
      <c r="G1972" s="166">
        <v>0</v>
      </c>
      <c r="H1972" s="166">
        <v>0</v>
      </c>
      <c r="I1972" s="166">
        <v>0</v>
      </c>
      <c r="J1972" s="166">
        <v>0</v>
      </c>
      <c r="K1972" s="166">
        <v>0</v>
      </c>
      <c r="L1972" s="166">
        <v>0</v>
      </c>
      <c r="M1972" s="166">
        <v>0</v>
      </c>
      <c r="N1972" s="166">
        <v>0</v>
      </c>
      <c r="O1972" s="166">
        <v>0</v>
      </c>
      <c r="P1972" s="166">
        <v>0</v>
      </c>
      <c r="Q1972" s="166">
        <v>0</v>
      </c>
      <c r="R1972" s="166">
        <v>0</v>
      </c>
      <c r="S1972" s="166">
        <v>0</v>
      </c>
      <c r="T1972" s="166">
        <v>0</v>
      </c>
      <c r="U1972" s="166">
        <v>0</v>
      </c>
      <c r="V1972" s="166">
        <v>0</v>
      </c>
      <c r="W1972" s="166">
        <v>0</v>
      </c>
      <c r="X1972" s="166">
        <v>0</v>
      </c>
      <c r="Y1972" s="166">
        <v>0</v>
      </c>
      <c r="Z1972" s="166">
        <v>0</v>
      </c>
      <c r="AA1972" s="166">
        <v>0</v>
      </c>
      <c r="AB1972" s="166">
        <v>0</v>
      </c>
      <c r="AC1972" s="166">
        <v>0</v>
      </c>
      <c r="AD1972" s="166">
        <v>0</v>
      </c>
      <c r="AE1972" s="166">
        <v>0</v>
      </c>
      <c r="AF1972" s="166">
        <v>0</v>
      </c>
      <c r="AG1972" s="166">
        <v>0</v>
      </c>
      <c r="AH1972" s="166">
        <v>0</v>
      </c>
      <c r="AI1972" s="166">
        <v>0</v>
      </c>
      <c r="AJ1972" s="166">
        <v>0</v>
      </c>
      <c r="AK1972" s="166">
        <v>0</v>
      </c>
      <c r="AL1972" s="166">
        <v>0</v>
      </c>
      <c r="AM1972" s="166">
        <v>0</v>
      </c>
      <c r="AN1972" s="166">
        <v>0</v>
      </c>
      <c r="AO1972" s="166">
        <v>0</v>
      </c>
      <c r="AP1972" s="166">
        <v>0</v>
      </c>
      <c r="AQ1972" s="166">
        <v>0</v>
      </c>
      <c r="AR1972" s="166">
        <v>0</v>
      </c>
      <c r="AS1972" s="166">
        <v>0</v>
      </c>
      <c r="AT1972" s="166">
        <v>0</v>
      </c>
      <c r="AU1972" s="166">
        <v>0</v>
      </c>
      <c r="AV1972" s="166">
        <v>0</v>
      </c>
      <c r="AW1972" s="166">
        <v>0</v>
      </c>
      <c r="AX1972" s="166">
        <v>0</v>
      </c>
      <c r="AY1972" s="166">
        <v>0</v>
      </c>
      <c r="AZ1972" s="166">
        <v>0</v>
      </c>
      <c r="BA1972" s="166">
        <v>0</v>
      </c>
      <c r="BB1972" s="166">
        <v>0</v>
      </c>
      <c r="BC1972" s="166">
        <v>0</v>
      </c>
      <c r="BD1972" s="166">
        <v>0</v>
      </c>
      <c r="BE1972" s="166">
        <v>0</v>
      </c>
      <c r="BF1972" s="166">
        <v>0</v>
      </c>
      <c r="BG1972" s="166">
        <v>0</v>
      </c>
      <c r="BH1972" s="166">
        <v>0</v>
      </c>
      <c r="BI1972" s="166">
        <v>0</v>
      </c>
      <c r="BJ1972" s="166">
        <v>0</v>
      </c>
      <c r="BK1972" s="166">
        <v>0</v>
      </c>
      <c r="BL1972" s="166">
        <v>0</v>
      </c>
      <c r="BM1972" s="166">
        <v>0</v>
      </c>
      <c r="BN1972" s="166">
        <v>0</v>
      </c>
      <c r="BO1972" s="166">
        <v>0</v>
      </c>
      <c r="BP1972" s="166">
        <v>0</v>
      </c>
      <c r="BQ1972" s="166">
        <v>0</v>
      </c>
      <c r="BR1972" s="166">
        <v>116021340.37</v>
      </c>
      <c r="BS1972" s="166">
        <v>116021340.36999901</v>
      </c>
      <c r="BT1972" s="168">
        <v>0</v>
      </c>
      <c r="BU1972" s="166">
        <v>10351278.3556238</v>
      </c>
      <c r="BV1972" s="166">
        <v>115949998.236662</v>
      </c>
      <c r="BW1972" s="166">
        <v>0</v>
      </c>
      <c r="BX1972" s="166">
        <v>0</v>
      </c>
      <c r="BY1972" s="166">
        <v>0</v>
      </c>
      <c r="BZ1972" s="166">
        <v>0</v>
      </c>
      <c r="CA1972" s="166">
        <v>0</v>
      </c>
      <c r="CB1972" s="166">
        <v>0</v>
      </c>
      <c r="CC1972" s="166">
        <v>0</v>
      </c>
      <c r="CD1972" s="166">
        <v>0</v>
      </c>
      <c r="CE1972" s="166">
        <v>0</v>
      </c>
      <c r="CF1972" s="166">
        <v>0</v>
      </c>
      <c r="CG1972" s="166">
        <v>0</v>
      </c>
      <c r="CH1972" s="166">
        <v>0</v>
      </c>
      <c r="CI1972" s="166">
        <v>0</v>
      </c>
      <c r="CJ1972" s="166">
        <v>0</v>
      </c>
      <c r="CK1972" s="166">
        <v>0</v>
      </c>
      <c r="CL1972" s="166">
        <v>0</v>
      </c>
      <c r="CM1972" s="166">
        <v>0</v>
      </c>
      <c r="CN1972" s="166">
        <v>0</v>
      </c>
      <c r="CO1972" s="166">
        <v>0</v>
      </c>
      <c r="CP1972" s="166">
        <v>0</v>
      </c>
      <c r="CQ1972" s="166">
        <v>0</v>
      </c>
      <c r="CR1972" s="166">
        <v>0</v>
      </c>
      <c r="CS1972" s="166">
        <v>0</v>
      </c>
      <c r="CT1972" s="166">
        <v>0</v>
      </c>
      <c r="CU1972" s="166">
        <v>0</v>
      </c>
      <c r="CV1972" s="166">
        <v>0</v>
      </c>
      <c r="CW1972" s="166">
        <v>0</v>
      </c>
      <c r="CX1972" s="166">
        <v>0</v>
      </c>
      <c r="CY1972" s="166">
        <v>115949998.236662</v>
      </c>
      <c r="CZ1972" s="166">
        <v>115949998.236662</v>
      </c>
    </row>
    <row r="1973" spans="1:104" x14ac:dyDescent="0.2">
      <c r="A1973" s="167" t="s">
        <v>382</v>
      </c>
    </row>
    <row r="1974" spans="1:104" x14ac:dyDescent="0.2">
      <c r="A1974" s="170" t="s">
        <v>383</v>
      </c>
    </row>
    <row r="1975" spans="1:104" x14ac:dyDescent="0.2">
      <c r="A1975" s="167" t="s">
        <v>384</v>
      </c>
      <c r="B1975" s="166">
        <v>88002.159999999902</v>
      </c>
      <c r="C1975" s="166">
        <v>88002.159999999902</v>
      </c>
      <c r="D1975" s="166">
        <v>0</v>
      </c>
      <c r="E1975" s="166">
        <v>0</v>
      </c>
      <c r="F1975" s="166">
        <v>0</v>
      </c>
      <c r="G1975" s="166">
        <v>0</v>
      </c>
      <c r="H1975" s="166">
        <v>0</v>
      </c>
      <c r="I1975" s="166">
        <v>0</v>
      </c>
      <c r="J1975" s="166">
        <v>0</v>
      </c>
      <c r="K1975" s="166">
        <v>0</v>
      </c>
      <c r="L1975" s="166">
        <v>0</v>
      </c>
      <c r="M1975" s="166">
        <v>0</v>
      </c>
      <c r="N1975" s="166">
        <v>0</v>
      </c>
      <c r="O1975" s="166">
        <v>0</v>
      </c>
      <c r="P1975" s="166">
        <v>0</v>
      </c>
      <c r="Q1975" s="166">
        <v>0</v>
      </c>
      <c r="R1975" s="166">
        <v>0</v>
      </c>
      <c r="S1975" s="166">
        <v>0</v>
      </c>
      <c r="T1975" s="166">
        <v>0</v>
      </c>
      <c r="U1975" s="166">
        <v>0</v>
      </c>
      <c r="V1975" s="166">
        <v>0</v>
      </c>
      <c r="W1975" s="166">
        <v>0</v>
      </c>
      <c r="X1975" s="166">
        <v>0</v>
      </c>
      <c r="Y1975" s="166">
        <v>0</v>
      </c>
      <c r="Z1975" s="166">
        <v>0</v>
      </c>
      <c r="AA1975" s="166">
        <v>0</v>
      </c>
      <c r="AB1975" s="166">
        <v>0</v>
      </c>
      <c r="AC1975" s="166">
        <v>0</v>
      </c>
      <c r="AD1975" s="166">
        <v>0</v>
      </c>
      <c r="AE1975" s="166">
        <v>0</v>
      </c>
      <c r="AF1975" s="166">
        <v>0</v>
      </c>
      <c r="AG1975" s="166">
        <v>0</v>
      </c>
      <c r="AH1975" s="166">
        <v>0</v>
      </c>
      <c r="AI1975" s="166">
        <v>0</v>
      </c>
      <c r="AJ1975" s="166">
        <v>0</v>
      </c>
      <c r="AK1975" s="166">
        <v>0</v>
      </c>
      <c r="AL1975" s="166">
        <v>0</v>
      </c>
      <c r="AM1975" s="166">
        <v>0</v>
      </c>
      <c r="AN1975" s="166">
        <v>0</v>
      </c>
      <c r="AO1975" s="166">
        <v>0</v>
      </c>
      <c r="AP1975" s="166">
        <v>0</v>
      </c>
      <c r="AQ1975" s="166">
        <v>0</v>
      </c>
      <c r="AR1975" s="166">
        <v>0</v>
      </c>
      <c r="AS1975" s="166">
        <v>0</v>
      </c>
      <c r="AT1975" s="166">
        <v>0</v>
      </c>
      <c r="AU1975" s="166">
        <v>0</v>
      </c>
      <c r="AV1975" s="166">
        <v>0</v>
      </c>
      <c r="AW1975" s="166">
        <v>0</v>
      </c>
      <c r="AX1975" s="166">
        <v>0</v>
      </c>
      <c r="AY1975" s="166">
        <v>0</v>
      </c>
      <c r="AZ1975" s="166">
        <v>0</v>
      </c>
      <c r="BA1975" s="166">
        <v>0</v>
      </c>
      <c r="BB1975" s="166">
        <v>0</v>
      </c>
      <c r="BC1975" s="166">
        <v>0</v>
      </c>
      <c r="BD1975" s="166">
        <v>0</v>
      </c>
      <c r="BE1975" s="166">
        <v>0</v>
      </c>
      <c r="BF1975" s="166">
        <v>0</v>
      </c>
      <c r="BG1975" s="166">
        <v>0</v>
      </c>
      <c r="BH1975" s="166">
        <v>0</v>
      </c>
      <c r="BI1975" s="166">
        <v>0</v>
      </c>
      <c r="BJ1975" s="166">
        <v>0</v>
      </c>
      <c r="BK1975" s="166">
        <v>0</v>
      </c>
      <c r="BL1975" s="166">
        <v>0</v>
      </c>
      <c r="BM1975" s="166">
        <v>0</v>
      </c>
      <c r="BN1975" s="166">
        <v>0</v>
      </c>
      <c r="BO1975" s="166">
        <v>0</v>
      </c>
      <c r="BP1975" s="166">
        <v>0</v>
      </c>
      <c r="BQ1975" s="166">
        <v>0</v>
      </c>
      <c r="BR1975" s="166">
        <v>88002.159999999902</v>
      </c>
      <c r="BS1975" s="166">
        <v>88002.159999999902</v>
      </c>
      <c r="BT1975" s="168">
        <v>0.99981336741766302</v>
      </c>
      <c r="BU1975" s="166">
        <v>7373.7077955908198</v>
      </c>
      <c r="BV1975" s="166">
        <v>87985.736111165897</v>
      </c>
      <c r="BW1975" s="166">
        <v>0</v>
      </c>
      <c r="BX1975" s="166">
        <v>0</v>
      </c>
      <c r="BY1975" s="166">
        <v>0</v>
      </c>
      <c r="BZ1975" s="166">
        <v>0</v>
      </c>
      <c r="CA1975" s="166">
        <v>0</v>
      </c>
      <c r="CB1975" s="166">
        <v>0</v>
      </c>
      <c r="CC1975" s="166">
        <v>0</v>
      </c>
      <c r="CD1975" s="166">
        <v>0</v>
      </c>
      <c r="CE1975" s="166">
        <v>0</v>
      </c>
      <c r="CF1975" s="166">
        <v>0</v>
      </c>
      <c r="CG1975" s="166">
        <v>0</v>
      </c>
      <c r="CH1975" s="166">
        <v>0</v>
      </c>
      <c r="CI1975" s="166">
        <v>0</v>
      </c>
      <c r="CJ1975" s="166">
        <v>0</v>
      </c>
      <c r="CK1975" s="166">
        <v>0</v>
      </c>
      <c r="CL1975" s="166">
        <v>0</v>
      </c>
      <c r="CM1975" s="166">
        <v>0</v>
      </c>
      <c r="CN1975" s="166">
        <v>0</v>
      </c>
      <c r="CO1975" s="166">
        <v>0</v>
      </c>
      <c r="CP1975" s="166">
        <v>0</v>
      </c>
      <c r="CQ1975" s="166">
        <v>0</v>
      </c>
      <c r="CR1975" s="166">
        <v>0</v>
      </c>
      <c r="CS1975" s="166">
        <v>0</v>
      </c>
      <c r="CT1975" s="166">
        <v>0</v>
      </c>
      <c r="CU1975" s="166">
        <v>0</v>
      </c>
      <c r="CV1975" s="166">
        <v>0</v>
      </c>
      <c r="CW1975" s="166">
        <v>0</v>
      </c>
      <c r="CX1975" s="166">
        <v>0</v>
      </c>
      <c r="CY1975" s="166">
        <v>87985.736111165897</v>
      </c>
      <c r="CZ1975" s="166">
        <v>87985.736111165897</v>
      </c>
    </row>
    <row r="1976" spans="1:104" x14ac:dyDescent="0.2">
      <c r="A1976" s="167" t="s">
        <v>385</v>
      </c>
    </row>
    <row r="1977" spans="1:104" x14ac:dyDescent="0.2">
      <c r="A1977" s="167" t="s">
        <v>386</v>
      </c>
      <c r="B1977" s="166">
        <v>815195.22</v>
      </c>
      <c r="C1977" s="166">
        <v>815195.22</v>
      </c>
      <c r="D1977" s="166">
        <v>0</v>
      </c>
      <c r="E1977" s="166">
        <v>0</v>
      </c>
      <c r="F1977" s="166">
        <v>0</v>
      </c>
      <c r="G1977" s="166">
        <v>0</v>
      </c>
      <c r="H1977" s="166">
        <v>0</v>
      </c>
      <c r="I1977" s="166">
        <v>0</v>
      </c>
      <c r="J1977" s="166">
        <v>0</v>
      </c>
      <c r="K1977" s="166">
        <v>0</v>
      </c>
      <c r="L1977" s="166">
        <v>0</v>
      </c>
      <c r="M1977" s="166">
        <v>0</v>
      </c>
      <c r="N1977" s="166">
        <v>0</v>
      </c>
      <c r="O1977" s="166">
        <v>0</v>
      </c>
      <c r="P1977" s="166">
        <v>0</v>
      </c>
      <c r="Q1977" s="166">
        <v>0</v>
      </c>
      <c r="R1977" s="166">
        <v>0</v>
      </c>
      <c r="S1977" s="166">
        <v>0</v>
      </c>
      <c r="T1977" s="166">
        <v>0</v>
      </c>
      <c r="U1977" s="166">
        <v>0</v>
      </c>
      <c r="V1977" s="166">
        <v>0</v>
      </c>
      <c r="W1977" s="166">
        <v>0</v>
      </c>
      <c r="X1977" s="166">
        <v>0</v>
      </c>
      <c r="Y1977" s="166">
        <v>0</v>
      </c>
      <c r="Z1977" s="166">
        <v>0</v>
      </c>
      <c r="AA1977" s="166">
        <v>0</v>
      </c>
      <c r="AB1977" s="166">
        <v>0</v>
      </c>
      <c r="AC1977" s="166">
        <v>0</v>
      </c>
      <c r="AD1977" s="166">
        <v>0</v>
      </c>
      <c r="AE1977" s="166">
        <v>0</v>
      </c>
      <c r="AF1977" s="166">
        <v>0</v>
      </c>
      <c r="AG1977" s="166">
        <v>0</v>
      </c>
      <c r="AH1977" s="166">
        <v>0</v>
      </c>
      <c r="AI1977" s="166">
        <v>0</v>
      </c>
      <c r="AJ1977" s="166">
        <v>0</v>
      </c>
      <c r="AK1977" s="166">
        <v>0</v>
      </c>
      <c r="AL1977" s="166">
        <v>0</v>
      </c>
      <c r="AM1977" s="166">
        <v>0</v>
      </c>
      <c r="AN1977" s="166">
        <v>0</v>
      </c>
      <c r="AO1977" s="166">
        <v>0</v>
      </c>
      <c r="AP1977" s="166">
        <v>0</v>
      </c>
      <c r="AQ1977" s="166">
        <v>0</v>
      </c>
      <c r="AR1977" s="166">
        <v>0</v>
      </c>
      <c r="AS1977" s="166">
        <v>0</v>
      </c>
      <c r="AT1977" s="166">
        <v>0</v>
      </c>
      <c r="AU1977" s="166">
        <v>0</v>
      </c>
      <c r="AV1977" s="166">
        <v>0</v>
      </c>
      <c r="AW1977" s="166">
        <v>0</v>
      </c>
      <c r="AX1977" s="166">
        <v>0</v>
      </c>
      <c r="AY1977" s="166">
        <v>0</v>
      </c>
      <c r="AZ1977" s="166">
        <v>0</v>
      </c>
      <c r="BA1977" s="166">
        <v>0</v>
      </c>
      <c r="BB1977" s="166">
        <v>0</v>
      </c>
      <c r="BC1977" s="166">
        <v>0</v>
      </c>
      <c r="BD1977" s="166">
        <v>0</v>
      </c>
      <c r="BE1977" s="166">
        <v>0</v>
      </c>
      <c r="BF1977" s="166">
        <v>0</v>
      </c>
      <c r="BG1977" s="166">
        <v>0</v>
      </c>
      <c r="BH1977" s="166">
        <v>0</v>
      </c>
      <c r="BI1977" s="166">
        <v>0</v>
      </c>
      <c r="BJ1977" s="166">
        <v>0</v>
      </c>
      <c r="BK1977" s="166">
        <v>0</v>
      </c>
      <c r="BL1977" s="166">
        <v>0</v>
      </c>
      <c r="BM1977" s="166">
        <v>0</v>
      </c>
      <c r="BN1977" s="166">
        <v>0</v>
      </c>
      <c r="BO1977" s="166">
        <v>0</v>
      </c>
      <c r="BP1977" s="166">
        <v>0</v>
      </c>
      <c r="BQ1977" s="166">
        <v>0</v>
      </c>
      <c r="BR1977" s="166">
        <v>815195.22</v>
      </c>
      <c r="BS1977" s="166">
        <v>815195.22</v>
      </c>
      <c r="BT1977" s="168">
        <v>0.98751</v>
      </c>
      <c r="BU1977" s="166">
        <v>65645.902386899994</v>
      </c>
      <c r="BV1977" s="166">
        <v>805013.43170219997</v>
      </c>
      <c r="BW1977" s="166">
        <v>0</v>
      </c>
      <c r="BX1977" s="166">
        <v>0</v>
      </c>
      <c r="BY1977" s="166">
        <v>0</v>
      </c>
      <c r="BZ1977" s="166">
        <v>0</v>
      </c>
      <c r="CA1977" s="166">
        <v>0</v>
      </c>
      <c r="CB1977" s="166">
        <v>0</v>
      </c>
      <c r="CC1977" s="166">
        <v>0</v>
      </c>
      <c r="CD1977" s="166">
        <v>0</v>
      </c>
      <c r="CE1977" s="166">
        <v>0</v>
      </c>
      <c r="CF1977" s="166">
        <v>0</v>
      </c>
      <c r="CG1977" s="166">
        <v>0</v>
      </c>
      <c r="CH1977" s="166">
        <v>0</v>
      </c>
      <c r="CI1977" s="166">
        <v>0</v>
      </c>
      <c r="CJ1977" s="166">
        <v>0</v>
      </c>
      <c r="CK1977" s="166">
        <v>0</v>
      </c>
      <c r="CL1977" s="166">
        <v>0</v>
      </c>
      <c r="CM1977" s="166">
        <v>0</v>
      </c>
      <c r="CN1977" s="166">
        <v>0</v>
      </c>
      <c r="CO1977" s="166">
        <v>0</v>
      </c>
      <c r="CP1977" s="166">
        <v>0</v>
      </c>
      <c r="CQ1977" s="166">
        <v>0</v>
      </c>
      <c r="CR1977" s="166">
        <v>0</v>
      </c>
      <c r="CS1977" s="166">
        <v>0</v>
      </c>
      <c r="CT1977" s="166">
        <v>0</v>
      </c>
      <c r="CU1977" s="166">
        <v>0</v>
      </c>
      <c r="CV1977" s="166">
        <v>0</v>
      </c>
      <c r="CW1977" s="166">
        <v>0</v>
      </c>
      <c r="CX1977" s="166">
        <v>0</v>
      </c>
      <c r="CY1977" s="166">
        <v>805013.43170219997</v>
      </c>
      <c r="CZ1977" s="166">
        <v>805013.43170219997</v>
      </c>
    </row>
    <row r="1978" spans="1:104" x14ac:dyDescent="0.2">
      <c r="A1978" s="167" t="s">
        <v>387</v>
      </c>
    </row>
    <row r="1979" spans="1:104" x14ac:dyDescent="0.2">
      <c r="A1979" s="167" t="s">
        <v>703</v>
      </c>
      <c r="B1979" s="166">
        <v>53908068.119999997</v>
      </c>
      <c r="C1979" s="166">
        <v>53908068.119999997</v>
      </c>
      <c r="D1979" s="166">
        <v>0</v>
      </c>
      <c r="E1979" s="166">
        <v>0</v>
      </c>
      <c r="F1979" s="166">
        <v>0</v>
      </c>
      <c r="G1979" s="166">
        <v>0</v>
      </c>
      <c r="H1979" s="166">
        <v>0</v>
      </c>
      <c r="I1979" s="166">
        <v>0</v>
      </c>
      <c r="J1979" s="166">
        <v>0</v>
      </c>
      <c r="K1979" s="166">
        <v>0</v>
      </c>
      <c r="L1979" s="166">
        <v>0</v>
      </c>
      <c r="M1979" s="166">
        <v>0</v>
      </c>
      <c r="N1979" s="166">
        <v>0</v>
      </c>
      <c r="O1979" s="166">
        <v>0</v>
      </c>
      <c r="P1979" s="166">
        <v>0</v>
      </c>
      <c r="Q1979" s="166">
        <v>0</v>
      </c>
      <c r="R1979" s="166">
        <v>0</v>
      </c>
      <c r="S1979" s="166">
        <v>0</v>
      </c>
      <c r="T1979" s="166">
        <v>0</v>
      </c>
      <c r="U1979" s="166">
        <v>0</v>
      </c>
      <c r="V1979" s="166">
        <v>0</v>
      </c>
      <c r="W1979" s="166">
        <v>0</v>
      </c>
      <c r="X1979" s="166">
        <v>0</v>
      </c>
      <c r="Y1979" s="166">
        <v>0</v>
      </c>
      <c r="Z1979" s="166">
        <v>0</v>
      </c>
      <c r="AA1979" s="166">
        <v>0</v>
      </c>
      <c r="AB1979" s="166">
        <v>0</v>
      </c>
      <c r="AC1979" s="166">
        <v>0</v>
      </c>
      <c r="AD1979" s="166">
        <v>0</v>
      </c>
      <c r="AE1979" s="166">
        <v>0</v>
      </c>
      <c r="AF1979" s="166">
        <v>0</v>
      </c>
      <c r="AG1979" s="166">
        <v>0</v>
      </c>
      <c r="AH1979" s="166">
        <v>0</v>
      </c>
      <c r="AI1979" s="166">
        <v>0</v>
      </c>
      <c r="AJ1979" s="166">
        <v>0</v>
      </c>
      <c r="AK1979" s="166">
        <v>0</v>
      </c>
      <c r="AL1979" s="166">
        <v>0</v>
      </c>
      <c r="AM1979" s="166">
        <v>0</v>
      </c>
      <c r="AN1979" s="166">
        <v>0</v>
      </c>
      <c r="AO1979" s="166">
        <v>0</v>
      </c>
      <c r="AP1979" s="166">
        <v>0</v>
      </c>
      <c r="AQ1979" s="166">
        <v>0</v>
      </c>
      <c r="AR1979" s="166">
        <v>0</v>
      </c>
      <c r="AS1979" s="166">
        <v>0</v>
      </c>
      <c r="AT1979" s="166">
        <v>0</v>
      </c>
      <c r="AU1979" s="166">
        <v>0</v>
      </c>
      <c r="AV1979" s="166">
        <v>0</v>
      </c>
      <c r="AW1979" s="166">
        <v>0</v>
      </c>
      <c r="AX1979" s="166">
        <v>0</v>
      </c>
      <c r="AY1979" s="166">
        <v>0</v>
      </c>
      <c r="AZ1979" s="166">
        <v>0</v>
      </c>
      <c r="BA1979" s="166">
        <v>0</v>
      </c>
      <c r="BB1979" s="166">
        <v>0</v>
      </c>
      <c r="BC1979" s="166">
        <v>0</v>
      </c>
      <c r="BD1979" s="166">
        <v>0</v>
      </c>
      <c r="BE1979" s="166">
        <v>0</v>
      </c>
      <c r="BF1979" s="166">
        <v>0</v>
      </c>
      <c r="BG1979" s="166">
        <v>0</v>
      </c>
      <c r="BH1979" s="166">
        <v>0</v>
      </c>
      <c r="BI1979" s="166">
        <v>0</v>
      </c>
      <c r="BJ1979" s="166">
        <v>0</v>
      </c>
      <c r="BK1979" s="166">
        <v>0</v>
      </c>
      <c r="BL1979" s="166">
        <v>0</v>
      </c>
      <c r="BM1979" s="166">
        <v>0</v>
      </c>
      <c r="BN1979" s="166">
        <v>0</v>
      </c>
      <c r="BO1979" s="166">
        <v>0</v>
      </c>
      <c r="BP1979" s="166">
        <v>0</v>
      </c>
      <c r="BQ1979" s="166">
        <v>0</v>
      </c>
      <c r="BR1979" s="166">
        <v>53908068.119999997</v>
      </c>
      <c r="BS1979" s="166">
        <v>53908068.119999997</v>
      </c>
      <c r="BT1979" s="166">
        <v>1000</v>
      </c>
      <c r="BU1979" s="166">
        <v>4806753.05</v>
      </c>
      <c r="BV1979" s="166">
        <v>53908068.119999997</v>
      </c>
      <c r="BW1979" s="166">
        <v>0</v>
      </c>
      <c r="BX1979" s="166">
        <v>0</v>
      </c>
      <c r="BY1979" s="166">
        <v>0</v>
      </c>
      <c r="BZ1979" s="166">
        <v>0</v>
      </c>
      <c r="CA1979" s="166">
        <v>0</v>
      </c>
      <c r="CB1979" s="166">
        <v>0</v>
      </c>
      <c r="CC1979" s="166">
        <v>0</v>
      </c>
      <c r="CD1979" s="166">
        <v>0</v>
      </c>
      <c r="CE1979" s="166">
        <v>0</v>
      </c>
      <c r="CF1979" s="166">
        <v>0</v>
      </c>
      <c r="CG1979" s="166">
        <v>0</v>
      </c>
      <c r="CH1979" s="166">
        <v>0</v>
      </c>
      <c r="CI1979" s="166">
        <v>0</v>
      </c>
      <c r="CJ1979" s="166">
        <v>0</v>
      </c>
      <c r="CK1979" s="166">
        <v>0</v>
      </c>
      <c r="CL1979" s="166">
        <v>0</v>
      </c>
      <c r="CM1979" s="166">
        <v>0</v>
      </c>
      <c r="CN1979" s="166">
        <v>0</v>
      </c>
      <c r="CO1979" s="166">
        <v>0</v>
      </c>
      <c r="CP1979" s="166">
        <v>0</v>
      </c>
      <c r="CQ1979" s="166">
        <v>0</v>
      </c>
      <c r="CR1979" s="166">
        <v>0</v>
      </c>
      <c r="CS1979" s="166">
        <v>0</v>
      </c>
      <c r="CT1979" s="166">
        <v>0</v>
      </c>
      <c r="CU1979" s="166">
        <v>0</v>
      </c>
      <c r="CV1979" s="166">
        <v>0</v>
      </c>
      <c r="CW1979" s="166">
        <v>0</v>
      </c>
      <c r="CX1979" s="166">
        <v>0</v>
      </c>
      <c r="CY1979" s="166">
        <v>53908068.119999997</v>
      </c>
      <c r="CZ1979" s="166">
        <v>53908068.119999997</v>
      </c>
    </row>
    <row r="1980" spans="1:104" x14ac:dyDescent="0.2">
      <c r="A1980" s="167" t="s">
        <v>704</v>
      </c>
      <c r="B1980" s="166">
        <v>0</v>
      </c>
      <c r="C1980" s="166">
        <v>0</v>
      </c>
      <c r="D1980" s="166">
        <v>0</v>
      </c>
      <c r="E1980" s="166">
        <v>0</v>
      </c>
      <c r="F1980" s="166">
        <v>0</v>
      </c>
      <c r="G1980" s="166">
        <v>0</v>
      </c>
      <c r="H1980" s="166">
        <v>0</v>
      </c>
      <c r="I1980" s="166">
        <v>0</v>
      </c>
      <c r="J1980" s="166">
        <v>0</v>
      </c>
      <c r="K1980" s="166">
        <v>0</v>
      </c>
      <c r="L1980" s="166">
        <v>0</v>
      </c>
      <c r="M1980" s="166">
        <v>0</v>
      </c>
      <c r="N1980" s="166">
        <v>0</v>
      </c>
      <c r="O1980" s="166">
        <v>0</v>
      </c>
      <c r="P1980" s="166">
        <v>0</v>
      </c>
      <c r="Q1980" s="166">
        <v>0</v>
      </c>
      <c r="R1980" s="166">
        <v>0</v>
      </c>
      <c r="S1980" s="166">
        <v>0</v>
      </c>
      <c r="T1980" s="166">
        <v>0</v>
      </c>
      <c r="U1980" s="166">
        <v>0</v>
      </c>
      <c r="V1980" s="166">
        <v>0</v>
      </c>
      <c r="W1980" s="166">
        <v>0</v>
      </c>
      <c r="X1980" s="166">
        <v>0</v>
      </c>
      <c r="Y1980" s="166">
        <v>0</v>
      </c>
      <c r="Z1980" s="166">
        <v>0</v>
      </c>
      <c r="AA1980" s="166">
        <v>0</v>
      </c>
      <c r="AB1980" s="166">
        <v>0</v>
      </c>
      <c r="AC1980" s="166">
        <v>0</v>
      </c>
      <c r="AD1980" s="166">
        <v>0</v>
      </c>
      <c r="AE1980" s="166">
        <v>0</v>
      </c>
      <c r="AF1980" s="166">
        <v>0</v>
      </c>
      <c r="AG1980" s="166">
        <v>0</v>
      </c>
      <c r="AH1980" s="166">
        <v>0</v>
      </c>
      <c r="AI1980" s="166">
        <v>0</v>
      </c>
      <c r="AJ1980" s="166">
        <v>0</v>
      </c>
      <c r="AK1980" s="166">
        <v>0</v>
      </c>
      <c r="AL1980" s="166">
        <v>0</v>
      </c>
      <c r="AM1980" s="166">
        <v>0</v>
      </c>
      <c r="AN1980" s="166">
        <v>0</v>
      </c>
      <c r="AO1980" s="166">
        <v>0</v>
      </c>
      <c r="AP1980" s="166">
        <v>0</v>
      </c>
      <c r="AQ1980" s="166">
        <v>0</v>
      </c>
      <c r="AR1980" s="166">
        <v>0</v>
      </c>
      <c r="AS1980" s="166">
        <v>0</v>
      </c>
      <c r="AT1980" s="166">
        <v>0</v>
      </c>
      <c r="AU1980" s="166">
        <v>0</v>
      </c>
      <c r="AV1980" s="166">
        <v>0</v>
      </c>
      <c r="AW1980" s="166">
        <v>0</v>
      </c>
      <c r="AX1980" s="166">
        <v>0</v>
      </c>
      <c r="AY1980" s="166">
        <v>0</v>
      </c>
      <c r="AZ1980" s="166">
        <v>0</v>
      </c>
      <c r="BA1980" s="166">
        <v>0</v>
      </c>
      <c r="BB1980" s="166">
        <v>0</v>
      </c>
      <c r="BC1980" s="166">
        <v>0</v>
      </c>
      <c r="BD1980" s="166">
        <v>0</v>
      </c>
      <c r="BE1980" s="166">
        <v>0</v>
      </c>
      <c r="BF1980" s="166">
        <v>0</v>
      </c>
      <c r="BG1980" s="166">
        <v>0</v>
      </c>
      <c r="BH1980" s="166">
        <v>0</v>
      </c>
      <c r="BI1980" s="166">
        <v>0</v>
      </c>
      <c r="BJ1980" s="166">
        <v>0</v>
      </c>
      <c r="BK1980" s="166">
        <v>0</v>
      </c>
      <c r="BL1980" s="166">
        <v>0</v>
      </c>
      <c r="BM1980" s="166">
        <v>0</v>
      </c>
      <c r="BN1980" s="166">
        <v>0</v>
      </c>
      <c r="BO1980" s="166">
        <v>0</v>
      </c>
      <c r="BP1980" s="166">
        <v>0</v>
      </c>
      <c r="BQ1980" s="166">
        <v>0</v>
      </c>
      <c r="BR1980" s="166">
        <v>0</v>
      </c>
      <c r="BS1980" s="166">
        <v>0</v>
      </c>
      <c r="BT1980" s="166">
        <v>1000</v>
      </c>
      <c r="BU1980" s="166">
        <v>0</v>
      </c>
      <c r="BV1980" s="166">
        <v>0</v>
      </c>
      <c r="BW1980" s="166">
        <v>0</v>
      </c>
      <c r="BX1980" s="166">
        <v>0</v>
      </c>
      <c r="BY1980" s="166">
        <v>0</v>
      </c>
      <c r="BZ1980" s="166">
        <v>0</v>
      </c>
      <c r="CA1980" s="166">
        <v>0</v>
      </c>
      <c r="CB1980" s="166">
        <v>0</v>
      </c>
      <c r="CC1980" s="166">
        <v>0</v>
      </c>
      <c r="CD1980" s="166">
        <v>0</v>
      </c>
      <c r="CE1980" s="166">
        <v>0</v>
      </c>
      <c r="CF1980" s="166">
        <v>0</v>
      </c>
      <c r="CG1980" s="166">
        <v>0</v>
      </c>
      <c r="CH1980" s="166">
        <v>0</v>
      </c>
      <c r="CI1980" s="166">
        <v>0</v>
      </c>
      <c r="CJ1980" s="166">
        <v>0</v>
      </c>
      <c r="CK1980" s="166">
        <v>0</v>
      </c>
      <c r="CL1980" s="166">
        <v>0</v>
      </c>
      <c r="CM1980" s="166">
        <v>0</v>
      </c>
      <c r="CN1980" s="166">
        <v>0</v>
      </c>
      <c r="CO1980" s="166">
        <v>0</v>
      </c>
      <c r="CP1980" s="166">
        <v>0</v>
      </c>
      <c r="CQ1980" s="166">
        <v>0</v>
      </c>
      <c r="CR1980" s="166">
        <v>0</v>
      </c>
      <c r="CS1980" s="166">
        <v>0</v>
      </c>
      <c r="CT1980" s="166">
        <v>0</v>
      </c>
      <c r="CU1980" s="166">
        <v>0</v>
      </c>
      <c r="CV1980" s="166">
        <v>0</v>
      </c>
      <c r="CW1980" s="166">
        <v>0</v>
      </c>
      <c r="CX1980" s="166">
        <v>0</v>
      </c>
      <c r="CY1980" s="166">
        <v>0</v>
      </c>
      <c r="CZ1980" s="166">
        <v>0</v>
      </c>
    </row>
    <row r="1981" spans="1:104" x14ac:dyDescent="0.2">
      <c r="A1981" s="167" t="s">
        <v>389</v>
      </c>
      <c r="B1981" s="166">
        <v>53908068.119999997</v>
      </c>
      <c r="C1981" s="166">
        <v>53908068.119999997</v>
      </c>
      <c r="D1981" s="166">
        <v>0</v>
      </c>
      <c r="E1981" s="166">
        <v>0</v>
      </c>
      <c r="F1981" s="166">
        <v>0</v>
      </c>
      <c r="G1981" s="166">
        <v>0</v>
      </c>
      <c r="H1981" s="166">
        <v>0</v>
      </c>
      <c r="I1981" s="166">
        <v>0</v>
      </c>
      <c r="J1981" s="166">
        <v>0</v>
      </c>
      <c r="K1981" s="166">
        <v>0</v>
      </c>
      <c r="L1981" s="166">
        <v>0</v>
      </c>
      <c r="M1981" s="166">
        <v>0</v>
      </c>
      <c r="N1981" s="166">
        <v>0</v>
      </c>
      <c r="O1981" s="166">
        <v>0</v>
      </c>
      <c r="P1981" s="166">
        <v>0</v>
      </c>
      <c r="Q1981" s="166">
        <v>0</v>
      </c>
      <c r="R1981" s="166">
        <v>0</v>
      </c>
      <c r="S1981" s="166">
        <v>0</v>
      </c>
      <c r="T1981" s="166">
        <v>0</v>
      </c>
      <c r="U1981" s="166">
        <v>0</v>
      </c>
      <c r="V1981" s="166">
        <v>0</v>
      </c>
      <c r="W1981" s="166">
        <v>0</v>
      </c>
      <c r="X1981" s="166">
        <v>0</v>
      </c>
      <c r="Y1981" s="166">
        <v>0</v>
      </c>
      <c r="Z1981" s="166">
        <v>0</v>
      </c>
      <c r="AA1981" s="166">
        <v>0</v>
      </c>
      <c r="AB1981" s="166">
        <v>0</v>
      </c>
      <c r="AC1981" s="166">
        <v>0</v>
      </c>
      <c r="AD1981" s="166">
        <v>0</v>
      </c>
      <c r="AE1981" s="166">
        <v>0</v>
      </c>
      <c r="AF1981" s="166">
        <v>0</v>
      </c>
      <c r="AG1981" s="166">
        <v>0</v>
      </c>
      <c r="AH1981" s="166">
        <v>0</v>
      </c>
      <c r="AI1981" s="166">
        <v>0</v>
      </c>
      <c r="AJ1981" s="166">
        <v>0</v>
      </c>
      <c r="AK1981" s="166">
        <v>0</v>
      </c>
      <c r="AL1981" s="166">
        <v>0</v>
      </c>
      <c r="AM1981" s="166">
        <v>0</v>
      </c>
      <c r="AN1981" s="166">
        <v>0</v>
      </c>
      <c r="AO1981" s="166">
        <v>0</v>
      </c>
      <c r="AP1981" s="166">
        <v>0</v>
      </c>
      <c r="AQ1981" s="166">
        <v>0</v>
      </c>
      <c r="AR1981" s="166">
        <v>0</v>
      </c>
      <c r="AS1981" s="166">
        <v>0</v>
      </c>
      <c r="AT1981" s="166">
        <v>0</v>
      </c>
      <c r="AU1981" s="166">
        <v>0</v>
      </c>
      <c r="AV1981" s="166">
        <v>0</v>
      </c>
      <c r="AW1981" s="166">
        <v>0</v>
      </c>
      <c r="AX1981" s="166">
        <v>0</v>
      </c>
      <c r="AY1981" s="166">
        <v>0</v>
      </c>
      <c r="AZ1981" s="166">
        <v>0</v>
      </c>
      <c r="BA1981" s="166">
        <v>0</v>
      </c>
      <c r="BB1981" s="166">
        <v>0</v>
      </c>
      <c r="BC1981" s="166">
        <v>0</v>
      </c>
      <c r="BD1981" s="166">
        <v>0</v>
      </c>
      <c r="BE1981" s="166">
        <v>0</v>
      </c>
      <c r="BF1981" s="166">
        <v>0</v>
      </c>
      <c r="BG1981" s="166">
        <v>0</v>
      </c>
      <c r="BH1981" s="166">
        <v>0</v>
      </c>
      <c r="BI1981" s="166">
        <v>0</v>
      </c>
      <c r="BJ1981" s="166">
        <v>0</v>
      </c>
      <c r="BK1981" s="166">
        <v>0</v>
      </c>
      <c r="BL1981" s="166">
        <v>0</v>
      </c>
      <c r="BM1981" s="166">
        <v>0</v>
      </c>
      <c r="BN1981" s="166">
        <v>0</v>
      </c>
      <c r="BO1981" s="166">
        <v>0</v>
      </c>
      <c r="BP1981" s="166">
        <v>0</v>
      </c>
      <c r="BQ1981" s="166">
        <v>0</v>
      </c>
      <c r="BR1981" s="166">
        <v>53908068.119999997</v>
      </c>
      <c r="BS1981" s="166">
        <v>53908068.119999997</v>
      </c>
      <c r="BT1981" s="168">
        <v>1</v>
      </c>
      <c r="BU1981" s="166">
        <v>4806753.05</v>
      </c>
      <c r="BV1981" s="166">
        <v>53908068.119999997</v>
      </c>
      <c r="BW1981" s="166">
        <v>0</v>
      </c>
      <c r="BX1981" s="166">
        <v>0</v>
      </c>
      <c r="BY1981" s="166">
        <v>0</v>
      </c>
      <c r="BZ1981" s="166">
        <v>0</v>
      </c>
      <c r="CA1981" s="166">
        <v>0</v>
      </c>
      <c r="CB1981" s="166">
        <v>0</v>
      </c>
      <c r="CC1981" s="166">
        <v>0</v>
      </c>
      <c r="CD1981" s="166">
        <v>0</v>
      </c>
      <c r="CE1981" s="166">
        <v>0</v>
      </c>
      <c r="CF1981" s="166">
        <v>0</v>
      </c>
      <c r="CG1981" s="166">
        <v>0</v>
      </c>
      <c r="CH1981" s="166">
        <v>0</v>
      </c>
      <c r="CI1981" s="166">
        <v>0</v>
      </c>
      <c r="CJ1981" s="166">
        <v>0</v>
      </c>
      <c r="CK1981" s="166">
        <v>0</v>
      </c>
      <c r="CL1981" s="166">
        <v>0</v>
      </c>
      <c r="CM1981" s="166">
        <v>0</v>
      </c>
      <c r="CN1981" s="166">
        <v>0</v>
      </c>
      <c r="CO1981" s="166">
        <v>0</v>
      </c>
      <c r="CP1981" s="166">
        <v>0</v>
      </c>
      <c r="CQ1981" s="166">
        <v>0</v>
      </c>
      <c r="CR1981" s="166">
        <v>0</v>
      </c>
      <c r="CS1981" s="166">
        <v>0</v>
      </c>
      <c r="CT1981" s="166">
        <v>0</v>
      </c>
      <c r="CU1981" s="166">
        <v>0</v>
      </c>
      <c r="CV1981" s="166">
        <v>0</v>
      </c>
      <c r="CW1981" s="166">
        <v>0</v>
      </c>
      <c r="CX1981" s="166">
        <v>0</v>
      </c>
      <c r="CY1981" s="166">
        <v>53908068.119999997</v>
      </c>
      <c r="CZ1981" s="166">
        <v>53908068.119999997</v>
      </c>
    </row>
    <row r="1982" spans="1:104" x14ac:dyDescent="0.2">
      <c r="A1982" s="167" t="s">
        <v>390</v>
      </c>
    </row>
    <row r="1983" spans="1:104" x14ac:dyDescent="0.2">
      <c r="A1983" s="167" t="s">
        <v>1169</v>
      </c>
      <c r="B1983" s="166">
        <v>35601863.825999998</v>
      </c>
      <c r="C1983" s="166">
        <v>35601863.825999998</v>
      </c>
      <c r="D1983" s="166">
        <v>0</v>
      </c>
      <c r="E1983" s="166">
        <v>0</v>
      </c>
      <c r="F1983" s="166">
        <v>0</v>
      </c>
      <c r="G1983" s="166">
        <v>0</v>
      </c>
      <c r="H1983" s="166">
        <v>0</v>
      </c>
      <c r="I1983" s="166">
        <v>0</v>
      </c>
      <c r="J1983" s="166">
        <v>0</v>
      </c>
      <c r="K1983" s="166">
        <v>0</v>
      </c>
      <c r="L1983" s="166">
        <v>0</v>
      </c>
      <c r="M1983" s="166">
        <v>0</v>
      </c>
      <c r="N1983" s="166">
        <v>0</v>
      </c>
      <c r="O1983" s="166">
        <v>0</v>
      </c>
      <c r="P1983" s="166">
        <v>0</v>
      </c>
      <c r="Q1983" s="166">
        <v>0</v>
      </c>
      <c r="R1983" s="166">
        <v>0</v>
      </c>
      <c r="S1983" s="166">
        <v>0</v>
      </c>
      <c r="T1983" s="166">
        <v>0</v>
      </c>
      <c r="U1983" s="166">
        <v>0</v>
      </c>
      <c r="V1983" s="166">
        <v>0</v>
      </c>
      <c r="W1983" s="166">
        <v>0</v>
      </c>
      <c r="X1983" s="166">
        <v>0</v>
      </c>
      <c r="Y1983" s="166">
        <v>0</v>
      </c>
      <c r="Z1983" s="166">
        <v>0</v>
      </c>
      <c r="AA1983" s="166">
        <v>0</v>
      </c>
      <c r="AB1983" s="166">
        <v>0</v>
      </c>
      <c r="AC1983" s="166">
        <v>0</v>
      </c>
      <c r="AD1983" s="166">
        <v>0</v>
      </c>
      <c r="AE1983" s="166">
        <v>0</v>
      </c>
      <c r="AF1983" s="166">
        <v>0</v>
      </c>
      <c r="AG1983" s="166">
        <v>0</v>
      </c>
      <c r="AH1983" s="166">
        <v>0</v>
      </c>
      <c r="AI1983" s="166">
        <v>0</v>
      </c>
      <c r="AJ1983" s="166">
        <v>0</v>
      </c>
      <c r="AK1983" s="166">
        <v>0</v>
      </c>
      <c r="AL1983" s="166">
        <v>0</v>
      </c>
      <c r="AM1983" s="166">
        <v>0</v>
      </c>
      <c r="AN1983" s="166">
        <v>0</v>
      </c>
      <c r="AO1983" s="166">
        <v>0</v>
      </c>
      <c r="AP1983" s="166">
        <v>0</v>
      </c>
      <c r="AQ1983" s="166">
        <v>0</v>
      </c>
      <c r="AR1983" s="166">
        <v>0</v>
      </c>
      <c r="AS1983" s="166">
        <v>0</v>
      </c>
      <c r="AT1983" s="166">
        <v>0</v>
      </c>
      <c r="AU1983" s="166">
        <v>0</v>
      </c>
      <c r="AV1983" s="166">
        <v>0</v>
      </c>
      <c r="AW1983" s="166">
        <v>0</v>
      </c>
      <c r="AX1983" s="166">
        <v>0</v>
      </c>
      <c r="AY1983" s="166">
        <v>0</v>
      </c>
      <c r="AZ1983" s="166">
        <v>0</v>
      </c>
      <c r="BA1983" s="166">
        <v>0</v>
      </c>
      <c r="BB1983" s="166">
        <v>0</v>
      </c>
      <c r="BC1983" s="166">
        <v>0</v>
      </c>
      <c r="BD1983" s="166">
        <v>0</v>
      </c>
      <c r="BE1983" s="166">
        <v>0</v>
      </c>
      <c r="BF1983" s="166">
        <v>0</v>
      </c>
      <c r="BG1983" s="166">
        <v>0</v>
      </c>
      <c r="BH1983" s="166">
        <v>0</v>
      </c>
      <c r="BI1983" s="166">
        <v>0</v>
      </c>
      <c r="BJ1983" s="166">
        <v>0</v>
      </c>
      <c r="BK1983" s="166">
        <v>0</v>
      </c>
      <c r="BL1983" s="166">
        <v>0</v>
      </c>
      <c r="BM1983" s="166">
        <v>0</v>
      </c>
      <c r="BN1983" s="166">
        <v>0</v>
      </c>
      <c r="BO1983" s="166">
        <v>0</v>
      </c>
      <c r="BP1983" s="166">
        <v>0</v>
      </c>
      <c r="BQ1983" s="166">
        <v>0</v>
      </c>
      <c r="BR1983" s="166">
        <v>35601863.825999998</v>
      </c>
      <c r="BS1983" s="166">
        <v>35601863.825999998</v>
      </c>
      <c r="BT1983" s="168">
        <v>1</v>
      </c>
      <c r="BU1983" s="166">
        <v>2966823.0079999999</v>
      </c>
      <c r="BV1983" s="166">
        <v>35601863.825999998</v>
      </c>
      <c r="BW1983" s="166">
        <v>0</v>
      </c>
      <c r="BX1983" s="166">
        <v>0</v>
      </c>
      <c r="BY1983" s="166">
        <v>0</v>
      </c>
      <c r="BZ1983" s="166">
        <v>0</v>
      </c>
      <c r="CA1983" s="166">
        <v>0</v>
      </c>
      <c r="CB1983" s="166">
        <v>0</v>
      </c>
      <c r="CC1983" s="166">
        <v>0</v>
      </c>
      <c r="CD1983" s="166">
        <v>0</v>
      </c>
      <c r="CE1983" s="166">
        <v>0</v>
      </c>
      <c r="CF1983" s="166">
        <v>0</v>
      </c>
      <c r="CG1983" s="166">
        <v>0</v>
      </c>
      <c r="CH1983" s="166">
        <v>0</v>
      </c>
      <c r="CI1983" s="166">
        <v>0</v>
      </c>
      <c r="CJ1983" s="166">
        <v>0</v>
      </c>
      <c r="CK1983" s="166">
        <v>0</v>
      </c>
      <c r="CL1983" s="166">
        <v>0</v>
      </c>
      <c r="CM1983" s="166">
        <v>0</v>
      </c>
      <c r="CN1983" s="166">
        <v>0</v>
      </c>
      <c r="CO1983" s="166">
        <v>0</v>
      </c>
      <c r="CP1983" s="166">
        <v>0</v>
      </c>
      <c r="CQ1983" s="166">
        <v>0</v>
      </c>
      <c r="CR1983" s="166">
        <v>0</v>
      </c>
      <c r="CS1983" s="166">
        <v>0</v>
      </c>
      <c r="CT1983" s="166">
        <v>0</v>
      </c>
      <c r="CU1983" s="166">
        <v>0</v>
      </c>
      <c r="CV1983" s="166">
        <v>0</v>
      </c>
      <c r="CW1983" s="166">
        <v>0</v>
      </c>
      <c r="CX1983" s="166">
        <v>0</v>
      </c>
      <c r="CY1983" s="166">
        <v>35601863.825999998</v>
      </c>
      <c r="CZ1983" s="166">
        <v>35601863.825999998</v>
      </c>
    </row>
    <row r="1984" spans="1:104" x14ac:dyDescent="0.2">
      <c r="A1984" s="167" t="s">
        <v>392</v>
      </c>
    </row>
    <row r="1985" spans="1:104" x14ac:dyDescent="0.2">
      <c r="A1985" s="167" t="s">
        <v>393</v>
      </c>
      <c r="B1985" s="166">
        <v>0</v>
      </c>
      <c r="C1985" s="166">
        <v>0</v>
      </c>
      <c r="D1985" s="166">
        <v>0</v>
      </c>
      <c r="E1985" s="166">
        <v>0</v>
      </c>
      <c r="F1985" s="166">
        <v>0</v>
      </c>
      <c r="G1985" s="166">
        <v>0</v>
      </c>
      <c r="H1985" s="166">
        <v>0</v>
      </c>
      <c r="I1985" s="166">
        <v>0</v>
      </c>
      <c r="J1985" s="166">
        <v>0</v>
      </c>
      <c r="K1985" s="166">
        <v>0</v>
      </c>
      <c r="L1985" s="166">
        <v>0</v>
      </c>
      <c r="M1985" s="166">
        <v>0</v>
      </c>
      <c r="N1985" s="166">
        <v>0</v>
      </c>
      <c r="O1985" s="166">
        <v>0</v>
      </c>
      <c r="P1985" s="166">
        <v>0</v>
      </c>
      <c r="Q1985" s="166">
        <v>0</v>
      </c>
      <c r="R1985" s="166">
        <v>0</v>
      </c>
      <c r="S1985" s="166">
        <v>0</v>
      </c>
      <c r="T1985" s="166">
        <v>0</v>
      </c>
      <c r="U1985" s="166">
        <v>0</v>
      </c>
      <c r="V1985" s="166">
        <v>0</v>
      </c>
      <c r="W1985" s="166">
        <v>0</v>
      </c>
      <c r="X1985" s="166">
        <v>0</v>
      </c>
      <c r="Y1985" s="166">
        <v>0</v>
      </c>
      <c r="Z1985" s="166">
        <v>0</v>
      </c>
      <c r="AA1985" s="166">
        <v>0</v>
      </c>
      <c r="AB1985" s="166">
        <v>0</v>
      </c>
      <c r="AC1985" s="166">
        <v>0</v>
      </c>
      <c r="AD1985" s="166">
        <v>0</v>
      </c>
      <c r="AE1985" s="166">
        <v>0</v>
      </c>
      <c r="AF1985" s="166">
        <v>0</v>
      </c>
      <c r="AG1985" s="166">
        <v>0</v>
      </c>
      <c r="AH1985" s="166">
        <v>0</v>
      </c>
      <c r="AI1985" s="166">
        <v>0</v>
      </c>
      <c r="AJ1985" s="166">
        <v>0</v>
      </c>
      <c r="AK1985" s="166">
        <v>0</v>
      </c>
      <c r="AL1985" s="166">
        <v>0</v>
      </c>
      <c r="AM1985" s="166">
        <v>0</v>
      </c>
      <c r="AN1985" s="166">
        <v>0</v>
      </c>
      <c r="AO1985" s="166">
        <v>0</v>
      </c>
      <c r="AP1985" s="166">
        <v>0</v>
      </c>
      <c r="AQ1985" s="166">
        <v>0</v>
      </c>
      <c r="AR1985" s="166">
        <v>0</v>
      </c>
      <c r="AS1985" s="166">
        <v>0</v>
      </c>
      <c r="AT1985" s="166">
        <v>0</v>
      </c>
      <c r="AU1985" s="166">
        <v>0</v>
      </c>
      <c r="AV1985" s="166">
        <v>0</v>
      </c>
      <c r="AW1985" s="166">
        <v>0</v>
      </c>
      <c r="AX1985" s="166">
        <v>0</v>
      </c>
      <c r="AY1985" s="166">
        <v>0</v>
      </c>
      <c r="AZ1985" s="166">
        <v>0</v>
      </c>
      <c r="BA1985" s="166">
        <v>0</v>
      </c>
      <c r="BB1985" s="166">
        <v>0</v>
      </c>
      <c r="BC1985" s="166">
        <v>0</v>
      </c>
      <c r="BD1985" s="166">
        <v>0</v>
      </c>
      <c r="BE1985" s="166">
        <v>0</v>
      </c>
      <c r="BF1985" s="166">
        <v>0</v>
      </c>
      <c r="BG1985" s="166">
        <v>0</v>
      </c>
      <c r="BH1985" s="166">
        <v>0</v>
      </c>
      <c r="BI1985" s="166">
        <v>0</v>
      </c>
      <c r="BJ1985" s="166">
        <v>0</v>
      </c>
      <c r="BK1985" s="166">
        <v>0</v>
      </c>
      <c r="BL1985" s="166">
        <v>0</v>
      </c>
      <c r="BM1985" s="166">
        <v>0</v>
      </c>
      <c r="BN1985" s="166">
        <v>0</v>
      </c>
      <c r="BO1985" s="166">
        <v>0</v>
      </c>
      <c r="BP1985" s="166">
        <v>0</v>
      </c>
      <c r="BQ1985" s="166">
        <v>0</v>
      </c>
      <c r="BR1985" s="166">
        <v>0</v>
      </c>
      <c r="BS1985" s="166">
        <v>0</v>
      </c>
      <c r="BT1985" s="168">
        <v>0.99981336741766302</v>
      </c>
      <c r="BU1985" s="166">
        <v>0</v>
      </c>
      <c r="BV1985" s="166">
        <v>0</v>
      </c>
      <c r="BW1985" s="166">
        <v>0</v>
      </c>
      <c r="BX1985" s="166">
        <v>0</v>
      </c>
      <c r="BY1985" s="166">
        <v>0</v>
      </c>
      <c r="BZ1985" s="166">
        <v>0</v>
      </c>
      <c r="CA1985" s="166">
        <v>0</v>
      </c>
      <c r="CB1985" s="166">
        <v>0</v>
      </c>
      <c r="CC1985" s="166">
        <v>0</v>
      </c>
      <c r="CD1985" s="166">
        <v>0</v>
      </c>
      <c r="CE1985" s="166">
        <v>0</v>
      </c>
      <c r="CF1985" s="166">
        <v>0</v>
      </c>
      <c r="CG1985" s="166">
        <v>0</v>
      </c>
      <c r="CH1985" s="166">
        <v>0</v>
      </c>
      <c r="CI1985" s="166">
        <v>0</v>
      </c>
      <c r="CJ1985" s="166">
        <v>0</v>
      </c>
      <c r="CK1985" s="166">
        <v>0</v>
      </c>
      <c r="CL1985" s="166">
        <v>0</v>
      </c>
      <c r="CM1985" s="166">
        <v>0</v>
      </c>
      <c r="CN1985" s="166">
        <v>0</v>
      </c>
      <c r="CO1985" s="166">
        <v>0</v>
      </c>
      <c r="CP1985" s="166">
        <v>0</v>
      </c>
      <c r="CQ1985" s="166">
        <v>0</v>
      </c>
      <c r="CR1985" s="166">
        <v>0</v>
      </c>
      <c r="CS1985" s="166">
        <v>0</v>
      </c>
      <c r="CT1985" s="166">
        <v>0</v>
      </c>
      <c r="CU1985" s="166">
        <v>0</v>
      </c>
      <c r="CV1985" s="166">
        <v>0</v>
      </c>
      <c r="CW1985" s="166">
        <v>0</v>
      </c>
      <c r="CX1985" s="166">
        <v>0</v>
      </c>
      <c r="CY1985" s="166">
        <v>0</v>
      </c>
      <c r="CZ1985" s="166">
        <v>0</v>
      </c>
    </row>
    <row r="1986" spans="1:104" x14ac:dyDescent="0.2">
      <c r="A1986" s="170" t="s">
        <v>394</v>
      </c>
      <c r="B1986" s="166">
        <v>90413129.325999901</v>
      </c>
      <c r="C1986" s="166">
        <v>90413129.325999901</v>
      </c>
      <c r="D1986" s="166">
        <v>0</v>
      </c>
      <c r="E1986" s="166">
        <v>0</v>
      </c>
      <c r="F1986" s="166">
        <v>0</v>
      </c>
      <c r="G1986" s="166">
        <v>0</v>
      </c>
      <c r="H1986" s="166">
        <v>0</v>
      </c>
      <c r="I1986" s="166">
        <v>0</v>
      </c>
      <c r="J1986" s="166">
        <v>0</v>
      </c>
      <c r="K1986" s="166">
        <v>0</v>
      </c>
      <c r="L1986" s="166">
        <v>0</v>
      </c>
      <c r="M1986" s="166">
        <v>0</v>
      </c>
      <c r="N1986" s="166">
        <v>0</v>
      </c>
      <c r="O1986" s="166">
        <v>0</v>
      </c>
      <c r="P1986" s="166">
        <v>0</v>
      </c>
      <c r="Q1986" s="166">
        <v>0</v>
      </c>
      <c r="R1986" s="166">
        <v>0</v>
      </c>
      <c r="S1986" s="166">
        <v>0</v>
      </c>
      <c r="T1986" s="166">
        <v>0</v>
      </c>
      <c r="U1986" s="166">
        <v>0</v>
      </c>
      <c r="V1986" s="166">
        <v>0</v>
      </c>
      <c r="W1986" s="166">
        <v>0</v>
      </c>
      <c r="X1986" s="166">
        <v>0</v>
      </c>
      <c r="Y1986" s="166">
        <v>0</v>
      </c>
      <c r="Z1986" s="166">
        <v>0</v>
      </c>
      <c r="AA1986" s="166">
        <v>0</v>
      </c>
      <c r="AB1986" s="166">
        <v>0</v>
      </c>
      <c r="AC1986" s="166">
        <v>0</v>
      </c>
      <c r="AD1986" s="166">
        <v>0</v>
      </c>
      <c r="AE1986" s="166">
        <v>0</v>
      </c>
      <c r="AF1986" s="166">
        <v>0</v>
      </c>
      <c r="AG1986" s="166">
        <v>0</v>
      </c>
      <c r="AH1986" s="166">
        <v>0</v>
      </c>
      <c r="AI1986" s="166">
        <v>0</v>
      </c>
      <c r="AJ1986" s="166">
        <v>0</v>
      </c>
      <c r="AK1986" s="166">
        <v>0</v>
      </c>
      <c r="AL1986" s="166">
        <v>0</v>
      </c>
      <c r="AM1986" s="166">
        <v>0</v>
      </c>
      <c r="AN1986" s="166">
        <v>0</v>
      </c>
      <c r="AO1986" s="166">
        <v>0</v>
      </c>
      <c r="AP1986" s="166">
        <v>0</v>
      </c>
      <c r="AQ1986" s="166">
        <v>0</v>
      </c>
      <c r="AR1986" s="166">
        <v>0</v>
      </c>
      <c r="AS1986" s="166">
        <v>0</v>
      </c>
      <c r="AT1986" s="166">
        <v>0</v>
      </c>
      <c r="AU1986" s="166">
        <v>0</v>
      </c>
      <c r="AV1986" s="166">
        <v>0</v>
      </c>
      <c r="AW1986" s="166">
        <v>0</v>
      </c>
      <c r="AX1986" s="166">
        <v>0</v>
      </c>
      <c r="AY1986" s="166">
        <v>0</v>
      </c>
      <c r="AZ1986" s="166">
        <v>0</v>
      </c>
      <c r="BA1986" s="166">
        <v>0</v>
      </c>
      <c r="BB1986" s="166">
        <v>0</v>
      </c>
      <c r="BC1986" s="166">
        <v>0</v>
      </c>
      <c r="BD1986" s="166">
        <v>0</v>
      </c>
      <c r="BE1986" s="166">
        <v>0</v>
      </c>
      <c r="BF1986" s="166">
        <v>0</v>
      </c>
      <c r="BG1986" s="166">
        <v>0</v>
      </c>
      <c r="BH1986" s="166">
        <v>0</v>
      </c>
      <c r="BI1986" s="166">
        <v>0</v>
      </c>
      <c r="BJ1986" s="166">
        <v>0</v>
      </c>
      <c r="BK1986" s="166">
        <v>0</v>
      </c>
      <c r="BL1986" s="166">
        <v>0</v>
      </c>
      <c r="BM1986" s="166">
        <v>0</v>
      </c>
      <c r="BN1986" s="166">
        <v>0</v>
      </c>
      <c r="BO1986" s="166">
        <v>0</v>
      </c>
      <c r="BP1986" s="166">
        <v>0</v>
      </c>
      <c r="BQ1986" s="166">
        <v>0</v>
      </c>
      <c r="BR1986" s="166">
        <v>90413129.325999901</v>
      </c>
      <c r="BS1986" s="166">
        <v>90413129.325999901</v>
      </c>
      <c r="BT1986" s="168">
        <v>0</v>
      </c>
      <c r="BU1986" s="166">
        <v>7846595.6681824904</v>
      </c>
      <c r="BV1986" s="166">
        <v>90402931.113813296</v>
      </c>
      <c r="BW1986" s="166">
        <v>0</v>
      </c>
      <c r="BX1986" s="166">
        <v>0</v>
      </c>
      <c r="BY1986" s="166">
        <v>0</v>
      </c>
      <c r="BZ1986" s="166">
        <v>0</v>
      </c>
      <c r="CA1986" s="166">
        <v>0</v>
      </c>
      <c r="CB1986" s="166">
        <v>0</v>
      </c>
      <c r="CC1986" s="166">
        <v>0</v>
      </c>
      <c r="CD1986" s="166">
        <v>0</v>
      </c>
      <c r="CE1986" s="166">
        <v>0</v>
      </c>
      <c r="CF1986" s="166">
        <v>0</v>
      </c>
      <c r="CG1986" s="166">
        <v>0</v>
      </c>
      <c r="CH1986" s="166">
        <v>0</v>
      </c>
      <c r="CI1986" s="166">
        <v>0</v>
      </c>
      <c r="CJ1986" s="166">
        <v>0</v>
      </c>
      <c r="CK1986" s="166">
        <v>0</v>
      </c>
      <c r="CL1986" s="166">
        <v>0</v>
      </c>
      <c r="CM1986" s="166">
        <v>0</v>
      </c>
      <c r="CN1986" s="166">
        <v>0</v>
      </c>
      <c r="CO1986" s="166">
        <v>0</v>
      </c>
      <c r="CP1986" s="166">
        <v>0</v>
      </c>
      <c r="CQ1986" s="166">
        <v>0</v>
      </c>
      <c r="CR1986" s="166">
        <v>0</v>
      </c>
      <c r="CS1986" s="166">
        <v>0</v>
      </c>
      <c r="CT1986" s="166">
        <v>0</v>
      </c>
      <c r="CU1986" s="166">
        <v>0</v>
      </c>
      <c r="CV1986" s="166">
        <v>0</v>
      </c>
      <c r="CW1986" s="166">
        <v>0</v>
      </c>
      <c r="CX1986" s="166">
        <v>0</v>
      </c>
      <c r="CY1986" s="166">
        <v>90402931.113813296</v>
      </c>
      <c r="CZ1986" s="166">
        <v>90402931.113813296</v>
      </c>
    </row>
    <row r="1987" spans="1:104" x14ac:dyDescent="0.2">
      <c r="A1987" s="167" t="s">
        <v>395</v>
      </c>
    </row>
    <row r="1988" spans="1:104" x14ac:dyDescent="0.2">
      <c r="A1988" s="170" t="s">
        <v>396</v>
      </c>
    </row>
    <row r="1989" spans="1:104" x14ac:dyDescent="0.2">
      <c r="A1989" s="167" t="s">
        <v>397</v>
      </c>
      <c r="B1989" s="166">
        <v>0</v>
      </c>
      <c r="C1989" s="166">
        <v>0</v>
      </c>
      <c r="D1989" s="166">
        <v>0</v>
      </c>
      <c r="E1989" s="166">
        <v>0</v>
      </c>
      <c r="F1989" s="166">
        <v>0</v>
      </c>
      <c r="G1989" s="166">
        <v>0</v>
      </c>
      <c r="H1989" s="166">
        <v>0</v>
      </c>
      <c r="I1989" s="166">
        <v>0</v>
      </c>
      <c r="J1989" s="166">
        <v>0</v>
      </c>
      <c r="K1989" s="166">
        <v>0</v>
      </c>
      <c r="L1989" s="166">
        <v>0</v>
      </c>
      <c r="M1989" s="166">
        <v>0</v>
      </c>
      <c r="N1989" s="166">
        <v>0</v>
      </c>
      <c r="O1989" s="166">
        <v>0</v>
      </c>
      <c r="P1989" s="166">
        <v>0</v>
      </c>
      <c r="Q1989" s="166">
        <v>0</v>
      </c>
      <c r="R1989" s="166">
        <v>0</v>
      </c>
      <c r="S1989" s="166">
        <v>0</v>
      </c>
      <c r="T1989" s="166">
        <v>0</v>
      </c>
      <c r="U1989" s="166">
        <v>0</v>
      </c>
      <c r="V1989" s="166">
        <v>0</v>
      </c>
      <c r="W1989" s="166">
        <v>0</v>
      </c>
      <c r="X1989" s="166">
        <v>0</v>
      </c>
      <c r="Y1989" s="166">
        <v>0</v>
      </c>
      <c r="Z1989" s="166">
        <v>0</v>
      </c>
      <c r="AA1989" s="166">
        <v>0</v>
      </c>
      <c r="AB1989" s="166">
        <v>0</v>
      </c>
      <c r="AC1989" s="166">
        <v>0</v>
      </c>
      <c r="AD1989" s="166">
        <v>0</v>
      </c>
      <c r="AE1989" s="166">
        <v>0</v>
      </c>
      <c r="AF1989" s="166">
        <v>0</v>
      </c>
      <c r="AG1989" s="166">
        <v>0</v>
      </c>
      <c r="AH1989" s="166">
        <v>0</v>
      </c>
      <c r="AI1989" s="166">
        <v>0</v>
      </c>
      <c r="AJ1989" s="166">
        <v>0</v>
      </c>
      <c r="AK1989" s="166">
        <v>0</v>
      </c>
      <c r="AL1989" s="166">
        <v>0</v>
      </c>
      <c r="AM1989" s="166">
        <v>0</v>
      </c>
      <c r="AN1989" s="166">
        <v>0</v>
      </c>
      <c r="AO1989" s="166">
        <v>0</v>
      </c>
      <c r="AP1989" s="166">
        <v>0</v>
      </c>
      <c r="AQ1989" s="166">
        <v>0</v>
      </c>
      <c r="AR1989" s="166">
        <v>0</v>
      </c>
      <c r="AS1989" s="166">
        <v>0</v>
      </c>
      <c r="AT1989" s="166">
        <v>0</v>
      </c>
      <c r="AU1989" s="166">
        <v>0</v>
      </c>
      <c r="AV1989" s="166">
        <v>0</v>
      </c>
      <c r="AW1989" s="166">
        <v>0</v>
      </c>
      <c r="AX1989" s="166">
        <v>0</v>
      </c>
      <c r="AY1989" s="166">
        <v>0</v>
      </c>
      <c r="AZ1989" s="166">
        <v>0</v>
      </c>
      <c r="BA1989" s="166">
        <v>0</v>
      </c>
      <c r="BB1989" s="166">
        <v>0</v>
      </c>
      <c r="BC1989" s="166">
        <v>0</v>
      </c>
      <c r="BD1989" s="166">
        <v>0</v>
      </c>
      <c r="BE1989" s="166">
        <v>0</v>
      </c>
      <c r="BF1989" s="166">
        <v>0</v>
      </c>
      <c r="BG1989" s="166">
        <v>0</v>
      </c>
      <c r="BH1989" s="166">
        <v>0</v>
      </c>
      <c r="BI1989" s="166">
        <v>0</v>
      </c>
      <c r="BJ1989" s="166">
        <v>0</v>
      </c>
      <c r="BK1989" s="166">
        <v>0</v>
      </c>
      <c r="BL1989" s="166">
        <v>0</v>
      </c>
      <c r="BM1989" s="166">
        <v>0</v>
      </c>
      <c r="BN1989" s="166">
        <v>0</v>
      </c>
      <c r="BO1989" s="166">
        <v>0</v>
      </c>
      <c r="BP1989" s="166">
        <v>0</v>
      </c>
      <c r="BQ1989" s="166">
        <v>0</v>
      </c>
      <c r="BR1989" s="166">
        <v>0</v>
      </c>
      <c r="BS1989" s="166">
        <v>0</v>
      </c>
      <c r="BT1989" s="168">
        <v>1</v>
      </c>
      <c r="BU1989" s="166">
        <v>0</v>
      </c>
      <c r="BV1989" s="166">
        <v>0</v>
      </c>
      <c r="BW1989" s="166">
        <v>0</v>
      </c>
      <c r="BX1989" s="166">
        <v>0</v>
      </c>
      <c r="BY1989" s="166">
        <v>0</v>
      </c>
      <c r="BZ1989" s="166">
        <v>0</v>
      </c>
      <c r="CA1989" s="166">
        <v>0</v>
      </c>
      <c r="CB1989" s="166">
        <v>0</v>
      </c>
      <c r="CC1989" s="166">
        <v>0</v>
      </c>
      <c r="CD1989" s="166">
        <v>0</v>
      </c>
      <c r="CE1989" s="166">
        <v>0</v>
      </c>
      <c r="CF1989" s="166">
        <v>0</v>
      </c>
      <c r="CG1989" s="166">
        <v>0</v>
      </c>
      <c r="CH1989" s="166">
        <v>0</v>
      </c>
      <c r="CI1989" s="166">
        <v>0</v>
      </c>
      <c r="CJ1989" s="166">
        <v>0</v>
      </c>
      <c r="CK1989" s="166">
        <v>0</v>
      </c>
      <c r="CL1989" s="166">
        <v>0</v>
      </c>
      <c r="CM1989" s="166">
        <v>0</v>
      </c>
      <c r="CN1989" s="166">
        <v>0</v>
      </c>
      <c r="CO1989" s="166">
        <v>0</v>
      </c>
      <c r="CP1989" s="166">
        <v>0</v>
      </c>
      <c r="CQ1989" s="166">
        <v>0</v>
      </c>
      <c r="CR1989" s="166">
        <v>0</v>
      </c>
      <c r="CS1989" s="166">
        <v>0</v>
      </c>
      <c r="CT1989" s="166">
        <v>0</v>
      </c>
      <c r="CU1989" s="166">
        <v>0</v>
      </c>
      <c r="CV1989" s="166">
        <v>0</v>
      </c>
      <c r="CW1989" s="166">
        <v>0</v>
      </c>
      <c r="CX1989" s="166">
        <v>0</v>
      </c>
      <c r="CY1989" s="166">
        <v>0</v>
      </c>
      <c r="CZ1989" s="166">
        <v>0</v>
      </c>
    </row>
    <row r="1990" spans="1:104" x14ac:dyDescent="0.2">
      <c r="A1990" s="167" t="s">
        <v>1171</v>
      </c>
      <c r="B1990" s="166">
        <v>0</v>
      </c>
      <c r="C1990" s="166">
        <v>0</v>
      </c>
      <c r="D1990" s="166">
        <v>0</v>
      </c>
      <c r="E1990" s="166">
        <v>0</v>
      </c>
      <c r="F1990" s="166">
        <v>0</v>
      </c>
      <c r="G1990" s="166">
        <v>0</v>
      </c>
      <c r="H1990" s="166">
        <v>0</v>
      </c>
      <c r="I1990" s="166">
        <v>0</v>
      </c>
      <c r="J1990" s="166">
        <v>0</v>
      </c>
      <c r="K1990" s="166">
        <v>0</v>
      </c>
      <c r="L1990" s="166">
        <v>0</v>
      </c>
      <c r="M1990" s="166">
        <v>0</v>
      </c>
      <c r="N1990" s="166">
        <v>0</v>
      </c>
      <c r="O1990" s="166">
        <v>0</v>
      </c>
      <c r="P1990" s="166">
        <v>0</v>
      </c>
      <c r="Q1990" s="166">
        <v>0</v>
      </c>
      <c r="R1990" s="166">
        <v>0</v>
      </c>
      <c r="S1990" s="166">
        <v>0</v>
      </c>
      <c r="T1990" s="166">
        <v>0</v>
      </c>
      <c r="U1990" s="166">
        <v>0</v>
      </c>
      <c r="V1990" s="166">
        <v>0</v>
      </c>
      <c r="W1990" s="166">
        <v>0</v>
      </c>
      <c r="X1990" s="166">
        <v>0</v>
      </c>
      <c r="Y1990" s="166">
        <v>0</v>
      </c>
      <c r="Z1990" s="166">
        <v>0</v>
      </c>
      <c r="AA1990" s="166">
        <v>0</v>
      </c>
      <c r="AB1990" s="166">
        <v>0</v>
      </c>
      <c r="AC1990" s="166">
        <v>0</v>
      </c>
      <c r="AD1990" s="166">
        <v>0</v>
      </c>
      <c r="AE1990" s="166">
        <v>0</v>
      </c>
      <c r="AF1990" s="166">
        <v>0</v>
      </c>
      <c r="AG1990" s="166">
        <v>0</v>
      </c>
      <c r="AH1990" s="166">
        <v>0</v>
      </c>
      <c r="AI1990" s="166">
        <v>0</v>
      </c>
      <c r="AJ1990" s="166">
        <v>0</v>
      </c>
      <c r="AK1990" s="166">
        <v>0</v>
      </c>
      <c r="AL1990" s="166">
        <v>0</v>
      </c>
      <c r="AM1990" s="166">
        <v>0</v>
      </c>
      <c r="AN1990" s="166">
        <v>0</v>
      </c>
      <c r="AO1990" s="166">
        <v>0</v>
      </c>
      <c r="AP1990" s="166">
        <v>0</v>
      </c>
      <c r="AQ1990" s="166">
        <v>0</v>
      </c>
      <c r="AR1990" s="166">
        <v>0</v>
      </c>
      <c r="AS1990" s="166">
        <v>0</v>
      </c>
      <c r="AT1990" s="166">
        <v>0</v>
      </c>
      <c r="AU1990" s="166">
        <v>0</v>
      </c>
      <c r="AV1990" s="166">
        <v>0</v>
      </c>
      <c r="AW1990" s="166">
        <v>0</v>
      </c>
      <c r="AX1990" s="166">
        <v>0</v>
      </c>
      <c r="AY1990" s="166">
        <v>0</v>
      </c>
      <c r="AZ1990" s="166">
        <v>0</v>
      </c>
      <c r="BA1990" s="166">
        <v>0</v>
      </c>
      <c r="BB1990" s="166">
        <v>0</v>
      </c>
      <c r="BC1990" s="166">
        <v>0</v>
      </c>
      <c r="BD1990" s="166">
        <v>0</v>
      </c>
      <c r="BE1990" s="166">
        <v>0</v>
      </c>
      <c r="BF1990" s="166">
        <v>0</v>
      </c>
      <c r="BG1990" s="166">
        <v>0</v>
      </c>
      <c r="BH1990" s="166">
        <v>0</v>
      </c>
      <c r="BI1990" s="166">
        <v>0</v>
      </c>
      <c r="BJ1990" s="166">
        <v>0</v>
      </c>
      <c r="BK1990" s="166">
        <v>0</v>
      </c>
      <c r="BL1990" s="166">
        <v>0</v>
      </c>
      <c r="BM1990" s="166">
        <v>0</v>
      </c>
      <c r="BN1990" s="166">
        <v>0</v>
      </c>
      <c r="BO1990" s="166">
        <v>0</v>
      </c>
      <c r="BP1990" s="166">
        <v>0</v>
      </c>
      <c r="BQ1990" s="166">
        <v>0</v>
      </c>
      <c r="BR1990" s="166">
        <v>0</v>
      </c>
      <c r="BS1990" s="166">
        <v>0</v>
      </c>
      <c r="BT1990" s="168">
        <v>1</v>
      </c>
      <c r="BU1990" s="166">
        <v>0</v>
      </c>
      <c r="BV1990" s="166">
        <v>0</v>
      </c>
      <c r="BW1990" s="166">
        <v>0</v>
      </c>
      <c r="BX1990" s="166">
        <v>0</v>
      </c>
      <c r="BY1990" s="166">
        <v>0</v>
      </c>
      <c r="BZ1990" s="166">
        <v>0</v>
      </c>
      <c r="CA1990" s="166">
        <v>0</v>
      </c>
      <c r="CB1990" s="166">
        <v>0</v>
      </c>
      <c r="CC1990" s="166">
        <v>0</v>
      </c>
      <c r="CD1990" s="166">
        <v>0</v>
      </c>
      <c r="CE1990" s="166">
        <v>0</v>
      </c>
      <c r="CF1990" s="166">
        <v>0</v>
      </c>
      <c r="CG1990" s="166">
        <v>0</v>
      </c>
      <c r="CH1990" s="166">
        <v>0</v>
      </c>
      <c r="CI1990" s="166">
        <v>0</v>
      </c>
      <c r="CJ1990" s="166">
        <v>0</v>
      </c>
      <c r="CK1990" s="166">
        <v>0</v>
      </c>
      <c r="CL1990" s="166">
        <v>0</v>
      </c>
      <c r="CM1990" s="166">
        <v>0</v>
      </c>
      <c r="CN1990" s="166">
        <v>0</v>
      </c>
      <c r="CO1990" s="166">
        <v>0</v>
      </c>
      <c r="CP1990" s="166">
        <v>0</v>
      </c>
      <c r="CQ1990" s="166">
        <v>0</v>
      </c>
      <c r="CR1990" s="166">
        <v>0</v>
      </c>
      <c r="CS1990" s="166">
        <v>0</v>
      </c>
      <c r="CT1990" s="166">
        <v>0</v>
      </c>
      <c r="CU1990" s="166">
        <v>0</v>
      </c>
      <c r="CV1990" s="166">
        <v>0</v>
      </c>
      <c r="CW1990" s="166">
        <v>0</v>
      </c>
      <c r="CX1990" s="166">
        <v>0</v>
      </c>
      <c r="CY1990" s="166">
        <v>0</v>
      </c>
      <c r="CZ1990" s="166">
        <v>0</v>
      </c>
    </row>
    <row r="1991" spans="1:104" x14ac:dyDescent="0.2">
      <c r="A1991" s="167" t="s">
        <v>399</v>
      </c>
      <c r="B1991" s="166">
        <v>0</v>
      </c>
      <c r="C1991" s="166">
        <v>0</v>
      </c>
      <c r="D1991" s="166">
        <v>0</v>
      </c>
      <c r="E1991" s="166">
        <v>0</v>
      </c>
      <c r="F1991" s="166">
        <v>0</v>
      </c>
      <c r="G1991" s="166">
        <v>0</v>
      </c>
      <c r="H1991" s="166">
        <v>0</v>
      </c>
      <c r="I1991" s="166">
        <v>0</v>
      </c>
      <c r="J1991" s="166">
        <v>0</v>
      </c>
      <c r="K1991" s="166">
        <v>0</v>
      </c>
      <c r="L1991" s="166">
        <v>0</v>
      </c>
      <c r="M1991" s="166">
        <v>0</v>
      </c>
      <c r="N1991" s="166">
        <v>0</v>
      </c>
      <c r="O1991" s="166">
        <v>0</v>
      </c>
      <c r="P1991" s="166">
        <v>0</v>
      </c>
      <c r="Q1991" s="166">
        <v>0</v>
      </c>
      <c r="R1991" s="166">
        <v>0</v>
      </c>
      <c r="S1991" s="166">
        <v>0</v>
      </c>
      <c r="T1991" s="166">
        <v>0</v>
      </c>
      <c r="U1991" s="166">
        <v>0</v>
      </c>
      <c r="V1991" s="166">
        <v>0</v>
      </c>
      <c r="W1991" s="166">
        <v>0</v>
      </c>
      <c r="X1991" s="166">
        <v>0</v>
      </c>
      <c r="Y1991" s="166">
        <v>0</v>
      </c>
      <c r="Z1991" s="166">
        <v>0</v>
      </c>
      <c r="AA1991" s="166">
        <v>0</v>
      </c>
      <c r="AB1991" s="166">
        <v>0</v>
      </c>
      <c r="AC1991" s="166">
        <v>0</v>
      </c>
      <c r="AD1991" s="166">
        <v>0</v>
      </c>
      <c r="AE1991" s="166">
        <v>0</v>
      </c>
      <c r="AF1991" s="166">
        <v>0</v>
      </c>
      <c r="AG1991" s="166">
        <v>0</v>
      </c>
      <c r="AH1991" s="166">
        <v>0</v>
      </c>
      <c r="AI1991" s="166">
        <v>0</v>
      </c>
      <c r="AJ1991" s="166">
        <v>0</v>
      </c>
      <c r="AK1991" s="166">
        <v>0</v>
      </c>
      <c r="AL1991" s="166">
        <v>0</v>
      </c>
      <c r="AM1991" s="166">
        <v>0</v>
      </c>
      <c r="AN1991" s="166">
        <v>0</v>
      </c>
      <c r="AO1991" s="166">
        <v>0</v>
      </c>
      <c r="AP1991" s="166">
        <v>0</v>
      </c>
      <c r="AQ1991" s="166">
        <v>0</v>
      </c>
      <c r="AR1991" s="166">
        <v>0</v>
      </c>
      <c r="AS1991" s="166">
        <v>0</v>
      </c>
      <c r="AT1991" s="166">
        <v>0</v>
      </c>
      <c r="AU1991" s="166">
        <v>0</v>
      </c>
      <c r="AV1991" s="166">
        <v>0</v>
      </c>
      <c r="AW1991" s="166">
        <v>0</v>
      </c>
      <c r="AX1991" s="166">
        <v>0</v>
      </c>
      <c r="AY1991" s="166">
        <v>0</v>
      </c>
      <c r="AZ1991" s="166">
        <v>0</v>
      </c>
      <c r="BA1991" s="166">
        <v>0</v>
      </c>
      <c r="BB1991" s="166">
        <v>0</v>
      </c>
      <c r="BC1991" s="166">
        <v>0</v>
      </c>
      <c r="BD1991" s="166">
        <v>0</v>
      </c>
      <c r="BE1991" s="166">
        <v>0</v>
      </c>
      <c r="BF1991" s="166">
        <v>0</v>
      </c>
      <c r="BG1991" s="166">
        <v>0</v>
      </c>
      <c r="BH1991" s="166">
        <v>0</v>
      </c>
      <c r="BI1991" s="166">
        <v>0</v>
      </c>
      <c r="BJ1991" s="166">
        <v>0</v>
      </c>
      <c r="BK1991" s="166">
        <v>0</v>
      </c>
      <c r="BL1991" s="166">
        <v>0</v>
      </c>
      <c r="BM1991" s="166">
        <v>0</v>
      </c>
      <c r="BN1991" s="166">
        <v>0</v>
      </c>
      <c r="BO1991" s="166">
        <v>0</v>
      </c>
      <c r="BP1991" s="166">
        <v>0</v>
      </c>
      <c r="BQ1991" s="166">
        <v>0</v>
      </c>
      <c r="BR1991" s="166">
        <v>0</v>
      </c>
      <c r="BS1991" s="166">
        <v>0</v>
      </c>
      <c r="BT1991" s="168">
        <v>1</v>
      </c>
      <c r="BU1991" s="166">
        <v>0</v>
      </c>
      <c r="BV1991" s="166">
        <v>0</v>
      </c>
      <c r="BW1991" s="166">
        <v>0</v>
      </c>
      <c r="BX1991" s="166">
        <v>0</v>
      </c>
      <c r="BY1991" s="166">
        <v>0</v>
      </c>
      <c r="BZ1991" s="166">
        <v>0</v>
      </c>
      <c r="CA1991" s="166">
        <v>0</v>
      </c>
      <c r="CB1991" s="166">
        <v>0</v>
      </c>
      <c r="CC1991" s="166">
        <v>0</v>
      </c>
      <c r="CD1991" s="166">
        <v>0</v>
      </c>
      <c r="CE1991" s="166">
        <v>0</v>
      </c>
      <c r="CF1991" s="166">
        <v>0</v>
      </c>
      <c r="CG1991" s="166">
        <v>0</v>
      </c>
      <c r="CH1991" s="166">
        <v>0</v>
      </c>
      <c r="CI1991" s="166">
        <v>0</v>
      </c>
      <c r="CJ1991" s="166">
        <v>0</v>
      </c>
      <c r="CK1991" s="166">
        <v>0</v>
      </c>
      <c r="CL1991" s="166">
        <v>0</v>
      </c>
      <c r="CM1991" s="166">
        <v>0</v>
      </c>
      <c r="CN1991" s="166">
        <v>0</v>
      </c>
      <c r="CO1991" s="166">
        <v>0</v>
      </c>
      <c r="CP1991" s="166">
        <v>0</v>
      </c>
      <c r="CQ1991" s="166">
        <v>0</v>
      </c>
      <c r="CR1991" s="166">
        <v>0</v>
      </c>
      <c r="CS1991" s="166">
        <v>0</v>
      </c>
      <c r="CT1991" s="166">
        <v>0</v>
      </c>
      <c r="CU1991" s="166">
        <v>0</v>
      </c>
      <c r="CV1991" s="166">
        <v>0</v>
      </c>
      <c r="CW1991" s="166">
        <v>0</v>
      </c>
      <c r="CX1991" s="166">
        <v>0</v>
      </c>
      <c r="CY1991" s="166">
        <v>0</v>
      </c>
      <c r="CZ1991" s="166">
        <v>0</v>
      </c>
    </row>
    <row r="1992" spans="1:104" x14ac:dyDescent="0.2">
      <c r="A1992" s="167" t="s">
        <v>1172</v>
      </c>
      <c r="B1992" s="166">
        <v>10493572.1299999</v>
      </c>
      <c r="C1992" s="166">
        <v>10493572.1299999</v>
      </c>
      <c r="D1992" s="166">
        <v>0</v>
      </c>
      <c r="E1992" s="166">
        <v>0</v>
      </c>
      <c r="F1992" s="166">
        <v>0</v>
      </c>
      <c r="G1992" s="166">
        <v>0</v>
      </c>
      <c r="H1992" s="166">
        <v>0</v>
      </c>
      <c r="I1992" s="166">
        <v>0</v>
      </c>
      <c r="J1992" s="166">
        <v>0</v>
      </c>
      <c r="K1992" s="166">
        <v>0</v>
      </c>
      <c r="L1992" s="166">
        <v>0</v>
      </c>
      <c r="M1992" s="166">
        <v>0</v>
      </c>
      <c r="N1992" s="166">
        <v>0</v>
      </c>
      <c r="O1992" s="166">
        <v>0</v>
      </c>
      <c r="P1992" s="166">
        <v>0</v>
      </c>
      <c r="Q1992" s="166">
        <v>0</v>
      </c>
      <c r="R1992" s="166">
        <v>0</v>
      </c>
      <c r="S1992" s="166">
        <v>0</v>
      </c>
      <c r="T1992" s="166">
        <v>0</v>
      </c>
      <c r="U1992" s="166">
        <v>0</v>
      </c>
      <c r="V1992" s="166">
        <v>0</v>
      </c>
      <c r="W1992" s="166">
        <v>0</v>
      </c>
      <c r="X1992" s="166">
        <v>0</v>
      </c>
      <c r="Y1992" s="166">
        <v>0</v>
      </c>
      <c r="Z1992" s="166">
        <v>0</v>
      </c>
      <c r="AA1992" s="166">
        <v>0</v>
      </c>
      <c r="AB1992" s="166">
        <v>0</v>
      </c>
      <c r="AC1992" s="166">
        <v>0</v>
      </c>
      <c r="AD1992" s="166">
        <v>0</v>
      </c>
      <c r="AE1992" s="166">
        <v>0</v>
      </c>
      <c r="AF1992" s="166">
        <v>0</v>
      </c>
      <c r="AG1992" s="166">
        <v>0</v>
      </c>
      <c r="AH1992" s="166">
        <v>0</v>
      </c>
      <c r="AI1992" s="166">
        <v>0</v>
      </c>
      <c r="AJ1992" s="166">
        <v>0</v>
      </c>
      <c r="AK1992" s="166">
        <v>0</v>
      </c>
      <c r="AL1992" s="166">
        <v>0</v>
      </c>
      <c r="AM1992" s="166">
        <v>0</v>
      </c>
      <c r="AN1992" s="166">
        <v>0</v>
      </c>
      <c r="AO1992" s="166">
        <v>0</v>
      </c>
      <c r="AP1992" s="166">
        <v>0</v>
      </c>
      <c r="AQ1992" s="166">
        <v>0</v>
      </c>
      <c r="AR1992" s="166">
        <v>0</v>
      </c>
      <c r="AS1992" s="166">
        <v>0</v>
      </c>
      <c r="AT1992" s="166">
        <v>0</v>
      </c>
      <c r="AU1992" s="166">
        <v>0</v>
      </c>
      <c r="AV1992" s="166">
        <v>0</v>
      </c>
      <c r="AW1992" s="166">
        <v>0</v>
      </c>
      <c r="AX1992" s="166">
        <v>0</v>
      </c>
      <c r="AY1992" s="166">
        <v>0</v>
      </c>
      <c r="AZ1992" s="166">
        <v>0</v>
      </c>
      <c r="BA1992" s="166">
        <v>0</v>
      </c>
      <c r="BB1992" s="166">
        <v>0</v>
      </c>
      <c r="BC1992" s="166">
        <v>0</v>
      </c>
      <c r="BD1992" s="166">
        <v>0</v>
      </c>
      <c r="BE1992" s="166">
        <v>0</v>
      </c>
      <c r="BF1992" s="166">
        <v>0</v>
      </c>
      <c r="BG1992" s="166">
        <v>0</v>
      </c>
      <c r="BH1992" s="166">
        <v>0</v>
      </c>
      <c r="BI1992" s="166">
        <v>0</v>
      </c>
      <c r="BJ1992" s="166">
        <v>0</v>
      </c>
      <c r="BK1992" s="166">
        <v>0</v>
      </c>
      <c r="BL1992" s="166">
        <v>0</v>
      </c>
      <c r="BM1992" s="166">
        <v>0</v>
      </c>
      <c r="BN1992" s="166">
        <v>0</v>
      </c>
      <c r="BO1992" s="166">
        <v>0</v>
      </c>
      <c r="BP1992" s="166">
        <v>0</v>
      </c>
      <c r="BQ1992" s="166">
        <v>0</v>
      </c>
      <c r="BR1992" s="166">
        <v>10493572.1299999</v>
      </c>
      <c r="BS1992" s="166">
        <v>10493572.1299999</v>
      </c>
      <c r="BT1992" s="168">
        <v>1</v>
      </c>
      <c r="BU1992" s="166">
        <v>787683.10999999905</v>
      </c>
      <c r="BV1992" s="166">
        <v>10493572.1299999</v>
      </c>
      <c r="BW1992" s="166">
        <v>0</v>
      </c>
      <c r="BX1992" s="166">
        <v>0</v>
      </c>
      <c r="BY1992" s="166">
        <v>0</v>
      </c>
      <c r="BZ1992" s="166">
        <v>0</v>
      </c>
      <c r="CA1992" s="166">
        <v>0</v>
      </c>
      <c r="CB1992" s="166">
        <v>0</v>
      </c>
      <c r="CC1992" s="166">
        <v>0</v>
      </c>
      <c r="CD1992" s="166">
        <v>0</v>
      </c>
      <c r="CE1992" s="166">
        <v>0</v>
      </c>
      <c r="CF1992" s="166">
        <v>0</v>
      </c>
      <c r="CG1992" s="166">
        <v>0</v>
      </c>
      <c r="CH1992" s="166">
        <v>0</v>
      </c>
      <c r="CI1992" s="166">
        <v>0</v>
      </c>
      <c r="CJ1992" s="166">
        <v>0</v>
      </c>
      <c r="CK1992" s="166">
        <v>0</v>
      </c>
      <c r="CL1992" s="166">
        <v>0</v>
      </c>
      <c r="CM1992" s="166">
        <v>0</v>
      </c>
      <c r="CN1992" s="166">
        <v>0</v>
      </c>
      <c r="CO1992" s="166">
        <v>0</v>
      </c>
      <c r="CP1992" s="166">
        <v>0</v>
      </c>
      <c r="CQ1992" s="166">
        <v>0</v>
      </c>
      <c r="CR1992" s="166">
        <v>0</v>
      </c>
      <c r="CS1992" s="166">
        <v>0</v>
      </c>
      <c r="CT1992" s="166">
        <v>0</v>
      </c>
      <c r="CU1992" s="166">
        <v>0</v>
      </c>
      <c r="CV1992" s="166">
        <v>0</v>
      </c>
      <c r="CW1992" s="166">
        <v>0</v>
      </c>
      <c r="CX1992" s="166">
        <v>0</v>
      </c>
      <c r="CY1992" s="166">
        <v>10493572.1299999</v>
      </c>
      <c r="CZ1992" s="166">
        <v>10493572.1299999</v>
      </c>
    </row>
    <row r="1993" spans="1:104" x14ac:dyDescent="0.2">
      <c r="A1993" s="170" t="s">
        <v>401</v>
      </c>
      <c r="B1993" s="166">
        <v>10493572.1299999</v>
      </c>
      <c r="C1993" s="166">
        <v>10493572.1299999</v>
      </c>
      <c r="D1993" s="166">
        <v>0</v>
      </c>
      <c r="E1993" s="166">
        <v>0</v>
      </c>
      <c r="F1993" s="166">
        <v>0</v>
      </c>
      <c r="G1993" s="166">
        <v>0</v>
      </c>
      <c r="H1993" s="166">
        <v>0</v>
      </c>
      <c r="I1993" s="166">
        <v>0</v>
      </c>
      <c r="J1993" s="166">
        <v>0</v>
      </c>
      <c r="K1993" s="166">
        <v>0</v>
      </c>
      <c r="L1993" s="166">
        <v>0</v>
      </c>
      <c r="M1993" s="166">
        <v>0</v>
      </c>
      <c r="N1993" s="166">
        <v>0</v>
      </c>
      <c r="O1993" s="166">
        <v>0</v>
      </c>
      <c r="P1993" s="166">
        <v>0</v>
      </c>
      <c r="Q1993" s="166">
        <v>0</v>
      </c>
      <c r="R1993" s="166">
        <v>0</v>
      </c>
      <c r="S1993" s="166">
        <v>0</v>
      </c>
      <c r="T1993" s="166">
        <v>0</v>
      </c>
      <c r="U1993" s="166">
        <v>0</v>
      </c>
      <c r="V1993" s="166">
        <v>0</v>
      </c>
      <c r="W1993" s="166">
        <v>0</v>
      </c>
      <c r="X1993" s="166">
        <v>0</v>
      </c>
      <c r="Y1993" s="166">
        <v>0</v>
      </c>
      <c r="Z1993" s="166">
        <v>0</v>
      </c>
      <c r="AA1993" s="166">
        <v>0</v>
      </c>
      <c r="AB1993" s="166">
        <v>0</v>
      </c>
      <c r="AC1993" s="166">
        <v>0</v>
      </c>
      <c r="AD1993" s="166">
        <v>0</v>
      </c>
      <c r="AE1993" s="166">
        <v>0</v>
      </c>
      <c r="AF1993" s="166">
        <v>0</v>
      </c>
      <c r="AG1993" s="166">
        <v>0</v>
      </c>
      <c r="AH1993" s="166">
        <v>0</v>
      </c>
      <c r="AI1993" s="166">
        <v>0</v>
      </c>
      <c r="AJ1993" s="166">
        <v>0</v>
      </c>
      <c r="AK1993" s="166">
        <v>0</v>
      </c>
      <c r="AL1993" s="166">
        <v>0</v>
      </c>
      <c r="AM1993" s="166">
        <v>0</v>
      </c>
      <c r="AN1993" s="166">
        <v>0</v>
      </c>
      <c r="AO1993" s="166">
        <v>0</v>
      </c>
      <c r="AP1993" s="166">
        <v>0</v>
      </c>
      <c r="AQ1993" s="166">
        <v>0</v>
      </c>
      <c r="AR1993" s="166">
        <v>0</v>
      </c>
      <c r="AS1993" s="166">
        <v>0</v>
      </c>
      <c r="AT1993" s="166">
        <v>0</v>
      </c>
      <c r="AU1993" s="166">
        <v>0</v>
      </c>
      <c r="AV1993" s="166">
        <v>0</v>
      </c>
      <c r="AW1993" s="166">
        <v>0</v>
      </c>
      <c r="AX1993" s="166">
        <v>0</v>
      </c>
      <c r="AY1993" s="166">
        <v>0</v>
      </c>
      <c r="AZ1993" s="166">
        <v>0</v>
      </c>
      <c r="BA1993" s="166">
        <v>0</v>
      </c>
      <c r="BB1993" s="166">
        <v>0</v>
      </c>
      <c r="BC1993" s="166">
        <v>0</v>
      </c>
      <c r="BD1993" s="166">
        <v>0</v>
      </c>
      <c r="BE1993" s="166">
        <v>0</v>
      </c>
      <c r="BF1993" s="166">
        <v>0</v>
      </c>
      <c r="BG1993" s="166">
        <v>0</v>
      </c>
      <c r="BH1993" s="166">
        <v>0</v>
      </c>
      <c r="BI1993" s="166">
        <v>0</v>
      </c>
      <c r="BJ1993" s="166">
        <v>0</v>
      </c>
      <c r="BK1993" s="166">
        <v>0</v>
      </c>
      <c r="BL1993" s="166">
        <v>0</v>
      </c>
      <c r="BM1993" s="166">
        <v>0</v>
      </c>
      <c r="BN1993" s="166">
        <v>0</v>
      </c>
      <c r="BO1993" s="166">
        <v>0</v>
      </c>
      <c r="BP1993" s="166">
        <v>0</v>
      </c>
      <c r="BQ1993" s="166">
        <v>0</v>
      </c>
      <c r="BR1993" s="166">
        <v>10493572.1299999</v>
      </c>
      <c r="BS1993" s="166">
        <v>10493572.1299999</v>
      </c>
      <c r="BT1993" s="168">
        <v>0</v>
      </c>
      <c r="BU1993" s="166">
        <v>787683.10999999905</v>
      </c>
      <c r="BV1993" s="166">
        <v>10493572.1299999</v>
      </c>
      <c r="BW1993" s="166">
        <v>0</v>
      </c>
      <c r="BX1993" s="166">
        <v>0</v>
      </c>
      <c r="BY1993" s="166">
        <v>0</v>
      </c>
      <c r="BZ1993" s="166">
        <v>0</v>
      </c>
      <c r="CA1993" s="166">
        <v>0</v>
      </c>
      <c r="CB1993" s="166">
        <v>0</v>
      </c>
      <c r="CC1993" s="166">
        <v>0</v>
      </c>
      <c r="CD1993" s="166">
        <v>0</v>
      </c>
      <c r="CE1993" s="166">
        <v>0</v>
      </c>
      <c r="CF1993" s="166">
        <v>0</v>
      </c>
      <c r="CG1993" s="166">
        <v>0</v>
      </c>
      <c r="CH1993" s="166">
        <v>0</v>
      </c>
      <c r="CI1993" s="166">
        <v>0</v>
      </c>
      <c r="CJ1993" s="166">
        <v>0</v>
      </c>
      <c r="CK1993" s="166">
        <v>0</v>
      </c>
      <c r="CL1993" s="166">
        <v>0</v>
      </c>
      <c r="CM1993" s="166">
        <v>0</v>
      </c>
      <c r="CN1993" s="166">
        <v>0</v>
      </c>
      <c r="CO1993" s="166">
        <v>0</v>
      </c>
      <c r="CP1993" s="166">
        <v>0</v>
      </c>
      <c r="CQ1993" s="166">
        <v>0</v>
      </c>
      <c r="CR1993" s="166">
        <v>0</v>
      </c>
      <c r="CS1993" s="166">
        <v>0</v>
      </c>
      <c r="CT1993" s="166">
        <v>0</v>
      </c>
      <c r="CU1993" s="166">
        <v>0</v>
      </c>
      <c r="CV1993" s="166">
        <v>0</v>
      </c>
      <c r="CW1993" s="166">
        <v>0</v>
      </c>
      <c r="CX1993" s="166">
        <v>0</v>
      </c>
      <c r="CY1993" s="166">
        <v>10493572.1299999</v>
      </c>
      <c r="CZ1993" s="166">
        <v>10493572.1299999</v>
      </c>
    </row>
    <row r="1994" spans="1:104" x14ac:dyDescent="0.2">
      <c r="A1994" s="167" t="s">
        <v>402</v>
      </c>
    </row>
    <row r="1995" spans="1:104" x14ac:dyDescent="0.2">
      <c r="A1995" s="170" t="s">
        <v>403</v>
      </c>
    </row>
    <row r="1996" spans="1:104" x14ac:dyDescent="0.2">
      <c r="A1996" s="167" t="s">
        <v>404</v>
      </c>
      <c r="B1996" s="166">
        <v>0</v>
      </c>
      <c r="C1996" s="166">
        <v>0</v>
      </c>
      <c r="D1996" s="166">
        <v>0</v>
      </c>
      <c r="E1996" s="166">
        <v>0</v>
      </c>
      <c r="F1996" s="166">
        <v>0</v>
      </c>
      <c r="G1996" s="166">
        <v>0</v>
      </c>
      <c r="H1996" s="166">
        <v>0</v>
      </c>
      <c r="I1996" s="166">
        <v>0</v>
      </c>
      <c r="J1996" s="166">
        <v>0</v>
      </c>
      <c r="K1996" s="166">
        <v>0</v>
      </c>
      <c r="L1996" s="166">
        <v>0</v>
      </c>
      <c r="M1996" s="166">
        <v>0</v>
      </c>
      <c r="N1996" s="166">
        <v>0</v>
      </c>
      <c r="O1996" s="166">
        <v>0</v>
      </c>
      <c r="P1996" s="166">
        <v>0</v>
      </c>
      <c r="Q1996" s="166">
        <v>0</v>
      </c>
      <c r="R1996" s="166">
        <v>0</v>
      </c>
      <c r="S1996" s="166">
        <v>0</v>
      </c>
      <c r="T1996" s="166">
        <v>0</v>
      </c>
      <c r="U1996" s="166">
        <v>0</v>
      </c>
      <c r="V1996" s="166">
        <v>0</v>
      </c>
      <c r="W1996" s="166">
        <v>0</v>
      </c>
      <c r="X1996" s="166">
        <v>0</v>
      </c>
      <c r="Y1996" s="166">
        <v>0</v>
      </c>
      <c r="Z1996" s="166">
        <v>0</v>
      </c>
      <c r="AA1996" s="166">
        <v>0</v>
      </c>
      <c r="AB1996" s="166">
        <v>0</v>
      </c>
      <c r="AC1996" s="166">
        <v>0</v>
      </c>
      <c r="AD1996" s="166">
        <v>0</v>
      </c>
      <c r="AE1996" s="166">
        <v>0</v>
      </c>
      <c r="AF1996" s="166">
        <v>0</v>
      </c>
      <c r="AG1996" s="166">
        <v>0</v>
      </c>
      <c r="AH1996" s="166">
        <v>0</v>
      </c>
      <c r="AI1996" s="166">
        <v>0</v>
      </c>
      <c r="AJ1996" s="166">
        <v>0</v>
      </c>
      <c r="AK1996" s="166">
        <v>0</v>
      </c>
      <c r="AL1996" s="166">
        <v>0</v>
      </c>
      <c r="AM1996" s="166">
        <v>0</v>
      </c>
      <c r="AN1996" s="166">
        <v>0</v>
      </c>
      <c r="AO1996" s="166">
        <v>0</v>
      </c>
      <c r="AP1996" s="166">
        <v>0</v>
      </c>
      <c r="AQ1996" s="166">
        <v>0</v>
      </c>
      <c r="AR1996" s="166">
        <v>0</v>
      </c>
      <c r="AS1996" s="166">
        <v>0</v>
      </c>
      <c r="AT1996" s="166">
        <v>0</v>
      </c>
      <c r="AU1996" s="166">
        <v>0</v>
      </c>
      <c r="AV1996" s="166">
        <v>0</v>
      </c>
      <c r="AW1996" s="166">
        <v>0</v>
      </c>
      <c r="AX1996" s="166">
        <v>0</v>
      </c>
      <c r="AY1996" s="166">
        <v>0</v>
      </c>
      <c r="AZ1996" s="166">
        <v>0</v>
      </c>
      <c r="BA1996" s="166">
        <v>0</v>
      </c>
      <c r="BB1996" s="166">
        <v>0</v>
      </c>
      <c r="BC1996" s="166">
        <v>0</v>
      </c>
      <c r="BD1996" s="166">
        <v>0</v>
      </c>
      <c r="BE1996" s="166">
        <v>0</v>
      </c>
      <c r="BF1996" s="166">
        <v>0</v>
      </c>
      <c r="BG1996" s="166">
        <v>0</v>
      </c>
      <c r="BH1996" s="166">
        <v>0</v>
      </c>
      <c r="BI1996" s="166">
        <v>0</v>
      </c>
      <c r="BJ1996" s="166">
        <v>0</v>
      </c>
      <c r="BK1996" s="166">
        <v>0</v>
      </c>
      <c r="BL1996" s="166">
        <v>0</v>
      </c>
      <c r="BM1996" s="166">
        <v>0</v>
      </c>
      <c r="BN1996" s="166">
        <v>0</v>
      </c>
      <c r="BO1996" s="166">
        <v>0</v>
      </c>
      <c r="BP1996" s="166">
        <v>0</v>
      </c>
      <c r="BQ1996" s="166">
        <v>0</v>
      </c>
      <c r="BR1996" s="166">
        <v>0</v>
      </c>
      <c r="BS1996" s="166">
        <v>0</v>
      </c>
      <c r="BT1996" s="168">
        <v>1</v>
      </c>
      <c r="BU1996" s="166">
        <v>0</v>
      </c>
      <c r="BV1996" s="166">
        <v>0</v>
      </c>
      <c r="BW1996" s="166">
        <v>0</v>
      </c>
      <c r="BX1996" s="166">
        <v>0</v>
      </c>
      <c r="BY1996" s="166">
        <v>0</v>
      </c>
      <c r="BZ1996" s="166">
        <v>0</v>
      </c>
      <c r="CA1996" s="166">
        <v>0</v>
      </c>
      <c r="CB1996" s="166">
        <v>0</v>
      </c>
      <c r="CC1996" s="166">
        <v>0</v>
      </c>
      <c r="CD1996" s="166">
        <v>0</v>
      </c>
      <c r="CE1996" s="166">
        <v>0</v>
      </c>
      <c r="CF1996" s="166">
        <v>0</v>
      </c>
      <c r="CG1996" s="166">
        <v>0</v>
      </c>
      <c r="CH1996" s="166">
        <v>0</v>
      </c>
      <c r="CI1996" s="166">
        <v>0</v>
      </c>
      <c r="CJ1996" s="166">
        <v>0</v>
      </c>
      <c r="CK1996" s="166">
        <v>0</v>
      </c>
      <c r="CL1996" s="166">
        <v>0</v>
      </c>
      <c r="CM1996" s="166">
        <v>0</v>
      </c>
      <c r="CN1996" s="166">
        <v>0</v>
      </c>
      <c r="CO1996" s="166">
        <v>0</v>
      </c>
      <c r="CP1996" s="166">
        <v>0</v>
      </c>
      <c r="CQ1996" s="166">
        <v>0</v>
      </c>
      <c r="CR1996" s="166">
        <v>0</v>
      </c>
      <c r="CS1996" s="166">
        <v>0</v>
      </c>
      <c r="CT1996" s="166">
        <v>0</v>
      </c>
      <c r="CU1996" s="166">
        <v>0</v>
      </c>
      <c r="CV1996" s="166">
        <v>0</v>
      </c>
      <c r="CW1996" s="166">
        <v>0</v>
      </c>
      <c r="CX1996" s="166">
        <v>0</v>
      </c>
      <c r="CY1996" s="166">
        <v>0</v>
      </c>
      <c r="CZ1996" s="166">
        <v>0</v>
      </c>
    </row>
    <row r="1997" spans="1:104" x14ac:dyDescent="0.2">
      <c r="A1997" s="167" t="s">
        <v>1174</v>
      </c>
      <c r="B1997" s="166">
        <v>8357058.9400000004</v>
      </c>
      <c r="C1997" s="166">
        <v>8357058.9400000004</v>
      </c>
      <c r="D1997" s="166">
        <v>0</v>
      </c>
      <c r="E1997" s="166">
        <v>0</v>
      </c>
      <c r="F1997" s="166">
        <v>0</v>
      </c>
      <c r="G1997" s="166">
        <v>0</v>
      </c>
      <c r="H1997" s="166">
        <v>0</v>
      </c>
      <c r="I1997" s="166">
        <v>0</v>
      </c>
      <c r="J1997" s="166">
        <v>0</v>
      </c>
      <c r="K1997" s="166">
        <v>0</v>
      </c>
      <c r="L1997" s="166">
        <v>0</v>
      </c>
      <c r="M1997" s="166">
        <v>0</v>
      </c>
      <c r="N1997" s="166">
        <v>0</v>
      </c>
      <c r="O1997" s="166">
        <v>0</v>
      </c>
      <c r="P1997" s="166">
        <v>0</v>
      </c>
      <c r="Q1997" s="166">
        <v>0</v>
      </c>
      <c r="R1997" s="166">
        <v>0</v>
      </c>
      <c r="S1997" s="166">
        <v>0</v>
      </c>
      <c r="T1997" s="166">
        <v>0</v>
      </c>
      <c r="U1997" s="166">
        <v>0</v>
      </c>
      <c r="V1997" s="166">
        <v>0</v>
      </c>
      <c r="W1997" s="166">
        <v>0</v>
      </c>
      <c r="X1997" s="166">
        <v>0</v>
      </c>
      <c r="Y1997" s="166">
        <v>0</v>
      </c>
      <c r="Z1997" s="166">
        <v>0</v>
      </c>
      <c r="AA1997" s="166">
        <v>0</v>
      </c>
      <c r="AB1997" s="166">
        <v>0</v>
      </c>
      <c r="AC1997" s="166">
        <v>0</v>
      </c>
      <c r="AD1997" s="166">
        <v>0</v>
      </c>
      <c r="AE1997" s="166">
        <v>0</v>
      </c>
      <c r="AF1997" s="166">
        <v>0</v>
      </c>
      <c r="AG1997" s="166">
        <v>0</v>
      </c>
      <c r="AH1997" s="166">
        <v>0</v>
      </c>
      <c r="AI1997" s="166">
        <v>0</v>
      </c>
      <c r="AJ1997" s="166">
        <v>0</v>
      </c>
      <c r="AK1997" s="166">
        <v>0</v>
      </c>
      <c r="AL1997" s="166">
        <v>0</v>
      </c>
      <c r="AM1997" s="166">
        <v>0</v>
      </c>
      <c r="AN1997" s="166">
        <v>0</v>
      </c>
      <c r="AO1997" s="166">
        <v>0</v>
      </c>
      <c r="AP1997" s="166">
        <v>0</v>
      </c>
      <c r="AQ1997" s="166">
        <v>0</v>
      </c>
      <c r="AR1997" s="166">
        <v>0</v>
      </c>
      <c r="AS1997" s="166">
        <v>0</v>
      </c>
      <c r="AT1997" s="166">
        <v>0</v>
      </c>
      <c r="AU1997" s="166">
        <v>0</v>
      </c>
      <c r="AV1997" s="166">
        <v>0</v>
      </c>
      <c r="AW1997" s="166">
        <v>0</v>
      </c>
      <c r="AX1997" s="166">
        <v>0</v>
      </c>
      <c r="AY1997" s="166">
        <v>0</v>
      </c>
      <c r="AZ1997" s="166">
        <v>0</v>
      </c>
      <c r="BA1997" s="166">
        <v>0</v>
      </c>
      <c r="BB1997" s="166">
        <v>0</v>
      </c>
      <c r="BC1997" s="166">
        <v>0</v>
      </c>
      <c r="BD1997" s="166">
        <v>0</v>
      </c>
      <c r="BE1997" s="166">
        <v>0</v>
      </c>
      <c r="BF1997" s="166">
        <v>0</v>
      </c>
      <c r="BG1997" s="166">
        <v>0</v>
      </c>
      <c r="BH1997" s="166">
        <v>0</v>
      </c>
      <c r="BI1997" s="166">
        <v>0</v>
      </c>
      <c r="BJ1997" s="166">
        <v>0</v>
      </c>
      <c r="BK1997" s="166">
        <v>0</v>
      </c>
      <c r="BL1997" s="166">
        <v>0</v>
      </c>
      <c r="BM1997" s="166">
        <v>0</v>
      </c>
      <c r="BN1997" s="166">
        <v>0</v>
      </c>
      <c r="BO1997" s="166">
        <v>0</v>
      </c>
      <c r="BP1997" s="166">
        <v>0</v>
      </c>
      <c r="BQ1997" s="166">
        <v>0</v>
      </c>
      <c r="BR1997" s="166">
        <v>8357058.9400000004</v>
      </c>
      <c r="BS1997" s="166">
        <v>8357058.9400000004</v>
      </c>
      <c r="BT1997" s="168">
        <v>1</v>
      </c>
      <c r="BU1997" s="166">
        <v>649213.49</v>
      </c>
      <c r="BV1997" s="166">
        <v>8357058.9400000004</v>
      </c>
      <c r="BW1997" s="166">
        <v>0</v>
      </c>
      <c r="BX1997" s="166">
        <v>0</v>
      </c>
      <c r="BY1997" s="166">
        <v>0</v>
      </c>
      <c r="BZ1997" s="166">
        <v>0</v>
      </c>
      <c r="CA1997" s="166">
        <v>0</v>
      </c>
      <c r="CB1997" s="166">
        <v>0</v>
      </c>
      <c r="CC1997" s="166">
        <v>0</v>
      </c>
      <c r="CD1997" s="166">
        <v>0</v>
      </c>
      <c r="CE1997" s="166">
        <v>0</v>
      </c>
      <c r="CF1997" s="166">
        <v>0</v>
      </c>
      <c r="CG1997" s="166">
        <v>0</v>
      </c>
      <c r="CH1997" s="166">
        <v>0</v>
      </c>
      <c r="CI1997" s="166">
        <v>0</v>
      </c>
      <c r="CJ1997" s="166">
        <v>0</v>
      </c>
      <c r="CK1997" s="166">
        <v>0</v>
      </c>
      <c r="CL1997" s="166">
        <v>0</v>
      </c>
      <c r="CM1997" s="166">
        <v>0</v>
      </c>
      <c r="CN1997" s="166">
        <v>0</v>
      </c>
      <c r="CO1997" s="166">
        <v>0</v>
      </c>
      <c r="CP1997" s="166">
        <v>0</v>
      </c>
      <c r="CQ1997" s="166">
        <v>0</v>
      </c>
      <c r="CR1997" s="166">
        <v>0</v>
      </c>
      <c r="CS1997" s="166">
        <v>0</v>
      </c>
      <c r="CT1997" s="166">
        <v>0</v>
      </c>
      <c r="CU1997" s="166">
        <v>0</v>
      </c>
      <c r="CV1997" s="166">
        <v>0</v>
      </c>
      <c r="CW1997" s="166">
        <v>0</v>
      </c>
      <c r="CX1997" s="166">
        <v>0</v>
      </c>
      <c r="CY1997" s="166">
        <v>8357058.9400000004</v>
      </c>
      <c r="CZ1997" s="166">
        <v>8357058.9400000004</v>
      </c>
    </row>
    <row r="1998" spans="1:104" x14ac:dyDescent="0.2">
      <c r="A1998" s="167" t="s">
        <v>1175</v>
      </c>
      <c r="B1998" s="166">
        <v>413385.609999999</v>
      </c>
      <c r="C1998" s="166">
        <v>413385.609999999</v>
      </c>
      <c r="D1998" s="166">
        <v>0</v>
      </c>
      <c r="E1998" s="166">
        <v>0</v>
      </c>
      <c r="F1998" s="166">
        <v>0</v>
      </c>
      <c r="G1998" s="166">
        <v>0</v>
      </c>
      <c r="H1998" s="166">
        <v>0</v>
      </c>
      <c r="I1998" s="166">
        <v>0</v>
      </c>
      <c r="J1998" s="166">
        <v>0</v>
      </c>
      <c r="K1998" s="166">
        <v>0</v>
      </c>
      <c r="L1998" s="166">
        <v>0</v>
      </c>
      <c r="M1998" s="166">
        <v>0</v>
      </c>
      <c r="N1998" s="166">
        <v>0</v>
      </c>
      <c r="O1998" s="166">
        <v>0</v>
      </c>
      <c r="P1998" s="166">
        <v>0</v>
      </c>
      <c r="Q1998" s="166">
        <v>0</v>
      </c>
      <c r="R1998" s="166">
        <v>0</v>
      </c>
      <c r="S1998" s="166">
        <v>0</v>
      </c>
      <c r="T1998" s="166">
        <v>0</v>
      </c>
      <c r="U1998" s="166">
        <v>0</v>
      </c>
      <c r="V1998" s="166">
        <v>0</v>
      </c>
      <c r="W1998" s="166">
        <v>0</v>
      </c>
      <c r="X1998" s="166">
        <v>0</v>
      </c>
      <c r="Y1998" s="166">
        <v>0</v>
      </c>
      <c r="Z1998" s="166">
        <v>0</v>
      </c>
      <c r="AA1998" s="166">
        <v>0</v>
      </c>
      <c r="AB1998" s="166">
        <v>0</v>
      </c>
      <c r="AC1998" s="166">
        <v>0</v>
      </c>
      <c r="AD1998" s="166">
        <v>0</v>
      </c>
      <c r="AE1998" s="166">
        <v>0</v>
      </c>
      <c r="AF1998" s="166">
        <v>0</v>
      </c>
      <c r="AG1998" s="166">
        <v>0</v>
      </c>
      <c r="AH1998" s="166">
        <v>0</v>
      </c>
      <c r="AI1998" s="166">
        <v>0</v>
      </c>
      <c r="AJ1998" s="166">
        <v>0</v>
      </c>
      <c r="AK1998" s="166">
        <v>0</v>
      </c>
      <c r="AL1998" s="166">
        <v>0</v>
      </c>
      <c r="AM1998" s="166">
        <v>0</v>
      </c>
      <c r="AN1998" s="166">
        <v>0</v>
      </c>
      <c r="AO1998" s="166">
        <v>0</v>
      </c>
      <c r="AP1998" s="166">
        <v>0</v>
      </c>
      <c r="AQ1998" s="166">
        <v>0</v>
      </c>
      <c r="AR1998" s="166">
        <v>0</v>
      </c>
      <c r="AS1998" s="166">
        <v>0</v>
      </c>
      <c r="AT1998" s="166">
        <v>0</v>
      </c>
      <c r="AU1998" s="166">
        <v>0</v>
      </c>
      <c r="AV1998" s="166">
        <v>0</v>
      </c>
      <c r="AW1998" s="166">
        <v>0</v>
      </c>
      <c r="AX1998" s="166">
        <v>0</v>
      </c>
      <c r="AY1998" s="166">
        <v>0</v>
      </c>
      <c r="AZ1998" s="166">
        <v>0</v>
      </c>
      <c r="BA1998" s="166">
        <v>0</v>
      </c>
      <c r="BB1998" s="166">
        <v>0</v>
      </c>
      <c r="BC1998" s="166">
        <v>0</v>
      </c>
      <c r="BD1998" s="166">
        <v>0</v>
      </c>
      <c r="BE1998" s="166">
        <v>0</v>
      </c>
      <c r="BF1998" s="166">
        <v>0</v>
      </c>
      <c r="BG1998" s="166">
        <v>0</v>
      </c>
      <c r="BH1998" s="166">
        <v>0</v>
      </c>
      <c r="BI1998" s="166">
        <v>0</v>
      </c>
      <c r="BJ1998" s="166">
        <v>0</v>
      </c>
      <c r="BK1998" s="166">
        <v>0</v>
      </c>
      <c r="BL1998" s="166">
        <v>0</v>
      </c>
      <c r="BM1998" s="166">
        <v>0</v>
      </c>
      <c r="BN1998" s="166">
        <v>0</v>
      </c>
      <c r="BO1998" s="166">
        <v>0</v>
      </c>
      <c r="BP1998" s="166">
        <v>0</v>
      </c>
      <c r="BQ1998" s="166">
        <v>0</v>
      </c>
      <c r="BR1998" s="166">
        <v>413385.609999999</v>
      </c>
      <c r="BS1998" s="166">
        <v>413385.609999999</v>
      </c>
      <c r="BT1998" s="168">
        <v>1</v>
      </c>
      <c r="BU1998" s="166">
        <v>36613.699999999997</v>
      </c>
      <c r="BV1998" s="166">
        <v>413385.609999999</v>
      </c>
      <c r="BW1998" s="166">
        <v>0</v>
      </c>
      <c r="BX1998" s="166">
        <v>0</v>
      </c>
      <c r="BY1998" s="166">
        <v>0</v>
      </c>
      <c r="BZ1998" s="166">
        <v>0</v>
      </c>
      <c r="CA1998" s="166">
        <v>0</v>
      </c>
      <c r="CB1998" s="166">
        <v>0</v>
      </c>
      <c r="CC1998" s="166">
        <v>0</v>
      </c>
      <c r="CD1998" s="166">
        <v>0</v>
      </c>
      <c r="CE1998" s="166">
        <v>0</v>
      </c>
      <c r="CF1998" s="166">
        <v>0</v>
      </c>
      <c r="CG1998" s="166">
        <v>0</v>
      </c>
      <c r="CH1998" s="166">
        <v>0</v>
      </c>
      <c r="CI1998" s="166">
        <v>0</v>
      </c>
      <c r="CJ1998" s="166">
        <v>0</v>
      </c>
      <c r="CK1998" s="166">
        <v>0</v>
      </c>
      <c r="CL1998" s="166">
        <v>0</v>
      </c>
      <c r="CM1998" s="166">
        <v>0</v>
      </c>
      <c r="CN1998" s="166">
        <v>0</v>
      </c>
      <c r="CO1998" s="166">
        <v>0</v>
      </c>
      <c r="CP1998" s="166">
        <v>0</v>
      </c>
      <c r="CQ1998" s="166">
        <v>0</v>
      </c>
      <c r="CR1998" s="166">
        <v>0</v>
      </c>
      <c r="CS1998" s="166">
        <v>0</v>
      </c>
      <c r="CT1998" s="166">
        <v>0</v>
      </c>
      <c r="CU1998" s="166">
        <v>0</v>
      </c>
      <c r="CV1998" s="166">
        <v>0</v>
      </c>
      <c r="CW1998" s="166">
        <v>0</v>
      </c>
      <c r="CX1998" s="166">
        <v>0</v>
      </c>
      <c r="CY1998" s="166">
        <v>413385.609999999</v>
      </c>
      <c r="CZ1998" s="166">
        <v>413385.609999999</v>
      </c>
    </row>
    <row r="1999" spans="1:104" x14ac:dyDescent="0.2">
      <c r="A1999" s="167" t="s">
        <v>1176</v>
      </c>
      <c r="B1999" s="166">
        <v>0</v>
      </c>
      <c r="C1999" s="166">
        <v>0</v>
      </c>
      <c r="D1999" s="166">
        <v>0</v>
      </c>
      <c r="E1999" s="166">
        <v>0</v>
      </c>
      <c r="F1999" s="166">
        <v>0</v>
      </c>
      <c r="G1999" s="166">
        <v>0</v>
      </c>
      <c r="H1999" s="166">
        <v>0</v>
      </c>
      <c r="I1999" s="166">
        <v>0</v>
      </c>
      <c r="J1999" s="166">
        <v>0</v>
      </c>
      <c r="K1999" s="166">
        <v>0</v>
      </c>
      <c r="L1999" s="166">
        <v>0</v>
      </c>
      <c r="M1999" s="166">
        <v>0</v>
      </c>
      <c r="N1999" s="166">
        <v>0</v>
      </c>
      <c r="O1999" s="166">
        <v>0</v>
      </c>
      <c r="P1999" s="166">
        <v>0</v>
      </c>
      <c r="Q1999" s="166">
        <v>0</v>
      </c>
      <c r="R1999" s="166">
        <v>0</v>
      </c>
      <c r="S1999" s="166">
        <v>0</v>
      </c>
      <c r="T1999" s="166">
        <v>0</v>
      </c>
      <c r="U1999" s="166">
        <v>0</v>
      </c>
      <c r="V1999" s="166">
        <v>0</v>
      </c>
      <c r="W1999" s="166">
        <v>0</v>
      </c>
      <c r="X1999" s="166">
        <v>0</v>
      </c>
      <c r="Y1999" s="166">
        <v>0</v>
      </c>
      <c r="Z1999" s="166">
        <v>0</v>
      </c>
      <c r="AA1999" s="166">
        <v>0</v>
      </c>
      <c r="AB1999" s="166">
        <v>0</v>
      </c>
      <c r="AC1999" s="166">
        <v>0</v>
      </c>
      <c r="AD1999" s="166">
        <v>0</v>
      </c>
      <c r="AE1999" s="166">
        <v>0</v>
      </c>
      <c r="AF1999" s="166">
        <v>0</v>
      </c>
      <c r="AG1999" s="166">
        <v>0</v>
      </c>
      <c r="AH1999" s="166">
        <v>0</v>
      </c>
      <c r="AI1999" s="166">
        <v>0</v>
      </c>
      <c r="AJ1999" s="166">
        <v>0</v>
      </c>
      <c r="AK1999" s="166">
        <v>0</v>
      </c>
      <c r="AL1999" s="166">
        <v>0</v>
      </c>
      <c r="AM1999" s="166">
        <v>0</v>
      </c>
      <c r="AN1999" s="166">
        <v>0</v>
      </c>
      <c r="AO1999" s="166">
        <v>0</v>
      </c>
      <c r="AP1999" s="166">
        <v>0</v>
      </c>
      <c r="AQ1999" s="166">
        <v>0</v>
      </c>
      <c r="AR1999" s="166">
        <v>0</v>
      </c>
      <c r="AS1999" s="166">
        <v>0</v>
      </c>
      <c r="AT1999" s="166">
        <v>0</v>
      </c>
      <c r="AU1999" s="166">
        <v>0</v>
      </c>
      <c r="AV1999" s="166">
        <v>0</v>
      </c>
      <c r="AW1999" s="166">
        <v>0</v>
      </c>
      <c r="AX1999" s="166">
        <v>0</v>
      </c>
      <c r="AY1999" s="166">
        <v>0</v>
      </c>
      <c r="AZ1999" s="166">
        <v>0</v>
      </c>
      <c r="BA1999" s="166">
        <v>0</v>
      </c>
      <c r="BB1999" s="166">
        <v>0</v>
      </c>
      <c r="BC1999" s="166">
        <v>0</v>
      </c>
      <c r="BD1999" s="166">
        <v>0</v>
      </c>
      <c r="BE1999" s="166">
        <v>0</v>
      </c>
      <c r="BF1999" s="166">
        <v>0</v>
      </c>
      <c r="BG1999" s="166">
        <v>0</v>
      </c>
      <c r="BH1999" s="166">
        <v>0</v>
      </c>
      <c r="BI1999" s="166">
        <v>0</v>
      </c>
      <c r="BJ1999" s="166">
        <v>0</v>
      </c>
      <c r="BK1999" s="166">
        <v>0</v>
      </c>
      <c r="BL1999" s="166">
        <v>0</v>
      </c>
      <c r="BM1999" s="166">
        <v>0</v>
      </c>
      <c r="BN1999" s="166">
        <v>0</v>
      </c>
      <c r="BO1999" s="166">
        <v>0</v>
      </c>
      <c r="BP1999" s="166">
        <v>0</v>
      </c>
      <c r="BQ1999" s="166">
        <v>0</v>
      </c>
      <c r="BR1999" s="166">
        <v>0</v>
      </c>
      <c r="BS1999" s="166">
        <v>0</v>
      </c>
      <c r="BT1999" s="168">
        <v>1</v>
      </c>
      <c r="BU1999" s="166">
        <v>0</v>
      </c>
      <c r="BV1999" s="166">
        <v>0</v>
      </c>
      <c r="BW1999" s="166">
        <v>0</v>
      </c>
      <c r="BX1999" s="166">
        <v>0</v>
      </c>
      <c r="BY1999" s="166">
        <v>0</v>
      </c>
      <c r="BZ1999" s="166">
        <v>0</v>
      </c>
      <c r="CA1999" s="166">
        <v>0</v>
      </c>
      <c r="CB1999" s="166">
        <v>0</v>
      </c>
      <c r="CC1999" s="166">
        <v>0</v>
      </c>
      <c r="CD1999" s="166">
        <v>0</v>
      </c>
      <c r="CE1999" s="166">
        <v>0</v>
      </c>
      <c r="CF1999" s="166">
        <v>0</v>
      </c>
      <c r="CG1999" s="166">
        <v>0</v>
      </c>
      <c r="CH1999" s="166">
        <v>0</v>
      </c>
      <c r="CI1999" s="166">
        <v>0</v>
      </c>
      <c r="CJ1999" s="166">
        <v>0</v>
      </c>
      <c r="CK1999" s="166">
        <v>0</v>
      </c>
      <c r="CL1999" s="166">
        <v>0</v>
      </c>
      <c r="CM1999" s="166">
        <v>0</v>
      </c>
      <c r="CN1999" s="166">
        <v>0</v>
      </c>
      <c r="CO1999" s="166">
        <v>0</v>
      </c>
      <c r="CP1999" s="166">
        <v>0</v>
      </c>
      <c r="CQ1999" s="166">
        <v>0</v>
      </c>
      <c r="CR1999" s="166">
        <v>0</v>
      </c>
      <c r="CS1999" s="166">
        <v>0</v>
      </c>
      <c r="CT1999" s="166">
        <v>0</v>
      </c>
      <c r="CU1999" s="166">
        <v>0</v>
      </c>
      <c r="CV1999" s="166">
        <v>0</v>
      </c>
      <c r="CW1999" s="166">
        <v>0</v>
      </c>
      <c r="CX1999" s="166">
        <v>0</v>
      </c>
      <c r="CY1999" s="166">
        <v>0</v>
      </c>
      <c r="CZ1999" s="166">
        <v>0</v>
      </c>
    </row>
    <row r="2000" spans="1:104" x14ac:dyDescent="0.2">
      <c r="A2000" s="170" t="s">
        <v>408</v>
      </c>
      <c r="B2000" s="166">
        <v>8770444.5500000007</v>
      </c>
      <c r="C2000" s="166">
        <v>8770444.5500000007</v>
      </c>
      <c r="D2000" s="166">
        <v>0</v>
      </c>
      <c r="E2000" s="166">
        <v>0</v>
      </c>
      <c r="F2000" s="166">
        <v>0</v>
      </c>
      <c r="G2000" s="166">
        <v>0</v>
      </c>
      <c r="H2000" s="166">
        <v>0</v>
      </c>
      <c r="I2000" s="166">
        <v>0</v>
      </c>
      <c r="J2000" s="166">
        <v>0</v>
      </c>
      <c r="K2000" s="166">
        <v>0</v>
      </c>
      <c r="L2000" s="166">
        <v>0</v>
      </c>
      <c r="M2000" s="166">
        <v>0</v>
      </c>
      <c r="N2000" s="166">
        <v>0</v>
      </c>
      <c r="O2000" s="166">
        <v>0</v>
      </c>
      <c r="P2000" s="166">
        <v>0</v>
      </c>
      <c r="Q2000" s="166">
        <v>0</v>
      </c>
      <c r="R2000" s="166">
        <v>0</v>
      </c>
      <c r="S2000" s="166">
        <v>0</v>
      </c>
      <c r="T2000" s="166">
        <v>0</v>
      </c>
      <c r="U2000" s="166">
        <v>0</v>
      </c>
      <c r="V2000" s="166">
        <v>0</v>
      </c>
      <c r="W2000" s="166">
        <v>0</v>
      </c>
      <c r="X2000" s="166">
        <v>0</v>
      </c>
      <c r="Y2000" s="166">
        <v>0</v>
      </c>
      <c r="Z2000" s="166">
        <v>0</v>
      </c>
      <c r="AA2000" s="166">
        <v>0</v>
      </c>
      <c r="AB2000" s="166">
        <v>0</v>
      </c>
      <c r="AC2000" s="166">
        <v>0</v>
      </c>
      <c r="AD2000" s="166">
        <v>0</v>
      </c>
      <c r="AE2000" s="166">
        <v>0</v>
      </c>
      <c r="AF2000" s="166">
        <v>0</v>
      </c>
      <c r="AG2000" s="166">
        <v>0</v>
      </c>
      <c r="AH2000" s="166">
        <v>0</v>
      </c>
      <c r="AI2000" s="166">
        <v>0</v>
      </c>
      <c r="AJ2000" s="166">
        <v>0</v>
      </c>
      <c r="AK2000" s="166">
        <v>0</v>
      </c>
      <c r="AL2000" s="166">
        <v>0</v>
      </c>
      <c r="AM2000" s="166">
        <v>0</v>
      </c>
      <c r="AN2000" s="166">
        <v>0</v>
      </c>
      <c r="AO2000" s="166">
        <v>0</v>
      </c>
      <c r="AP2000" s="166">
        <v>0</v>
      </c>
      <c r="AQ2000" s="166">
        <v>0</v>
      </c>
      <c r="AR2000" s="166">
        <v>0</v>
      </c>
      <c r="AS2000" s="166">
        <v>0</v>
      </c>
      <c r="AT2000" s="166">
        <v>0</v>
      </c>
      <c r="AU2000" s="166">
        <v>0</v>
      </c>
      <c r="AV2000" s="166">
        <v>0</v>
      </c>
      <c r="AW2000" s="166">
        <v>0</v>
      </c>
      <c r="AX2000" s="166">
        <v>0</v>
      </c>
      <c r="AY2000" s="166">
        <v>0</v>
      </c>
      <c r="AZ2000" s="166">
        <v>0</v>
      </c>
      <c r="BA2000" s="166">
        <v>0</v>
      </c>
      <c r="BB2000" s="166">
        <v>0</v>
      </c>
      <c r="BC2000" s="166">
        <v>0</v>
      </c>
      <c r="BD2000" s="166">
        <v>0</v>
      </c>
      <c r="BE2000" s="166">
        <v>0</v>
      </c>
      <c r="BF2000" s="166">
        <v>0</v>
      </c>
      <c r="BG2000" s="166">
        <v>0</v>
      </c>
      <c r="BH2000" s="166">
        <v>0</v>
      </c>
      <c r="BI2000" s="166">
        <v>0</v>
      </c>
      <c r="BJ2000" s="166">
        <v>0</v>
      </c>
      <c r="BK2000" s="166">
        <v>0</v>
      </c>
      <c r="BL2000" s="166">
        <v>0</v>
      </c>
      <c r="BM2000" s="166">
        <v>0</v>
      </c>
      <c r="BN2000" s="166">
        <v>0</v>
      </c>
      <c r="BO2000" s="166">
        <v>0</v>
      </c>
      <c r="BP2000" s="166">
        <v>0</v>
      </c>
      <c r="BQ2000" s="166">
        <v>0</v>
      </c>
      <c r="BR2000" s="166">
        <v>8770444.5500000007</v>
      </c>
      <c r="BS2000" s="166">
        <v>8770444.5500000007</v>
      </c>
      <c r="BT2000" s="168">
        <v>0</v>
      </c>
      <c r="BU2000" s="166">
        <v>685827.19</v>
      </c>
      <c r="BV2000" s="166">
        <v>8770444.5500000007</v>
      </c>
      <c r="BW2000" s="166">
        <v>0</v>
      </c>
      <c r="BX2000" s="166">
        <v>0</v>
      </c>
      <c r="BY2000" s="166">
        <v>0</v>
      </c>
      <c r="BZ2000" s="166">
        <v>0</v>
      </c>
      <c r="CA2000" s="166">
        <v>0</v>
      </c>
      <c r="CB2000" s="166">
        <v>0</v>
      </c>
      <c r="CC2000" s="166">
        <v>0</v>
      </c>
      <c r="CD2000" s="166">
        <v>0</v>
      </c>
      <c r="CE2000" s="166">
        <v>0</v>
      </c>
      <c r="CF2000" s="166">
        <v>0</v>
      </c>
      <c r="CG2000" s="166">
        <v>0</v>
      </c>
      <c r="CH2000" s="166">
        <v>0</v>
      </c>
      <c r="CI2000" s="166">
        <v>0</v>
      </c>
      <c r="CJ2000" s="166">
        <v>0</v>
      </c>
      <c r="CK2000" s="166">
        <v>0</v>
      </c>
      <c r="CL2000" s="166">
        <v>0</v>
      </c>
      <c r="CM2000" s="166">
        <v>0</v>
      </c>
      <c r="CN2000" s="166">
        <v>0</v>
      </c>
      <c r="CO2000" s="166">
        <v>0</v>
      </c>
      <c r="CP2000" s="166">
        <v>0</v>
      </c>
      <c r="CQ2000" s="166">
        <v>0</v>
      </c>
      <c r="CR2000" s="166">
        <v>0</v>
      </c>
      <c r="CS2000" s="166">
        <v>0</v>
      </c>
      <c r="CT2000" s="166">
        <v>0</v>
      </c>
      <c r="CU2000" s="166">
        <v>0</v>
      </c>
      <c r="CV2000" s="166">
        <v>0</v>
      </c>
      <c r="CW2000" s="166">
        <v>0</v>
      </c>
      <c r="CX2000" s="166">
        <v>0</v>
      </c>
      <c r="CY2000" s="166">
        <v>8770444.5500000007</v>
      </c>
      <c r="CZ2000" s="166">
        <v>8770444.5500000007</v>
      </c>
    </row>
    <row r="2001" spans="1:104" x14ac:dyDescent="0.2">
      <c r="A2001" s="167" t="s">
        <v>409</v>
      </c>
    </row>
    <row r="2002" spans="1:104" x14ac:dyDescent="0.2">
      <c r="A2002" s="170" t="s">
        <v>410</v>
      </c>
    </row>
    <row r="2003" spans="1:104" x14ac:dyDescent="0.2">
      <c r="A2003" s="167" t="s">
        <v>1178</v>
      </c>
      <c r="B2003" s="166">
        <v>41211928.337999903</v>
      </c>
      <c r="C2003" s="166">
        <v>41211928.337999903</v>
      </c>
      <c r="D2003" s="166">
        <v>0</v>
      </c>
      <c r="E2003" s="166">
        <v>0</v>
      </c>
      <c r="F2003" s="166">
        <v>0</v>
      </c>
      <c r="G2003" s="166">
        <v>0</v>
      </c>
      <c r="H2003" s="166">
        <v>0</v>
      </c>
      <c r="I2003" s="166">
        <v>0</v>
      </c>
      <c r="J2003" s="166">
        <v>0</v>
      </c>
      <c r="K2003" s="166">
        <v>0</v>
      </c>
      <c r="L2003" s="166">
        <v>0</v>
      </c>
      <c r="M2003" s="166">
        <v>0</v>
      </c>
      <c r="N2003" s="166">
        <v>0</v>
      </c>
      <c r="O2003" s="166">
        <v>0</v>
      </c>
      <c r="P2003" s="166">
        <v>0</v>
      </c>
      <c r="Q2003" s="166">
        <v>0</v>
      </c>
      <c r="R2003" s="166">
        <v>0</v>
      </c>
      <c r="S2003" s="166">
        <v>0</v>
      </c>
      <c r="T2003" s="166">
        <v>0</v>
      </c>
      <c r="U2003" s="166">
        <v>0</v>
      </c>
      <c r="V2003" s="166">
        <v>0</v>
      </c>
      <c r="W2003" s="166">
        <v>0</v>
      </c>
      <c r="X2003" s="166">
        <v>0</v>
      </c>
      <c r="Y2003" s="166">
        <v>0</v>
      </c>
      <c r="Z2003" s="166">
        <v>0</v>
      </c>
      <c r="AA2003" s="166">
        <v>0</v>
      </c>
      <c r="AB2003" s="166">
        <v>0</v>
      </c>
      <c r="AC2003" s="166">
        <v>0</v>
      </c>
      <c r="AD2003" s="166">
        <v>0</v>
      </c>
      <c r="AE2003" s="166">
        <v>0</v>
      </c>
      <c r="AF2003" s="166">
        <v>0</v>
      </c>
      <c r="AG2003" s="166">
        <v>0</v>
      </c>
      <c r="AH2003" s="166">
        <v>0</v>
      </c>
      <c r="AI2003" s="166">
        <v>0</v>
      </c>
      <c r="AJ2003" s="166">
        <v>0</v>
      </c>
      <c r="AK2003" s="166">
        <v>0</v>
      </c>
      <c r="AL2003" s="166">
        <v>0</v>
      </c>
      <c r="AM2003" s="166">
        <v>0</v>
      </c>
      <c r="AN2003" s="166">
        <v>0</v>
      </c>
      <c r="AO2003" s="166">
        <v>0</v>
      </c>
      <c r="AP2003" s="166">
        <v>0</v>
      </c>
      <c r="AQ2003" s="166">
        <v>0</v>
      </c>
      <c r="AR2003" s="166">
        <v>0</v>
      </c>
      <c r="AS2003" s="166">
        <v>0</v>
      </c>
      <c r="AT2003" s="166">
        <v>0</v>
      </c>
      <c r="AU2003" s="166">
        <v>0</v>
      </c>
      <c r="AV2003" s="166">
        <v>0</v>
      </c>
      <c r="AW2003" s="166">
        <v>0</v>
      </c>
      <c r="AX2003" s="166">
        <v>0</v>
      </c>
      <c r="AY2003" s="166">
        <v>0</v>
      </c>
      <c r="AZ2003" s="166">
        <v>0</v>
      </c>
      <c r="BA2003" s="166">
        <v>0</v>
      </c>
      <c r="BB2003" s="166">
        <v>0</v>
      </c>
      <c r="BC2003" s="166">
        <v>0</v>
      </c>
      <c r="BD2003" s="166">
        <v>0</v>
      </c>
      <c r="BE2003" s="166">
        <v>0</v>
      </c>
      <c r="BF2003" s="166">
        <v>0</v>
      </c>
      <c r="BG2003" s="166">
        <v>0</v>
      </c>
      <c r="BH2003" s="166">
        <v>0</v>
      </c>
      <c r="BI2003" s="166">
        <v>0</v>
      </c>
      <c r="BJ2003" s="166">
        <v>0</v>
      </c>
      <c r="BK2003" s="166">
        <v>0</v>
      </c>
      <c r="BL2003" s="166">
        <v>0</v>
      </c>
      <c r="BM2003" s="166">
        <v>0</v>
      </c>
      <c r="BN2003" s="166">
        <v>0</v>
      </c>
      <c r="BO2003" s="166">
        <v>0</v>
      </c>
      <c r="BP2003" s="166">
        <v>0</v>
      </c>
      <c r="BQ2003" s="166">
        <v>0</v>
      </c>
      <c r="BR2003" s="166">
        <v>41211928.337999903</v>
      </c>
      <c r="BS2003" s="166">
        <v>41211928.337999903</v>
      </c>
      <c r="BT2003" s="168">
        <v>0.96779000000000004</v>
      </c>
      <c r="BU2003" s="166">
        <v>-591758.86439188896</v>
      </c>
      <c r="BV2003" s="166">
        <v>39884492.126232997</v>
      </c>
      <c r="BW2003" s="166">
        <v>0</v>
      </c>
      <c r="BX2003" s="166">
        <v>0</v>
      </c>
      <c r="BY2003" s="166">
        <v>0</v>
      </c>
      <c r="BZ2003" s="166">
        <v>0</v>
      </c>
      <c r="CA2003" s="166">
        <v>0</v>
      </c>
      <c r="CB2003" s="166">
        <v>0</v>
      </c>
      <c r="CC2003" s="166">
        <v>0</v>
      </c>
      <c r="CD2003" s="166">
        <v>0</v>
      </c>
      <c r="CE2003" s="166">
        <v>0</v>
      </c>
      <c r="CF2003" s="166">
        <v>0</v>
      </c>
      <c r="CG2003" s="166">
        <v>0</v>
      </c>
      <c r="CH2003" s="166">
        <v>0</v>
      </c>
      <c r="CI2003" s="166">
        <v>0</v>
      </c>
      <c r="CJ2003" s="166">
        <v>0</v>
      </c>
      <c r="CK2003" s="166">
        <v>0</v>
      </c>
      <c r="CL2003" s="166">
        <v>0</v>
      </c>
      <c r="CM2003" s="166">
        <v>0</v>
      </c>
      <c r="CN2003" s="166">
        <v>0</v>
      </c>
      <c r="CO2003" s="166">
        <v>0</v>
      </c>
      <c r="CP2003" s="166">
        <v>0</v>
      </c>
      <c r="CQ2003" s="166">
        <v>0</v>
      </c>
      <c r="CR2003" s="166">
        <v>0</v>
      </c>
      <c r="CS2003" s="166">
        <v>0</v>
      </c>
      <c r="CT2003" s="166">
        <v>0</v>
      </c>
      <c r="CU2003" s="166">
        <v>0</v>
      </c>
      <c r="CV2003" s="166">
        <v>0</v>
      </c>
      <c r="CW2003" s="166">
        <v>0</v>
      </c>
      <c r="CX2003" s="166">
        <v>0</v>
      </c>
      <c r="CY2003" s="166">
        <v>39884492.126232997</v>
      </c>
      <c r="CZ2003" s="166">
        <v>39884492.126232997</v>
      </c>
    </row>
    <row r="2004" spans="1:104" x14ac:dyDescent="0.2">
      <c r="A2004" s="167" t="s">
        <v>1179</v>
      </c>
      <c r="B2004" s="166">
        <v>0</v>
      </c>
      <c r="C2004" s="166">
        <v>0</v>
      </c>
      <c r="D2004" s="166">
        <v>0</v>
      </c>
      <c r="E2004" s="166">
        <v>0</v>
      </c>
      <c r="F2004" s="166">
        <v>0</v>
      </c>
      <c r="G2004" s="166">
        <v>0</v>
      </c>
      <c r="H2004" s="166">
        <v>0</v>
      </c>
      <c r="I2004" s="166">
        <v>0</v>
      </c>
      <c r="J2004" s="166">
        <v>0</v>
      </c>
      <c r="K2004" s="166">
        <v>0</v>
      </c>
      <c r="L2004" s="166">
        <v>0</v>
      </c>
      <c r="M2004" s="166">
        <v>0</v>
      </c>
      <c r="N2004" s="166">
        <v>0</v>
      </c>
      <c r="O2004" s="166">
        <v>0</v>
      </c>
      <c r="P2004" s="166">
        <v>0</v>
      </c>
      <c r="Q2004" s="166">
        <v>0</v>
      </c>
      <c r="R2004" s="166">
        <v>0</v>
      </c>
      <c r="S2004" s="166">
        <v>0</v>
      </c>
      <c r="T2004" s="166">
        <v>0</v>
      </c>
      <c r="U2004" s="166">
        <v>0</v>
      </c>
      <c r="V2004" s="166">
        <v>0</v>
      </c>
      <c r="W2004" s="166">
        <v>0</v>
      </c>
      <c r="X2004" s="166">
        <v>0</v>
      </c>
      <c r="Y2004" s="166">
        <v>0</v>
      </c>
      <c r="Z2004" s="166">
        <v>0</v>
      </c>
      <c r="AA2004" s="166">
        <v>0</v>
      </c>
      <c r="AB2004" s="166">
        <v>0</v>
      </c>
      <c r="AC2004" s="166">
        <v>0</v>
      </c>
      <c r="AD2004" s="166">
        <v>0</v>
      </c>
      <c r="AE2004" s="166">
        <v>0</v>
      </c>
      <c r="AF2004" s="166">
        <v>0</v>
      </c>
      <c r="AG2004" s="166">
        <v>0</v>
      </c>
      <c r="AH2004" s="166">
        <v>0</v>
      </c>
      <c r="AI2004" s="166">
        <v>0</v>
      </c>
      <c r="AJ2004" s="166">
        <v>0</v>
      </c>
      <c r="AK2004" s="166">
        <v>0</v>
      </c>
      <c r="AL2004" s="166">
        <v>0</v>
      </c>
      <c r="AM2004" s="166">
        <v>0</v>
      </c>
      <c r="AN2004" s="166">
        <v>0</v>
      </c>
      <c r="AO2004" s="166">
        <v>0</v>
      </c>
      <c r="AP2004" s="166">
        <v>0</v>
      </c>
      <c r="AQ2004" s="166">
        <v>0</v>
      </c>
      <c r="AR2004" s="166">
        <v>0</v>
      </c>
      <c r="AS2004" s="166">
        <v>0</v>
      </c>
      <c r="AT2004" s="166">
        <v>0</v>
      </c>
      <c r="AU2004" s="166">
        <v>0</v>
      </c>
      <c r="AV2004" s="166">
        <v>0</v>
      </c>
      <c r="AW2004" s="166">
        <v>0</v>
      </c>
      <c r="AX2004" s="166">
        <v>0</v>
      </c>
      <c r="AY2004" s="166">
        <v>0</v>
      </c>
      <c r="AZ2004" s="166">
        <v>0</v>
      </c>
      <c r="BA2004" s="166">
        <v>0</v>
      </c>
      <c r="BB2004" s="166">
        <v>0</v>
      </c>
      <c r="BC2004" s="166">
        <v>0</v>
      </c>
      <c r="BD2004" s="166">
        <v>0</v>
      </c>
      <c r="BE2004" s="166">
        <v>0</v>
      </c>
      <c r="BF2004" s="166">
        <v>0</v>
      </c>
      <c r="BG2004" s="166">
        <v>0</v>
      </c>
      <c r="BH2004" s="166">
        <v>0</v>
      </c>
      <c r="BI2004" s="166">
        <v>0</v>
      </c>
      <c r="BJ2004" s="166">
        <v>0</v>
      </c>
      <c r="BK2004" s="166">
        <v>0</v>
      </c>
      <c r="BL2004" s="166">
        <v>0</v>
      </c>
      <c r="BM2004" s="166">
        <v>0</v>
      </c>
      <c r="BN2004" s="166">
        <v>0</v>
      </c>
      <c r="BO2004" s="166">
        <v>0</v>
      </c>
      <c r="BP2004" s="166">
        <v>0</v>
      </c>
      <c r="BQ2004" s="166">
        <v>0</v>
      </c>
      <c r="BR2004" s="166">
        <v>0</v>
      </c>
      <c r="BS2004" s="166">
        <v>0</v>
      </c>
      <c r="BT2004" s="168">
        <v>0</v>
      </c>
      <c r="BU2004" s="166">
        <v>0</v>
      </c>
      <c r="BV2004" s="166">
        <v>0</v>
      </c>
      <c r="BW2004" s="166">
        <v>0</v>
      </c>
      <c r="BX2004" s="166">
        <v>0</v>
      </c>
      <c r="BY2004" s="166">
        <v>0</v>
      </c>
      <c r="BZ2004" s="166">
        <v>0</v>
      </c>
      <c r="CA2004" s="166">
        <v>0</v>
      </c>
      <c r="CB2004" s="166">
        <v>0</v>
      </c>
      <c r="CC2004" s="166">
        <v>0</v>
      </c>
      <c r="CD2004" s="166">
        <v>0</v>
      </c>
      <c r="CE2004" s="166">
        <v>0</v>
      </c>
      <c r="CF2004" s="166">
        <v>0</v>
      </c>
      <c r="CG2004" s="166">
        <v>0</v>
      </c>
      <c r="CH2004" s="166">
        <v>0</v>
      </c>
      <c r="CI2004" s="166">
        <v>0</v>
      </c>
      <c r="CJ2004" s="166">
        <v>0</v>
      </c>
      <c r="CK2004" s="166">
        <v>0</v>
      </c>
      <c r="CL2004" s="166">
        <v>0</v>
      </c>
      <c r="CM2004" s="166">
        <v>0</v>
      </c>
      <c r="CN2004" s="166">
        <v>0</v>
      </c>
      <c r="CO2004" s="166">
        <v>0</v>
      </c>
      <c r="CP2004" s="166">
        <v>0</v>
      </c>
      <c r="CQ2004" s="166">
        <v>0</v>
      </c>
      <c r="CR2004" s="166">
        <v>0</v>
      </c>
      <c r="CS2004" s="166">
        <v>0</v>
      </c>
      <c r="CT2004" s="166">
        <v>0</v>
      </c>
      <c r="CU2004" s="166">
        <v>0</v>
      </c>
      <c r="CV2004" s="166">
        <v>0</v>
      </c>
      <c r="CW2004" s="166">
        <v>0</v>
      </c>
      <c r="CX2004" s="166">
        <v>0</v>
      </c>
      <c r="CY2004" s="166">
        <v>0</v>
      </c>
      <c r="CZ2004" s="166">
        <v>0</v>
      </c>
    </row>
    <row r="2005" spans="1:104" x14ac:dyDescent="0.2">
      <c r="A2005" s="167" t="s">
        <v>413</v>
      </c>
      <c r="B2005" s="166">
        <v>41211928.337999903</v>
      </c>
      <c r="C2005" s="166">
        <v>41211928.337999903</v>
      </c>
      <c r="D2005" s="166">
        <v>0</v>
      </c>
      <c r="E2005" s="166">
        <v>0</v>
      </c>
      <c r="F2005" s="166">
        <v>0</v>
      </c>
      <c r="G2005" s="166">
        <v>0</v>
      </c>
      <c r="H2005" s="166">
        <v>0</v>
      </c>
      <c r="I2005" s="166">
        <v>0</v>
      </c>
      <c r="J2005" s="166">
        <v>0</v>
      </c>
      <c r="K2005" s="166">
        <v>0</v>
      </c>
      <c r="L2005" s="166">
        <v>0</v>
      </c>
      <c r="M2005" s="166">
        <v>0</v>
      </c>
      <c r="N2005" s="166">
        <v>0</v>
      </c>
      <c r="O2005" s="166">
        <v>0</v>
      </c>
      <c r="P2005" s="166">
        <v>0</v>
      </c>
      <c r="Q2005" s="166">
        <v>0</v>
      </c>
      <c r="R2005" s="166">
        <v>0</v>
      </c>
      <c r="S2005" s="166">
        <v>0</v>
      </c>
      <c r="T2005" s="166">
        <v>0</v>
      </c>
      <c r="U2005" s="166">
        <v>0</v>
      </c>
      <c r="V2005" s="166">
        <v>0</v>
      </c>
      <c r="W2005" s="166">
        <v>0</v>
      </c>
      <c r="X2005" s="166">
        <v>0</v>
      </c>
      <c r="Y2005" s="166">
        <v>0</v>
      </c>
      <c r="Z2005" s="166">
        <v>0</v>
      </c>
      <c r="AA2005" s="166">
        <v>0</v>
      </c>
      <c r="AB2005" s="166">
        <v>0</v>
      </c>
      <c r="AC2005" s="166">
        <v>0</v>
      </c>
      <c r="AD2005" s="166">
        <v>0</v>
      </c>
      <c r="AE2005" s="166">
        <v>0</v>
      </c>
      <c r="AF2005" s="166">
        <v>0</v>
      </c>
      <c r="AG2005" s="166">
        <v>0</v>
      </c>
      <c r="AH2005" s="166">
        <v>0</v>
      </c>
      <c r="AI2005" s="166">
        <v>0</v>
      </c>
      <c r="AJ2005" s="166">
        <v>0</v>
      </c>
      <c r="AK2005" s="166">
        <v>0</v>
      </c>
      <c r="AL2005" s="166">
        <v>0</v>
      </c>
      <c r="AM2005" s="166">
        <v>0</v>
      </c>
      <c r="AN2005" s="166">
        <v>0</v>
      </c>
      <c r="AO2005" s="166">
        <v>0</v>
      </c>
      <c r="AP2005" s="166">
        <v>0</v>
      </c>
      <c r="AQ2005" s="166">
        <v>0</v>
      </c>
      <c r="AR2005" s="166">
        <v>0</v>
      </c>
      <c r="AS2005" s="166">
        <v>0</v>
      </c>
      <c r="AT2005" s="166">
        <v>0</v>
      </c>
      <c r="AU2005" s="166">
        <v>0</v>
      </c>
      <c r="AV2005" s="166">
        <v>0</v>
      </c>
      <c r="AW2005" s="166">
        <v>0</v>
      </c>
      <c r="AX2005" s="166">
        <v>0</v>
      </c>
      <c r="AY2005" s="166">
        <v>0</v>
      </c>
      <c r="AZ2005" s="166">
        <v>0</v>
      </c>
      <c r="BA2005" s="166">
        <v>0</v>
      </c>
      <c r="BB2005" s="166">
        <v>0</v>
      </c>
      <c r="BC2005" s="166">
        <v>0</v>
      </c>
      <c r="BD2005" s="166">
        <v>0</v>
      </c>
      <c r="BE2005" s="166">
        <v>0</v>
      </c>
      <c r="BF2005" s="166">
        <v>0</v>
      </c>
      <c r="BG2005" s="166">
        <v>0</v>
      </c>
      <c r="BH2005" s="166">
        <v>0</v>
      </c>
      <c r="BI2005" s="166">
        <v>0</v>
      </c>
      <c r="BJ2005" s="166">
        <v>0</v>
      </c>
      <c r="BK2005" s="166">
        <v>0</v>
      </c>
      <c r="BL2005" s="166">
        <v>0</v>
      </c>
      <c r="BM2005" s="166">
        <v>0</v>
      </c>
      <c r="BN2005" s="166">
        <v>0</v>
      </c>
      <c r="BO2005" s="166">
        <v>0</v>
      </c>
      <c r="BP2005" s="166">
        <v>0</v>
      </c>
      <c r="BQ2005" s="166">
        <v>0</v>
      </c>
      <c r="BR2005" s="166">
        <v>41211928.337999903</v>
      </c>
      <c r="BS2005" s="166">
        <v>41211928.337999903</v>
      </c>
      <c r="BT2005" s="168">
        <v>0</v>
      </c>
      <c r="BU2005" s="166">
        <v>-591758.86439188896</v>
      </c>
      <c r="BV2005" s="166">
        <v>39884492.126232997</v>
      </c>
      <c r="BW2005" s="166">
        <v>0</v>
      </c>
      <c r="BX2005" s="166">
        <v>0</v>
      </c>
      <c r="BY2005" s="166">
        <v>0</v>
      </c>
      <c r="BZ2005" s="166">
        <v>0</v>
      </c>
      <c r="CA2005" s="166">
        <v>0</v>
      </c>
      <c r="CB2005" s="166">
        <v>0</v>
      </c>
      <c r="CC2005" s="166">
        <v>0</v>
      </c>
      <c r="CD2005" s="166">
        <v>0</v>
      </c>
      <c r="CE2005" s="166">
        <v>0</v>
      </c>
      <c r="CF2005" s="166">
        <v>0</v>
      </c>
      <c r="CG2005" s="166">
        <v>0</v>
      </c>
      <c r="CH2005" s="166">
        <v>0</v>
      </c>
      <c r="CI2005" s="166">
        <v>0</v>
      </c>
      <c r="CJ2005" s="166">
        <v>0</v>
      </c>
      <c r="CK2005" s="166">
        <v>0</v>
      </c>
      <c r="CL2005" s="166">
        <v>0</v>
      </c>
      <c r="CM2005" s="166">
        <v>0</v>
      </c>
      <c r="CN2005" s="166">
        <v>0</v>
      </c>
      <c r="CO2005" s="166">
        <v>0</v>
      </c>
      <c r="CP2005" s="166">
        <v>0</v>
      </c>
      <c r="CQ2005" s="166">
        <v>0</v>
      </c>
      <c r="CR2005" s="166">
        <v>0</v>
      </c>
      <c r="CS2005" s="166">
        <v>0</v>
      </c>
      <c r="CT2005" s="166">
        <v>0</v>
      </c>
      <c r="CU2005" s="166">
        <v>0</v>
      </c>
      <c r="CV2005" s="166">
        <v>0</v>
      </c>
      <c r="CW2005" s="166">
        <v>0</v>
      </c>
      <c r="CX2005" s="166">
        <v>0</v>
      </c>
      <c r="CY2005" s="166">
        <v>39884492.126232997</v>
      </c>
      <c r="CZ2005" s="166">
        <v>39884492.126232997</v>
      </c>
    </row>
    <row r="2006" spans="1:104" x14ac:dyDescent="0.2">
      <c r="A2006" s="167" t="s">
        <v>414</v>
      </c>
    </row>
    <row r="2007" spans="1:104" x14ac:dyDescent="0.2">
      <c r="A2007" s="167" t="s">
        <v>1180</v>
      </c>
      <c r="B2007" s="166">
        <v>50212617.789999999</v>
      </c>
      <c r="C2007" s="166">
        <v>50212617.789999999</v>
      </c>
      <c r="D2007" s="166">
        <v>0</v>
      </c>
      <c r="E2007" s="166">
        <v>0</v>
      </c>
      <c r="F2007" s="166">
        <v>0</v>
      </c>
      <c r="G2007" s="166">
        <v>0</v>
      </c>
      <c r="H2007" s="166">
        <v>0</v>
      </c>
      <c r="I2007" s="166">
        <v>0</v>
      </c>
      <c r="J2007" s="166">
        <v>0</v>
      </c>
      <c r="K2007" s="166">
        <v>0</v>
      </c>
      <c r="L2007" s="166">
        <v>0</v>
      </c>
      <c r="M2007" s="166">
        <v>0</v>
      </c>
      <c r="N2007" s="166">
        <v>0</v>
      </c>
      <c r="O2007" s="166">
        <v>0</v>
      </c>
      <c r="P2007" s="166">
        <v>0</v>
      </c>
      <c r="Q2007" s="166">
        <v>0</v>
      </c>
      <c r="R2007" s="166">
        <v>0</v>
      </c>
      <c r="S2007" s="166">
        <v>0</v>
      </c>
      <c r="T2007" s="166">
        <v>0</v>
      </c>
      <c r="U2007" s="166">
        <v>0</v>
      </c>
      <c r="V2007" s="166">
        <v>0</v>
      </c>
      <c r="W2007" s="166">
        <v>0</v>
      </c>
      <c r="X2007" s="166">
        <v>0</v>
      </c>
      <c r="Y2007" s="166">
        <v>0</v>
      </c>
      <c r="Z2007" s="166">
        <v>0</v>
      </c>
      <c r="AA2007" s="166">
        <v>0</v>
      </c>
      <c r="AB2007" s="166">
        <v>0</v>
      </c>
      <c r="AC2007" s="166">
        <v>0</v>
      </c>
      <c r="AD2007" s="166">
        <v>0</v>
      </c>
      <c r="AE2007" s="166">
        <v>0</v>
      </c>
      <c r="AF2007" s="166">
        <v>0</v>
      </c>
      <c r="AG2007" s="166">
        <v>0</v>
      </c>
      <c r="AH2007" s="166">
        <v>0</v>
      </c>
      <c r="AI2007" s="166">
        <v>0</v>
      </c>
      <c r="AJ2007" s="166">
        <v>0</v>
      </c>
      <c r="AK2007" s="166">
        <v>0</v>
      </c>
      <c r="AL2007" s="166">
        <v>0</v>
      </c>
      <c r="AM2007" s="166">
        <v>0</v>
      </c>
      <c r="AN2007" s="166">
        <v>0</v>
      </c>
      <c r="AO2007" s="166">
        <v>0</v>
      </c>
      <c r="AP2007" s="166">
        <v>0</v>
      </c>
      <c r="AQ2007" s="166">
        <v>0</v>
      </c>
      <c r="AR2007" s="166">
        <v>0</v>
      </c>
      <c r="AS2007" s="166">
        <v>0</v>
      </c>
      <c r="AT2007" s="166">
        <v>0</v>
      </c>
      <c r="AU2007" s="166">
        <v>0</v>
      </c>
      <c r="AV2007" s="166">
        <v>0</v>
      </c>
      <c r="AW2007" s="166">
        <v>0</v>
      </c>
      <c r="AX2007" s="166">
        <v>0</v>
      </c>
      <c r="AY2007" s="166">
        <v>0</v>
      </c>
      <c r="AZ2007" s="166">
        <v>0</v>
      </c>
      <c r="BA2007" s="166">
        <v>0</v>
      </c>
      <c r="BB2007" s="166">
        <v>0</v>
      </c>
      <c r="BC2007" s="166">
        <v>0</v>
      </c>
      <c r="BD2007" s="166">
        <v>0</v>
      </c>
      <c r="BE2007" s="166">
        <v>0</v>
      </c>
      <c r="BF2007" s="166">
        <v>0</v>
      </c>
      <c r="BG2007" s="166">
        <v>0</v>
      </c>
      <c r="BH2007" s="166">
        <v>0</v>
      </c>
      <c r="BI2007" s="166">
        <v>0</v>
      </c>
      <c r="BJ2007" s="166">
        <v>0</v>
      </c>
      <c r="BK2007" s="166">
        <v>0</v>
      </c>
      <c r="BL2007" s="166">
        <v>0</v>
      </c>
      <c r="BM2007" s="166">
        <v>0</v>
      </c>
      <c r="BN2007" s="166">
        <v>0</v>
      </c>
      <c r="BO2007" s="166">
        <v>0</v>
      </c>
      <c r="BP2007" s="166">
        <v>0</v>
      </c>
      <c r="BQ2007" s="166">
        <v>0</v>
      </c>
      <c r="BR2007" s="166">
        <v>50212617.789999999</v>
      </c>
      <c r="BS2007" s="166">
        <v>50212617.789999999</v>
      </c>
      <c r="BT2007" s="168">
        <v>0.96779000000000004</v>
      </c>
      <c r="BU2007" s="166">
        <v>693789.47908009996</v>
      </c>
      <c r="BV2007" s="166">
        <v>48595269.3709841</v>
      </c>
      <c r="BW2007" s="166">
        <v>0</v>
      </c>
      <c r="BX2007" s="166">
        <v>0</v>
      </c>
      <c r="BY2007" s="166">
        <v>0</v>
      </c>
      <c r="BZ2007" s="166">
        <v>0</v>
      </c>
      <c r="CA2007" s="166">
        <v>0</v>
      </c>
      <c r="CB2007" s="166">
        <v>0</v>
      </c>
      <c r="CC2007" s="166">
        <v>0</v>
      </c>
      <c r="CD2007" s="166">
        <v>0</v>
      </c>
      <c r="CE2007" s="166">
        <v>0</v>
      </c>
      <c r="CF2007" s="166">
        <v>0</v>
      </c>
      <c r="CG2007" s="166">
        <v>0</v>
      </c>
      <c r="CH2007" s="166">
        <v>0</v>
      </c>
      <c r="CI2007" s="166">
        <v>0</v>
      </c>
      <c r="CJ2007" s="166">
        <v>0</v>
      </c>
      <c r="CK2007" s="166">
        <v>0</v>
      </c>
      <c r="CL2007" s="166">
        <v>0</v>
      </c>
      <c r="CM2007" s="166">
        <v>0</v>
      </c>
      <c r="CN2007" s="166">
        <v>0</v>
      </c>
      <c r="CO2007" s="166">
        <v>0</v>
      </c>
      <c r="CP2007" s="166">
        <v>0</v>
      </c>
      <c r="CQ2007" s="166">
        <v>0</v>
      </c>
      <c r="CR2007" s="166">
        <v>0</v>
      </c>
      <c r="CS2007" s="166">
        <v>0</v>
      </c>
      <c r="CT2007" s="166">
        <v>0</v>
      </c>
      <c r="CU2007" s="166">
        <v>0</v>
      </c>
      <c r="CV2007" s="166">
        <v>0</v>
      </c>
      <c r="CW2007" s="166">
        <v>0</v>
      </c>
      <c r="CX2007" s="166">
        <v>0</v>
      </c>
      <c r="CY2007" s="166">
        <v>48595269.3709841</v>
      </c>
      <c r="CZ2007" s="166">
        <v>48595269.3709841</v>
      </c>
    </row>
    <row r="2008" spans="1:104" x14ac:dyDescent="0.2">
      <c r="A2008" s="167" t="s">
        <v>1181</v>
      </c>
      <c r="B2008" s="166">
        <v>0</v>
      </c>
      <c r="C2008" s="166">
        <v>0</v>
      </c>
      <c r="D2008" s="166">
        <v>0</v>
      </c>
      <c r="E2008" s="166">
        <v>0</v>
      </c>
      <c r="F2008" s="166">
        <v>0</v>
      </c>
      <c r="G2008" s="166">
        <v>0</v>
      </c>
      <c r="H2008" s="166">
        <v>0</v>
      </c>
      <c r="I2008" s="166">
        <v>0</v>
      </c>
      <c r="J2008" s="166">
        <v>0</v>
      </c>
      <c r="K2008" s="166">
        <v>0</v>
      </c>
      <c r="L2008" s="166">
        <v>0</v>
      </c>
      <c r="M2008" s="166">
        <v>0</v>
      </c>
      <c r="N2008" s="166">
        <v>0</v>
      </c>
      <c r="O2008" s="166">
        <v>0</v>
      </c>
      <c r="P2008" s="166">
        <v>0</v>
      </c>
      <c r="Q2008" s="166">
        <v>0</v>
      </c>
      <c r="R2008" s="166">
        <v>0</v>
      </c>
      <c r="S2008" s="166">
        <v>0</v>
      </c>
      <c r="T2008" s="166">
        <v>0</v>
      </c>
      <c r="U2008" s="166">
        <v>0</v>
      </c>
      <c r="V2008" s="166">
        <v>0</v>
      </c>
      <c r="W2008" s="166">
        <v>0</v>
      </c>
      <c r="X2008" s="166">
        <v>0</v>
      </c>
      <c r="Y2008" s="166">
        <v>0</v>
      </c>
      <c r="Z2008" s="166">
        <v>0</v>
      </c>
      <c r="AA2008" s="166">
        <v>0</v>
      </c>
      <c r="AB2008" s="166">
        <v>0</v>
      </c>
      <c r="AC2008" s="166">
        <v>0</v>
      </c>
      <c r="AD2008" s="166">
        <v>0</v>
      </c>
      <c r="AE2008" s="166">
        <v>0</v>
      </c>
      <c r="AF2008" s="166">
        <v>0</v>
      </c>
      <c r="AG2008" s="166">
        <v>0</v>
      </c>
      <c r="AH2008" s="166">
        <v>0</v>
      </c>
      <c r="AI2008" s="166">
        <v>0</v>
      </c>
      <c r="AJ2008" s="166">
        <v>0</v>
      </c>
      <c r="AK2008" s="166">
        <v>0</v>
      </c>
      <c r="AL2008" s="166">
        <v>0</v>
      </c>
      <c r="AM2008" s="166">
        <v>0</v>
      </c>
      <c r="AN2008" s="166">
        <v>0</v>
      </c>
      <c r="AO2008" s="166">
        <v>0</v>
      </c>
      <c r="AP2008" s="166">
        <v>0</v>
      </c>
      <c r="AQ2008" s="166">
        <v>0</v>
      </c>
      <c r="AR2008" s="166">
        <v>0</v>
      </c>
      <c r="AS2008" s="166">
        <v>0</v>
      </c>
      <c r="AT2008" s="166">
        <v>0</v>
      </c>
      <c r="AU2008" s="166">
        <v>0</v>
      </c>
      <c r="AV2008" s="166">
        <v>0</v>
      </c>
      <c r="AW2008" s="166">
        <v>0</v>
      </c>
      <c r="AX2008" s="166">
        <v>0</v>
      </c>
      <c r="AY2008" s="166">
        <v>0</v>
      </c>
      <c r="AZ2008" s="166">
        <v>0</v>
      </c>
      <c r="BA2008" s="166">
        <v>0</v>
      </c>
      <c r="BB2008" s="166">
        <v>0</v>
      </c>
      <c r="BC2008" s="166">
        <v>0</v>
      </c>
      <c r="BD2008" s="166">
        <v>0</v>
      </c>
      <c r="BE2008" s="166">
        <v>0</v>
      </c>
      <c r="BF2008" s="166">
        <v>0</v>
      </c>
      <c r="BG2008" s="166">
        <v>0</v>
      </c>
      <c r="BH2008" s="166">
        <v>0</v>
      </c>
      <c r="BI2008" s="166">
        <v>0</v>
      </c>
      <c r="BJ2008" s="166">
        <v>0</v>
      </c>
      <c r="BK2008" s="166">
        <v>0</v>
      </c>
      <c r="BL2008" s="166">
        <v>0</v>
      </c>
      <c r="BM2008" s="166">
        <v>0</v>
      </c>
      <c r="BN2008" s="166">
        <v>0</v>
      </c>
      <c r="BO2008" s="166">
        <v>0</v>
      </c>
      <c r="BP2008" s="166">
        <v>0</v>
      </c>
      <c r="BQ2008" s="166">
        <v>0</v>
      </c>
      <c r="BR2008" s="166">
        <v>0</v>
      </c>
      <c r="BS2008" s="166">
        <v>0</v>
      </c>
      <c r="BT2008" s="168">
        <v>0</v>
      </c>
      <c r="BU2008" s="166">
        <v>0</v>
      </c>
      <c r="BV2008" s="166">
        <v>0</v>
      </c>
      <c r="BW2008" s="166">
        <v>0</v>
      </c>
      <c r="BX2008" s="166">
        <v>0</v>
      </c>
      <c r="BY2008" s="166">
        <v>0</v>
      </c>
      <c r="BZ2008" s="166">
        <v>0</v>
      </c>
      <c r="CA2008" s="166">
        <v>0</v>
      </c>
      <c r="CB2008" s="166">
        <v>0</v>
      </c>
      <c r="CC2008" s="166">
        <v>0</v>
      </c>
      <c r="CD2008" s="166">
        <v>0</v>
      </c>
      <c r="CE2008" s="166">
        <v>0</v>
      </c>
      <c r="CF2008" s="166">
        <v>0</v>
      </c>
      <c r="CG2008" s="166">
        <v>0</v>
      </c>
      <c r="CH2008" s="166">
        <v>0</v>
      </c>
      <c r="CI2008" s="166">
        <v>0</v>
      </c>
      <c r="CJ2008" s="166">
        <v>0</v>
      </c>
      <c r="CK2008" s="166">
        <v>0</v>
      </c>
      <c r="CL2008" s="166">
        <v>0</v>
      </c>
      <c r="CM2008" s="166">
        <v>0</v>
      </c>
      <c r="CN2008" s="166">
        <v>0</v>
      </c>
      <c r="CO2008" s="166">
        <v>0</v>
      </c>
      <c r="CP2008" s="166">
        <v>0</v>
      </c>
      <c r="CQ2008" s="166">
        <v>0</v>
      </c>
      <c r="CR2008" s="166">
        <v>0</v>
      </c>
      <c r="CS2008" s="166">
        <v>0</v>
      </c>
      <c r="CT2008" s="166">
        <v>0</v>
      </c>
      <c r="CU2008" s="166">
        <v>0</v>
      </c>
      <c r="CV2008" s="166">
        <v>0</v>
      </c>
      <c r="CW2008" s="166">
        <v>0</v>
      </c>
      <c r="CX2008" s="166">
        <v>0</v>
      </c>
      <c r="CY2008" s="166">
        <v>0</v>
      </c>
      <c r="CZ2008" s="166">
        <v>0</v>
      </c>
    </row>
    <row r="2009" spans="1:104" x14ac:dyDescent="0.2">
      <c r="A2009" s="167" t="s">
        <v>1182</v>
      </c>
      <c r="B2009" s="166">
        <v>50212617.789999999</v>
      </c>
      <c r="C2009" s="166">
        <v>50212617.789999999</v>
      </c>
      <c r="D2009" s="166">
        <v>0</v>
      </c>
      <c r="E2009" s="166">
        <v>0</v>
      </c>
      <c r="F2009" s="166">
        <v>0</v>
      </c>
      <c r="G2009" s="166">
        <v>0</v>
      </c>
      <c r="H2009" s="166">
        <v>0</v>
      </c>
      <c r="I2009" s="166">
        <v>0</v>
      </c>
      <c r="J2009" s="166">
        <v>0</v>
      </c>
      <c r="K2009" s="166">
        <v>0</v>
      </c>
      <c r="L2009" s="166">
        <v>0</v>
      </c>
      <c r="M2009" s="166">
        <v>0</v>
      </c>
      <c r="N2009" s="166">
        <v>0</v>
      </c>
      <c r="O2009" s="166">
        <v>0</v>
      </c>
      <c r="P2009" s="166">
        <v>0</v>
      </c>
      <c r="Q2009" s="166">
        <v>0</v>
      </c>
      <c r="R2009" s="166">
        <v>0</v>
      </c>
      <c r="S2009" s="166">
        <v>0</v>
      </c>
      <c r="T2009" s="166">
        <v>0</v>
      </c>
      <c r="U2009" s="166">
        <v>0</v>
      </c>
      <c r="V2009" s="166">
        <v>0</v>
      </c>
      <c r="W2009" s="166">
        <v>0</v>
      </c>
      <c r="X2009" s="166">
        <v>0</v>
      </c>
      <c r="Y2009" s="166">
        <v>0</v>
      </c>
      <c r="Z2009" s="166">
        <v>0</v>
      </c>
      <c r="AA2009" s="166">
        <v>0</v>
      </c>
      <c r="AB2009" s="166">
        <v>0</v>
      </c>
      <c r="AC2009" s="166">
        <v>0</v>
      </c>
      <c r="AD2009" s="166">
        <v>0</v>
      </c>
      <c r="AE2009" s="166">
        <v>0</v>
      </c>
      <c r="AF2009" s="166">
        <v>0</v>
      </c>
      <c r="AG2009" s="166">
        <v>0</v>
      </c>
      <c r="AH2009" s="166">
        <v>0</v>
      </c>
      <c r="AI2009" s="166">
        <v>0</v>
      </c>
      <c r="AJ2009" s="166">
        <v>0</v>
      </c>
      <c r="AK2009" s="166">
        <v>0</v>
      </c>
      <c r="AL2009" s="166">
        <v>0</v>
      </c>
      <c r="AM2009" s="166">
        <v>0</v>
      </c>
      <c r="AN2009" s="166">
        <v>0</v>
      </c>
      <c r="AO2009" s="166">
        <v>0</v>
      </c>
      <c r="AP2009" s="166">
        <v>0</v>
      </c>
      <c r="AQ2009" s="166">
        <v>0</v>
      </c>
      <c r="AR2009" s="166">
        <v>0</v>
      </c>
      <c r="AS2009" s="166">
        <v>0</v>
      </c>
      <c r="AT2009" s="166">
        <v>0</v>
      </c>
      <c r="AU2009" s="166">
        <v>0</v>
      </c>
      <c r="AV2009" s="166">
        <v>0</v>
      </c>
      <c r="AW2009" s="166">
        <v>0</v>
      </c>
      <c r="AX2009" s="166">
        <v>0</v>
      </c>
      <c r="AY2009" s="166">
        <v>0</v>
      </c>
      <c r="AZ2009" s="166">
        <v>0</v>
      </c>
      <c r="BA2009" s="166">
        <v>0</v>
      </c>
      <c r="BB2009" s="166">
        <v>0</v>
      </c>
      <c r="BC2009" s="166">
        <v>0</v>
      </c>
      <c r="BD2009" s="166">
        <v>0</v>
      </c>
      <c r="BE2009" s="166">
        <v>0</v>
      </c>
      <c r="BF2009" s="166">
        <v>0</v>
      </c>
      <c r="BG2009" s="166">
        <v>0</v>
      </c>
      <c r="BH2009" s="166">
        <v>0</v>
      </c>
      <c r="BI2009" s="166">
        <v>0</v>
      </c>
      <c r="BJ2009" s="166">
        <v>0</v>
      </c>
      <c r="BK2009" s="166">
        <v>0</v>
      </c>
      <c r="BL2009" s="166">
        <v>0</v>
      </c>
      <c r="BM2009" s="166">
        <v>0</v>
      </c>
      <c r="BN2009" s="166">
        <v>0</v>
      </c>
      <c r="BO2009" s="166">
        <v>0</v>
      </c>
      <c r="BP2009" s="166">
        <v>0</v>
      </c>
      <c r="BQ2009" s="166">
        <v>0</v>
      </c>
      <c r="BR2009" s="166">
        <v>50212617.789999999</v>
      </c>
      <c r="BS2009" s="166">
        <v>50212617.789999999</v>
      </c>
      <c r="BT2009" s="168">
        <v>0</v>
      </c>
      <c r="BU2009" s="166">
        <v>693789.47908009996</v>
      </c>
      <c r="BV2009" s="166">
        <v>48595269.3709841</v>
      </c>
      <c r="BW2009" s="166">
        <v>0</v>
      </c>
      <c r="BX2009" s="166">
        <v>0</v>
      </c>
      <c r="BY2009" s="166">
        <v>0</v>
      </c>
      <c r="BZ2009" s="166">
        <v>0</v>
      </c>
      <c r="CA2009" s="166">
        <v>0</v>
      </c>
      <c r="CB2009" s="166">
        <v>0</v>
      </c>
      <c r="CC2009" s="166">
        <v>0</v>
      </c>
      <c r="CD2009" s="166">
        <v>0</v>
      </c>
      <c r="CE2009" s="166">
        <v>0</v>
      </c>
      <c r="CF2009" s="166">
        <v>0</v>
      </c>
      <c r="CG2009" s="166">
        <v>0</v>
      </c>
      <c r="CH2009" s="166">
        <v>0</v>
      </c>
      <c r="CI2009" s="166">
        <v>0</v>
      </c>
      <c r="CJ2009" s="166">
        <v>0</v>
      </c>
      <c r="CK2009" s="166">
        <v>0</v>
      </c>
      <c r="CL2009" s="166">
        <v>0</v>
      </c>
      <c r="CM2009" s="166">
        <v>0</v>
      </c>
      <c r="CN2009" s="166">
        <v>0</v>
      </c>
      <c r="CO2009" s="166">
        <v>0</v>
      </c>
      <c r="CP2009" s="166">
        <v>0</v>
      </c>
      <c r="CQ2009" s="166">
        <v>0</v>
      </c>
      <c r="CR2009" s="166">
        <v>0</v>
      </c>
      <c r="CS2009" s="166">
        <v>0</v>
      </c>
      <c r="CT2009" s="166">
        <v>0</v>
      </c>
      <c r="CU2009" s="166">
        <v>0</v>
      </c>
      <c r="CV2009" s="166">
        <v>0</v>
      </c>
      <c r="CW2009" s="166">
        <v>0</v>
      </c>
      <c r="CX2009" s="166">
        <v>0</v>
      </c>
      <c r="CY2009" s="166">
        <v>48595269.3709841</v>
      </c>
      <c r="CZ2009" s="166">
        <v>48595269.3709841</v>
      </c>
    </row>
    <row r="2010" spans="1:104" x14ac:dyDescent="0.2">
      <c r="A2010" s="167" t="s">
        <v>418</v>
      </c>
    </row>
    <row r="2011" spans="1:104" x14ac:dyDescent="0.2">
      <c r="A2011" s="167" t="s">
        <v>419</v>
      </c>
      <c r="B2011" s="166">
        <v>42936.46</v>
      </c>
      <c r="C2011" s="166">
        <v>42936.46</v>
      </c>
      <c r="D2011" s="166">
        <v>0</v>
      </c>
      <c r="E2011" s="166">
        <v>0</v>
      </c>
      <c r="F2011" s="166">
        <v>0</v>
      </c>
      <c r="G2011" s="166">
        <v>0</v>
      </c>
      <c r="H2011" s="166">
        <v>0</v>
      </c>
      <c r="I2011" s="166">
        <v>0</v>
      </c>
      <c r="J2011" s="166">
        <v>0</v>
      </c>
      <c r="K2011" s="166">
        <v>0</v>
      </c>
      <c r="L2011" s="166">
        <v>0</v>
      </c>
      <c r="M2011" s="166">
        <v>0</v>
      </c>
      <c r="N2011" s="166">
        <v>0</v>
      </c>
      <c r="O2011" s="166">
        <v>0</v>
      </c>
      <c r="P2011" s="166">
        <v>0</v>
      </c>
      <c r="Q2011" s="166">
        <v>0</v>
      </c>
      <c r="R2011" s="166">
        <v>0</v>
      </c>
      <c r="S2011" s="166">
        <v>0</v>
      </c>
      <c r="T2011" s="166">
        <v>0</v>
      </c>
      <c r="U2011" s="166">
        <v>0</v>
      </c>
      <c r="V2011" s="166">
        <v>0</v>
      </c>
      <c r="W2011" s="166">
        <v>0</v>
      </c>
      <c r="X2011" s="166">
        <v>0</v>
      </c>
      <c r="Y2011" s="166">
        <v>0</v>
      </c>
      <c r="Z2011" s="166">
        <v>0</v>
      </c>
      <c r="AA2011" s="166">
        <v>0</v>
      </c>
      <c r="AB2011" s="166">
        <v>0</v>
      </c>
      <c r="AC2011" s="166">
        <v>0</v>
      </c>
      <c r="AD2011" s="166">
        <v>0</v>
      </c>
      <c r="AE2011" s="166">
        <v>0</v>
      </c>
      <c r="AF2011" s="166">
        <v>0</v>
      </c>
      <c r="AG2011" s="166">
        <v>0</v>
      </c>
      <c r="AH2011" s="166">
        <v>0</v>
      </c>
      <c r="AI2011" s="166">
        <v>0</v>
      </c>
      <c r="AJ2011" s="166">
        <v>0</v>
      </c>
      <c r="AK2011" s="166">
        <v>0</v>
      </c>
      <c r="AL2011" s="166">
        <v>0</v>
      </c>
      <c r="AM2011" s="166">
        <v>0</v>
      </c>
      <c r="AN2011" s="166">
        <v>0</v>
      </c>
      <c r="AO2011" s="166">
        <v>0</v>
      </c>
      <c r="AP2011" s="166">
        <v>0</v>
      </c>
      <c r="AQ2011" s="166">
        <v>0</v>
      </c>
      <c r="AR2011" s="166">
        <v>0</v>
      </c>
      <c r="AS2011" s="166">
        <v>0</v>
      </c>
      <c r="AT2011" s="166">
        <v>0</v>
      </c>
      <c r="AU2011" s="166">
        <v>0</v>
      </c>
      <c r="AV2011" s="166">
        <v>0</v>
      </c>
      <c r="AW2011" s="166">
        <v>0</v>
      </c>
      <c r="AX2011" s="166">
        <v>0</v>
      </c>
      <c r="AY2011" s="166">
        <v>0</v>
      </c>
      <c r="AZ2011" s="166">
        <v>0</v>
      </c>
      <c r="BA2011" s="166">
        <v>0</v>
      </c>
      <c r="BB2011" s="166">
        <v>0</v>
      </c>
      <c r="BC2011" s="166">
        <v>0</v>
      </c>
      <c r="BD2011" s="166">
        <v>0</v>
      </c>
      <c r="BE2011" s="166">
        <v>0</v>
      </c>
      <c r="BF2011" s="166">
        <v>0</v>
      </c>
      <c r="BG2011" s="166">
        <v>0</v>
      </c>
      <c r="BH2011" s="166">
        <v>0</v>
      </c>
      <c r="BI2011" s="166">
        <v>0</v>
      </c>
      <c r="BJ2011" s="166">
        <v>0</v>
      </c>
      <c r="BK2011" s="166">
        <v>0</v>
      </c>
      <c r="BL2011" s="166">
        <v>0</v>
      </c>
      <c r="BM2011" s="166">
        <v>0</v>
      </c>
      <c r="BN2011" s="166">
        <v>0</v>
      </c>
      <c r="BO2011" s="166">
        <v>0</v>
      </c>
      <c r="BP2011" s="166">
        <v>0</v>
      </c>
      <c r="BQ2011" s="166">
        <v>0</v>
      </c>
      <c r="BR2011" s="166">
        <v>42936.46</v>
      </c>
      <c r="BS2011" s="166">
        <v>42936.46</v>
      </c>
      <c r="BT2011" s="168">
        <v>0.96779000000000004</v>
      </c>
      <c r="BU2011" s="166">
        <v>3482.4181128</v>
      </c>
      <c r="BV2011" s="166">
        <v>41553.476623399998</v>
      </c>
      <c r="BW2011" s="166">
        <v>0</v>
      </c>
      <c r="BX2011" s="166">
        <v>0</v>
      </c>
      <c r="BY2011" s="166">
        <v>0</v>
      </c>
      <c r="BZ2011" s="166">
        <v>0</v>
      </c>
      <c r="CA2011" s="166">
        <v>0</v>
      </c>
      <c r="CB2011" s="166">
        <v>0</v>
      </c>
      <c r="CC2011" s="166">
        <v>0</v>
      </c>
      <c r="CD2011" s="166">
        <v>0</v>
      </c>
      <c r="CE2011" s="166">
        <v>0</v>
      </c>
      <c r="CF2011" s="166">
        <v>0</v>
      </c>
      <c r="CG2011" s="166">
        <v>0</v>
      </c>
      <c r="CH2011" s="166">
        <v>0</v>
      </c>
      <c r="CI2011" s="166">
        <v>0</v>
      </c>
      <c r="CJ2011" s="166">
        <v>0</v>
      </c>
      <c r="CK2011" s="166">
        <v>0</v>
      </c>
      <c r="CL2011" s="166">
        <v>0</v>
      </c>
      <c r="CM2011" s="166">
        <v>0</v>
      </c>
      <c r="CN2011" s="166">
        <v>0</v>
      </c>
      <c r="CO2011" s="166">
        <v>0</v>
      </c>
      <c r="CP2011" s="166">
        <v>0</v>
      </c>
      <c r="CQ2011" s="166">
        <v>0</v>
      </c>
      <c r="CR2011" s="166">
        <v>0</v>
      </c>
      <c r="CS2011" s="166">
        <v>0</v>
      </c>
      <c r="CT2011" s="166">
        <v>0</v>
      </c>
      <c r="CU2011" s="166">
        <v>0</v>
      </c>
      <c r="CV2011" s="166">
        <v>0</v>
      </c>
      <c r="CW2011" s="166">
        <v>0</v>
      </c>
      <c r="CX2011" s="166">
        <v>0</v>
      </c>
      <c r="CY2011" s="166">
        <v>41553.476623399998</v>
      </c>
      <c r="CZ2011" s="166">
        <v>41553.476623399998</v>
      </c>
    </row>
    <row r="2012" spans="1:104" x14ac:dyDescent="0.2">
      <c r="A2012" s="167" t="s">
        <v>420</v>
      </c>
    </row>
    <row r="2013" spans="1:104" x14ac:dyDescent="0.2">
      <c r="A2013" s="167" t="s">
        <v>1183</v>
      </c>
      <c r="B2013" s="166">
        <v>25877667.489999902</v>
      </c>
      <c r="C2013" s="166">
        <v>25877667.489999902</v>
      </c>
      <c r="D2013" s="166">
        <v>0</v>
      </c>
      <c r="E2013" s="166">
        <v>0</v>
      </c>
      <c r="F2013" s="166">
        <v>0</v>
      </c>
      <c r="G2013" s="166">
        <v>0</v>
      </c>
      <c r="H2013" s="166">
        <v>0</v>
      </c>
      <c r="I2013" s="166">
        <v>0</v>
      </c>
      <c r="J2013" s="166">
        <v>0</v>
      </c>
      <c r="K2013" s="166">
        <v>0</v>
      </c>
      <c r="L2013" s="166">
        <v>0</v>
      </c>
      <c r="M2013" s="166">
        <v>0</v>
      </c>
      <c r="N2013" s="166">
        <v>0</v>
      </c>
      <c r="O2013" s="166">
        <v>0</v>
      </c>
      <c r="P2013" s="166">
        <v>0</v>
      </c>
      <c r="Q2013" s="166">
        <v>0</v>
      </c>
      <c r="R2013" s="166">
        <v>0</v>
      </c>
      <c r="S2013" s="166">
        <v>0</v>
      </c>
      <c r="T2013" s="166">
        <v>0</v>
      </c>
      <c r="U2013" s="166">
        <v>0</v>
      </c>
      <c r="V2013" s="166">
        <v>0</v>
      </c>
      <c r="W2013" s="166">
        <v>0</v>
      </c>
      <c r="X2013" s="166">
        <v>0</v>
      </c>
      <c r="Y2013" s="166">
        <v>0</v>
      </c>
      <c r="Z2013" s="166">
        <v>0</v>
      </c>
      <c r="AA2013" s="166">
        <v>0</v>
      </c>
      <c r="AB2013" s="166">
        <v>0</v>
      </c>
      <c r="AC2013" s="166">
        <v>0</v>
      </c>
      <c r="AD2013" s="166">
        <v>0</v>
      </c>
      <c r="AE2013" s="166">
        <v>0</v>
      </c>
      <c r="AF2013" s="166">
        <v>0</v>
      </c>
      <c r="AG2013" s="166">
        <v>0</v>
      </c>
      <c r="AH2013" s="166">
        <v>0</v>
      </c>
      <c r="AI2013" s="166">
        <v>0</v>
      </c>
      <c r="AJ2013" s="166">
        <v>0</v>
      </c>
      <c r="AK2013" s="166">
        <v>0</v>
      </c>
      <c r="AL2013" s="166">
        <v>0</v>
      </c>
      <c r="AM2013" s="166">
        <v>0</v>
      </c>
      <c r="AN2013" s="166">
        <v>0</v>
      </c>
      <c r="AO2013" s="166">
        <v>0</v>
      </c>
      <c r="AP2013" s="166">
        <v>0</v>
      </c>
      <c r="AQ2013" s="166">
        <v>0</v>
      </c>
      <c r="AR2013" s="166">
        <v>0</v>
      </c>
      <c r="AS2013" s="166">
        <v>0</v>
      </c>
      <c r="AT2013" s="166">
        <v>0</v>
      </c>
      <c r="AU2013" s="166">
        <v>0</v>
      </c>
      <c r="AV2013" s="166">
        <v>0</v>
      </c>
      <c r="AW2013" s="166">
        <v>0</v>
      </c>
      <c r="AX2013" s="166">
        <v>0</v>
      </c>
      <c r="AY2013" s="166">
        <v>0</v>
      </c>
      <c r="AZ2013" s="166">
        <v>0</v>
      </c>
      <c r="BA2013" s="166">
        <v>0</v>
      </c>
      <c r="BB2013" s="166">
        <v>0</v>
      </c>
      <c r="BC2013" s="166">
        <v>0</v>
      </c>
      <c r="BD2013" s="166">
        <v>0</v>
      </c>
      <c r="BE2013" s="166">
        <v>0</v>
      </c>
      <c r="BF2013" s="166">
        <v>0</v>
      </c>
      <c r="BG2013" s="166">
        <v>0</v>
      </c>
      <c r="BH2013" s="166">
        <v>0</v>
      </c>
      <c r="BI2013" s="166">
        <v>0</v>
      </c>
      <c r="BJ2013" s="166">
        <v>0</v>
      </c>
      <c r="BK2013" s="166">
        <v>0</v>
      </c>
      <c r="BL2013" s="166">
        <v>0</v>
      </c>
      <c r="BM2013" s="166">
        <v>0</v>
      </c>
      <c r="BN2013" s="166">
        <v>0</v>
      </c>
      <c r="BO2013" s="166">
        <v>0</v>
      </c>
      <c r="BP2013" s="166">
        <v>0</v>
      </c>
      <c r="BQ2013" s="166">
        <v>0</v>
      </c>
      <c r="BR2013" s="166">
        <v>25877667.489999902</v>
      </c>
      <c r="BS2013" s="166">
        <v>25877667.489999902</v>
      </c>
      <c r="BT2013" s="168">
        <v>0.96779000000000004</v>
      </c>
      <c r="BU2013" s="166">
        <v>2045778.20193779</v>
      </c>
      <c r="BV2013" s="166">
        <v>25044147.820147</v>
      </c>
      <c r="BW2013" s="166">
        <v>0</v>
      </c>
      <c r="BX2013" s="166">
        <v>0</v>
      </c>
      <c r="BY2013" s="166">
        <v>0</v>
      </c>
      <c r="BZ2013" s="166">
        <v>0</v>
      </c>
      <c r="CA2013" s="166">
        <v>0</v>
      </c>
      <c r="CB2013" s="166">
        <v>0</v>
      </c>
      <c r="CC2013" s="166">
        <v>0</v>
      </c>
      <c r="CD2013" s="166">
        <v>0</v>
      </c>
      <c r="CE2013" s="166">
        <v>0</v>
      </c>
      <c r="CF2013" s="166">
        <v>0</v>
      </c>
      <c r="CG2013" s="166">
        <v>0</v>
      </c>
      <c r="CH2013" s="166">
        <v>0</v>
      </c>
      <c r="CI2013" s="166">
        <v>0</v>
      </c>
      <c r="CJ2013" s="166">
        <v>0</v>
      </c>
      <c r="CK2013" s="166">
        <v>0</v>
      </c>
      <c r="CL2013" s="166">
        <v>0</v>
      </c>
      <c r="CM2013" s="166">
        <v>0</v>
      </c>
      <c r="CN2013" s="166">
        <v>0</v>
      </c>
      <c r="CO2013" s="166">
        <v>0</v>
      </c>
      <c r="CP2013" s="166">
        <v>0</v>
      </c>
      <c r="CQ2013" s="166">
        <v>0</v>
      </c>
      <c r="CR2013" s="166">
        <v>0</v>
      </c>
      <c r="CS2013" s="166">
        <v>0</v>
      </c>
      <c r="CT2013" s="166">
        <v>0</v>
      </c>
      <c r="CU2013" s="166">
        <v>0</v>
      </c>
      <c r="CV2013" s="166">
        <v>0</v>
      </c>
      <c r="CW2013" s="166">
        <v>0</v>
      </c>
      <c r="CX2013" s="166">
        <v>0</v>
      </c>
      <c r="CY2013" s="166">
        <v>25044147.820147</v>
      </c>
      <c r="CZ2013" s="166">
        <v>25044147.820147</v>
      </c>
    </row>
    <row r="2014" spans="1:104" x14ac:dyDescent="0.2">
      <c r="A2014" s="167" t="s">
        <v>422</v>
      </c>
      <c r="B2014" s="166">
        <v>0</v>
      </c>
      <c r="C2014" s="166">
        <v>0</v>
      </c>
      <c r="D2014" s="166">
        <v>0</v>
      </c>
      <c r="E2014" s="166">
        <v>0</v>
      </c>
      <c r="F2014" s="166">
        <v>0</v>
      </c>
      <c r="G2014" s="166">
        <v>0</v>
      </c>
      <c r="H2014" s="166">
        <v>0</v>
      </c>
      <c r="I2014" s="166">
        <v>0</v>
      </c>
      <c r="J2014" s="166">
        <v>0</v>
      </c>
      <c r="K2014" s="166">
        <v>0</v>
      </c>
      <c r="L2014" s="166">
        <v>0</v>
      </c>
      <c r="M2014" s="166">
        <v>0</v>
      </c>
      <c r="N2014" s="166">
        <v>0</v>
      </c>
      <c r="O2014" s="166">
        <v>0</v>
      </c>
      <c r="P2014" s="166">
        <v>0</v>
      </c>
      <c r="Q2014" s="166">
        <v>0</v>
      </c>
      <c r="R2014" s="166">
        <v>0</v>
      </c>
      <c r="S2014" s="166">
        <v>0</v>
      </c>
      <c r="T2014" s="166">
        <v>0</v>
      </c>
      <c r="U2014" s="166">
        <v>0</v>
      </c>
      <c r="V2014" s="166">
        <v>0</v>
      </c>
      <c r="W2014" s="166">
        <v>0</v>
      </c>
      <c r="X2014" s="166">
        <v>0</v>
      </c>
      <c r="Y2014" s="166">
        <v>0</v>
      </c>
      <c r="Z2014" s="166">
        <v>0</v>
      </c>
      <c r="AA2014" s="166">
        <v>0</v>
      </c>
      <c r="AB2014" s="166">
        <v>0</v>
      </c>
      <c r="AC2014" s="166">
        <v>0</v>
      </c>
      <c r="AD2014" s="166">
        <v>0</v>
      </c>
      <c r="AE2014" s="166">
        <v>0</v>
      </c>
      <c r="AF2014" s="166">
        <v>0</v>
      </c>
      <c r="AG2014" s="166">
        <v>0</v>
      </c>
      <c r="AH2014" s="166">
        <v>0</v>
      </c>
      <c r="AI2014" s="166">
        <v>0</v>
      </c>
      <c r="AJ2014" s="166">
        <v>0</v>
      </c>
      <c r="AK2014" s="166">
        <v>0</v>
      </c>
      <c r="AL2014" s="166">
        <v>0</v>
      </c>
      <c r="AM2014" s="166">
        <v>0</v>
      </c>
      <c r="AN2014" s="166">
        <v>0</v>
      </c>
      <c r="AO2014" s="166">
        <v>0</v>
      </c>
      <c r="AP2014" s="166">
        <v>0</v>
      </c>
      <c r="AQ2014" s="166">
        <v>0</v>
      </c>
      <c r="AR2014" s="166">
        <v>0</v>
      </c>
      <c r="AS2014" s="166">
        <v>0</v>
      </c>
      <c r="AT2014" s="166">
        <v>0</v>
      </c>
      <c r="AU2014" s="166">
        <v>0</v>
      </c>
      <c r="AV2014" s="166">
        <v>0</v>
      </c>
      <c r="AW2014" s="166">
        <v>0</v>
      </c>
      <c r="AX2014" s="166">
        <v>0</v>
      </c>
      <c r="AY2014" s="166">
        <v>0</v>
      </c>
      <c r="AZ2014" s="166">
        <v>0</v>
      </c>
      <c r="BA2014" s="166">
        <v>0</v>
      </c>
      <c r="BB2014" s="166">
        <v>0</v>
      </c>
      <c r="BC2014" s="166">
        <v>0</v>
      </c>
      <c r="BD2014" s="166">
        <v>0</v>
      </c>
      <c r="BE2014" s="166">
        <v>0</v>
      </c>
      <c r="BF2014" s="166">
        <v>0</v>
      </c>
      <c r="BG2014" s="166">
        <v>0</v>
      </c>
      <c r="BH2014" s="166">
        <v>0</v>
      </c>
      <c r="BI2014" s="166">
        <v>0</v>
      </c>
      <c r="BJ2014" s="166">
        <v>0</v>
      </c>
      <c r="BK2014" s="166">
        <v>0</v>
      </c>
      <c r="BL2014" s="166">
        <v>0</v>
      </c>
      <c r="BM2014" s="166">
        <v>0</v>
      </c>
      <c r="BN2014" s="166">
        <v>0</v>
      </c>
      <c r="BO2014" s="166">
        <v>0</v>
      </c>
      <c r="BP2014" s="166">
        <v>0</v>
      </c>
      <c r="BQ2014" s="166">
        <v>0</v>
      </c>
      <c r="BR2014" s="166">
        <v>0</v>
      </c>
      <c r="BS2014" s="166">
        <v>0</v>
      </c>
      <c r="BT2014" s="168">
        <v>0</v>
      </c>
      <c r="BU2014" s="166">
        <v>0</v>
      </c>
      <c r="BV2014" s="166">
        <v>0</v>
      </c>
      <c r="BW2014" s="166">
        <v>0</v>
      </c>
      <c r="BX2014" s="166">
        <v>0</v>
      </c>
      <c r="BY2014" s="166">
        <v>0</v>
      </c>
      <c r="BZ2014" s="166">
        <v>0</v>
      </c>
      <c r="CA2014" s="166">
        <v>0</v>
      </c>
      <c r="CB2014" s="166">
        <v>0</v>
      </c>
      <c r="CC2014" s="166">
        <v>0</v>
      </c>
      <c r="CD2014" s="166">
        <v>0</v>
      </c>
      <c r="CE2014" s="166">
        <v>0</v>
      </c>
      <c r="CF2014" s="166">
        <v>0</v>
      </c>
      <c r="CG2014" s="166">
        <v>0</v>
      </c>
      <c r="CH2014" s="166">
        <v>0</v>
      </c>
      <c r="CI2014" s="166">
        <v>0</v>
      </c>
      <c r="CJ2014" s="166">
        <v>0</v>
      </c>
      <c r="CK2014" s="166">
        <v>0</v>
      </c>
      <c r="CL2014" s="166">
        <v>0</v>
      </c>
      <c r="CM2014" s="166">
        <v>0</v>
      </c>
      <c r="CN2014" s="166">
        <v>0</v>
      </c>
      <c r="CO2014" s="166">
        <v>0</v>
      </c>
      <c r="CP2014" s="166">
        <v>0</v>
      </c>
      <c r="CQ2014" s="166">
        <v>0</v>
      </c>
      <c r="CR2014" s="166">
        <v>0</v>
      </c>
      <c r="CS2014" s="166">
        <v>0</v>
      </c>
      <c r="CT2014" s="166">
        <v>0</v>
      </c>
      <c r="CU2014" s="166">
        <v>0</v>
      </c>
      <c r="CV2014" s="166">
        <v>0</v>
      </c>
      <c r="CW2014" s="166">
        <v>0</v>
      </c>
      <c r="CX2014" s="166">
        <v>0</v>
      </c>
      <c r="CY2014" s="166">
        <v>0</v>
      </c>
      <c r="CZ2014" s="166">
        <v>0</v>
      </c>
    </row>
    <row r="2015" spans="1:104" x14ac:dyDescent="0.2">
      <c r="A2015" s="167" t="s">
        <v>705</v>
      </c>
      <c r="B2015" s="166">
        <v>0</v>
      </c>
      <c r="C2015" s="166">
        <v>0</v>
      </c>
      <c r="D2015" s="166">
        <v>0</v>
      </c>
      <c r="E2015" s="166">
        <v>0</v>
      </c>
      <c r="F2015" s="166">
        <v>0</v>
      </c>
      <c r="G2015" s="166">
        <v>0</v>
      </c>
      <c r="H2015" s="166">
        <v>0</v>
      </c>
      <c r="I2015" s="166">
        <v>0</v>
      </c>
      <c r="J2015" s="166">
        <v>0</v>
      </c>
      <c r="K2015" s="166">
        <v>0</v>
      </c>
      <c r="L2015" s="166">
        <v>0</v>
      </c>
      <c r="M2015" s="166">
        <v>0</v>
      </c>
      <c r="N2015" s="166">
        <v>0</v>
      </c>
      <c r="O2015" s="166">
        <v>0</v>
      </c>
      <c r="P2015" s="166">
        <v>0</v>
      </c>
      <c r="Q2015" s="166">
        <v>0</v>
      </c>
      <c r="R2015" s="166">
        <v>0</v>
      </c>
      <c r="S2015" s="166">
        <v>0</v>
      </c>
      <c r="T2015" s="166">
        <v>0</v>
      </c>
      <c r="U2015" s="166">
        <v>0</v>
      </c>
      <c r="V2015" s="166">
        <v>0</v>
      </c>
      <c r="W2015" s="166">
        <v>0</v>
      </c>
      <c r="X2015" s="166">
        <v>0</v>
      </c>
      <c r="Y2015" s="166">
        <v>0</v>
      </c>
      <c r="Z2015" s="166">
        <v>0</v>
      </c>
      <c r="AA2015" s="166">
        <v>0</v>
      </c>
      <c r="AB2015" s="166">
        <v>0</v>
      </c>
      <c r="AC2015" s="166">
        <v>0</v>
      </c>
      <c r="AD2015" s="166">
        <v>0</v>
      </c>
      <c r="AE2015" s="166">
        <v>0</v>
      </c>
      <c r="AF2015" s="166">
        <v>0</v>
      </c>
      <c r="AG2015" s="166">
        <v>0</v>
      </c>
      <c r="AH2015" s="166">
        <v>0</v>
      </c>
      <c r="AI2015" s="166">
        <v>0</v>
      </c>
      <c r="AJ2015" s="166">
        <v>0</v>
      </c>
      <c r="AK2015" s="166">
        <v>0</v>
      </c>
      <c r="AL2015" s="166">
        <v>0</v>
      </c>
      <c r="AM2015" s="166">
        <v>0</v>
      </c>
      <c r="AN2015" s="166">
        <v>0</v>
      </c>
      <c r="AO2015" s="166">
        <v>0</v>
      </c>
      <c r="AP2015" s="166">
        <v>0</v>
      </c>
      <c r="AQ2015" s="166">
        <v>0</v>
      </c>
      <c r="AR2015" s="166">
        <v>0</v>
      </c>
      <c r="AS2015" s="166">
        <v>0</v>
      </c>
      <c r="AT2015" s="166">
        <v>0</v>
      </c>
      <c r="AU2015" s="166">
        <v>0</v>
      </c>
      <c r="AV2015" s="166">
        <v>0</v>
      </c>
      <c r="AW2015" s="166">
        <v>0</v>
      </c>
      <c r="AX2015" s="166">
        <v>0</v>
      </c>
      <c r="AY2015" s="166">
        <v>0</v>
      </c>
      <c r="AZ2015" s="166">
        <v>0</v>
      </c>
      <c r="BA2015" s="166">
        <v>0</v>
      </c>
      <c r="BB2015" s="166">
        <v>0</v>
      </c>
      <c r="BC2015" s="166">
        <v>0</v>
      </c>
      <c r="BD2015" s="166">
        <v>0</v>
      </c>
      <c r="BE2015" s="166">
        <v>0</v>
      </c>
      <c r="BF2015" s="166">
        <v>0</v>
      </c>
      <c r="BG2015" s="166">
        <v>0</v>
      </c>
      <c r="BH2015" s="166">
        <v>0</v>
      </c>
      <c r="BI2015" s="166">
        <v>0</v>
      </c>
      <c r="BJ2015" s="166">
        <v>0</v>
      </c>
      <c r="BK2015" s="166">
        <v>0</v>
      </c>
      <c r="BL2015" s="166">
        <v>0</v>
      </c>
      <c r="BM2015" s="166">
        <v>0</v>
      </c>
      <c r="BN2015" s="166">
        <v>0</v>
      </c>
      <c r="BO2015" s="166">
        <v>0</v>
      </c>
      <c r="BP2015" s="166">
        <v>0</v>
      </c>
      <c r="BQ2015" s="166">
        <v>0</v>
      </c>
      <c r="BR2015" s="166">
        <v>0</v>
      </c>
      <c r="BS2015" s="166">
        <v>0</v>
      </c>
      <c r="BT2015" s="166">
        <v>1000</v>
      </c>
      <c r="BU2015" s="166">
        <v>0</v>
      </c>
      <c r="BV2015" s="166">
        <v>0</v>
      </c>
      <c r="BW2015" s="166">
        <v>0</v>
      </c>
      <c r="BX2015" s="166">
        <v>0</v>
      </c>
      <c r="BY2015" s="166">
        <v>0</v>
      </c>
      <c r="BZ2015" s="166">
        <v>0</v>
      </c>
      <c r="CA2015" s="166">
        <v>0</v>
      </c>
      <c r="CB2015" s="166">
        <v>0</v>
      </c>
      <c r="CC2015" s="166">
        <v>0</v>
      </c>
      <c r="CD2015" s="166">
        <v>0</v>
      </c>
      <c r="CE2015" s="166">
        <v>0</v>
      </c>
      <c r="CF2015" s="166">
        <v>0</v>
      </c>
      <c r="CG2015" s="166">
        <v>0</v>
      </c>
      <c r="CH2015" s="166">
        <v>0</v>
      </c>
      <c r="CI2015" s="166">
        <v>0</v>
      </c>
      <c r="CJ2015" s="166">
        <v>0</v>
      </c>
      <c r="CK2015" s="166">
        <v>0</v>
      </c>
      <c r="CL2015" s="166">
        <v>0</v>
      </c>
      <c r="CM2015" s="166">
        <v>0</v>
      </c>
      <c r="CN2015" s="166">
        <v>0</v>
      </c>
      <c r="CO2015" s="166">
        <v>0</v>
      </c>
      <c r="CP2015" s="166">
        <v>0</v>
      </c>
      <c r="CQ2015" s="166">
        <v>0</v>
      </c>
      <c r="CR2015" s="166">
        <v>0</v>
      </c>
      <c r="CS2015" s="166">
        <v>0</v>
      </c>
      <c r="CT2015" s="166">
        <v>0</v>
      </c>
      <c r="CU2015" s="166">
        <v>0</v>
      </c>
      <c r="CV2015" s="166">
        <v>0</v>
      </c>
      <c r="CW2015" s="166">
        <v>0</v>
      </c>
      <c r="CX2015" s="166">
        <v>0</v>
      </c>
      <c r="CY2015" s="166">
        <v>0</v>
      </c>
      <c r="CZ2015" s="166">
        <v>0</v>
      </c>
    </row>
    <row r="2016" spans="1:104" x14ac:dyDescent="0.2">
      <c r="A2016" s="167" t="s">
        <v>423</v>
      </c>
      <c r="B2016" s="166">
        <v>25877667.489999902</v>
      </c>
      <c r="C2016" s="166">
        <v>25877667.489999902</v>
      </c>
      <c r="D2016" s="166">
        <v>0</v>
      </c>
      <c r="E2016" s="166">
        <v>0</v>
      </c>
      <c r="F2016" s="166">
        <v>0</v>
      </c>
      <c r="G2016" s="166">
        <v>0</v>
      </c>
      <c r="H2016" s="166">
        <v>0</v>
      </c>
      <c r="I2016" s="166">
        <v>0</v>
      </c>
      <c r="J2016" s="166">
        <v>0</v>
      </c>
      <c r="K2016" s="166">
        <v>0</v>
      </c>
      <c r="L2016" s="166">
        <v>0</v>
      </c>
      <c r="M2016" s="166">
        <v>0</v>
      </c>
      <c r="N2016" s="166">
        <v>0</v>
      </c>
      <c r="O2016" s="166">
        <v>0</v>
      </c>
      <c r="P2016" s="166">
        <v>0</v>
      </c>
      <c r="Q2016" s="166">
        <v>0</v>
      </c>
      <c r="R2016" s="166">
        <v>0</v>
      </c>
      <c r="S2016" s="166">
        <v>0</v>
      </c>
      <c r="T2016" s="166">
        <v>0</v>
      </c>
      <c r="U2016" s="166">
        <v>0</v>
      </c>
      <c r="V2016" s="166">
        <v>0</v>
      </c>
      <c r="W2016" s="166">
        <v>0</v>
      </c>
      <c r="X2016" s="166">
        <v>0</v>
      </c>
      <c r="Y2016" s="166">
        <v>0</v>
      </c>
      <c r="Z2016" s="166">
        <v>0</v>
      </c>
      <c r="AA2016" s="166">
        <v>0</v>
      </c>
      <c r="AB2016" s="166">
        <v>0</v>
      </c>
      <c r="AC2016" s="166">
        <v>0</v>
      </c>
      <c r="AD2016" s="166">
        <v>0</v>
      </c>
      <c r="AE2016" s="166">
        <v>0</v>
      </c>
      <c r="AF2016" s="166">
        <v>0</v>
      </c>
      <c r="AG2016" s="166">
        <v>0</v>
      </c>
      <c r="AH2016" s="166">
        <v>0</v>
      </c>
      <c r="AI2016" s="166">
        <v>0</v>
      </c>
      <c r="AJ2016" s="166">
        <v>0</v>
      </c>
      <c r="AK2016" s="166">
        <v>0</v>
      </c>
      <c r="AL2016" s="166">
        <v>0</v>
      </c>
      <c r="AM2016" s="166">
        <v>0</v>
      </c>
      <c r="AN2016" s="166">
        <v>0</v>
      </c>
      <c r="AO2016" s="166">
        <v>0</v>
      </c>
      <c r="AP2016" s="166">
        <v>0</v>
      </c>
      <c r="AQ2016" s="166">
        <v>0</v>
      </c>
      <c r="AR2016" s="166">
        <v>0</v>
      </c>
      <c r="AS2016" s="166">
        <v>0</v>
      </c>
      <c r="AT2016" s="166">
        <v>0</v>
      </c>
      <c r="AU2016" s="166">
        <v>0</v>
      </c>
      <c r="AV2016" s="166">
        <v>0</v>
      </c>
      <c r="AW2016" s="166">
        <v>0</v>
      </c>
      <c r="AX2016" s="166">
        <v>0</v>
      </c>
      <c r="AY2016" s="166">
        <v>0</v>
      </c>
      <c r="AZ2016" s="166">
        <v>0</v>
      </c>
      <c r="BA2016" s="166">
        <v>0</v>
      </c>
      <c r="BB2016" s="166">
        <v>0</v>
      </c>
      <c r="BC2016" s="166">
        <v>0</v>
      </c>
      <c r="BD2016" s="166">
        <v>0</v>
      </c>
      <c r="BE2016" s="166">
        <v>0</v>
      </c>
      <c r="BF2016" s="166">
        <v>0</v>
      </c>
      <c r="BG2016" s="166">
        <v>0</v>
      </c>
      <c r="BH2016" s="166">
        <v>0</v>
      </c>
      <c r="BI2016" s="166">
        <v>0</v>
      </c>
      <c r="BJ2016" s="166">
        <v>0</v>
      </c>
      <c r="BK2016" s="166">
        <v>0</v>
      </c>
      <c r="BL2016" s="166">
        <v>0</v>
      </c>
      <c r="BM2016" s="166">
        <v>0</v>
      </c>
      <c r="BN2016" s="166">
        <v>0</v>
      </c>
      <c r="BO2016" s="166">
        <v>0</v>
      </c>
      <c r="BP2016" s="166">
        <v>0</v>
      </c>
      <c r="BQ2016" s="166">
        <v>0</v>
      </c>
      <c r="BR2016" s="166">
        <v>25877667.489999902</v>
      </c>
      <c r="BS2016" s="166">
        <v>25877667.489999902</v>
      </c>
      <c r="BT2016" s="168">
        <v>0</v>
      </c>
      <c r="BU2016" s="166">
        <v>2045778.20193779</v>
      </c>
      <c r="BV2016" s="166">
        <v>25044147.820147</v>
      </c>
      <c r="BW2016" s="166">
        <v>0</v>
      </c>
      <c r="BX2016" s="166">
        <v>0</v>
      </c>
      <c r="BY2016" s="166">
        <v>0</v>
      </c>
      <c r="BZ2016" s="166">
        <v>0</v>
      </c>
      <c r="CA2016" s="166">
        <v>0</v>
      </c>
      <c r="CB2016" s="166">
        <v>0</v>
      </c>
      <c r="CC2016" s="166">
        <v>0</v>
      </c>
      <c r="CD2016" s="166">
        <v>0</v>
      </c>
      <c r="CE2016" s="166">
        <v>0</v>
      </c>
      <c r="CF2016" s="166">
        <v>0</v>
      </c>
      <c r="CG2016" s="166">
        <v>0</v>
      </c>
      <c r="CH2016" s="166">
        <v>0</v>
      </c>
      <c r="CI2016" s="166">
        <v>0</v>
      </c>
      <c r="CJ2016" s="166">
        <v>0</v>
      </c>
      <c r="CK2016" s="166">
        <v>0</v>
      </c>
      <c r="CL2016" s="166">
        <v>0</v>
      </c>
      <c r="CM2016" s="166">
        <v>0</v>
      </c>
      <c r="CN2016" s="166">
        <v>0</v>
      </c>
      <c r="CO2016" s="166">
        <v>0</v>
      </c>
      <c r="CP2016" s="166">
        <v>0</v>
      </c>
      <c r="CQ2016" s="166">
        <v>0</v>
      </c>
      <c r="CR2016" s="166">
        <v>0</v>
      </c>
      <c r="CS2016" s="166">
        <v>0</v>
      </c>
      <c r="CT2016" s="166">
        <v>0</v>
      </c>
      <c r="CU2016" s="166">
        <v>0</v>
      </c>
      <c r="CV2016" s="166">
        <v>0</v>
      </c>
      <c r="CW2016" s="166">
        <v>0</v>
      </c>
      <c r="CX2016" s="166">
        <v>0</v>
      </c>
      <c r="CY2016" s="166">
        <v>25044147.820147</v>
      </c>
      <c r="CZ2016" s="166">
        <v>25044147.820147</v>
      </c>
    </row>
    <row r="2017" spans="1:104" x14ac:dyDescent="0.2">
      <c r="A2017" s="167" t="s">
        <v>1184</v>
      </c>
    </row>
    <row r="2018" spans="1:104" x14ac:dyDescent="0.2">
      <c r="A2018" s="167" t="s">
        <v>1185</v>
      </c>
      <c r="B2018" s="166">
        <v>30897889.009999901</v>
      </c>
      <c r="C2018" s="166">
        <v>30897889.009999901</v>
      </c>
      <c r="D2018" s="166">
        <v>0</v>
      </c>
      <c r="E2018" s="166">
        <v>0</v>
      </c>
      <c r="F2018" s="166">
        <v>0</v>
      </c>
      <c r="G2018" s="166">
        <v>0</v>
      </c>
      <c r="H2018" s="166">
        <v>0</v>
      </c>
      <c r="I2018" s="166">
        <v>0</v>
      </c>
      <c r="J2018" s="166">
        <v>0</v>
      </c>
      <c r="K2018" s="166">
        <v>0</v>
      </c>
      <c r="L2018" s="166">
        <v>0</v>
      </c>
      <c r="M2018" s="166">
        <v>0</v>
      </c>
      <c r="N2018" s="166">
        <v>0</v>
      </c>
      <c r="O2018" s="166">
        <v>0</v>
      </c>
      <c r="P2018" s="166">
        <v>0</v>
      </c>
      <c r="Q2018" s="166">
        <v>0</v>
      </c>
      <c r="R2018" s="166">
        <v>0</v>
      </c>
      <c r="S2018" s="166">
        <v>0</v>
      </c>
      <c r="T2018" s="166">
        <v>0</v>
      </c>
      <c r="U2018" s="166">
        <v>0</v>
      </c>
      <c r="V2018" s="166">
        <v>0</v>
      </c>
      <c r="W2018" s="166">
        <v>0</v>
      </c>
      <c r="X2018" s="166">
        <v>0</v>
      </c>
      <c r="Y2018" s="166">
        <v>0</v>
      </c>
      <c r="Z2018" s="166">
        <v>0</v>
      </c>
      <c r="AA2018" s="166">
        <v>0</v>
      </c>
      <c r="AB2018" s="166">
        <v>0</v>
      </c>
      <c r="AC2018" s="166">
        <v>0</v>
      </c>
      <c r="AD2018" s="166">
        <v>0</v>
      </c>
      <c r="AE2018" s="166">
        <v>0</v>
      </c>
      <c r="AF2018" s="166">
        <v>0</v>
      </c>
      <c r="AG2018" s="166">
        <v>0</v>
      </c>
      <c r="AH2018" s="166">
        <v>0</v>
      </c>
      <c r="AI2018" s="166">
        <v>0</v>
      </c>
      <c r="AJ2018" s="166">
        <v>0</v>
      </c>
      <c r="AK2018" s="166">
        <v>0</v>
      </c>
      <c r="AL2018" s="166">
        <v>0</v>
      </c>
      <c r="AM2018" s="166">
        <v>0</v>
      </c>
      <c r="AN2018" s="166">
        <v>0</v>
      </c>
      <c r="AO2018" s="166">
        <v>0</v>
      </c>
      <c r="AP2018" s="166">
        <v>0</v>
      </c>
      <c r="AQ2018" s="166">
        <v>0</v>
      </c>
      <c r="AR2018" s="166">
        <v>0</v>
      </c>
      <c r="AS2018" s="166">
        <v>0</v>
      </c>
      <c r="AT2018" s="166">
        <v>0</v>
      </c>
      <c r="AU2018" s="166">
        <v>0</v>
      </c>
      <c r="AV2018" s="166">
        <v>0</v>
      </c>
      <c r="AW2018" s="166">
        <v>0</v>
      </c>
      <c r="AX2018" s="166">
        <v>0</v>
      </c>
      <c r="AY2018" s="166">
        <v>0</v>
      </c>
      <c r="AZ2018" s="166">
        <v>0</v>
      </c>
      <c r="BA2018" s="166">
        <v>0</v>
      </c>
      <c r="BB2018" s="166">
        <v>0</v>
      </c>
      <c r="BC2018" s="166">
        <v>0</v>
      </c>
      <c r="BD2018" s="166">
        <v>0</v>
      </c>
      <c r="BE2018" s="166">
        <v>0</v>
      </c>
      <c r="BF2018" s="166">
        <v>0</v>
      </c>
      <c r="BG2018" s="166">
        <v>0</v>
      </c>
      <c r="BH2018" s="166">
        <v>0</v>
      </c>
      <c r="BI2018" s="166">
        <v>0</v>
      </c>
      <c r="BJ2018" s="166">
        <v>0</v>
      </c>
      <c r="BK2018" s="166">
        <v>0</v>
      </c>
      <c r="BL2018" s="166">
        <v>0</v>
      </c>
      <c r="BM2018" s="166">
        <v>0</v>
      </c>
      <c r="BN2018" s="166">
        <v>0</v>
      </c>
      <c r="BO2018" s="166">
        <v>0</v>
      </c>
      <c r="BP2018" s="166">
        <v>0</v>
      </c>
      <c r="BQ2018" s="166">
        <v>0</v>
      </c>
      <c r="BR2018" s="166">
        <v>30897889.009999901</v>
      </c>
      <c r="BS2018" s="166">
        <v>30897889.009999901</v>
      </c>
      <c r="BT2018" s="168">
        <v>0.93313137893442599</v>
      </c>
      <c r="BU2018" s="166">
        <v>2396871.60536341</v>
      </c>
      <c r="BV2018" s="166">
        <v>28831789.778064098</v>
      </c>
      <c r="BW2018" s="166">
        <v>0</v>
      </c>
      <c r="BX2018" s="166">
        <v>0</v>
      </c>
      <c r="BY2018" s="166">
        <v>0</v>
      </c>
      <c r="BZ2018" s="166">
        <v>0</v>
      </c>
      <c r="CA2018" s="166">
        <v>0</v>
      </c>
      <c r="CB2018" s="166">
        <v>0</v>
      </c>
      <c r="CC2018" s="166">
        <v>0</v>
      </c>
      <c r="CD2018" s="166">
        <v>0</v>
      </c>
      <c r="CE2018" s="166">
        <v>0</v>
      </c>
      <c r="CF2018" s="166">
        <v>0</v>
      </c>
      <c r="CG2018" s="166">
        <v>0</v>
      </c>
      <c r="CH2018" s="166">
        <v>0</v>
      </c>
      <c r="CI2018" s="166">
        <v>0</v>
      </c>
      <c r="CJ2018" s="166">
        <v>0</v>
      </c>
      <c r="CK2018" s="166">
        <v>0</v>
      </c>
      <c r="CL2018" s="166">
        <v>0</v>
      </c>
      <c r="CM2018" s="166">
        <v>0</v>
      </c>
      <c r="CN2018" s="166">
        <v>0</v>
      </c>
      <c r="CO2018" s="166">
        <v>0</v>
      </c>
      <c r="CP2018" s="166">
        <v>0</v>
      </c>
      <c r="CQ2018" s="166">
        <v>0</v>
      </c>
      <c r="CR2018" s="166">
        <v>0</v>
      </c>
      <c r="CS2018" s="166">
        <v>0</v>
      </c>
      <c r="CT2018" s="166">
        <v>0</v>
      </c>
      <c r="CU2018" s="166">
        <v>0</v>
      </c>
      <c r="CV2018" s="166">
        <v>0</v>
      </c>
      <c r="CW2018" s="166">
        <v>0</v>
      </c>
      <c r="CX2018" s="166">
        <v>0</v>
      </c>
      <c r="CY2018" s="166">
        <v>28831789.778064098</v>
      </c>
      <c r="CZ2018" s="166">
        <v>28831789.778064098</v>
      </c>
    </row>
    <row r="2019" spans="1:104" x14ac:dyDescent="0.2">
      <c r="A2019" s="167" t="s">
        <v>426</v>
      </c>
      <c r="B2019" s="166">
        <v>0</v>
      </c>
      <c r="C2019" s="166">
        <v>0</v>
      </c>
      <c r="D2019" s="166">
        <v>0</v>
      </c>
      <c r="E2019" s="166">
        <v>0</v>
      </c>
      <c r="F2019" s="166">
        <v>0</v>
      </c>
      <c r="G2019" s="166">
        <v>0</v>
      </c>
      <c r="H2019" s="166">
        <v>0</v>
      </c>
      <c r="I2019" s="166">
        <v>0</v>
      </c>
      <c r="J2019" s="166">
        <v>0</v>
      </c>
      <c r="K2019" s="166">
        <v>0</v>
      </c>
      <c r="L2019" s="166">
        <v>0</v>
      </c>
      <c r="M2019" s="166">
        <v>0</v>
      </c>
      <c r="N2019" s="166">
        <v>0</v>
      </c>
      <c r="O2019" s="166">
        <v>0</v>
      </c>
      <c r="P2019" s="166">
        <v>0</v>
      </c>
      <c r="Q2019" s="166">
        <v>0</v>
      </c>
      <c r="R2019" s="166">
        <v>0</v>
      </c>
      <c r="S2019" s="166">
        <v>0</v>
      </c>
      <c r="T2019" s="166">
        <v>0</v>
      </c>
      <c r="U2019" s="166">
        <v>0</v>
      </c>
      <c r="V2019" s="166">
        <v>0</v>
      </c>
      <c r="W2019" s="166">
        <v>0</v>
      </c>
      <c r="X2019" s="166">
        <v>0</v>
      </c>
      <c r="Y2019" s="166">
        <v>0</v>
      </c>
      <c r="Z2019" s="166">
        <v>0</v>
      </c>
      <c r="AA2019" s="166">
        <v>0</v>
      </c>
      <c r="AB2019" s="166">
        <v>0</v>
      </c>
      <c r="AC2019" s="166">
        <v>0</v>
      </c>
      <c r="AD2019" s="166">
        <v>0</v>
      </c>
      <c r="AE2019" s="166">
        <v>0</v>
      </c>
      <c r="AF2019" s="166">
        <v>0</v>
      </c>
      <c r="AG2019" s="166">
        <v>0</v>
      </c>
      <c r="AH2019" s="166">
        <v>0</v>
      </c>
      <c r="AI2019" s="166">
        <v>0</v>
      </c>
      <c r="AJ2019" s="166">
        <v>0</v>
      </c>
      <c r="AK2019" s="166">
        <v>0</v>
      </c>
      <c r="AL2019" s="166">
        <v>0</v>
      </c>
      <c r="AM2019" s="166">
        <v>0</v>
      </c>
      <c r="AN2019" s="166">
        <v>0</v>
      </c>
      <c r="AO2019" s="166">
        <v>0</v>
      </c>
      <c r="AP2019" s="166">
        <v>0</v>
      </c>
      <c r="AQ2019" s="166">
        <v>0</v>
      </c>
      <c r="AR2019" s="166">
        <v>0</v>
      </c>
      <c r="AS2019" s="166">
        <v>0</v>
      </c>
      <c r="AT2019" s="166">
        <v>0</v>
      </c>
      <c r="AU2019" s="166">
        <v>0</v>
      </c>
      <c r="AV2019" s="166">
        <v>0</v>
      </c>
      <c r="AW2019" s="166">
        <v>0</v>
      </c>
      <c r="AX2019" s="166">
        <v>0</v>
      </c>
      <c r="AY2019" s="166">
        <v>0</v>
      </c>
      <c r="AZ2019" s="166">
        <v>0</v>
      </c>
      <c r="BA2019" s="166">
        <v>0</v>
      </c>
      <c r="BB2019" s="166">
        <v>0</v>
      </c>
      <c r="BC2019" s="166">
        <v>0</v>
      </c>
      <c r="BD2019" s="166">
        <v>0</v>
      </c>
      <c r="BE2019" s="166">
        <v>0</v>
      </c>
      <c r="BF2019" s="166">
        <v>0</v>
      </c>
      <c r="BG2019" s="166">
        <v>0</v>
      </c>
      <c r="BH2019" s="166">
        <v>0</v>
      </c>
      <c r="BI2019" s="166">
        <v>0</v>
      </c>
      <c r="BJ2019" s="166">
        <v>0</v>
      </c>
      <c r="BK2019" s="166">
        <v>0</v>
      </c>
      <c r="BL2019" s="166">
        <v>0</v>
      </c>
      <c r="BM2019" s="166">
        <v>0</v>
      </c>
      <c r="BN2019" s="166">
        <v>0</v>
      </c>
      <c r="BO2019" s="166">
        <v>0</v>
      </c>
      <c r="BP2019" s="166">
        <v>0</v>
      </c>
      <c r="BQ2019" s="166">
        <v>0</v>
      </c>
      <c r="BR2019" s="166">
        <v>0</v>
      </c>
      <c r="BS2019" s="166">
        <v>0</v>
      </c>
      <c r="BT2019" s="168">
        <v>1</v>
      </c>
      <c r="BU2019" s="166">
        <v>0</v>
      </c>
      <c r="BV2019" s="166">
        <v>0</v>
      </c>
      <c r="BW2019" s="166">
        <v>0</v>
      </c>
      <c r="BX2019" s="166">
        <v>0</v>
      </c>
      <c r="BY2019" s="166">
        <v>0</v>
      </c>
      <c r="BZ2019" s="166">
        <v>0</v>
      </c>
      <c r="CA2019" s="166">
        <v>0</v>
      </c>
      <c r="CB2019" s="166">
        <v>0</v>
      </c>
      <c r="CC2019" s="166">
        <v>0</v>
      </c>
      <c r="CD2019" s="166">
        <v>0</v>
      </c>
      <c r="CE2019" s="166">
        <v>0</v>
      </c>
      <c r="CF2019" s="166">
        <v>0</v>
      </c>
      <c r="CG2019" s="166">
        <v>0</v>
      </c>
      <c r="CH2019" s="166">
        <v>0</v>
      </c>
      <c r="CI2019" s="166">
        <v>0</v>
      </c>
      <c r="CJ2019" s="166">
        <v>0</v>
      </c>
      <c r="CK2019" s="166">
        <v>0</v>
      </c>
      <c r="CL2019" s="166">
        <v>0</v>
      </c>
      <c r="CM2019" s="166">
        <v>0</v>
      </c>
      <c r="CN2019" s="166">
        <v>0</v>
      </c>
      <c r="CO2019" s="166">
        <v>0</v>
      </c>
      <c r="CP2019" s="166">
        <v>0</v>
      </c>
      <c r="CQ2019" s="166">
        <v>0</v>
      </c>
      <c r="CR2019" s="166">
        <v>0</v>
      </c>
      <c r="CS2019" s="166">
        <v>0</v>
      </c>
      <c r="CT2019" s="166">
        <v>0</v>
      </c>
      <c r="CU2019" s="166">
        <v>0</v>
      </c>
      <c r="CV2019" s="166">
        <v>0</v>
      </c>
      <c r="CW2019" s="166">
        <v>0</v>
      </c>
      <c r="CX2019" s="166">
        <v>0</v>
      </c>
      <c r="CY2019" s="166">
        <v>0</v>
      </c>
      <c r="CZ2019" s="166">
        <v>0</v>
      </c>
    </row>
    <row r="2020" spans="1:104" x14ac:dyDescent="0.2">
      <c r="A2020" s="167" t="s">
        <v>427</v>
      </c>
      <c r="B2020" s="166">
        <v>0</v>
      </c>
      <c r="C2020" s="166">
        <v>0</v>
      </c>
      <c r="D2020" s="166">
        <v>0</v>
      </c>
      <c r="E2020" s="166">
        <v>0</v>
      </c>
      <c r="F2020" s="166">
        <v>0</v>
      </c>
      <c r="G2020" s="166">
        <v>0</v>
      </c>
      <c r="H2020" s="166">
        <v>0</v>
      </c>
      <c r="I2020" s="166">
        <v>0</v>
      </c>
      <c r="J2020" s="166">
        <v>0</v>
      </c>
      <c r="K2020" s="166">
        <v>0</v>
      </c>
      <c r="L2020" s="166">
        <v>0</v>
      </c>
      <c r="M2020" s="166">
        <v>0</v>
      </c>
      <c r="N2020" s="166">
        <v>0</v>
      </c>
      <c r="O2020" s="166">
        <v>0</v>
      </c>
      <c r="P2020" s="166">
        <v>0</v>
      </c>
      <c r="Q2020" s="166">
        <v>0</v>
      </c>
      <c r="R2020" s="166">
        <v>0</v>
      </c>
      <c r="S2020" s="166">
        <v>0</v>
      </c>
      <c r="T2020" s="166">
        <v>0</v>
      </c>
      <c r="U2020" s="166">
        <v>0</v>
      </c>
      <c r="V2020" s="166">
        <v>0</v>
      </c>
      <c r="W2020" s="166">
        <v>0</v>
      </c>
      <c r="X2020" s="166">
        <v>0</v>
      </c>
      <c r="Y2020" s="166">
        <v>0</v>
      </c>
      <c r="Z2020" s="166">
        <v>0</v>
      </c>
      <c r="AA2020" s="166">
        <v>0</v>
      </c>
      <c r="AB2020" s="166">
        <v>0</v>
      </c>
      <c r="AC2020" s="166">
        <v>0</v>
      </c>
      <c r="AD2020" s="166">
        <v>0</v>
      </c>
      <c r="AE2020" s="166">
        <v>0</v>
      </c>
      <c r="AF2020" s="166">
        <v>0</v>
      </c>
      <c r="AG2020" s="166">
        <v>0</v>
      </c>
      <c r="AH2020" s="166">
        <v>0</v>
      </c>
      <c r="AI2020" s="166">
        <v>0</v>
      </c>
      <c r="AJ2020" s="166">
        <v>0</v>
      </c>
      <c r="AK2020" s="166">
        <v>0</v>
      </c>
      <c r="AL2020" s="166">
        <v>0</v>
      </c>
      <c r="AM2020" s="166">
        <v>0</v>
      </c>
      <c r="AN2020" s="166">
        <v>0</v>
      </c>
      <c r="AO2020" s="166">
        <v>0</v>
      </c>
      <c r="AP2020" s="166">
        <v>0</v>
      </c>
      <c r="AQ2020" s="166">
        <v>0</v>
      </c>
      <c r="AR2020" s="166">
        <v>0</v>
      </c>
      <c r="AS2020" s="166">
        <v>0</v>
      </c>
      <c r="AT2020" s="166">
        <v>0</v>
      </c>
      <c r="AU2020" s="166">
        <v>0</v>
      </c>
      <c r="AV2020" s="166">
        <v>0</v>
      </c>
      <c r="AW2020" s="166">
        <v>0</v>
      </c>
      <c r="AX2020" s="166">
        <v>0</v>
      </c>
      <c r="AY2020" s="166">
        <v>0</v>
      </c>
      <c r="AZ2020" s="166">
        <v>0</v>
      </c>
      <c r="BA2020" s="166">
        <v>0</v>
      </c>
      <c r="BB2020" s="166">
        <v>0</v>
      </c>
      <c r="BC2020" s="166">
        <v>0</v>
      </c>
      <c r="BD2020" s="166">
        <v>0</v>
      </c>
      <c r="BE2020" s="166">
        <v>0</v>
      </c>
      <c r="BF2020" s="166">
        <v>0</v>
      </c>
      <c r="BG2020" s="166">
        <v>0</v>
      </c>
      <c r="BH2020" s="166">
        <v>0</v>
      </c>
      <c r="BI2020" s="166">
        <v>0</v>
      </c>
      <c r="BJ2020" s="166">
        <v>0</v>
      </c>
      <c r="BK2020" s="166">
        <v>0</v>
      </c>
      <c r="BL2020" s="166">
        <v>0</v>
      </c>
      <c r="BM2020" s="166">
        <v>0</v>
      </c>
      <c r="BN2020" s="166">
        <v>0</v>
      </c>
      <c r="BO2020" s="166">
        <v>0</v>
      </c>
      <c r="BP2020" s="166">
        <v>0</v>
      </c>
      <c r="BQ2020" s="166">
        <v>0</v>
      </c>
      <c r="BR2020" s="166">
        <v>0</v>
      </c>
      <c r="BS2020" s="166">
        <v>0</v>
      </c>
      <c r="BT2020" s="168">
        <v>0</v>
      </c>
      <c r="BU2020" s="166">
        <v>0</v>
      </c>
      <c r="BV2020" s="166">
        <v>0</v>
      </c>
      <c r="BW2020" s="166">
        <v>0</v>
      </c>
      <c r="BX2020" s="166">
        <v>0</v>
      </c>
      <c r="BY2020" s="166">
        <v>0</v>
      </c>
      <c r="BZ2020" s="166">
        <v>0</v>
      </c>
      <c r="CA2020" s="166">
        <v>0</v>
      </c>
      <c r="CB2020" s="166">
        <v>0</v>
      </c>
      <c r="CC2020" s="166">
        <v>0</v>
      </c>
      <c r="CD2020" s="166">
        <v>0</v>
      </c>
      <c r="CE2020" s="166">
        <v>0</v>
      </c>
      <c r="CF2020" s="166">
        <v>0</v>
      </c>
      <c r="CG2020" s="166">
        <v>0</v>
      </c>
      <c r="CH2020" s="166">
        <v>0</v>
      </c>
      <c r="CI2020" s="166">
        <v>0</v>
      </c>
      <c r="CJ2020" s="166">
        <v>0</v>
      </c>
      <c r="CK2020" s="166">
        <v>0</v>
      </c>
      <c r="CL2020" s="166">
        <v>0</v>
      </c>
      <c r="CM2020" s="166">
        <v>0</v>
      </c>
      <c r="CN2020" s="166">
        <v>0</v>
      </c>
      <c r="CO2020" s="166">
        <v>0</v>
      </c>
      <c r="CP2020" s="166">
        <v>0</v>
      </c>
      <c r="CQ2020" s="166">
        <v>0</v>
      </c>
      <c r="CR2020" s="166">
        <v>0</v>
      </c>
      <c r="CS2020" s="166">
        <v>0</v>
      </c>
      <c r="CT2020" s="166">
        <v>0</v>
      </c>
      <c r="CU2020" s="166">
        <v>0</v>
      </c>
      <c r="CV2020" s="166">
        <v>0</v>
      </c>
      <c r="CW2020" s="166">
        <v>0</v>
      </c>
      <c r="CX2020" s="166">
        <v>0</v>
      </c>
      <c r="CY2020" s="166">
        <v>0</v>
      </c>
      <c r="CZ2020" s="166">
        <v>0</v>
      </c>
    </row>
    <row r="2021" spans="1:104" x14ac:dyDescent="0.2">
      <c r="A2021" s="167" t="s">
        <v>1186</v>
      </c>
      <c r="B2021" s="166">
        <v>30897889.009999901</v>
      </c>
      <c r="C2021" s="166">
        <v>30897889.009999901</v>
      </c>
      <c r="D2021" s="166">
        <v>0</v>
      </c>
      <c r="E2021" s="166">
        <v>0</v>
      </c>
      <c r="F2021" s="166">
        <v>0</v>
      </c>
      <c r="G2021" s="166">
        <v>0</v>
      </c>
      <c r="H2021" s="166">
        <v>0</v>
      </c>
      <c r="I2021" s="166">
        <v>0</v>
      </c>
      <c r="J2021" s="166">
        <v>0</v>
      </c>
      <c r="K2021" s="166">
        <v>0</v>
      </c>
      <c r="L2021" s="166">
        <v>0</v>
      </c>
      <c r="M2021" s="166">
        <v>0</v>
      </c>
      <c r="N2021" s="166">
        <v>0</v>
      </c>
      <c r="O2021" s="166">
        <v>0</v>
      </c>
      <c r="P2021" s="166">
        <v>0</v>
      </c>
      <c r="Q2021" s="166">
        <v>0</v>
      </c>
      <c r="R2021" s="166">
        <v>0</v>
      </c>
      <c r="S2021" s="166">
        <v>0</v>
      </c>
      <c r="T2021" s="166">
        <v>0</v>
      </c>
      <c r="U2021" s="166">
        <v>0</v>
      </c>
      <c r="V2021" s="166">
        <v>0</v>
      </c>
      <c r="W2021" s="166">
        <v>0</v>
      </c>
      <c r="X2021" s="166">
        <v>0</v>
      </c>
      <c r="Y2021" s="166">
        <v>0</v>
      </c>
      <c r="Z2021" s="166">
        <v>0</v>
      </c>
      <c r="AA2021" s="166">
        <v>0</v>
      </c>
      <c r="AB2021" s="166">
        <v>0</v>
      </c>
      <c r="AC2021" s="166">
        <v>0</v>
      </c>
      <c r="AD2021" s="166">
        <v>0</v>
      </c>
      <c r="AE2021" s="166">
        <v>0</v>
      </c>
      <c r="AF2021" s="166">
        <v>0</v>
      </c>
      <c r="AG2021" s="166">
        <v>0</v>
      </c>
      <c r="AH2021" s="166">
        <v>0</v>
      </c>
      <c r="AI2021" s="166">
        <v>0</v>
      </c>
      <c r="AJ2021" s="166">
        <v>0</v>
      </c>
      <c r="AK2021" s="166">
        <v>0</v>
      </c>
      <c r="AL2021" s="166">
        <v>0</v>
      </c>
      <c r="AM2021" s="166">
        <v>0</v>
      </c>
      <c r="AN2021" s="166">
        <v>0</v>
      </c>
      <c r="AO2021" s="166">
        <v>0</v>
      </c>
      <c r="AP2021" s="166">
        <v>0</v>
      </c>
      <c r="AQ2021" s="166">
        <v>0</v>
      </c>
      <c r="AR2021" s="166">
        <v>0</v>
      </c>
      <c r="AS2021" s="166">
        <v>0</v>
      </c>
      <c r="AT2021" s="166">
        <v>0</v>
      </c>
      <c r="AU2021" s="166">
        <v>0</v>
      </c>
      <c r="AV2021" s="166">
        <v>0</v>
      </c>
      <c r="AW2021" s="166">
        <v>0</v>
      </c>
      <c r="AX2021" s="166">
        <v>0</v>
      </c>
      <c r="AY2021" s="166">
        <v>0</v>
      </c>
      <c r="AZ2021" s="166">
        <v>0</v>
      </c>
      <c r="BA2021" s="166">
        <v>0</v>
      </c>
      <c r="BB2021" s="166">
        <v>0</v>
      </c>
      <c r="BC2021" s="166">
        <v>0</v>
      </c>
      <c r="BD2021" s="166">
        <v>0</v>
      </c>
      <c r="BE2021" s="166">
        <v>0</v>
      </c>
      <c r="BF2021" s="166">
        <v>0</v>
      </c>
      <c r="BG2021" s="166">
        <v>0</v>
      </c>
      <c r="BH2021" s="166">
        <v>0</v>
      </c>
      <c r="BI2021" s="166">
        <v>0</v>
      </c>
      <c r="BJ2021" s="166">
        <v>0</v>
      </c>
      <c r="BK2021" s="166">
        <v>0</v>
      </c>
      <c r="BL2021" s="166">
        <v>0</v>
      </c>
      <c r="BM2021" s="166">
        <v>0</v>
      </c>
      <c r="BN2021" s="166">
        <v>0</v>
      </c>
      <c r="BO2021" s="166">
        <v>0</v>
      </c>
      <c r="BP2021" s="166">
        <v>0</v>
      </c>
      <c r="BQ2021" s="166">
        <v>0</v>
      </c>
      <c r="BR2021" s="166">
        <v>30897889.009999901</v>
      </c>
      <c r="BS2021" s="166">
        <v>30897889.009999901</v>
      </c>
      <c r="BT2021" s="168">
        <v>0</v>
      </c>
      <c r="BU2021" s="166">
        <v>2396871.60536341</v>
      </c>
      <c r="BV2021" s="166">
        <v>28831789.778064098</v>
      </c>
      <c r="BW2021" s="166">
        <v>0</v>
      </c>
      <c r="BX2021" s="166">
        <v>0</v>
      </c>
      <c r="BY2021" s="166">
        <v>0</v>
      </c>
      <c r="BZ2021" s="166">
        <v>0</v>
      </c>
      <c r="CA2021" s="166">
        <v>0</v>
      </c>
      <c r="CB2021" s="166">
        <v>0</v>
      </c>
      <c r="CC2021" s="166">
        <v>0</v>
      </c>
      <c r="CD2021" s="166">
        <v>0</v>
      </c>
      <c r="CE2021" s="166">
        <v>0</v>
      </c>
      <c r="CF2021" s="166">
        <v>0</v>
      </c>
      <c r="CG2021" s="166">
        <v>0</v>
      </c>
      <c r="CH2021" s="166">
        <v>0</v>
      </c>
      <c r="CI2021" s="166">
        <v>0</v>
      </c>
      <c r="CJ2021" s="166">
        <v>0</v>
      </c>
      <c r="CK2021" s="166">
        <v>0</v>
      </c>
      <c r="CL2021" s="166">
        <v>0</v>
      </c>
      <c r="CM2021" s="166">
        <v>0</v>
      </c>
      <c r="CN2021" s="166">
        <v>0</v>
      </c>
      <c r="CO2021" s="166">
        <v>0</v>
      </c>
      <c r="CP2021" s="166">
        <v>0</v>
      </c>
      <c r="CQ2021" s="166">
        <v>0</v>
      </c>
      <c r="CR2021" s="166">
        <v>0</v>
      </c>
      <c r="CS2021" s="166">
        <v>0</v>
      </c>
      <c r="CT2021" s="166">
        <v>0</v>
      </c>
      <c r="CU2021" s="166">
        <v>0</v>
      </c>
      <c r="CV2021" s="166">
        <v>0</v>
      </c>
      <c r="CW2021" s="166">
        <v>0</v>
      </c>
      <c r="CX2021" s="166">
        <v>0</v>
      </c>
      <c r="CY2021" s="166">
        <v>28831789.778064098</v>
      </c>
      <c r="CZ2021" s="166">
        <v>28831789.778064098</v>
      </c>
    </row>
    <row r="2022" spans="1:104" x14ac:dyDescent="0.2">
      <c r="A2022" s="167" t="s">
        <v>1187</v>
      </c>
    </row>
    <row r="2023" spans="1:104" x14ac:dyDescent="0.2">
      <c r="A2023" s="167" t="s">
        <v>1188</v>
      </c>
      <c r="B2023" s="166">
        <v>0</v>
      </c>
      <c r="C2023" s="166">
        <v>0</v>
      </c>
      <c r="D2023" s="166">
        <v>0</v>
      </c>
      <c r="E2023" s="166">
        <v>0</v>
      </c>
      <c r="F2023" s="166">
        <v>0</v>
      </c>
      <c r="G2023" s="166">
        <v>0</v>
      </c>
      <c r="H2023" s="166">
        <v>0</v>
      </c>
      <c r="I2023" s="166">
        <v>0</v>
      </c>
      <c r="J2023" s="166">
        <v>0</v>
      </c>
      <c r="K2023" s="166">
        <v>0</v>
      </c>
      <c r="L2023" s="166">
        <v>0</v>
      </c>
      <c r="M2023" s="166">
        <v>0</v>
      </c>
      <c r="N2023" s="166">
        <v>0</v>
      </c>
      <c r="O2023" s="166">
        <v>0</v>
      </c>
      <c r="P2023" s="166">
        <v>0</v>
      </c>
      <c r="Q2023" s="166">
        <v>0</v>
      </c>
      <c r="R2023" s="166">
        <v>0</v>
      </c>
      <c r="S2023" s="166">
        <v>0</v>
      </c>
      <c r="T2023" s="166">
        <v>0</v>
      </c>
      <c r="U2023" s="166">
        <v>0</v>
      </c>
      <c r="V2023" s="166">
        <v>0</v>
      </c>
      <c r="W2023" s="166">
        <v>0</v>
      </c>
      <c r="X2023" s="166">
        <v>0</v>
      </c>
      <c r="Y2023" s="166">
        <v>0</v>
      </c>
      <c r="Z2023" s="166">
        <v>0</v>
      </c>
      <c r="AA2023" s="166">
        <v>0</v>
      </c>
      <c r="AB2023" s="166">
        <v>0</v>
      </c>
      <c r="AC2023" s="166">
        <v>0</v>
      </c>
      <c r="AD2023" s="166">
        <v>0</v>
      </c>
      <c r="AE2023" s="166">
        <v>0</v>
      </c>
      <c r="AF2023" s="166">
        <v>0</v>
      </c>
      <c r="AG2023" s="166">
        <v>0</v>
      </c>
      <c r="AH2023" s="166">
        <v>0</v>
      </c>
      <c r="AI2023" s="166">
        <v>0</v>
      </c>
      <c r="AJ2023" s="166">
        <v>0</v>
      </c>
      <c r="AK2023" s="166">
        <v>0</v>
      </c>
      <c r="AL2023" s="166">
        <v>0</v>
      </c>
      <c r="AM2023" s="166">
        <v>0</v>
      </c>
      <c r="AN2023" s="166">
        <v>0</v>
      </c>
      <c r="AO2023" s="166">
        <v>0</v>
      </c>
      <c r="AP2023" s="166">
        <v>0</v>
      </c>
      <c r="AQ2023" s="166">
        <v>0</v>
      </c>
      <c r="AR2023" s="166">
        <v>0</v>
      </c>
      <c r="AS2023" s="166">
        <v>0</v>
      </c>
      <c r="AT2023" s="166">
        <v>0</v>
      </c>
      <c r="AU2023" s="166">
        <v>0</v>
      </c>
      <c r="AV2023" s="166">
        <v>0</v>
      </c>
      <c r="AW2023" s="166">
        <v>0</v>
      </c>
      <c r="AX2023" s="166">
        <v>0</v>
      </c>
      <c r="AY2023" s="166">
        <v>0</v>
      </c>
      <c r="AZ2023" s="166">
        <v>0</v>
      </c>
      <c r="BA2023" s="166">
        <v>0</v>
      </c>
      <c r="BB2023" s="166">
        <v>0</v>
      </c>
      <c r="BC2023" s="166">
        <v>0</v>
      </c>
      <c r="BD2023" s="166">
        <v>0</v>
      </c>
      <c r="BE2023" s="166">
        <v>0</v>
      </c>
      <c r="BF2023" s="166">
        <v>0</v>
      </c>
      <c r="BG2023" s="166">
        <v>0</v>
      </c>
      <c r="BH2023" s="166">
        <v>0</v>
      </c>
      <c r="BI2023" s="166">
        <v>0</v>
      </c>
      <c r="BJ2023" s="166">
        <v>0</v>
      </c>
      <c r="BK2023" s="166">
        <v>0</v>
      </c>
      <c r="BL2023" s="166">
        <v>0</v>
      </c>
      <c r="BM2023" s="166">
        <v>0</v>
      </c>
      <c r="BN2023" s="166">
        <v>0</v>
      </c>
      <c r="BO2023" s="166">
        <v>0</v>
      </c>
      <c r="BP2023" s="166">
        <v>0</v>
      </c>
      <c r="BQ2023" s="166">
        <v>0</v>
      </c>
      <c r="BR2023" s="166">
        <v>0</v>
      </c>
      <c r="BS2023" s="166">
        <v>0</v>
      </c>
      <c r="BT2023" s="168">
        <v>0</v>
      </c>
      <c r="BU2023" s="166">
        <v>0</v>
      </c>
      <c r="BV2023" s="166">
        <v>0</v>
      </c>
      <c r="BW2023" s="166">
        <v>0</v>
      </c>
      <c r="BX2023" s="166">
        <v>0</v>
      </c>
      <c r="BY2023" s="166">
        <v>0</v>
      </c>
      <c r="BZ2023" s="166">
        <v>0</v>
      </c>
      <c r="CA2023" s="166">
        <v>0</v>
      </c>
      <c r="CB2023" s="166">
        <v>0</v>
      </c>
      <c r="CC2023" s="166">
        <v>0</v>
      </c>
      <c r="CD2023" s="166">
        <v>0</v>
      </c>
      <c r="CE2023" s="166">
        <v>0</v>
      </c>
      <c r="CF2023" s="166">
        <v>0</v>
      </c>
      <c r="CG2023" s="166">
        <v>0</v>
      </c>
      <c r="CH2023" s="166">
        <v>0</v>
      </c>
      <c r="CI2023" s="166">
        <v>0</v>
      </c>
      <c r="CJ2023" s="166">
        <v>0</v>
      </c>
      <c r="CK2023" s="166">
        <v>0</v>
      </c>
      <c r="CL2023" s="166">
        <v>0</v>
      </c>
      <c r="CM2023" s="166">
        <v>0</v>
      </c>
      <c r="CN2023" s="166">
        <v>0</v>
      </c>
      <c r="CO2023" s="166">
        <v>0</v>
      </c>
      <c r="CP2023" s="166">
        <v>0</v>
      </c>
      <c r="CQ2023" s="166">
        <v>0</v>
      </c>
      <c r="CR2023" s="166">
        <v>0</v>
      </c>
      <c r="CS2023" s="166">
        <v>0</v>
      </c>
      <c r="CT2023" s="166">
        <v>0</v>
      </c>
      <c r="CU2023" s="166">
        <v>0</v>
      </c>
      <c r="CV2023" s="166">
        <v>0</v>
      </c>
      <c r="CW2023" s="166">
        <v>0</v>
      </c>
      <c r="CX2023" s="166">
        <v>0</v>
      </c>
      <c r="CY2023" s="166">
        <v>0</v>
      </c>
      <c r="CZ2023" s="166">
        <v>0</v>
      </c>
    </row>
    <row r="2024" spans="1:104" x14ac:dyDescent="0.2">
      <c r="A2024" s="167" t="s">
        <v>431</v>
      </c>
      <c r="B2024" s="166">
        <v>0</v>
      </c>
      <c r="C2024" s="166">
        <v>0</v>
      </c>
      <c r="D2024" s="166">
        <v>0</v>
      </c>
      <c r="E2024" s="166">
        <v>0</v>
      </c>
      <c r="F2024" s="166">
        <v>0</v>
      </c>
      <c r="G2024" s="166">
        <v>0</v>
      </c>
      <c r="H2024" s="166">
        <v>0</v>
      </c>
      <c r="I2024" s="166">
        <v>0</v>
      </c>
      <c r="J2024" s="166">
        <v>0</v>
      </c>
      <c r="K2024" s="166">
        <v>0</v>
      </c>
      <c r="L2024" s="166">
        <v>0</v>
      </c>
      <c r="M2024" s="166">
        <v>0</v>
      </c>
      <c r="N2024" s="166">
        <v>0</v>
      </c>
      <c r="O2024" s="166">
        <v>0</v>
      </c>
      <c r="P2024" s="166">
        <v>0</v>
      </c>
      <c r="Q2024" s="166">
        <v>0</v>
      </c>
      <c r="R2024" s="166">
        <v>0</v>
      </c>
      <c r="S2024" s="166">
        <v>0</v>
      </c>
      <c r="T2024" s="166">
        <v>0</v>
      </c>
      <c r="U2024" s="166">
        <v>0</v>
      </c>
      <c r="V2024" s="166">
        <v>0</v>
      </c>
      <c r="W2024" s="166">
        <v>0</v>
      </c>
      <c r="X2024" s="166">
        <v>0</v>
      </c>
      <c r="Y2024" s="166">
        <v>0</v>
      </c>
      <c r="Z2024" s="166">
        <v>0</v>
      </c>
      <c r="AA2024" s="166">
        <v>0</v>
      </c>
      <c r="AB2024" s="166">
        <v>0</v>
      </c>
      <c r="AC2024" s="166">
        <v>0</v>
      </c>
      <c r="AD2024" s="166">
        <v>0</v>
      </c>
      <c r="AE2024" s="166">
        <v>0</v>
      </c>
      <c r="AF2024" s="166">
        <v>0</v>
      </c>
      <c r="AG2024" s="166">
        <v>0</v>
      </c>
      <c r="AH2024" s="166">
        <v>0</v>
      </c>
      <c r="AI2024" s="166">
        <v>0</v>
      </c>
      <c r="AJ2024" s="166">
        <v>0</v>
      </c>
      <c r="AK2024" s="166">
        <v>0</v>
      </c>
      <c r="AL2024" s="166">
        <v>0</v>
      </c>
      <c r="AM2024" s="166">
        <v>0</v>
      </c>
      <c r="AN2024" s="166">
        <v>0</v>
      </c>
      <c r="AO2024" s="166">
        <v>0</v>
      </c>
      <c r="AP2024" s="166">
        <v>0</v>
      </c>
      <c r="AQ2024" s="166">
        <v>0</v>
      </c>
      <c r="AR2024" s="166">
        <v>0</v>
      </c>
      <c r="AS2024" s="166">
        <v>0</v>
      </c>
      <c r="AT2024" s="166">
        <v>0</v>
      </c>
      <c r="AU2024" s="166">
        <v>0</v>
      </c>
      <c r="AV2024" s="166">
        <v>0</v>
      </c>
      <c r="AW2024" s="166">
        <v>0</v>
      </c>
      <c r="AX2024" s="166">
        <v>0</v>
      </c>
      <c r="AY2024" s="166">
        <v>0</v>
      </c>
      <c r="AZ2024" s="166">
        <v>0</v>
      </c>
      <c r="BA2024" s="166">
        <v>0</v>
      </c>
      <c r="BB2024" s="166">
        <v>0</v>
      </c>
      <c r="BC2024" s="166">
        <v>0</v>
      </c>
      <c r="BD2024" s="166">
        <v>0</v>
      </c>
      <c r="BE2024" s="166">
        <v>0</v>
      </c>
      <c r="BF2024" s="166">
        <v>0</v>
      </c>
      <c r="BG2024" s="166">
        <v>0</v>
      </c>
      <c r="BH2024" s="166">
        <v>0</v>
      </c>
      <c r="BI2024" s="166">
        <v>0</v>
      </c>
      <c r="BJ2024" s="166">
        <v>0</v>
      </c>
      <c r="BK2024" s="166">
        <v>0</v>
      </c>
      <c r="BL2024" s="166">
        <v>0</v>
      </c>
      <c r="BM2024" s="166">
        <v>0</v>
      </c>
      <c r="BN2024" s="166">
        <v>0</v>
      </c>
      <c r="BO2024" s="166">
        <v>0</v>
      </c>
      <c r="BP2024" s="166">
        <v>0</v>
      </c>
      <c r="BQ2024" s="166">
        <v>0</v>
      </c>
      <c r="BR2024" s="166">
        <v>0</v>
      </c>
      <c r="BS2024" s="166">
        <v>0</v>
      </c>
      <c r="BT2024" s="168">
        <v>1</v>
      </c>
      <c r="BU2024" s="166">
        <v>0</v>
      </c>
      <c r="BV2024" s="166">
        <v>0</v>
      </c>
      <c r="BW2024" s="166">
        <v>0</v>
      </c>
      <c r="BX2024" s="166">
        <v>0</v>
      </c>
      <c r="BY2024" s="166">
        <v>0</v>
      </c>
      <c r="BZ2024" s="166">
        <v>0</v>
      </c>
      <c r="CA2024" s="166">
        <v>0</v>
      </c>
      <c r="CB2024" s="166">
        <v>0</v>
      </c>
      <c r="CC2024" s="166">
        <v>0</v>
      </c>
      <c r="CD2024" s="166">
        <v>0</v>
      </c>
      <c r="CE2024" s="166">
        <v>0</v>
      </c>
      <c r="CF2024" s="166">
        <v>0</v>
      </c>
      <c r="CG2024" s="166">
        <v>0</v>
      </c>
      <c r="CH2024" s="166">
        <v>0</v>
      </c>
      <c r="CI2024" s="166">
        <v>0</v>
      </c>
      <c r="CJ2024" s="166">
        <v>0</v>
      </c>
      <c r="CK2024" s="166">
        <v>0</v>
      </c>
      <c r="CL2024" s="166">
        <v>0</v>
      </c>
      <c r="CM2024" s="166">
        <v>0</v>
      </c>
      <c r="CN2024" s="166">
        <v>0</v>
      </c>
      <c r="CO2024" s="166">
        <v>0</v>
      </c>
      <c r="CP2024" s="166">
        <v>0</v>
      </c>
      <c r="CQ2024" s="166">
        <v>0</v>
      </c>
      <c r="CR2024" s="166">
        <v>0</v>
      </c>
      <c r="CS2024" s="166">
        <v>0</v>
      </c>
      <c r="CT2024" s="166">
        <v>0</v>
      </c>
      <c r="CU2024" s="166">
        <v>0</v>
      </c>
      <c r="CV2024" s="166">
        <v>0</v>
      </c>
      <c r="CW2024" s="166">
        <v>0</v>
      </c>
      <c r="CX2024" s="166">
        <v>0</v>
      </c>
      <c r="CY2024" s="166">
        <v>0</v>
      </c>
      <c r="CZ2024" s="166">
        <v>0</v>
      </c>
    </row>
    <row r="2025" spans="1:104" x14ac:dyDescent="0.2">
      <c r="A2025" s="167" t="s">
        <v>432</v>
      </c>
      <c r="B2025" s="166">
        <v>0</v>
      </c>
      <c r="C2025" s="166">
        <v>0</v>
      </c>
      <c r="D2025" s="166">
        <v>0</v>
      </c>
      <c r="E2025" s="166">
        <v>0</v>
      </c>
      <c r="F2025" s="166">
        <v>0</v>
      </c>
      <c r="G2025" s="166">
        <v>0</v>
      </c>
      <c r="H2025" s="166">
        <v>0</v>
      </c>
      <c r="I2025" s="166">
        <v>0</v>
      </c>
      <c r="J2025" s="166">
        <v>0</v>
      </c>
      <c r="K2025" s="166">
        <v>0</v>
      </c>
      <c r="L2025" s="166">
        <v>0</v>
      </c>
      <c r="M2025" s="166">
        <v>0</v>
      </c>
      <c r="N2025" s="166">
        <v>0</v>
      </c>
      <c r="O2025" s="166">
        <v>0</v>
      </c>
      <c r="P2025" s="166">
        <v>0</v>
      </c>
      <c r="Q2025" s="166">
        <v>0</v>
      </c>
      <c r="R2025" s="166">
        <v>0</v>
      </c>
      <c r="S2025" s="166">
        <v>0</v>
      </c>
      <c r="T2025" s="166">
        <v>0</v>
      </c>
      <c r="U2025" s="166">
        <v>0</v>
      </c>
      <c r="V2025" s="166">
        <v>0</v>
      </c>
      <c r="W2025" s="166">
        <v>0</v>
      </c>
      <c r="X2025" s="166">
        <v>0</v>
      </c>
      <c r="Y2025" s="166">
        <v>0</v>
      </c>
      <c r="Z2025" s="166">
        <v>0</v>
      </c>
      <c r="AA2025" s="166">
        <v>0</v>
      </c>
      <c r="AB2025" s="166">
        <v>0</v>
      </c>
      <c r="AC2025" s="166">
        <v>0</v>
      </c>
      <c r="AD2025" s="166">
        <v>0</v>
      </c>
      <c r="AE2025" s="166">
        <v>0</v>
      </c>
      <c r="AF2025" s="166">
        <v>0</v>
      </c>
      <c r="AG2025" s="166">
        <v>0</v>
      </c>
      <c r="AH2025" s="166">
        <v>0</v>
      </c>
      <c r="AI2025" s="166">
        <v>0</v>
      </c>
      <c r="AJ2025" s="166">
        <v>0</v>
      </c>
      <c r="AK2025" s="166">
        <v>0</v>
      </c>
      <c r="AL2025" s="166">
        <v>0</v>
      </c>
      <c r="AM2025" s="166">
        <v>0</v>
      </c>
      <c r="AN2025" s="166">
        <v>0</v>
      </c>
      <c r="AO2025" s="166">
        <v>0</v>
      </c>
      <c r="AP2025" s="166">
        <v>0</v>
      </c>
      <c r="AQ2025" s="166">
        <v>0</v>
      </c>
      <c r="AR2025" s="166">
        <v>0</v>
      </c>
      <c r="AS2025" s="166">
        <v>0</v>
      </c>
      <c r="AT2025" s="166">
        <v>0</v>
      </c>
      <c r="AU2025" s="166">
        <v>0</v>
      </c>
      <c r="AV2025" s="166">
        <v>0</v>
      </c>
      <c r="AW2025" s="166">
        <v>0</v>
      </c>
      <c r="AX2025" s="166">
        <v>0</v>
      </c>
      <c r="AY2025" s="166">
        <v>0</v>
      </c>
      <c r="AZ2025" s="166">
        <v>0</v>
      </c>
      <c r="BA2025" s="166">
        <v>0</v>
      </c>
      <c r="BB2025" s="166">
        <v>0</v>
      </c>
      <c r="BC2025" s="166">
        <v>0</v>
      </c>
      <c r="BD2025" s="166">
        <v>0</v>
      </c>
      <c r="BE2025" s="166">
        <v>0</v>
      </c>
      <c r="BF2025" s="166">
        <v>0</v>
      </c>
      <c r="BG2025" s="166">
        <v>0</v>
      </c>
      <c r="BH2025" s="166">
        <v>0</v>
      </c>
      <c r="BI2025" s="166">
        <v>0</v>
      </c>
      <c r="BJ2025" s="166">
        <v>0</v>
      </c>
      <c r="BK2025" s="166">
        <v>0</v>
      </c>
      <c r="BL2025" s="166">
        <v>0</v>
      </c>
      <c r="BM2025" s="166">
        <v>0</v>
      </c>
      <c r="BN2025" s="166">
        <v>0</v>
      </c>
      <c r="BO2025" s="166">
        <v>0</v>
      </c>
      <c r="BP2025" s="166">
        <v>0</v>
      </c>
      <c r="BQ2025" s="166">
        <v>0</v>
      </c>
      <c r="BR2025" s="166">
        <v>0</v>
      </c>
      <c r="BS2025" s="166">
        <v>0</v>
      </c>
      <c r="BT2025" s="168">
        <v>1</v>
      </c>
      <c r="BU2025" s="166">
        <v>0</v>
      </c>
      <c r="BV2025" s="166">
        <v>0</v>
      </c>
      <c r="BW2025" s="166">
        <v>0</v>
      </c>
      <c r="BX2025" s="166">
        <v>0</v>
      </c>
      <c r="BY2025" s="166">
        <v>0</v>
      </c>
      <c r="BZ2025" s="166">
        <v>0</v>
      </c>
      <c r="CA2025" s="166">
        <v>0</v>
      </c>
      <c r="CB2025" s="166">
        <v>0</v>
      </c>
      <c r="CC2025" s="166">
        <v>0</v>
      </c>
      <c r="CD2025" s="166">
        <v>0</v>
      </c>
      <c r="CE2025" s="166">
        <v>0</v>
      </c>
      <c r="CF2025" s="166">
        <v>0</v>
      </c>
      <c r="CG2025" s="166">
        <v>0</v>
      </c>
      <c r="CH2025" s="166">
        <v>0</v>
      </c>
      <c r="CI2025" s="166">
        <v>0</v>
      </c>
      <c r="CJ2025" s="166">
        <v>0</v>
      </c>
      <c r="CK2025" s="166">
        <v>0</v>
      </c>
      <c r="CL2025" s="166">
        <v>0</v>
      </c>
      <c r="CM2025" s="166">
        <v>0</v>
      </c>
      <c r="CN2025" s="166">
        <v>0</v>
      </c>
      <c r="CO2025" s="166">
        <v>0</v>
      </c>
      <c r="CP2025" s="166">
        <v>0</v>
      </c>
      <c r="CQ2025" s="166">
        <v>0</v>
      </c>
      <c r="CR2025" s="166">
        <v>0</v>
      </c>
      <c r="CS2025" s="166">
        <v>0</v>
      </c>
      <c r="CT2025" s="166">
        <v>0</v>
      </c>
      <c r="CU2025" s="166">
        <v>0</v>
      </c>
      <c r="CV2025" s="166">
        <v>0</v>
      </c>
      <c r="CW2025" s="166">
        <v>0</v>
      </c>
      <c r="CX2025" s="166">
        <v>0</v>
      </c>
      <c r="CY2025" s="166">
        <v>0</v>
      </c>
      <c r="CZ2025" s="166">
        <v>0</v>
      </c>
    </row>
    <row r="2026" spans="1:104" x14ac:dyDescent="0.2">
      <c r="A2026" s="167" t="s">
        <v>433</v>
      </c>
      <c r="B2026" s="166">
        <v>0</v>
      </c>
      <c r="C2026" s="166">
        <v>0</v>
      </c>
      <c r="D2026" s="166">
        <v>0</v>
      </c>
      <c r="E2026" s="166">
        <v>0</v>
      </c>
      <c r="F2026" s="166">
        <v>0</v>
      </c>
      <c r="G2026" s="166">
        <v>0</v>
      </c>
      <c r="H2026" s="166">
        <v>0</v>
      </c>
      <c r="I2026" s="166">
        <v>0</v>
      </c>
      <c r="J2026" s="166">
        <v>0</v>
      </c>
      <c r="K2026" s="166">
        <v>0</v>
      </c>
      <c r="L2026" s="166">
        <v>0</v>
      </c>
      <c r="M2026" s="166">
        <v>0</v>
      </c>
      <c r="N2026" s="166">
        <v>0</v>
      </c>
      <c r="O2026" s="166">
        <v>0</v>
      </c>
      <c r="P2026" s="166">
        <v>0</v>
      </c>
      <c r="Q2026" s="166">
        <v>0</v>
      </c>
      <c r="R2026" s="166">
        <v>0</v>
      </c>
      <c r="S2026" s="166">
        <v>0</v>
      </c>
      <c r="T2026" s="166">
        <v>0</v>
      </c>
      <c r="U2026" s="166">
        <v>0</v>
      </c>
      <c r="V2026" s="166">
        <v>0</v>
      </c>
      <c r="W2026" s="166">
        <v>0</v>
      </c>
      <c r="X2026" s="166">
        <v>0</v>
      </c>
      <c r="Y2026" s="166">
        <v>0</v>
      </c>
      <c r="Z2026" s="166">
        <v>0</v>
      </c>
      <c r="AA2026" s="166">
        <v>0</v>
      </c>
      <c r="AB2026" s="166">
        <v>0</v>
      </c>
      <c r="AC2026" s="166">
        <v>0</v>
      </c>
      <c r="AD2026" s="166">
        <v>0</v>
      </c>
      <c r="AE2026" s="166">
        <v>0</v>
      </c>
      <c r="AF2026" s="166">
        <v>0</v>
      </c>
      <c r="AG2026" s="166">
        <v>0</v>
      </c>
      <c r="AH2026" s="166">
        <v>0</v>
      </c>
      <c r="AI2026" s="166">
        <v>0</v>
      </c>
      <c r="AJ2026" s="166">
        <v>0</v>
      </c>
      <c r="AK2026" s="166">
        <v>0</v>
      </c>
      <c r="AL2026" s="166">
        <v>0</v>
      </c>
      <c r="AM2026" s="166">
        <v>0</v>
      </c>
      <c r="AN2026" s="166">
        <v>0</v>
      </c>
      <c r="AO2026" s="166">
        <v>0</v>
      </c>
      <c r="AP2026" s="166">
        <v>0</v>
      </c>
      <c r="AQ2026" s="166">
        <v>0</v>
      </c>
      <c r="AR2026" s="166">
        <v>0</v>
      </c>
      <c r="AS2026" s="166">
        <v>0</v>
      </c>
      <c r="AT2026" s="166">
        <v>0</v>
      </c>
      <c r="AU2026" s="166">
        <v>0</v>
      </c>
      <c r="AV2026" s="166">
        <v>0</v>
      </c>
      <c r="AW2026" s="166">
        <v>0</v>
      </c>
      <c r="AX2026" s="166">
        <v>0</v>
      </c>
      <c r="AY2026" s="166">
        <v>0</v>
      </c>
      <c r="AZ2026" s="166">
        <v>0</v>
      </c>
      <c r="BA2026" s="166">
        <v>0</v>
      </c>
      <c r="BB2026" s="166">
        <v>0</v>
      </c>
      <c r="BC2026" s="166">
        <v>0</v>
      </c>
      <c r="BD2026" s="166">
        <v>0</v>
      </c>
      <c r="BE2026" s="166">
        <v>0</v>
      </c>
      <c r="BF2026" s="166">
        <v>0</v>
      </c>
      <c r="BG2026" s="166">
        <v>0</v>
      </c>
      <c r="BH2026" s="166">
        <v>0</v>
      </c>
      <c r="BI2026" s="166">
        <v>0</v>
      </c>
      <c r="BJ2026" s="166">
        <v>0</v>
      </c>
      <c r="BK2026" s="166">
        <v>0</v>
      </c>
      <c r="BL2026" s="166">
        <v>0</v>
      </c>
      <c r="BM2026" s="166">
        <v>0</v>
      </c>
      <c r="BN2026" s="166">
        <v>0</v>
      </c>
      <c r="BO2026" s="166">
        <v>0</v>
      </c>
      <c r="BP2026" s="166">
        <v>0</v>
      </c>
      <c r="BQ2026" s="166">
        <v>0</v>
      </c>
      <c r="BR2026" s="166">
        <v>0</v>
      </c>
      <c r="BS2026" s="166">
        <v>0</v>
      </c>
      <c r="BT2026" s="168">
        <v>0</v>
      </c>
      <c r="BU2026" s="166">
        <v>0</v>
      </c>
      <c r="BV2026" s="166">
        <v>0</v>
      </c>
      <c r="BW2026" s="166">
        <v>0</v>
      </c>
      <c r="BX2026" s="166">
        <v>0</v>
      </c>
      <c r="BY2026" s="166">
        <v>0</v>
      </c>
      <c r="BZ2026" s="166">
        <v>0</v>
      </c>
      <c r="CA2026" s="166">
        <v>0</v>
      </c>
      <c r="CB2026" s="166">
        <v>0</v>
      </c>
      <c r="CC2026" s="166">
        <v>0</v>
      </c>
      <c r="CD2026" s="166">
        <v>0</v>
      </c>
      <c r="CE2026" s="166">
        <v>0</v>
      </c>
      <c r="CF2026" s="166">
        <v>0</v>
      </c>
      <c r="CG2026" s="166">
        <v>0</v>
      </c>
      <c r="CH2026" s="166">
        <v>0</v>
      </c>
      <c r="CI2026" s="166">
        <v>0</v>
      </c>
      <c r="CJ2026" s="166">
        <v>0</v>
      </c>
      <c r="CK2026" s="166">
        <v>0</v>
      </c>
      <c r="CL2026" s="166">
        <v>0</v>
      </c>
      <c r="CM2026" s="166">
        <v>0</v>
      </c>
      <c r="CN2026" s="166">
        <v>0</v>
      </c>
      <c r="CO2026" s="166">
        <v>0</v>
      </c>
      <c r="CP2026" s="166">
        <v>0</v>
      </c>
      <c r="CQ2026" s="166">
        <v>0</v>
      </c>
      <c r="CR2026" s="166">
        <v>0</v>
      </c>
      <c r="CS2026" s="166">
        <v>0</v>
      </c>
      <c r="CT2026" s="166">
        <v>0</v>
      </c>
      <c r="CU2026" s="166">
        <v>0</v>
      </c>
      <c r="CV2026" s="166">
        <v>0</v>
      </c>
      <c r="CW2026" s="166">
        <v>0</v>
      </c>
      <c r="CX2026" s="166">
        <v>0</v>
      </c>
      <c r="CY2026" s="166">
        <v>0</v>
      </c>
      <c r="CZ2026" s="166">
        <v>0</v>
      </c>
    </row>
    <row r="2027" spans="1:104" x14ac:dyDescent="0.2">
      <c r="A2027" s="167" t="s">
        <v>434</v>
      </c>
    </row>
    <row r="2028" spans="1:104" x14ac:dyDescent="0.2">
      <c r="A2028" s="167" t="s">
        <v>1189</v>
      </c>
      <c r="B2028" s="166">
        <v>7335233</v>
      </c>
      <c r="C2028" s="166">
        <v>7335233</v>
      </c>
      <c r="D2028" s="166">
        <v>0</v>
      </c>
      <c r="E2028" s="166">
        <v>0</v>
      </c>
      <c r="F2028" s="166">
        <v>0</v>
      </c>
      <c r="G2028" s="166">
        <v>0</v>
      </c>
      <c r="H2028" s="166">
        <v>0</v>
      </c>
      <c r="I2028" s="166">
        <v>0</v>
      </c>
      <c r="J2028" s="166">
        <v>0</v>
      </c>
      <c r="K2028" s="166">
        <v>0</v>
      </c>
      <c r="L2028" s="166">
        <v>0</v>
      </c>
      <c r="M2028" s="166">
        <v>0</v>
      </c>
      <c r="N2028" s="166">
        <v>0</v>
      </c>
      <c r="O2028" s="166">
        <v>0</v>
      </c>
      <c r="P2028" s="166">
        <v>0</v>
      </c>
      <c r="Q2028" s="166">
        <v>0</v>
      </c>
      <c r="R2028" s="166">
        <v>0</v>
      </c>
      <c r="S2028" s="166">
        <v>0</v>
      </c>
      <c r="T2028" s="166">
        <v>0</v>
      </c>
      <c r="U2028" s="166">
        <v>0</v>
      </c>
      <c r="V2028" s="166">
        <v>0</v>
      </c>
      <c r="W2028" s="166">
        <v>0</v>
      </c>
      <c r="X2028" s="166">
        <v>0</v>
      </c>
      <c r="Y2028" s="166">
        <v>0</v>
      </c>
      <c r="Z2028" s="166">
        <v>0</v>
      </c>
      <c r="AA2028" s="166">
        <v>0</v>
      </c>
      <c r="AB2028" s="166">
        <v>0</v>
      </c>
      <c r="AC2028" s="166">
        <v>0</v>
      </c>
      <c r="AD2028" s="166">
        <v>0</v>
      </c>
      <c r="AE2028" s="166">
        <v>0</v>
      </c>
      <c r="AF2028" s="166">
        <v>0</v>
      </c>
      <c r="AG2028" s="166">
        <v>0</v>
      </c>
      <c r="AH2028" s="166">
        <v>0</v>
      </c>
      <c r="AI2028" s="166">
        <v>0</v>
      </c>
      <c r="AJ2028" s="166">
        <v>0</v>
      </c>
      <c r="AK2028" s="166">
        <v>0</v>
      </c>
      <c r="AL2028" s="166">
        <v>0</v>
      </c>
      <c r="AM2028" s="166">
        <v>0</v>
      </c>
      <c r="AN2028" s="166">
        <v>0</v>
      </c>
      <c r="AO2028" s="166">
        <v>0</v>
      </c>
      <c r="AP2028" s="166">
        <v>0</v>
      </c>
      <c r="AQ2028" s="166">
        <v>0</v>
      </c>
      <c r="AR2028" s="166">
        <v>0</v>
      </c>
      <c r="AS2028" s="166">
        <v>0</v>
      </c>
      <c r="AT2028" s="166">
        <v>0</v>
      </c>
      <c r="AU2028" s="166">
        <v>0</v>
      </c>
      <c r="AV2028" s="166">
        <v>0</v>
      </c>
      <c r="AW2028" s="166">
        <v>0</v>
      </c>
      <c r="AX2028" s="166">
        <v>0</v>
      </c>
      <c r="AY2028" s="166">
        <v>0</v>
      </c>
      <c r="AZ2028" s="166">
        <v>0</v>
      </c>
      <c r="BA2028" s="166">
        <v>0</v>
      </c>
      <c r="BB2028" s="166">
        <v>0</v>
      </c>
      <c r="BC2028" s="166">
        <v>0</v>
      </c>
      <c r="BD2028" s="166">
        <v>0</v>
      </c>
      <c r="BE2028" s="166">
        <v>0</v>
      </c>
      <c r="BF2028" s="166">
        <v>0</v>
      </c>
      <c r="BG2028" s="166">
        <v>0</v>
      </c>
      <c r="BH2028" s="166">
        <v>0</v>
      </c>
      <c r="BI2028" s="166">
        <v>0</v>
      </c>
      <c r="BJ2028" s="166">
        <v>0</v>
      </c>
      <c r="BK2028" s="166">
        <v>0</v>
      </c>
      <c r="BL2028" s="166">
        <v>0</v>
      </c>
      <c r="BM2028" s="166">
        <v>0</v>
      </c>
      <c r="BN2028" s="166">
        <v>0</v>
      </c>
      <c r="BO2028" s="166">
        <v>0</v>
      </c>
      <c r="BP2028" s="166">
        <v>0</v>
      </c>
      <c r="BQ2028" s="166">
        <v>0</v>
      </c>
      <c r="BR2028" s="166">
        <v>7335233</v>
      </c>
      <c r="BS2028" s="166">
        <v>7335233</v>
      </c>
      <c r="BT2028" s="168">
        <v>0.96779000000000004</v>
      </c>
      <c r="BU2028" s="166">
        <v>641218.00364369899</v>
      </c>
      <c r="BV2028" s="166">
        <v>7098965.1450699996</v>
      </c>
      <c r="BW2028" s="166">
        <v>0</v>
      </c>
      <c r="BX2028" s="166">
        <v>0</v>
      </c>
      <c r="BY2028" s="166">
        <v>0</v>
      </c>
      <c r="BZ2028" s="166">
        <v>0</v>
      </c>
      <c r="CA2028" s="166">
        <v>0</v>
      </c>
      <c r="CB2028" s="166">
        <v>0</v>
      </c>
      <c r="CC2028" s="166">
        <v>0</v>
      </c>
      <c r="CD2028" s="166">
        <v>0</v>
      </c>
      <c r="CE2028" s="166">
        <v>0</v>
      </c>
      <c r="CF2028" s="166">
        <v>0</v>
      </c>
      <c r="CG2028" s="166">
        <v>0</v>
      </c>
      <c r="CH2028" s="166">
        <v>0</v>
      </c>
      <c r="CI2028" s="166">
        <v>0</v>
      </c>
      <c r="CJ2028" s="166">
        <v>0</v>
      </c>
      <c r="CK2028" s="166">
        <v>0</v>
      </c>
      <c r="CL2028" s="166">
        <v>0</v>
      </c>
      <c r="CM2028" s="166">
        <v>0</v>
      </c>
      <c r="CN2028" s="166">
        <v>0</v>
      </c>
      <c r="CO2028" s="166">
        <v>0</v>
      </c>
      <c r="CP2028" s="166">
        <v>0</v>
      </c>
      <c r="CQ2028" s="166">
        <v>0</v>
      </c>
      <c r="CR2028" s="166">
        <v>0</v>
      </c>
      <c r="CS2028" s="166">
        <v>0</v>
      </c>
      <c r="CT2028" s="166">
        <v>0</v>
      </c>
      <c r="CU2028" s="166">
        <v>0</v>
      </c>
      <c r="CV2028" s="166">
        <v>0</v>
      </c>
      <c r="CW2028" s="166">
        <v>0</v>
      </c>
      <c r="CX2028" s="166">
        <v>0</v>
      </c>
      <c r="CY2028" s="166">
        <v>7098965.1450699996</v>
      </c>
      <c r="CZ2028" s="166">
        <v>7098965.1450699996</v>
      </c>
    </row>
    <row r="2029" spans="1:104" x14ac:dyDescent="0.2">
      <c r="A2029" s="167" t="s">
        <v>1190</v>
      </c>
    </row>
    <row r="2030" spans="1:104" x14ac:dyDescent="0.2">
      <c r="A2030" s="167" t="s">
        <v>1191</v>
      </c>
      <c r="B2030" s="166">
        <v>30071015.815730002</v>
      </c>
      <c r="C2030" s="166">
        <v>30071015.815730002</v>
      </c>
      <c r="D2030" s="166">
        <v>0</v>
      </c>
      <c r="E2030" s="166">
        <v>0</v>
      </c>
      <c r="F2030" s="166">
        <v>0</v>
      </c>
      <c r="G2030" s="166">
        <v>0</v>
      </c>
      <c r="H2030" s="166">
        <v>0</v>
      </c>
      <c r="I2030" s="166">
        <v>0</v>
      </c>
      <c r="J2030" s="166">
        <v>0</v>
      </c>
      <c r="K2030" s="166">
        <v>0</v>
      </c>
      <c r="L2030" s="166">
        <v>0</v>
      </c>
      <c r="M2030" s="166">
        <v>0</v>
      </c>
      <c r="N2030" s="166">
        <v>0</v>
      </c>
      <c r="O2030" s="166">
        <v>0</v>
      </c>
      <c r="P2030" s="166">
        <v>0</v>
      </c>
      <c r="Q2030" s="166">
        <v>0</v>
      </c>
      <c r="R2030" s="166">
        <v>0</v>
      </c>
      <c r="S2030" s="166">
        <v>0</v>
      </c>
      <c r="T2030" s="166">
        <v>0</v>
      </c>
      <c r="U2030" s="166">
        <v>0</v>
      </c>
      <c r="V2030" s="166">
        <v>0</v>
      </c>
      <c r="W2030" s="166">
        <v>0</v>
      </c>
      <c r="X2030" s="166">
        <v>0</v>
      </c>
      <c r="Y2030" s="166">
        <v>0</v>
      </c>
      <c r="Z2030" s="166">
        <v>0</v>
      </c>
      <c r="AA2030" s="166">
        <v>0</v>
      </c>
      <c r="AB2030" s="166">
        <v>0</v>
      </c>
      <c r="AC2030" s="166">
        <v>0</v>
      </c>
      <c r="AD2030" s="166">
        <v>0</v>
      </c>
      <c r="AE2030" s="166">
        <v>0</v>
      </c>
      <c r="AF2030" s="166">
        <v>0</v>
      </c>
      <c r="AG2030" s="166">
        <v>0</v>
      </c>
      <c r="AH2030" s="166">
        <v>0</v>
      </c>
      <c r="AI2030" s="166">
        <v>0</v>
      </c>
      <c r="AJ2030" s="166">
        <v>0</v>
      </c>
      <c r="AK2030" s="166">
        <v>0</v>
      </c>
      <c r="AL2030" s="166">
        <v>0</v>
      </c>
      <c r="AM2030" s="166">
        <v>0</v>
      </c>
      <c r="AN2030" s="166">
        <v>0</v>
      </c>
      <c r="AO2030" s="166">
        <v>0</v>
      </c>
      <c r="AP2030" s="166">
        <v>0</v>
      </c>
      <c r="AQ2030" s="166">
        <v>0</v>
      </c>
      <c r="AR2030" s="166">
        <v>0</v>
      </c>
      <c r="AS2030" s="166">
        <v>0</v>
      </c>
      <c r="AT2030" s="166">
        <v>0</v>
      </c>
      <c r="AU2030" s="166">
        <v>0</v>
      </c>
      <c r="AV2030" s="166">
        <v>0</v>
      </c>
      <c r="AW2030" s="166">
        <v>0</v>
      </c>
      <c r="AX2030" s="166">
        <v>0</v>
      </c>
      <c r="AY2030" s="166">
        <v>0</v>
      </c>
      <c r="AZ2030" s="166">
        <v>0</v>
      </c>
      <c r="BA2030" s="166">
        <v>0</v>
      </c>
      <c r="BB2030" s="166">
        <v>0</v>
      </c>
      <c r="BC2030" s="166">
        <v>0</v>
      </c>
      <c r="BD2030" s="166">
        <v>0</v>
      </c>
      <c r="BE2030" s="166">
        <v>0</v>
      </c>
      <c r="BF2030" s="166">
        <v>0</v>
      </c>
      <c r="BG2030" s="166">
        <v>0</v>
      </c>
      <c r="BH2030" s="166">
        <v>0</v>
      </c>
      <c r="BI2030" s="166">
        <v>0</v>
      </c>
      <c r="BJ2030" s="166">
        <v>0</v>
      </c>
      <c r="BK2030" s="166">
        <v>0</v>
      </c>
      <c r="BL2030" s="166">
        <v>0</v>
      </c>
      <c r="BM2030" s="166">
        <v>0</v>
      </c>
      <c r="BN2030" s="166">
        <v>0</v>
      </c>
      <c r="BO2030" s="166">
        <v>0</v>
      </c>
      <c r="BP2030" s="166">
        <v>0</v>
      </c>
      <c r="BQ2030" s="166">
        <v>0</v>
      </c>
      <c r="BR2030" s="166">
        <v>30071015.815730002</v>
      </c>
      <c r="BS2030" s="166">
        <v>30071015.815730002</v>
      </c>
      <c r="BT2030" s="168">
        <v>0.96779000000000004</v>
      </c>
      <c r="BU2030" s="166">
        <v>4747749.6347785899</v>
      </c>
      <c r="BV2030" s="166">
        <v>29102428.3963053</v>
      </c>
      <c r="BW2030" s="166">
        <v>0</v>
      </c>
      <c r="BX2030" s="166">
        <v>0</v>
      </c>
      <c r="BY2030" s="166">
        <v>0</v>
      </c>
      <c r="BZ2030" s="166">
        <v>0</v>
      </c>
      <c r="CA2030" s="166">
        <v>0</v>
      </c>
      <c r="CB2030" s="166">
        <v>0</v>
      </c>
      <c r="CC2030" s="166">
        <v>0</v>
      </c>
      <c r="CD2030" s="166">
        <v>0</v>
      </c>
      <c r="CE2030" s="166">
        <v>0</v>
      </c>
      <c r="CF2030" s="166">
        <v>0</v>
      </c>
      <c r="CG2030" s="166">
        <v>0</v>
      </c>
      <c r="CH2030" s="166">
        <v>0</v>
      </c>
      <c r="CI2030" s="166">
        <v>0</v>
      </c>
      <c r="CJ2030" s="166">
        <v>0</v>
      </c>
      <c r="CK2030" s="166">
        <v>0</v>
      </c>
      <c r="CL2030" s="166">
        <v>0</v>
      </c>
      <c r="CM2030" s="166">
        <v>0</v>
      </c>
      <c r="CN2030" s="166">
        <v>0</v>
      </c>
      <c r="CO2030" s="166">
        <v>0</v>
      </c>
      <c r="CP2030" s="166">
        <v>0</v>
      </c>
      <c r="CQ2030" s="166">
        <v>0</v>
      </c>
      <c r="CR2030" s="166">
        <v>0</v>
      </c>
      <c r="CS2030" s="166">
        <v>0</v>
      </c>
      <c r="CT2030" s="166">
        <v>0</v>
      </c>
      <c r="CU2030" s="166">
        <v>0</v>
      </c>
      <c r="CV2030" s="166">
        <v>0</v>
      </c>
      <c r="CW2030" s="166">
        <v>0</v>
      </c>
      <c r="CX2030" s="166">
        <v>0</v>
      </c>
      <c r="CY2030" s="166">
        <v>29102428.3963053</v>
      </c>
      <c r="CZ2030" s="166">
        <v>29102428.3963053</v>
      </c>
    </row>
    <row r="2031" spans="1:104" x14ac:dyDescent="0.2">
      <c r="A2031" s="167" t="s">
        <v>1192</v>
      </c>
      <c r="B2031" s="166">
        <v>0</v>
      </c>
      <c r="C2031" s="166">
        <v>0</v>
      </c>
      <c r="D2031" s="166">
        <v>0</v>
      </c>
      <c r="E2031" s="166">
        <v>0</v>
      </c>
      <c r="F2031" s="166">
        <v>0</v>
      </c>
      <c r="G2031" s="166">
        <v>0</v>
      </c>
      <c r="H2031" s="166">
        <v>0</v>
      </c>
      <c r="I2031" s="166">
        <v>0</v>
      </c>
      <c r="J2031" s="166">
        <v>0</v>
      </c>
      <c r="K2031" s="166">
        <v>0</v>
      </c>
      <c r="L2031" s="166">
        <v>0</v>
      </c>
      <c r="M2031" s="166">
        <v>0</v>
      </c>
      <c r="N2031" s="166">
        <v>0</v>
      </c>
      <c r="O2031" s="166">
        <v>0</v>
      </c>
      <c r="P2031" s="166">
        <v>0</v>
      </c>
      <c r="Q2031" s="166">
        <v>0</v>
      </c>
      <c r="R2031" s="166">
        <v>0</v>
      </c>
      <c r="S2031" s="166">
        <v>0</v>
      </c>
      <c r="T2031" s="166">
        <v>0</v>
      </c>
      <c r="U2031" s="166">
        <v>0</v>
      </c>
      <c r="V2031" s="166">
        <v>0</v>
      </c>
      <c r="W2031" s="166">
        <v>0</v>
      </c>
      <c r="X2031" s="166">
        <v>0</v>
      </c>
      <c r="Y2031" s="166">
        <v>0</v>
      </c>
      <c r="Z2031" s="166">
        <v>0</v>
      </c>
      <c r="AA2031" s="166">
        <v>0</v>
      </c>
      <c r="AB2031" s="166">
        <v>0</v>
      </c>
      <c r="AC2031" s="166">
        <v>0</v>
      </c>
      <c r="AD2031" s="166">
        <v>0</v>
      </c>
      <c r="AE2031" s="166">
        <v>0</v>
      </c>
      <c r="AF2031" s="166">
        <v>0</v>
      </c>
      <c r="AG2031" s="166">
        <v>0</v>
      </c>
      <c r="AH2031" s="166">
        <v>0</v>
      </c>
      <c r="AI2031" s="166">
        <v>0</v>
      </c>
      <c r="AJ2031" s="166">
        <v>0</v>
      </c>
      <c r="AK2031" s="166">
        <v>0</v>
      </c>
      <c r="AL2031" s="166">
        <v>0</v>
      </c>
      <c r="AM2031" s="166">
        <v>0</v>
      </c>
      <c r="AN2031" s="166">
        <v>0</v>
      </c>
      <c r="AO2031" s="166">
        <v>0</v>
      </c>
      <c r="AP2031" s="166">
        <v>0</v>
      </c>
      <c r="AQ2031" s="166">
        <v>0</v>
      </c>
      <c r="AR2031" s="166">
        <v>0</v>
      </c>
      <c r="AS2031" s="166">
        <v>0</v>
      </c>
      <c r="AT2031" s="166">
        <v>0</v>
      </c>
      <c r="AU2031" s="166">
        <v>0</v>
      </c>
      <c r="AV2031" s="166">
        <v>0</v>
      </c>
      <c r="AW2031" s="166">
        <v>0</v>
      </c>
      <c r="AX2031" s="166">
        <v>0</v>
      </c>
      <c r="AY2031" s="166">
        <v>0</v>
      </c>
      <c r="AZ2031" s="166">
        <v>0</v>
      </c>
      <c r="BA2031" s="166">
        <v>0</v>
      </c>
      <c r="BB2031" s="166">
        <v>0</v>
      </c>
      <c r="BC2031" s="166">
        <v>0</v>
      </c>
      <c r="BD2031" s="166">
        <v>0</v>
      </c>
      <c r="BE2031" s="166">
        <v>0</v>
      </c>
      <c r="BF2031" s="166">
        <v>0</v>
      </c>
      <c r="BG2031" s="166">
        <v>0</v>
      </c>
      <c r="BH2031" s="166">
        <v>0</v>
      </c>
      <c r="BI2031" s="166">
        <v>0</v>
      </c>
      <c r="BJ2031" s="166">
        <v>0</v>
      </c>
      <c r="BK2031" s="166">
        <v>0</v>
      </c>
      <c r="BL2031" s="166">
        <v>0</v>
      </c>
      <c r="BM2031" s="166">
        <v>0</v>
      </c>
      <c r="BN2031" s="166">
        <v>0</v>
      </c>
      <c r="BO2031" s="166">
        <v>0</v>
      </c>
      <c r="BP2031" s="166">
        <v>0</v>
      </c>
      <c r="BQ2031" s="166">
        <v>0</v>
      </c>
      <c r="BR2031" s="166">
        <v>0</v>
      </c>
      <c r="BS2031" s="166">
        <v>0</v>
      </c>
      <c r="BT2031" s="168">
        <v>0</v>
      </c>
      <c r="BU2031" s="166">
        <v>0</v>
      </c>
      <c r="BV2031" s="166">
        <v>0</v>
      </c>
      <c r="BW2031" s="166">
        <v>0</v>
      </c>
      <c r="BX2031" s="166">
        <v>0</v>
      </c>
      <c r="BY2031" s="166">
        <v>0</v>
      </c>
      <c r="BZ2031" s="166">
        <v>0</v>
      </c>
      <c r="CA2031" s="166">
        <v>0</v>
      </c>
      <c r="CB2031" s="166">
        <v>0</v>
      </c>
      <c r="CC2031" s="166">
        <v>0</v>
      </c>
      <c r="CD2031" s="166">
        <v>0</v>
      </c>
      <c r="CE2031" s="166">
        <v>0</v>
      </c>
      <c r="CF2031" s="166">
        <v>0</v>
      </c>
      <c r="CG2031" s="166">
        <v>0</v>
      </c>
      <c r="CH2031" s="166">
        <v>0</v>
      </c>
      <c r="CI2031" s="166">
        <v>0</v>
      </c>
      <c r="CJ2031" s="166">
        <v>0</v>
      </c>
      <c r="CK2031" s="166">
        <v>0</v>
      </c>
      <c r="CL2031" s="166">
        <v>0</v>
      </c>
      <c r="CM2031" s="166">
        <v>0</v>
      </c>
      <c r="CN2031" s="166">
        <v>0</v>
      </c>
      <c r="CO2031" s="166">
        <v>0</v>
      </c>
      <c r="CP2031" s="166">
        <v>0</v>
      </c>
      <c r="CQ2031" s="166">
        <v>0</v>
      </c>
      <c r="CR2031" s="166">
        <v>0</v>
      </c>
      <c r="CS2031" s="166">
        <v>0</v>
      </c>
      <c r="CT2031" s="166">
        <v>0</v>
      </c>
      <c r="CU2031" s="166">
        <v>0</v>
      </c>
      <c r="CV2031" s="166">
        <v>0</v>
      </c>
      <c r="CW2031" s="166">
        <v>0</v>
      </c>
      <c r="CX2031" s="166">
        <v>0</v>
      </c>
      <c r="CY2031" s="166">
        <v>0</v>
      </c>
      <c r="CZ2031" s="166">
        <v>0</v>
      </c>
    </row>
    <row r="2032" spans="1:104" x14ac:dyDescent="0.2">
      <c r="A2032" s="167" t="s">
        <v>1193</v>
      </c>
      <c r="B2032" s="166">
        <v>30071015.815730002</v>
      </c>
      <c r="C2032" s="166">
        <v>30071015.815730002</v>
      </c>
      <c r="D2032" s="166">
        <v>0</v>
      </c>
      <c r="E2032" s="166">
        <v>0</v>
      </c>
      <c r="F2032" s="166">
        <v>0</v>
      </c>
      <c r="G2032" s="166">
        <v>0</v>
      </c>
      <c r="H2032" s="166">
        <v>0</v>
      </c>
      <c r="I2032" s="166">
        <v>0</v>
      </c>
      <c r="J2032" s="166">
        <v>0</v>
      </c>
      <c r="K2032" s="166">
        <v>0</v>
      </c>
      <c r="L2032" s="166">
        <v>0</v>
      </c>
      <c r="M2032" s="166">
        <v>0</v>
      </c>
      <c r="N2032" s="166">
        <v>0</v>
      </c>
      <c r="O2032" s="166">
        <v>0</v>
      </c>
      <c r="P2032" s="166">
        <v>0</v>
      </c>
      <c r="Q2032" s="166">
        <v>0</v>
      </c>
      <c r="R2032" s="166">
        <v>0</v>
      </c>
      <c r="S2032" s="166">
        <v>0</v>
      </c>
      <c r="T2032" s="166">
        <v>0</v>
      </c>
      <c r="U2032" s="166">
        <v>0</v>
      </c>
      <c r="V2032" s="166">
        <v>0</v>
      </c>
      <c r="W2032" s="166">
        <v>0</v>
      </c>
      <c r="X2032" s="166">
        <v>0</v>
      </c>
      <c r="Y2032" s="166">
        <v>0</v>
      </c>
      <c r="Z2032" s="166">
        <v>0</v>
      </c>
      <c r="AA2032" s="166">
        <v>0</v>
      </c>
      <c r="AB2032" s="166">
        <v>0</v>
      </c>
      <c r="AC2032" s="166">
        <v>0</v>
      </c>
      <c r="AD2032" s="166">
        <v>0</v>
      </c>
      <c r="AE2032" s="166">
        <v>0</v>
      </c>
      <c r="AF2032" s="166">
        <v>0</v>
      </c>
      <c r="AG2032" s="166">
        <v>0</v>
      </c>
      <c r="AH2032" s="166">
        <v>0</v>
      </c>
      <c r="AI2032" s="166">
        <v>0</v>
      </c>
      <c r="AJ2032" s="166">
        <v>0</v>
      </c>
      <c r="AK2032" s="166">
        <v>0</v>
      </c>
      <c r="AL2032" s="166">
        <v>0</v>
      </c>
      <c r="AM2032" s="166">
        <v>0</v>
      </c>
      <c r="AN2032" s="166">
        <v>0</v>
      </c>
      <c r="AO2032" s="166">
        <v>0</v>
      </c>
      <c r="AP2032" s="166">
        <v>0</v>
      </c>
      <c r="AQ2032" s="166">
        <v>0</v>
      </c>
      <c r="AR2032" s="166">
        <v>0</v>
      </c>
      <c r="AS2032" s="166">
        <v>0</v>
      </c>
      <c r="AT2032" s="166">
        <v>0</v>
      </c>
      <c r="AU2032" s="166">
        <v>0</v>
      </c>
      <c r="AV2032" s="166">
        <v>0</v>
      </c>
      <c r="AW2032" s="166">
        <v>0</v>
      </c>
      <c r="AX2032" s="166">
        <v>0</v>
      </c>
      <c r="AY2032" s="166">
        <v>0</v>
      </c>
      <c r="AZ2032" s="166">
        <v>0</v>
      </c>
      <c r="BA2032" s="166">
        <v>0</v>
      </c>
      <c r="BB2032" s="166">
        <v>0</v>
      </c>
      <c r="BC2032" s="166">
        <v>0</v>
      </c>
      <c r="BD2032" s="166">
        <v>0</v>
      </c>
      <c r="BE2032" s="166">
        <v>0</v>
      </c>
      <c r="BF2032" s="166">
        <v>0</v>
      </c>
      <c r="BG2032" s="166">
        <v>0</v>
      </c>
      <c r="BH2032" s="166">
        <v>0</v>
      </c>
      <c r="BI2032" s="166">
        <v>0</v>
      </c>
      <c r="BJ2032" s="166">
        <v>0</v>
      </c>
      <c r="BK2032" s="166">
        <v>0</v>
      </c>
      <c r="BL2032" s="166">
        <v>0</v>
      </c>
      <c r="BM2032" s="166">
        <v>0</v>
      </c>
      <c r="BN2032" s="166">
        <v>0</v>
      </c>
      <c r="BO2032" s="166">
        <v>0</v>
      </c>
      <c r="BP2032" s="166">
        <v>0</v>
      </c>
      <c r="BQ2032" s="166">
        <v>0</v>
      </c>
      <c r="BR2032" s="166">
        <v>30071015.815730002</v>
      </c>
      <c r="BS2032" s="166">
        <v>30071015.815730002</v>
      </c>
      <c r="BT2032" s="168">
        <v>0</v>
      </c>
      <c r="BU2032" s="166">
        <v>4747749.6347785899</v>
      </c>
      <c r="BV2032" s="166">
        <v>29102428.3963053</v>
      </c>
      <c r="BW2032" s="166">
        <v>0</v>
      </c>
      <c r="BX2032" s="166">
        <v>0</v>
      </c>
      <c r="BY2032" s="166">
        <v>0</v>
      </c>
      <c r="BZ2032" s="166">
        <v>0</v>
      </c>
      <c r="CA2032" s="166">
        <v>0</v>
      </c>
      <c r="CB2032" s="166">
        <v>0</v>
      </c>
      <c r="CC2032" s="166">
        <v>0</v>
      </c>
      <c r="CD2032" s="166">
        <v>0</v>
      </c>
      <c r="CE2032" s="166">
        <v>0</v>
      </c>
      <c r="CF2032" s="166">
        <v>0</v>
      </c>
      <c r="CG2032" s="166">
        <v>0</v>
      </c>
      <c r="CH2032" s="166">
        <v>0</v>
      </c>
      <c r="CI2032" s="166">
        <v>0</v>
      </c>
      <c r="CJ2032" s="166">
        <v>0</v>
      </c>
      <c r="CK2032" s="166">
        <v>0</v>
      </c>
      <c r="CL2032" s="166">
        <v>0</v>
      </c>
      <c r="CM2032" s="166">
        <v>0</v>
      </c>
      <c r="CN2032" s="166">
        <v>0</v>
      </c>
      <c r="CO2032" s="166">
        <v>0</v>
      </c>
      <c r="CP2032" s="166">
        <v>0</v>
      </c>
      <c r="CQ2032" s="166">
        <v>0</v>
      </c>
      <c r="CR2032" s="166">
        <v>0</v>
      </c>
      <c r="CS2032" s="166">
        <v>0</v>
      </c>
      <c r="CT2032" s="166">
        <v>0</v>
      </c>
      <c r="CU2032" s="166">
        <v>0</v>
      </c>
      <c r="CV2032" s="166">
        <v>0</v>
      </c>
      <c r="CW2032" s="166">
        <v>0</v>
      </c>
      <c r="CX2032" s="166">
        <v>0</v>
      </c>
      <c r="CY2032" s="166">
        <v>29102428.3963053</v>
      </c>
      <c r="CZ2032" s="166">
        <v>29102428.3963053</v>
      </c>
    </row>
    <row r="2033" spans="1:104" x14ac:dyDescent="0.2">
      <c r="A2033" s="167" t="s">
        <v>1194</v>
      </c>
    </row>
    <row r="2034" spans="1:104" x14ac:dyDescent="0.2">
      <c r="A2034" s="167" t="s">
        <v>441</v>
      </c>
      <c r="B2034" s="166">
        <v>0</v>
      </c>
      <c r="C2034" s="166">
        <v>0</v>
      </c>
      <c r="D2034" s="166">
        <v>0</v>
      </c>
      <c r="E2034" s="166">
        <v>0</v>
      </c>
      <c r="F2034" s="166">
        <v>0</v>
      </c>
      <c r="G2034" s="166">
        <v>0</v>
      </c>
      <c r="H2034" s="166">
        <v>0</v>
      </c>
      <c r="I2034" s="166">
        <v>0</v>
      </c>
      <c r="J2034" s="166">
        <v>0</v>
      </c>
      <c r="K2034" s="166">
        <v>0</v>
      </c>
      <c r="L2034" s="166">
        <v>0</v>
      </c>
      <c r="M2034" s="166">
        <v>0</v>
      </c>
      <c r="N2034" s="166">
        <v>0</v>
      </c>
      <c r="O2034" s="166">
        <v>0</v>
      </c>
      <c r="P2034" s="166">
        <v>0</v>
      </c>
      <c r="Q2034" s="166">
        <v>0</v>
      </c>
      <c r="R2034" s="166">
        <v>0</v>
      </c>
      <c r="S2034" s="166">
        <v>0</v>
      </c>
      <c r="T2034" s="166">
        <v>0</v>
      </c>
      <c r="U2034" s="166">
        <v>0</v>
      </c>
      <c r="V2034" s="166">
        <v>0</v>
      </c>
      <c r="W2034" s="166">
        <v>0</v>
      </c>
      <c r="X2034" s="166">
        <v>0</v>
      </c>
      <c r="Y2034" s="166">
        <v>0</v>
      </c>
      <c r="Z2034" s="166">
        <v>0</v>
      </c>
      <c r="AA2034" s="166">
        <v>0</v>
      </c>
      <c r="AB2034" s="166">
        <v>0</v>
      </c>
      <c r="AC2034" s="166">
        <v>0</v>
      </c>
      <c r="AD2034" s="166">
        <v>0</v>
      </c>
      <c r="AE2034" s="166">
        <v>0</v>
      </c>
      <c r="AF2034" s="166">
        <v>0</v>
      </c>
      <c r="AG2034" s="166">
        <v>0</v>
      </c>
      <c r="AH2034" s="166">
        <v>0</v>
      </c>
      <c r="AI2034" s="166">
        <v>0</v>
      </c>
      <c r="AJ2034" s="166">
        <v>0</v>
      </c>
      <c r="AK2034" s="166">
        <v>0</v>
      </c>
      <c r="AL2034" s="166">
        <v>0</v>
      </c>
      <c r="AM2034" s="166">
        <v>0</v>
      </c>
      <c r="AN2034" s="166">
        <v>0</v>
      </c>
      <c r="AO2034" s="166">
        <v>0</v>
      </c>
      <c r="AP2034" s="166">
        <v>0</v>
      </c>
      <c r="AQ2034" s="166">
        <v>0</v>
      </c>
      <c r="AR2034" s="166">
        <v>0</v>
      </c>
      <c r="AS2034" s="166">
        <v>0</v>
      </c>
      <c r="AT2034" s="166">
        <v>0</v>
      </c>
      <c r="AU2034" s="166">
        <v>0</v>
      </c>
      <c r="AV2034" s="166">
        <v>0</v>
      </c>
      <c r="AW2034" s="166">
        <v>0</v>
      </c>
      <c r="AX2034" s="166">
        <v>0</v>
      </c>
      <c r="AY2034" s="166">
        <v>0</v>
      </c>
      <c r="AZ2034" s="166">
        <v>0</v>
      </c>
      <c r="BA2034" s="166">
        <v>0</v>
      </c>
      <c r="BB2034" s="166">
        <v>0</v>
      </c>
      <c r="BC2034" s="166">
        <v>0</v>
      </c>
      <c r="BD2034" s="166">
        <v>0</v>
      </c>
      <c r="BE2034" s="166">
        <v>0</v>
      </c>
      <c r="BF2034" s="166">
        <v>0</v>
      </c>
      <c r="BG2034" s="166">
        <v>0</v>
      </c>
      <c r="BH2034" s="166">
        <v>0</v>
      </c>
      <c r="BI2034" s="166">
        <v>0</v>
      </c>
      <c r="BJ2034" s="166">
        <v>0</v>
      </c>
      <c r="BK2034" s="166">
        <v>0</v>
      </c>
      <c r="BL2034" s="166">
        <v>0</v>
      </c>
      <c r="BM2034" s="166">
        <v>0</v>
      </c>
      <c r="BN2034" s="166">
        <v>0</v>
      </c>
      <c r="BO2034" s="166">
        <v>0</v>
      </c>
      <c r="BP2034" s="166">
        <v>0</v>
      </c>
      <c r="BQ2034" s="166">
        <v>0</v>
      </c>
      <c r="BR2034" s="166">
        <v>0</v>
      </c>
      <c r="BS2034" s="166">
        <v>0</v>
      </c>
      <c r="BT2034" s="168">
        <v>0.96779000000000004</v>
      </c>
      <c r="BU2034" s="166">
        <v>0</v>
      </c>
      <c r="BV2034" s="166">
        <v>0</v>
      </c>
      <c r="BW2034" s="166">
        <v>0</v>
      </c>
      <c r="BX2034" s="166">
        <v>0</v>
      </c>
      <c r="BY2034" s="166">
        <v>0</v>
      </c>
      <c r="BZ2034" s="166">
        <v>0</v>
      </c>
      <c r="CA2034" s="166">
        <v>0</v>
      </c>
      <c r="CB2034" s="166">
        <v>0</v>
      </c>
      <c r="CC2034" s="166">
        <v>0</v>
      </c>
      <c r="CD2034" s="166">
        <v>0</v>
      </c>
      <c r="CE2034" s="166">
        <v>0</v>
      </c>
      <c r="CF2034" s="166">
        <v>0</v>
      </c>
      <c r="CG2034" s="166">
        <v>0</v>
      </c>
      <c r="CH2034" s="166">
        <v>0</v>
      </c>
      <c r="CI2034" s="166">
        <v>0</v>
      </c>
      <c r="CJ2034" s="166">
        <v>0</v>
      </c>
      <c r="CK2034" s="166">
        <v>0</v>
      </c>
      <c r="CL2034" s="166">
        <v>0</v>
      </c>
      <c r="CM2034" s="166">
        <v>0</v>
      </c>
      <c r="CN2034" s="166">
        <v>0</v>
      </c>
      <c r="CO2034" s="166">
        <v>0</v>
      </c>
      <c r="CP2034" s="166">
        <v>0</v>
      </c>
      <c r="CQ2034" s="166">
        <v>0</v>
      </c>
      <c r="CR2034" s="166">
        <v>0</v>
      </c>
      <c r="CS2034" s="166">
        <v>0</v>
      </c>
      <c r="CT2034" s="166">
        <v>0</v>
      </c>
      <c r="CU2034" s="166">
        <v>0</v>
      </c>
      <c r="CV2034" s="166">
        <v>0</v>
      </c>
      <c r="CW2034" s="166">
        <v>0</v>
      </c>
      <c r="CX2034" s="166">
        <v>0</v>
      </c>
      <c r="CY2034" s="166">
        <v>0</v>
      </c>
      <c r="CZ2034" s="166">
        <v>0</v>
      </c>
    </row>
    <row r="2035" spans="1:104" x14ac:dyDescent="0.2">
      <c r="A2035" s="167" t="s">
        <v>442</v>
      </c>
    </row>
    <row r="2036" spans="1:104" x14ac:dyDescent="0.2">
      <c r="A2036" s="167" t="s">
        <v>1195</v>
      </c>
      <c r="B2036" s="166">
        <v>-1686606.8</v>
      </c>
      <c r="C2036" s="166">
        <v>-1686606.8</v>
      </c>
      <c r="D2036" s="166">
        <v>0</v>
      </c>
      <c r="E2036" s="166">
        <v>0</v>
      </c>
      <c r="F2036" s="166">
        <v>0</v>
      </c>
      <c r="G2036" s="166">
        <v>0</v>
      </c>
      <c r="H2036" s="166">
        <v>0</v>
      </c>
      <c r="I2036" s="166">
        <v>0</v>
      </c>
      <c r="J2036" s="166">
        <v>0</v>
      </c>
      <c r="K2036" s="166">
        <v>0</v>
      </c>
      <c r="L2036" s="166">
        <v>0</v>
      </c>
      <c r="M2036" s="166">
        <v>0</v>
      </c>
      <c r="N2036" s="166">
        <v>0</v>
      </c>
      <c r="O2036" s="166">
        <v>0</v>
      </c>
      <c r="P2036" s="166">
        <v>0</v>
      </c>
      <c r="Q2036" s="166">
        <v>0</v>
      </c>
      <c r="R2036" s="166">
        <v>0</v>
      </c>
      <c r="S2036" s="166">
        <v>0</v>
      </c>
      <c r="T2036" s="166">
        <v>0</v>
      </c>
      <c r="U2036" s="166">
        <v>0</v>
      </c>
      <c r="V2036" s="166">
        <v>0</v>
      </c>
      <c r="W2036" s="166">
        <v>0</v>
      </c>
      <c r="X2036" s="166">
        <v>0</v>
      </c>
      <c r="Y2036" s="166">
        <v>0</v>
      </c>
      <c r="Z2036" s="166">
        <v>0</v>
      </c>
      <c r="AA2036" s="166">
        <v>0</v>
      </c>
      <c r="AB2036" s="166">
        <v>0</v>
      </c>
      <c r="AC2036" s="166">
        <v>0</v>
      </c>
      <c r="AD2036" s="166">
        <v>0</v>
      </c>
      <c r="AE2036" s="166">
        <v>0</v>
      </c>
      <c r="AF2036" s="166">
        <v>0</v>
      </c>
      <c r="AG2036" s="166">
        <v>0</v>
      </c>
      <c r="AH2036" s="166">
        <v>0</v>
      </c>
      <c r="AI2036" s="166">
        <v>0</v>
      </c>
      <c r="AJ2036" s="166">
        <v>0</v>
      </c>
      <c r="AK2036" s="166">
        <v>0</v>
      </c>
      <c r="AL2036" s="166">
        <v>0</v>
      </c>
      <c r="AM2036" s="166">
        <v>0</v>
      </c>
      <c r="AN2036" s="166">
        <v>0</v>
      </c>
      <c r="AO2036" s="166">
        <v>0</v>
      </c>
      <c r="AP2036" s="166">
        <v>0</v>
      </c>
      <c r="AQ2036" s="166">
        <v>0</v>
      </c>
      <c r="AR2036" s="166">
        <v>0</v>
      </c>
      <c r="AS2036" s="166">
        <v>0</v>
      </c>
      <c r="AT2036" s="166">
        <v>0</v>
      </c>
      <c r="AU2036" s="166">
        <v>0</v>
      </c>
      <c r="AV2036" s="166">
        <v>0</v>
      </c>
      <c r="AW2036" s="166">
        <v>0</v>
      </c>
      <c r="AX2036" s="166">
        <v>0</v>
      </c>
      <c r="AY2036" s="166">
        <v>0</v>
      </c>
      <c r="AZ2036" s="166">
        <v>0</v>
      </c>
      <c r="BA2036" s="166">
        <v>0</v>
      </c>
      <c r="BB2036" s="166">
        <v>0</v>
      </c>
      <c r="BC2036" s="166">
        <v>0</v>
      </c>
      <c r="BD2036" s="166">
        <v>0</v>
      </c>
      <c r="BE2036" s="166">
        <v>0</v>
      </c>
      <c r="BF2036" s="166">
        <v>0</v>
      </c>
      <c r="BG2036" s="166">
        <v>0</v>
      </c>
      <c r="BH2036" s="166">
        <v>0</v>
      </c>
      <c r="BI2036" s="166">
        <v>0</v>
      </c>
      <c r="BJ2036" s="166">
        <v>0</v>
      </c>
      <c r="BK2036" s="166">
        <v>0</v>
      </c>
      <c r="BL2036" s="166">
        <v>0</v>
      </c>
      <c r="BM2036" s="166">
        <v>0</v>
      </c>
      <c r="BN2036" s="166">
        <v>0</v>
      </c>
      <c r="BO2036" s="166">
        <v>0</v>
      </c>
      <c r="BP2036" s="166">
        <v>0</v>
      </c>
      <c r="BQ2036" s="166">
        <v>0</v>
      </c>
      <c r="BR2036" s="166">
        <v>-1686606.8</v>
      </c>
      <c r="BS2036" s="166">
        <v>-1686606.8</v>
      </c>
      <c r="BT2036" s="168">
        <v>1</v>
      </c>
      <c r="BU2036" s="166">
        <v>-705840.9</v>
      </c>
      <c r="BV2036" s="166">
        <v>-1686606.8</v>
      </c>
      <c r="BW2036" s="166">
        <v>0</v>
      </c>
      <c r="BX2036" s="166">
        <v>0</v>
      </c>
      <c r="BY2036" s="166">
        <v>0</v>
      </c>
      <c r="BZ2036" s="166">
        <v>0</v>
      </c>
      <c r="CA2036" s="166">
        <v>0</v>
      </c>
      <c r="CB2036" s="166">
        <v>0</v>
      </c>
      <c r="CC2036" s="166">
        <v>0</v>
      </c>
      <c r="CD2036" s="166">
        <v>0</v>
      </c>
      <c r="CE2036" s="166">
        <v>0</v>
      </c>
      <c r="CF2036" s="166">
        <v>0</v>
      </c>
      <c r="CG2036" s="166">
        <v>0</v>
      </c>
      <c r="CH2036" s="166">
        <v>0</v>
      </c>
      <c r="CI2036" s="166">
        <v>0</v>
      </c>
      <c r="CJ2036" s="166">
        <v>0</v>
      </c>
      <c r="CK2036" s="166">
        <v>0</v>
      </c>
      <c r="CL2036" s="166">
        <v>0</v>
      </c>
      <c r="CM2036" s="166">
        <v>0</v>
      </c>
      <c r="CN2036" s="166">
        <v>0</v>
      </c>
      <c r="CO2036" s="166">
        <v>0</v>
      </c>
      <c r="CP2036" s="166">
        <v>0</v>
      </c>
      <c r="CQ2036" s="166">
        <v>0</v>
      </c>
      <c r="CR2036" s="166">
        <v>0</v>
      </c>
      <c r="CS2036" s="166">
        <v>0</v>
      </c>
      <c r="CT2036" s="166">
        <v>0</v>
      </c>
      <c r="CU2036" s="166">
        <v>0</v>
      </c>
      <c r="CV2036" s="166">
        <v>0</v>
      </c>
      <c r="CW2036" s="166">
        <v>0</v>
      </c>
      <c r="CX2036" s="166">
        <v>0</v>
      </c>
      <c r="CY2036" s="166">
        <v>-1686606.8</v>
      </c>
      <c r="CZ2036" s="166">
        <v>-1686606.8</v>
      </c>
    </row>
    <row r="2037" spans="1:104" x14ac:dyDescent="0.2">
      <c r="A2037" s="167" t="s">
        <v>1196</v>
      </c>
      <c r="B2037" s="166">
        <v>0</v>
      </c>
      <c r="C2037" s="166">
        <v>0</v>
      </c>
      <c r="D2037" s="166">
        <v>0</v>
      </c>
      <c r="E2037" s="166">
        <v>0</v>
      </c>
      <c r="F2037" s="166">
        <v>0</v>
      </c>
      <c r="G2037" s="166">
        <v>0</v>
      </c>
      <c r="H2037" s="166">
        <v>0</v>
      </c>
      <c r="I2037" s="166">
        <v>0</v>
      </c>
      <c r="J2037" s="166">
        <v>0</v>
      </c>
      <c r="K2037" s="166">
        <v>0</v>
      </c>
      <c r="L2037" s="166">
        <v>0</v>
      </c>
      <c r="M2037" s="166">
        <v>0</v>
      </c>
      <c r="N2037" s="166">
        <v>0</v>
      </c>
      <c r="O2037" s="166">
        <v>0</v>
      </c>
      <c r="P2037" s="166">
        <v>0</v>
      </c>
      <c r="Q2037" s="166">
        <v>0</v>
      </c>
      <c r="R2037" s="166">
        <v>0</v>
      </c>
      <c r="S2037" s="166">
        <v>0</v>
      </c>
      <c r="T2037" s="166">
        <v>0</v>
      </c>
      <c r="U2037" s="166">
        <v>0</v>
      </c>
      <c r="V2037" s="166">
        <v>0</v>
      </c>
      <c r="W2037" s="166">
        <v>0</v>
      </c>
      <c r="X2037" s="166">
        <v>0</v>
      </c>
      <c r="Y2037" s="166">
        <v>0</v>
      </c>
      <c r="Z2037" s="166">
        <v>0</v>
      </c>
      <c r="AA2037" s="166">
        <v>0</v>
      </c>
      <c r="AB2037" s="166">
        <v>0</v>
      </c>
      <c r="AC2037" s="166">
        <v>0</v>
      </c>
      <c r="AD2037" s="166">
        <v>0</v>
      </c>
      <c r="AE2037" s="166">
        <v>0</v>
      </c>
      <c r="AF2037" s="166">
        <v>0</v>
      </c>
      <c r="AG2037" s="166">
        <v>0</v>
      </c>
      <c r="AH2037" s="166">
        <v>0</v>
      </c>
      <c r="AI2037" s="166">
        <v>0</v>
      </c>
      <c r="AJ2037" s="166">
        <v>0</v>
      </c>
      <c r="AK2037" s="166">
        <v>0</v>
      </c>
      <c r="AL2037" s="166">
        <v>0</v>
      </c>
      <c r="AM2037" s="166">
        <v>0</v>
      </c>
      <c r="AN2037" s="166">
        <v>0</v>
      </c>
      <c r="AO2037" s="166">
        <v>0</v>
      </c>
      <c r="AP2037" s="166">
        <v>0</v>
      </c>
      <c r="AQ2037" s="166">
        <v>0</v>
      </c>
      <c r="AR2037" s="166">
        <v>0</v>
      </c>
      <c r="AS2037" s="166">
        <v>0</v>
      </c>
      <c r="AT2037" s="166">
        <v>0</v>
      </c>
      <c r="AU2037" s="166">
        <v>0</v>
      </c>
      <c r="AV2037" s="166">
        <v>0</v>
      </c>
      <c r="AW2037" s="166">
        <v>0</v>
      </c>
      <c r="AX2037" s="166">
        <v>0</v>
      </c>
      <c r="AY2037" s="166">
        <v>0</v>
      </c>
      <c r="AZ2037" s="166">
        <v>0</v>
      </c>
      <c r="BA2037" s="166">
        <v>0</v>
      </c>
      <c r="BB2037" s="166">
        <v>0</v>
      </c>
      <c r="BC2037" s="166">
        <v>0</v>
      </c>
      <c r="BD2037" s="166">
        <v>0</v>
      </c>
      <c r="BE2037" s="166">
        <v>0</v>
      </c>
      <c r="BF2037" s="166">
        <v>0</v>
      </c>
      <c r="BG2037" s="166">
        <v>0</v>
      </c>
      <c r="BH2037" s="166">
        <v>0</v>
      </c>
      <c r="BI2037" s="166">
        <v>0</v>
      </c>
      <c r="BJ2037" s="166">
        <v>0</v>
      </c>
      <c r="BK2037" s="166">
        <v>0</v>
      </c>
      <c r="BL2037" s="166">
        <v>0</v>
      </c>
      <c r="BM2037" s="166">
        <v>0</v>
      </c>
      <c r="BN2037" s="166">
        <v>0</v>
      </c>
      <c r="BO2037" s="166">
        <v>0</v>
      </c>
      <c r="BP2037" s="166">
        <v>0</v>
      </c>
      <c r="BQ2037" s="166">
        <v>0</v>
      </c>
      <c r="BR2037" s="166">
        <v>0</v>
      </c>
      <c r="BS2037" s="166">
        <v>0</v>
      </c>
      <c r="BT2037" s="168">
        <v>0</v>
      </c>
      <c r="BU2037" s="166">
        <v>0</v>
      </c>
      <c r="BV2037" s="166">
        <v>0</v>
      </c>
      <c r="BW2037" s="166">
        <v>0</v>
      </c>
      <c r="BX2037" s="166">
        <v>0</v>
      </c>
      <c r="BY2037" s="166">
        <v>0</v>
      </c>
      <c r="BZ2037" s="166">
        <v>0</v>
      </c>
      <c r="CA2037" s="166">
        <v>0</v>
      </c>
      <c r="CB2037" s="166">
        <v>0</v>
      </c>
      <c r="CC2037" s="166">
        <v>0</v>
      </c>
      <c r="CD2037" s="166">
        <v>0</v>
      </c>
      <c r="CE2037" s="166">
        <v>0</v>
      </c>
      <c r="CF2037" s="166">
        <v>0</v>
      </c>
      <c r="CG2037" s="166">
        <v>0</v>
      </c>
      <c r="CH2037" s="166">
        <v>0</v>
      </c>
      <c r="CI2037" s="166">
        <v>0</v>
      </c>
      <c r="CJ2037" s="166">
        <v>0</v>
      </c>
      <c r="CK2037" s="166">
        <v>0</v>
      </c>
      <c r="CL2037" s="166">
        <v>0</v>
      </c>
      <c r="CM2037" s="166">
        <v>0</v>
      </c>
      <c r="CN2037" s="166">
        <v>0</v>
      </c>
      <c r="CO2037" s="166">
        <v>0</v>
      </c>
      <c r="CP2037" s="166">
        <v>0</v>
      </c>
      <c r="CQ2037" s="166">
        <v>0</v>
      </c>
      <c r="CR2037" s="166">
        <v>0</v>
      </c>
      <c r="CS2037" s="166">
        <v>0</v>
      </c>
      <c r="CT2037" s="166">
        <v>0</v>
      </c>
      <c r="CU2037" s="166">
        <v>0</v>
      </c>
      <c r="CV2037" s="166">
        <v>0</v>
      </c>
      <c r="CW2037" s="166">
        <v>0</v>
      </c>
      <c r="CX2037" s="166">
        <v>0</v>
      </c>
      <c r="CY2037" s="166">
        <v>0</v>
      </c>
      <c r="CZ2037" s="166">
        <v>0</v>
      </c>
    </row>
    <row r="2038" spans="1:104" x14ac:dyDescent="0.2">
      <c r="A2038" s="167" t="s">
        <v>445</v>
      </c>
      <c r="B2038" s="166">
        <v>0</v>
      </c>
      <c r="C2038" s="166">
        <v>0</v>
      </c>
      <c r="D2038" s="166">
        <v>0</v>
      </c>
      <c r="E2038" s="166">
        <v>0</v>
      </c>
      <c r="F2038" s="166">
        <v>0</v>
      </c>
      <c r="G2038" s="166">
        <v>0</v>
      </c>
      <c r="H2038" s="166">
        <v>0</v>
      </c>
      <c r="I2038" s="166">
        <v>0</v>
      </c>
      <c r="J2038" s="166">
        <v>0</v>
      </c>
      <c r="K2038" s="166">
        <v>0</v>
      </c>
      <c r="L2038" s="166">
        <v>0</v>
      </c>
      <c r="M2038" s="166">
        <v>0</v>
      </c>
      <c r="N2038" s="166">
        <v>0</v>
      </c>
      <c r="O2038" s="166">
        <v>0</v>
      </c>
      <c r="P2038" s="166">
        <v>0</v>
      </c>
      <c r="Q2038" s="166">
        <v>0</v>
      </c>
      <c r="R2038" s="166">
        <v>0</v>
      </c>
      <c r="S2038" s="166">
        <v>0</v>
      </c>
      <c r="T2038" s="166">
        <v>0</v>
      </c>
      <c r="U2038" s="166">
        <v>0</v>
      </c>
      <c r="V2038" s="166">
        <v>0</v>
      </c>
      <c r="W2038" s="166">
        <v>0</v>
      </c>
      <c r="X2038" s="166">
        <v>0</v>
      </c>
      <c r="Y2038" s="166">
        <v>0</v>
      </c>
      <c r="Z2038" s="166">
        <v>0</v>
      </c>
      <c r="AA2038" s="166">
        <v>0</v>
      </c>
      <c r="AB2038" s="166">
        <v>0</v>
      </c>
      <c r="AC2038" s="166">
        <v>0</v>
      </c>
      <c r="AD2038" s="166">
        <v>0</v>
      </c>
      <c r="AE2038" s="166">
        <v>0</v>
      </c>
      <c r="AF2038" s="166">
        <v>0</v>
      </c>
      <c r="AG2038" s="166">
        <v>0</v>
      </c>
      <c r="AH2038" s="166">
        <v>0</v>
      </c>
      <c r="AI2038" s="166">
        <v>0</v>
      </c>
      <c r="AJ2038" s="166">
        <v>0</v>
      </c>
      <c r="AK2038" s="166">
        <v>0</v>
      </c>
      <c r="AL2038" s="166">
        <v>0</v>
      </c>
      <c r="AM2038" s="166">
        <v>0</v>
      </c>
      <c r="AN2038" s="166">
        <v>0</v>
      </c>
      <c r="AO2038" s="166">
        <v>0</v>
      </c>
      <c r="AP2038" s="166">
        <v>0</v>
      </c>
      <c r="AQ2038" s="166">
        <v>0</v>
      </c>
      <c r="AR2038" s="166">
        <v>0</v>
      </c>
      <c r="AS2038" s="166">
        <v>0</v>
      </c>
      <c r="AT2038" s="166">
        <v>0</v>
      </c>
      <c r="AU2038" s="166">
        <v>0</v>
      </c>
      <c r="AV2038" s="166">
        <v>0</v>
      </c>
      <c r="AW2038" s="166">
        <v>0</v>
      </c>
      <c r="AX2038" s="166">
        <v>-3969679.3581241001</v>
      </c>
      <c r="AY2038" s="166">
        <v>0</v>
      </c>
      <c r="AZ2038" s="166">
        <v>0</v>
      </c>
      <c r="BA2038" s="166">
        <v>0</v>
      </c>
      <c r="BB2038" s="166">
        <v>0</v>
      </c>
      <c r="BC2038" s="166">
        <v>0</v>
      </c>
      <c r="BD2038" s="166">
        <v>0</v>
      </c>
      <c r="BE2038" s="166">
        <v>0</v>
      </c>
      <c r="BF2038" s="166">
        <v>0</v>
      </c>
      <c r="BG2038" s="166">
        <v>0</v>
      </c>
      <c r="BH2038" s="166">
        <v>0</v>
      </c>
      <c r="BI2038" s="166">
        <v>0</v>
      </c>
      <c r="BJ2038" s="166">
        <v>0</v>
      </c>
      <c r="BK2038" s="166">
        <v>0</v>
      </c>
      <c r="BL2038" s="166">
        <v>0</v>
      </c>
      <c r="BM2038" s="166">
        <v>0</v>
      </c>
      <c r="BN2038" s="166">
        <v>0</v>
      </c>
      <c r="BO2038" s="166">
        <v>-3969679.3581241001</v>
      </c>
      <c r="BP2038" s="166">
        <v>0</v>
      </c>
      <c r="BQ2038" s="166">
        <v>0</v>
      </c>
      <c r="BR2038" s="166">
        <v>0</v>
      </c>
      <c r="BS2038" s="166">
        <v>-3969679.3581241001</v>
      </c>
      <c r="BT2038" s="168">
        <v>1</v>
      </c>
      <c r="BU2038" s="166">
        <v>0</v>
      </c>
      <c r="BV2038" s="166">
        <v>0</v>
      </c>
      <c r="BW2038" s="166">
        <v>0</v>
      </c>
      <c r="BX2038" s="166">
        <v>0</v>
      </c>
      <c r="BY2038" s="166">
        <v>0</v>
      </c>
      <c r="BZ2038" s="166">
        <v>0</v>
      </c>
      <c r="CA2038" s="166">
        <v>0</v>
      </c>
      <c r="CB2038" s="166">
        <v>0</v>
      </c>
      <c r="CC2038" s="166">
        <v>0</v>
      </c>
      <c r="CD2038" s="166">
        <v>0</v>
      </c>
      <c r="CE2038" s="166">
        <v>0</v>
      </c>
      <c r="CF2038" s="166">
        <v>0</v>
      </c>
      <c r="CG2038" s="166">
        <v>0</v>
      </c>
      <c r="CH2038" s="166">
        <v>-3969679.3581241001</v>
      </c>
      <c r="CI2038" s="166">
        <v>0</v>
      </c>
      <c r="CJ2038" s="166">
        <v>0</v>
      </c>
      <c r="CK2038" s="166">
        <v>0</v>
      </c>
      <c r="CL2038" s="166">
        <v>0</v>
      </c>
      <c r="CM2038" s="166">
        <v>0</v>
      </c>
      <c r="CN2038" s="166">
        <v>0</v>
      </c>
      <c r="CO2038" s="166">
        <v>0</v>
      </c>
      <c r="CP2038" s="166">
        <v>0</v>
      </c>
      <c r="CQ2038" s="166">
        <v>0</v>
      </c>
      <c r="CR2038" s="166">
        <v>0</v>
      </c>
      <c r="CS2038" s="166">
        <v>0</v>
      </c>
      <c r="CT2038" s="166">
        <v>0</v>
      </c>
      <c r="CU2038" s="166">
        <v>0</v>
      </c>
      <c r="CV2038" s="166">
        <v>-3969679.3581241001</v>
      </c>
      <c r="CW2038" s="166">
        <v>0</v>
      </c>
      <c r="CX2038" s="166">
        <v>0</v>
      </c>
      <c r="CY2038" s="166">
        <v>-3969679.3581241001</v>
      </c>
      <c r="CZ2038" s="166">
        <v>-3969679.3581241001</v>
      </c>
    </row>
    <row r="2039" spans="1:104" x14ac:dyDescent="0.2">
      <c r="A2039" s="167" t="s">
        <v>1197</v>
      </c>
      <c r="B2039" s="166">
        <v>-1686606.8</v>
      </c>
      <c r="C2039" s="166">
        <v>-1686606.8</v>
      </c>
      <c r="D2039" s="166">
        <v>0</v>
      </c>
      <c r="E2039" s="166">
        <v>0</v>
      </c>
      <c r="F2039" s="166">
        <v>0</v>
      </c>
      <c r="G2039" s="166">
        <v>0</v>
      </c>
      <c r="H2039" s="166">
        <v>0</v>
      </c>
      <c r="I2039" s="166">
        <v>0</v>
      </c>
      <c r="J2039" s="166">
        <v>0</v>
      </c>
      <c r="K2039" s="166">
        <v>0</v>
      </c>
      <c r="L2039" s="166">
        <v>0</v>
      </c>
      <c r="M2039" s="166">
        <v>0</v>
      </c>
      <c r="N2039" s="166">
        <v>0</v>
      </c>
      <c r="O2039" s="166">
        <v>0</v>
      </c>
      <c r="P2039" s="166">
        <v>0</v>
      </c>
      <c r="Q2039" s="166">
        <v>0</v>
      </c>
      <c r="R2039" s="166">
        <v>0</v>
      </c>
      <c r="S2039" s="166">
        <v>0</v>
      </c>
      <c r="T2039" s="166">
        <v>0</v>
      </c>
      <c r="U2039" s="166">
        <v>0</v>
      </c>
      <c r="V2039" s="166">
        <v>0</v>
      </c>
      <c r="W2039" s="166">
        <v>0</v>
      </c>
      <c r="X2039" s="166">
        <v>0</v>
      </c>
      <c r="Y2039" s="166">
        <v>0</v>
      </c>
      <c r="Z2039" s="166">
        <v>0</v>
      </c>
      <c r="AA2039" s="166">
        <v>0</v>
      </c>
      <c r="AB2039" s="166">
        <v>0</v>
      </c>
      <c r="AC2039" s="166">
        <v>0</v>
      </c>
      <c r="AD2039" s="166">
        <v>0</v>
      </c>
      <c r="AE2039" s="166">
        <v>0</v>
      </c>
      <c r="AF2039" s="166">
        <v>0</v>
      </c>
      <c r="AG2039" s="166">
        <v>0</v>
      </c>
      <c r="AH2039" s="166">
        <v>0</v>
      </c>
      <c r="AI2039" s="166">
        <v>0</v>
      </c>
      <c r="AJ2039" s="166">
        <v>0</v>
      </c>
      <c r="AK2039" s="166">
        <v>0</v>
      </c>
      <c r="AL2039" s="166">
        <v>0</v>
      </c>
      <c r="AM2039" s="166">
        <v>0</v>
      </c>
      <c r="AN2039" s="166">
        <v>0</v>
      </c>
      <c r="AO2039" s="166">
        <v>0</v>
      </c>
      <c r="AP2039" s="166">
        <v>0</v>
      </c>
      <c r="AQ2039" s="166">
        <v>0</v>
      </c>
      <c r="AR2039" s="166">
        <v>0</v>
      </c>
      <c r="AS2039" s="166">
        <v>0</v>
      </c>
      <c r="AT2039" s="166">
        <v>0</v>
      </c>
      <c r="AU2039" s="166">
        <v>0</v>
      </c>
      <c r="AV2039" s="166">
        <v>0</v>
      </c>
      <c r="AW2039" s="166">
        <v>0</v>
      </c>
      <c r="AX2039" s="166">
        <v>-3969679.3581241001</v>
      </c>
      <c r="AY2039" s="166">
        <v>0</v>
      </c>
      <c r="AZ2039" s="166">
        <v>0</v>
      </c>
      <c r="BA2039" s="166">
        <v>0</v>
      </c>
      <c r="BB2039" s="166">
        <v>0</v>
      </c>
      <c r="BC2039" s="166">
        <v>0</v>
      </c>
      <c r="BD2039" s="166">
        <v>0</v>
      </c>
      <c r="BE2039" s="166">
        <v>0</v>
      </c>
      <c r="BF2039" s="166">
        <v>0</v>
      </c>
      <c r="BG2039" s="166">
        <v>0</v>
      </c>
      <c r="BH2039" s="166">
        <v>0</v>
      </c>
      <c r="BI2039" s="166">
        <v>0</v>
      </c>
      <c r="BJ2039" s="166">
        <v>0</v>
      </c>
      <c r="BK2039" s="166">
        <v>0</v>
      </c>
      <c r="BL2039" s="166">
        <v>0</v>
      </c>
      <c r="BM2039" s="166">
        <v>0</v>
      </c>
      <c r="BN2039" s="166">
        <v>0</v>
      </c>
      <c r="BO2039" s="166">
        <v>-3969679.3581241001</v>
      </c>
      <c r="BP2039" s="166">
        <v>0</v>
      </c>
      <c r="BQ2039" s="166">
        <v>0</v>
      </c>
      <c r="BR2039" s="166">
        <v>-1686606.8</v>
      </c>
      <c r="BS2039" s="166">
        <v>-5656286.1581241004</v>
      </c>
      <c r="BT2039" s="168">
        <v>0</v>
      </c>
      <c r="BU2039" s="166">
        <v>-705840.9</v>
      </c>
      <c r="BV2039" s="166">
        <v>-1686606.8</v>
      </c>
      <c r="BW2039" s="166">
        <v>0</v>
      </c>
      <c r="BX2039" s="166">
        <v>0</v>
      </c>
      <c r="BY2039" s="166">
        <v>0</v>
      </c>
      <c r="BZ2039" s="166">
        <v>0</v>
      </c>
      <c r="CA2039" s="166">
        <v>0</v>
      </c>
      <c r="CB2039" s="166">
        <v>0</v>
      </c>
      <c r="CC2039" s="166">
        <v>0</v>
      </c>
      <c r="CD2039" s="166">
        <v>0</v>
      </c>
      <c r="CE2039" s="166">
        <v>0</v>
      </c>
      <c r="CF2039" s="166">
        <v>0</v>
      </c>
      <c r="CG2039" s="166">
        <v>0</v>
      </c>
      <c r="CH2039" s="166">
        <v>-3969679.3581241001</v>
      </c>
      <c r="CI2039" s="166">
        <v>0</v>
      </c>
      <c r="CJ2039" s="166">
        <v>0</v>
      </c>
      <c r="CK2039" s="166">
        <v>0</v>
      </c>
      <c r="CL2039" s="166">
        <v>0</v>
      </c>
      <c r="CM2039" s="166">
        <v>0</v>
      </c>
      <c r="CN2039" s="166">
        <v>0</v>
      </c>
      <c r="CO2039" s="166">
        <v>0</v>
      </c>
      <c r="CP2039" s="166">
        <v>0</v>
      </c>
      <c r="CQ2039" s="166">
        <v>0</v>
      </c>
      <c r="CR2039" s="166">
        <v>0</v>
      </c>
      <c r="CS2039" s="166">
        <v>0</v>
      </c>
      <c r="CT2039" s="166">
        <v>0</v>
      </c>
      <c r="CU2039" s="166">
        <v>0</v>
      </c>
      <c r="CV2039" s="166">
        <v>-3969679.3581241001</v>
      </c>
      <c r="CW2039" s="166">
        <v>0</v>
      </c>
      <c r="CX2039" s="166">
        <v>0</v>
      </c>
      <c r="CY2039" s="166">
        <v>-5656286.1581241004</v>
      </c>
      <c r="CZ2039" s="166">
        <v>-5656286.1581241004</v>
      </c>
    </row>
    <row r="2040" spans="1:104" x14ac:dyDescent="0.2">
      <c r="A2040" s="167" t="s">
        <v>447</v>
      </c>
    </row>
    <row r="2041" spans="1:104" x14ac:dyDescent="0.2">
      <c r="A2041" s="167" t="s">
        <v>1198</v>
      </c>
      <c r="B2041" s="166">
        <v>-2238653.0299999998</v>
      </c>
      <c r="C2041" s="166">
        <v>-2238653.0299999998</v>
      </c>
      <c r="D2041" s="166">
        <v>0</v>
      </c>
      <c r="E2041" s="166">
        <v>0</v>
      </c>
      <c r="F2041" s="166">
        <v>0</v>
      </c>
      <c r="G2041" s="166">
        <v>0</v>
      </c>
      <c r="H2041" s="166">
        <v>0</v>
      </c>
      <c r="I2041" s="166">
        <v>0</v>
      </c>
      <c r="J2041" s="166">
        <v>0</v>
      </c>
      <c r="K2041" s="166">
        <v>0</v>
      </c>
      <c r="L2041" s="166">
        <v>0</v>
      </c>
      <c r="M2041" s="166">
        <v>0</v>
      </c>
      <c r="N2041" s="166">
        <v>0</v>
      </c>
      <c r="O2041" s="166">
        <v>0</v>
      </c>
      <c r="P2041" s="166">
        <v>0</v>
      </c>
      <c r="Q2041" s="166">
        <v>0</v>
      </c>
      <c r="R2041" s="166">
        <v>0</v>
      </c>
      <c r="S2041" s="166">
        <v>0</v>
      </c>
      <c r="T2041" s="166">
        <v>0</v>
      </c>
      <c r="U2041" s="166">
        <v>0</v>
      </c>
      <c r="V2041" s="166">
        <v>0</v>
      </c>
      <c r="W2041" s="166">
        <v>0</v>
      </c>
      <c r="X2041" s="166">
        <v>0</v>
      </c>
      <c r="Y2041" s="166">
        <v>0</v>
      </c>
      <c r="Z2041" s="166">
        <v>0</v>
      </c>
      <c r="AA2041" s="166">
        <v>0</v>
      </c>
      <c r="AB2041" s="166">
        <v>0</v>
      </c>
      <c r="AC2041" s="166">
        <v>0</v>
      </c>
      <c r="AD2041" s="166">
        <v>0</v>
      </c>
      <c r="AE2041" s="166">
        <v>0</v>
      </c>
      <c r="AF2041" s="166">
        <v>0</v>
      </c>
      <c r="AG2041" s="166">
        <v>0</v>
      </c>
      <c r="AH2041" s="166">
        <v>0</v>
      </c>
      <c r="AI2041" s="166">
        <v>0</v>
      </c>
      <c r="AJ2041" s="166">
        <v>0</v>
      </c>
      <c r="AK2041" s="166">
        <v>0</v>
      </c>
      <c r="AL2041" s="166">
        <v>0</v>
      </c>
      <c r="AM2041" s="166">
        <v>0</v>
      </c>
      <c r="AN2041" s="166">
        <v>0</v>
      </c>
      <c r="AO2041" s="166">
        <v>0</v>
      </c>
      <c r="AP2041" s="166">
        <v>0</v>
      </c>
      <c r="AQ2041" s="166">
        <v>0</v>
      </c>
      <c r="AR2041" s="166">
        <v>0</v>
      </c>
      <c r="AS2041" s="166">
        <v>0</v>
      </c>
      <c r="AT2041" s="166">
        <v>0</v>
      </c>
      <c r="AU2041" s="166">
        <v>0</v>
      </c>
      <c r="AV2041" s="166">
        <v>0</v>
      </c>
      <c r="AW2041" s="166">
        <v>0</v>
      </c>
      <c r="AX2041" s="166">
        <v>0</v>
      </c>
      <c r="AY2041" s="166">
        <v>0</v>
      </c>
      <c r="AZ2041" s="166">
        <v>0</v>
      </c>
      <c r="BA2041" s="166">
        <v>0</v>
      </c>
      <c r="BB2041" s="166">
        <v>0</v>
      </c>
      <c r="BC2041" s="166">
        <v>0</v>
      </c>
      <c r="BD2041" s="166">
        <v>0</v>
      </c>
      <c r="BE2041" s="166">
        <v>0</v>
      </c>
      <c r="BF2041" s="166">
        <v>0</v>
      </c>
      <c r="BG2041" s="166">
        <v>0</v>
      </c>
      <c r="BH2041" s="166">
        <v>0</v>
      </c>
      <c r="BI2041" s="166">
        <v>0</v>
      </c>
      <c r="BJ2041" s="166">
        <v>0</v>
      </c>
      <c r="BK2041" s="166">
        <v>0</v>
      </c>
      <c r="BL2041" s="166">
        <v>0</v>
      </c>
      <c r="BM2041" s="166">
        <v>0</v>
      </c>
      <c r="BN2041" s="166">
        <v>0</v>
      </c>
      <c r="BO2041" s="166">
        <v>0</v>
      </c>
      <c r="BP2041" s="166">
        <v>0</v>
      </c>
      <c r="BQ2041" s="166">
        <v>0</v>
      </c>
      <c r="BR2041" s="166">
        <v>-2238653.0299999998</v>
      </c>
      <c r="BS2041" s="166">
        <v>-2238653.0299999998</v>
      </c>
      <c r="BT2041" s="168">
        <v>0.96779000000000004</v>
      </c>
      <c r="BU2041" s="166">
        <v>-175482.54745839999</v>
      </c>
      <c r="BV2041" s="166">
        <v>-2166546.0159037001</v>
      </c>
      <c r="BW2041" s="166">
        <v>0</v>
      </c>
      <c r="BX2041" s="166">
        <v>0</v>
      </c>
      <c r="BY2041" s="166">
        <v>0</v>
      </c>
      <c r="BZ2041" s="166">
        <v>0</v>
      </c>
      <c r="CA2041" s="166">
        <v>0</v>
      </c>
      <c r="CB2041" s="166">
        <v>0</v>
      </c>
      <c r="CC2041" s="166">
        <v>0</v>
      </c>
      <c r="CD2041" s="166">
        <v>0</v>
      </c>
      <c r="CE2041" s="166">
        <v>0</v>
      </c>
      <c r="CF2041" s="166">
        <v>0</v>
      </c>
      <c r="CG2041" s="166">
        <v>0</v>
      </c>
      <c r="CH2041" s="166">
        <v>0</v>
      </c>
      <c r="CI2041" s="166">
        <v>0</v>
      </c>
      <c r="CJ2041" s="166">
        <v>0</v>
      </c>
      <c r="CK2041" s="166">
        <v>0</v>
      </c>
      <c r="CL2041" s="166">
        <v>0</v>
      </c>
      <c r="CM2041" s="166">
        <v>0</v>
      </c>
      <c r="CN2041" s="166">
        <v>0</v>
      </c>
      <c r="CO2041" s="166">
        <v>0</v>
      </c>
      <c r="CP2041" s="166">
        <v>0</v>
      </c>
      <c r="CQ2041" s="166">
        <v>0</v>
      </c>
      <c r="CR2041" s="166">
        <v>0</v>
      </c>
      <c r="CS2041" s="166">
        <v>0</v>
      </c>
      <c r="CT2041" s="166">
        <v>0</v>
      </c>
      <c r="CU2041" s="166">
        <v>0</v>
      </c>
      <c r="CV2041" s="166">
        <v>0</v>
      </c>
      <c r="CW2041" s="166">
        <v>0</v>
      </c>
      <c r="CX2041" s="166">
        <v>0</v>
      </c>
      <c r="CY2041" s="166">
        <v>-2166546.0159037001</v>
      </c>
      <c r="CZ2041" s="166">
        <v>-2166546.0159037001</v>
      </c>
    </row>
    <row r="2042" spans="1:104" x14ac:dyDescent="0.2">
      <c r="A2042" s="167" t="s">
        <v>449</v>
      </c>
    </row>
    <row r="2043" spans="1:104" x14ac:dyDescent="0.2">
      <c r="A2043" s="167" t="s">
        <v>1199</v>
      </c>
      <c r="B2043" s="166">
        <v>-17633403.179999899</v>
      </c>
      <c r="C2043" s="166">
        <v>-17633403.179999899</v>
      </c>
      <c r="D2043" s="166">
        <v>0</v>
      </c>
      <c r="E2043" s="166">
        <v>0</v>
      </c>
      <c r="F2043" s="166">
        <v>0</v>
      </c>
      <c r="G2043" s="166">
        <v>0</v>
      </c>
      <c r="H2043" s="166">
        <v>0</v>
      </c>
      <c r="I2043" s="166">
        <v>0</v>
      </c>
      <c r="J2043" s="166">
        <v>0</v>
      </c>
      <c r="K2043" s="166">
        <v>0</v>
      </c>
      <c r="L2043" s="166">
        <v>0</v>
      </c>
      <c r="M2043" s="166">
        <v>0</v>
      </c>
      <c r="N2043" s="166">
        <v>0</v>
      </c>
      <c r="O2043" s="166">
        <v>0</v>
      </c>
      <c r="P2043" s="166">
        <v>0</v>
      </c>
      <c r="Q2043" s="166">
        <v>0</v>
      </c>
      <c r="R2043" s="166">
        <v>0</v>
      </c>
      <c r="S2043" s="166">
        <v>0</v>
      </c>
      <c r="T2043" s="166">
        <v>0</v>
      </c>
      <c r="U2043" s="166">
        <v>0</v>
      </c>
      <c r="V2043" s="166">
        <v>0</v>
      </c>
      <c r="W2043" s="166">
        <v>0</v>
      </c>
      <c r="X2043" s="166">
        <v>0</v>
      </c>
      <c r="Y2043" s="166">
        <v>0</v>
      </c>
      <c r="Z2043" s="166">
        <v>0</v>
      </c>
      <c r="AA2043" s="166">
        <v>0</v>
      </c>
      <c r="AB2043" s="166">
        <v>0</v>
      </c>
      <c r="AC2043" s="166">
        <v>0</v>
      </c>
      <c r="AD2043" s="166">
        <v>0</v>
      </c>
      <c r="AE2043" s="166">
        <v>0</v>
      </c>
      <c r="AF2043" s="166">
        <v>0</v>
      </c>
      <c r="AG2043" s="166">
        <v>0</v>
      </c>
      <c r="AH2043" s="166">
        <v>0</v>
      </c>
      <c r="AI2043" s="166">
        <v>0</v>
      </c>
      <c r="AJ2043" s="166">
        <v>0</v>
      </c>
      <c r="AK2043" s="166">
        <v>0</v>
      </c>
      <c r="AL2043" s="166">
        <v>0</v>
      </c>
      <c r="AM2043" s="166">
        <v>0</v>
      </c>
      <c r="AN2043" s="166">
        <v>0</v>
      </c>
      <c r="AO2043" s="166">
        <v>0</v>
      </c>
      <c r="AP2043" s="166">
        <v>0</v>
      </c>
      <c r="AQ2043" s="166">
        <v>0</v>
      </c>
      <c r="AR2043" s="166">
        <v>0</v>
      </c>
      <c r="AS2043" s="166">
        <v>0</v>
      </c>
      <c r="AT2043" s="166">
        <v>0</v>
      </c>
      <c r="AU2043" s="166">
        <v>0</v>
      </c>
      <c r="AV2043" s="166">
        <v>0</v>
      </c>
      <c r="AW2043" s="166">
        <v>0</v>
      </c>
      <c r="AX2043" s="166">
        <v>0</v>
      </c>
      <c r="AY2043" s="166">
        <v>0</v>
      </c>
      <c r="AZ2043" s="166">
        <v>0</v>
      </c>
      <c r="BA2043" s="166">
        <v>0</v>
      </c>
      <c r="BB2043" s="166">
        <v>0</v>
      </c>
      <c r="BC2043" s="166">
        <v>0</v>
      </c>
      <c r="BD2043" s="166">
        <v>0</v>
      </c>
      <c r="BE2043" s="166">
        <v>0</v>
      </c>
      <c r="BF2043" s="166">
        <v>0</v>
      </c>
      <c r="BG2043" s="166">
        <v>0</v>
      </c>
      <c r="BH2043" s="166">
        <v>0</v>
      </c>
      <c r="BI2043" s="166">
        <v>0</v>
      </c>
      <c r="BJ2043" s="166">
        <v>0</v>
      </c>
      <c r="BK2043" s="166">
        <v>0</v>
      </c>
      <c r="BL2043" s="166">
        <v>0</v>
      </c>
      <c r="BM2043" s="166">
        <v>0</v>
      </c>
      <c r="BN2043" s="166">
        <v>0</v>
      </c>
      <c r="BO2043" s="166">
        <v>0</v>
      </c>
      <c r="BP2043" s="166">
        <v>0</v>
      </c>
      <c r="BQ2043" s="166">
        <v>0</v>
      </c>
      <c r="BR2043" s="166">
        <v>-17633403.179999899</v>
      </c>
      <c r="BS2043" s="166">
        <v>-17633403.179999899</v>
      </c>
      <c r="BT2043" s="168">
        <v>0.96779000000000004</v>
      </c>
      <c r="BU2043" s="166">
        <v>-1394474.6167565901</v>
      </c>
      <c r="BV2043" s="166">
        <v>-17065431.263572101</v>
      </c>
      <c r="BW2043" s="166">
        <v>0</v>
      </c>
      <c r="BX2043" s="166">
        <v>0</v>
      </c>
      <c r="BY2043" s="166">
        <v>0</v>
      </c>
      <c r="BZ2043" s="166">
        <v>0</v>
      </c>
      <c r="CA2043" s="166">
        <v>0</v>
      </c>
      <c r="CB2043" s="166">
        <v>0</v>
      </c>
      <c r="CC2043" s="166">
        <v>0</v>
      </c>
      <c r="CD2043" s="166">
        <v>0</v>
      </c>
      <c r="CE2043" s="166">
        <v>0</v>
      </c>
      <c r="CF2043" s="166">
        <v>0</v>
      </c>
      <c r="CG2043" s="166">
        <v>0</v>
      </c>
      <c r="CH2043" s="166">
        <v>0</v>
      </c>
      <c r="CI2043" s="166">
        <v>0</v>
      </c>
      <c r="CJ2043" s="166">
        <v>0</v>
      </c>
      <c r="CK2043" s="166">
        <v>0</v>
      </c>
      <c r="CL2043" s="166">
        <v>0</v>
      </c>
      <c r="CM2043" s="166">
        <v>0</v>
      </c>
      <c r="CN2043" s="166">
        <v>0</v>
      </c>
      <c r="CO2043" s="166">
        <v>0</v>
      </c>
      <c r="CP2043" s="166">
        <v>0</v>
      </c>
      <c r="CQ2043" s="166">
        <v>0</v>
      </c>
      <c r="CR2043" s="166">
        <v>0</v>
      </c>
      <c r="CS2043" s="166">
        <v>0</v>
      </c>
      <c r="CT2043" s="166">
        <v>0</v>
      </c>
      <c r="CU2043" s="166">
        <v>0</v>
      </c>
      <c r="CV2043" s="166">
        <v>0</v>
      </c>
      <c r="CW2043" s="166">
        <v>0</v>
      </c>
      <c r="CX2043" s="166">
        <v>0</v>
      </c>
      <c r="CY2043" s="166">
        <v>-17065431.263572101</v>
      </c>
      <c r="CZ2043" s="166">
        <v>-17065431.263572101</v>
      </c>
    </row>
    <row r="2044" spans="1:104" x14ac:dyDescent="0.2">
      <c r="A2044" s="167" t="s">
        <v>451</v>
      </c>
    </row>
    <row r="2045" spans="1:104" x14ac:dyDescent="0.2">
      <c r="A2045" s="167" t="s">
        <v>1200</v>
      </c>
      <c r="B2045" s="166">
        <v>24790644.890000001</v>
      </c>
      <c r="C2045" s="166">
        <v>24790644.890000001</v>
      </c>
      <c r="D2045" s="166">
        <v>0</v>
      </c>
      <c r="E2045" s="166">
        <v>0</v>
      </c>
      <c r="F2045" s="166">
        <v>0</v>
      </c>
      <c r="G2045" s="166">
        <v>0</v>
      </c>
      <c r="H2045" s="166">
        <v>0</v>
      </c>
      <c r="I2045" s="166">
        <v>0</v>
      </c>
      <c r="J2045" s="166">
        <v>0</v>
      </c>
      <c r="K2045" s="166">
        <v>0</v>
      </c>
      <c r="L2045" s="166">
        <v>0</v>
      </c>
      <c r="M2045" s="166">
        <v>0</v>
      </c>
      <c r="N2045" s="166">
        <v>0</v>
      </c>
      <c r="O2045" s="166">
        <v>0</v>
      </c>
      <c r="P2045" s="166">
        <v>0</v>
      </c>
      <c r="Q2045" s="166">
        <v>0</v>
      </c>
      <c r="R2045" s="166">
        <v>0</v>
      </c>
      <c r="S2045" s="166">
        <v>0</v>
      </c>
      <c r="T2045" s="166">
        <v>0</v>
      </c>
      <c r="U2045" s="166">
        <v>0</v>
      </c>
      <c r="V2045" s="166">
        <v>0</v>
      </c>
      <c r="W2045" s="166">
        <v>0</v>
      </c>
      <c r="X2045" s="166">
        <v>0</v>
      </c>
      <c r="Y2045" s="166">
        <v>0</v>
      </c>
      <c r="Z2045" s="166">
        <v>0</v>
      </c>
      <c r="AA2045" s="166">
        <v>0</v>
      </c>
      <c r="AB2045" s="166">
        <v>0</v>
      </c>
      <c r="AC2045" s="166">
        <v>0</v>
      </c>
      <c r="AD2045" s="166">
        <v>0</v>
      </c>
      <c r="AE2045" s="166">
        <v>0</v>
      </c>
      <c r="AF2045" s="166">
        <v>0</v>
      </c>
      <c r="AG2045" s="166">
        <v>0</v>
      </c>
      <c r="AH2045" s="166">
        <v>0</v>
      </c>
      <c r="AI2045" s="166">
        <v>0</v>
      </c>
      <c r="AJ2045" s="166">
        <v>0</v>
      </c>
      <c r="AK2045" s="166">
        <v>0</v>
      </c>
      <c r="AL2045" s="166">
        <v>0</v>
      </c>
      <c r="AM2045" s="166">
        <v>0</v>
      </c>
      <c r="AN2045" s="166">
        <v>0</v>
      </c>
      <c r="AO2045" s="166">
        <v>0</v>
      </c>
      <c r="AP2045" s="166">
        <v>0</v>
      </c>
      <c r="AQ2045" s="166">
        <v>0</v>
      </c>
      <c r="AR2045" s="166">
        <v>0</v>
      </c>
      <c r="AS2045" s="166">
        <v>0</v>
      </c>
      <c r="AT2045" s="166">
        <v>0</v>
      </c>
      <c r="AU2045" s="166">
        <v>0</v>
      </c>
      <c r="AV2045" s="166">
        <v>0</v>
      </c>
      <c r="AW2045" s="166">
        <v>0</v>
      </c>
      <c r="AX2045" s="166">
        <v>0</v>
      </c>
      <c r="AY2045" s="166">
        <v>0</v>
      </c>
      <c r="AZ2045" s="166">
        <v>0</v>
      </c>
      <c r="BA2045" s="166">
        <v>0</v>
      </c>
      <c r="BB2045" s="166">
        <v>0</v>
      </c>
      <c r="BC2045" s="166">
        <v>0</v>
      </c>
      <c r="BD2045" s="166">
        <v>0</v>
      </c>
      <c r="BE2045" s="166">
        <v>0</v>
      </c>
      <c r="BF2045" s="166">
        <v>0</v>
      </c>
      <c r="BG2045" s="166">
        <v>0</v>
      </c>
      <c r="BH2045" s="166">
        <v>0</v>
      </c>
      <c r="BI2045" s="166">
        <v>0</v>
      </c>
      <c r="BJ2045" s="166">
        <v>0</v>
      </c>
      <c r="BK2045" s="166">
        <v>0</v>
      </c>
      <c r="BL2045" s="166">
        <v>0</v>
      </c>
      <c r="BM2045" s="166">
        <v>0</v>
      </c>
      <c r="BN2045" s="166">
        <v>0</v>
      </c>
      <c r="BO2045" s="166">
        <v>0</v>
      </c>
      <c r="BP2045" s="166">
        <v>0</v>
      </c>
      <c r="BQ2045" s="166">
        <v>0</v>
      </c>
      <c r="BR2045" s="166">
        <v>24790644.890000001</v>
      </c>
      <c r="BS2045" s="166">
        <v>24790644.890000001</v>
      </c>
      <c r="BT2045" s="168">
        <v>0.96779000000000004</v>
      </c>
      <c r="BU2045" s="166">
        <v>2033161.29791</v>
      </c>
      <c r="BV2045" s="166">
        <v>23992138.218093101</v>
      </c>
      <c r="BW2045" s="166">
        <v>0</v>
      </c>
      <c r="BX2045" s="166">
        <v>0</v>
      </c>
      <c r="BY2045" s="166">
        <v>0</v>
      </c>
      <c r="BZ2045" s="166">
        <v>0</v>
      </c>
      <c r="CA2045" s="166">
        <v>0</v>
      </c>
      <c r="CB2045" s="166">
        <v>0</v>
      </c>
      <c r="CC2045" s="166">
        <v>0</v>
      </c>
      <c r="CD2045" s="166">
        <v>0</v>
      </c>
      <c r="CE2045" s="166">
        <v>0</v>
      </c>
      <c r="CF2045" s="166">
        <v>0</v>
      </c>
      <c r="CG2045" s="166">
        <v>0</v>
      </c>
      <c r="CH2045" s="166">
        <v>0</v>
      </c>
      <c r="CI2045" s="166">
        <v>0</v>
      </c>
      <c r="CJ2045" s="166">
        <v>0</v>
      </c>
      <c r="CK2045" s="166">
        <v>0</v>
      </c>
      <c r="CL2045" s="166">
        <v>0</v>
      </c>
      <c r="CM2045" s="166">
        <v>0</v>
      </c>
      <c r="CN2045" s="166">
        <v>0</v>
      </c>
      <c r="CO2045" s="166">
        <v>0</v>
      </c>
      <c r="CP2045" s="166">
        <v>0</v>
      </c>
      <c r="CQ2045" s="166">
        <v>0</v>
      </c>
      <c r="CR2045" s="166">
        <v>0</v>
      </c>
      <c r="CS2045" s="166">
        <v>0</v>
      </c>
      <c r="CT2045" s="166">
        <v>0</v>
      </c>
      <c r="CU2045" s="166">
        <v>0</v>
      </c>
      <c r="CV2045" s="166">
        <v>0</v>
      </c>
      <c r="CW2045" s="166">
        <v>0</v>
      </c>
      <c r="CX2045" s="166">
        <v>0</v>
      </c>
      <c r="CY2045" s="166">
        <v>23992138.218093101</v>
      </c>
      <c r="CZ2045" s="166">
        <v>23992138.218093101</v>
      </c>
    </row>
    <row r="2046" spans="1:104" x14ac:dyDescent="0.2">
      <c r="A2046" s="167" t="s">
        <v>453</v>
      </c>
    </row>
    <row r="2047" spans="1:104" x14ac:dyDescent="0.2">
      <c r="A2047" s="167" t="s">
        <v>1201</v>
      </c>
      <c r="B2047" s="166">
        <v>13385.219999999899</v>
      </c>
      <c r="C2047" s="166">
        <v>13385.219999999899</v>
      </c>
      <c r="D2047" s="166">
        <v>0</v>
      </c>
      <c r="E2047" s="166">
        <v>0</v>
      </c>
      <c r="F2047" s="166">
        <v>0</v>
      </c>
      <c r="G2047" s="166">
        <v>0</v>
      </c>
      <c r="H2047" s="166">
        <v>0</v>
      </c>
      <c r="I2047" s="166">
        <v>0</v>
      </c>
      <c r="J2047" s="166">
        <v>0</v>
      </c>
      <c r="K2047" s="166">
        <v>0</v>
      </c>
      <c r="L2047" s="166">
        <v>0</v>
      </c>
      <c r="M2047" s="166">
        <v>0</v>
      </c>
      <c r="N2047" s="166">
        <v>0</v>
      </c>
      <c r="O2047" s="166">
        <v>0</v>
      </c>
      <c r="P2047" s="166">
        <v>0</v>
      </c>
      <c r="Q2047" s="166">
        <v>0</v>
      </c>
      <c r="R2047" s="166">
        <v>0</v>
      </c>
      <c r="S2047" s="166">
        <v>0</v>
      </c>
      <c r="T2047" s="166">
        <v>0</v>
      </c>
      <c r="U2047" s="166">
        <v>0</v>
      </c>
      <c r="V2047" s="166">
        <v>0</v>
      </c>
      <c r="W2047" s="166">
        <v>0</v>
      </c>
      <c r="X2047" s="166">
        <v>0</v>
      </c>
      <c r="Y2047" s="166">
        <v>0</v>
      </c>
      <c r="Z2047" s="166">
        <v>0</v>
      </c>
      <c r="AA2047" s="166">
        <v>0</v>
      </c>
      <c r="AB2047" s="166">
        <v>0</v>
      </c>
      <c r="AC2047" s="166">
        <v>0</v>
      </c>
      <c r="AD2047" s="166">
        <v>0</v>
      </c>
      <c r="AE2047" s="166">
        <v>0</v>
      </c>
      <c r="AF2047" s="166">
        <v>0</v>
      </c>
      <c r="AG2047" s="166">
        <v>0</v>
      </c>
      <c r="AH2047" s="166">
        <v>0</v>
      </c>
      <c r="AI2047" s="166">
        <v>0</v>
      </c>
      <c r="AJ2047" s="166">
        <v>0</v>
      </c>
      <c r="AK2047" s="166">
        <v>0</v>
      </c>
      <c r="AL2047" s="166">
        <v>0</v>
      </c>
      <c r="AM2047" s="166">
        <v>0</v>
      </c>
      <c r="AN2047" s="166">
        <v>0</v>
      </c>
      <c r="AO2047" s="166">
        <v>0</v>
      </c>
      <c r="AP2047" s="166">
        <v>0</v>
      </c>
      <c r="AQ2047" s="166">
        <v>0</v>
      </c>
      <c r="AR2047" s="166">
        <v>0</v>
      </c>
      <c r="AS2047" s="166">
        <v>0</v>
      </c>
      <c r="AT2047" s="166">
        <v>0</v>
      </c>
      <c r="AU2047" s="166">
        <v>0</v>
      </c>
      <c r="AV2047" s="166">
        <v>0</v>
      </c>
      <c r="AW2047" s="166">
        <v>0</v>
      </c>
      <c r="AX2047" s="166">
        <v>0</v>
      </c>
      <c r="AY2047" s="166">
        <v>0</v>
      </c>
      <c r="AZ2047" s="166">
        <v>0</v>
      </c>
      <c r="BA2047" s="166">
        <v>0</v>
      </c>
      <c r="BB2047" s="166">
        <v>0</v>
      </c>
      <c r="BC2047" s="166">
        <v>0</v>
      </c>
      <c r="BD2047" s="166">
        <v>0</v>
      </c>
      <c r="BE2047" s="166">
        <v>0</v>
      </c>
      <c r="BF2047" s="166">
        <v>0</v>
      </c>
      <c r="BG2047" s="166">
        <v>0</v>
      </c>
      <c r="BH2047" s="166">
        <v>0</v>
      </c>
      <c r="BI2047" s="166">
        <v>0</v>
      </c>
      <c r="BJ2047" s="166">
        <v>0</v>
      </c>
      <c r="BK2047" s="166">
        <v>0</v>
      </c>
      <c r="BL2047" s="166">
        <v>0</v>
      </c>
      <c r="BM2047" s="166">
        <v>0</v>
      </c>
      <c r="BN2047" s="166">
        <v>0</v>
      </c>
      <c r="BO2047" s="166">
        <v>0</v>
      </c>
      <c r="BP2047" s="166">
        <v>0</v>
      </c>
      <c r="BQ2047" s="166">
        <v>0</v>
      </c>
      <c r="BR2047" s="166">
        <v>13385.219999999899</v>
      </c>
      <c r="BS2047" s="166">
        <v>13385.219999999899</v>
      </c>
      <c r="BT2047" s="168">
        <v>0.96779000000000004</v>
      </c>
      <c r="BU2047" s="166">
        <v>1253.8977577000001</v>
      </c>
      <c r="BV2047" s="166">
        <v>12954.0820637999</v>
      </c>
      <c r="BW2047" s="166">
        <v>0</v>
      </c>
      <c r="BX2047" s="166">
        <v>0</v>
      </c>
      <c r="BY2047" s="166">
        <v>0</v>
      </c>
      <c r="BZ2047" s="166">
        <v>0</v>
      </c>
      <c r="CA2047" s="166">
        <v>0</v>
      </c>
      <c r="CB2047" s="166">
        <v>0</v>
      </c>
      <c r="CC2047" s="166">
        <v>0</v>
      </c>
      <c r="CD2047" s="166">
        <v>0</v>
      </c>
      <c r="CE2047" s="166">
        <v>0</v>
      </c>
      <c r="CF2047" s="166">
        <v>0</v>
      </c>
      <c r="CG2047" s="166">
        <v>0</v>
      </c>
      <c r="CH2047" s="166">
        <v>0</v>
      </c>
      <c r="CI2047" s="166">
        <v>0</v>
      </c>
      <c r="CJ2047" s="166">
        <v>0</v>
      </c>
      <c r="CK2047" s="166">
        <v>0</v>
      </c>
      <c r="CL2047" s="166">
        <v>0</v>
      </c>
      <c r="CM2047" s="166">
        <v>0</v>
      </c>
      <c r="CN2047" s="166">
        <v>0</v>
      </c>
      <c r="CO2047" s="166">
        <v>0</v>
      </c>
      <c r="CP2047" s="166">
        <v>0</v>
      </c>
      <c r="CQ2047" s="166">
        <v>0</v>
      </c>
      <c r="CR2047" s="166">
        <v>0</v>
      </c>
      <c r="CS2047" s="166">
        <v>0</v>
      </c>
      <c r="CT2047" s="166">
        <v>0</v>
      </c>
      <c r="CU2047" s="166">
        <v>0</v>
      </c>
      <c r="CV2047" s="166">
        <v>0</v>
      </c>
      <c r="CW2047" s="166">
        <v>0</v>
      </c>
      <c r="CX2047" s="166">
        <v>0</v>
      </c>
      <c r="CY2047" s="166">
        <v>12954.0820637999</v>
      </c>
      <c r="CZ2047" s="166">
        <v>12954.0820637999</v>
      </c>
    </row>
    <row r="2048" spans="1:104" x14ac:dyDescent="0.2">
      <c r="A2048" s="167" t="s">
        <v>1202</v>
      </c>
      <c r="B2048" s="166">
        <v>188894655.00373</v>
      </c>
      <c r="C2048" s="166">
        <v>188894655.00373</v>
      </c>
      <c r="D2048" s="166">
        <v>0</v>
      </c>
      <c r="E2048" s="166">
        <v>0</v>
      </c>
      <c r="F2048" s="166">
        <v>0</v>
      </c>
      <c r="G2048" s="166">
        <v>0</v>
      </c>
      <c r="H2048" s="166">
        <v>0</v>
      </c>
      <c r="I2048" s="166">
        <v>0</v>
      </c>
      <c r="J2048" s="166">
        <v>0</v>
      </c>
      <c r="K2048" s="166">
        <v>0</v>
      </c>
      <c r="L2048" s="166">
        <v>0</v>
      </c>
      <c r="M2048" s="166">
        <v>0</v>
      </c>
      <c r="N2048" s="166">
        <v>0</v>
      </c>
      <c r="O2048" s="166">
        <v>0</v>
      </c>
      <c r="P2048" s="166">
        <v>0</v>
      </c>
      <c r="Q2048" s="166">
        <v>0</v>
      </c>
      <c r="R2048" s="166">
        <v>0</v>
      </c>
      <c r="S2048" s="166">
        <v>0</v>
      </c>
      <c r="T2048" s="166">
        <v>0</v>
      </c>
      <c r="U2048" s="166">
        <v>0</v>
      </c>
      <c r="V2048" s="166">
        <v>0</v>
      </c>
      <c r="W2048" s="166">
        <v>0</v>
      </c>
      <c r="X2048" s="166">
        <v>0</v>
      </c>
      <c r="Y2048" s="166">
        <v>0</v>
      </c>
      <c r="Z2048" s="166">
        <v>0</v>
      </c>
      <c r="AA2048" s="166">
        <v>0</v>
      </c>
      <c r="AB2048" s="166">
        <v>0</v>
      </c>
      <c r="AC2048" s="166">
        <v>0</v>
      </c>
      <c r="AD2048" s="166">
        <v>0</v>
      </c>
      <c r="AE2048" s="166">
        <v>0</v>
      </c>
      <c r="AF2048" s="166">
        <v>0</v>
      </c>
      <c r="AG2048" s="166">
        <v>0</v>
      </c>
      <c r="AH2048" s="166">
        <v>0</v>
      </c>
      <c r="AI2048" s="166">
        <v>0</v>
      </c>
      <c r="AJ2048" s="166">
        <v>0</v>
      </c>
      <c r="AK2048" s="166">
        <v>0</v>
      </c>
      <c r="AL2048" s="166">
        <v>0</v>
      </c>
      <c r="AM2048" s="166">
        <v>0</v>
      </c>
      <c r="AN2048" s="166">
        <v>0</v>
      </c>
      <c r="AO2048" s="166">
        <v>0</v>
      </c>
      <c r="AP2048" s="166">
        <v>0</v>
      </c>
      <c r="AQ2048" s="166">
        <v>0</v>
      </c>
      <c r="AR2048" s="166">
        <v>0</v>
      </c>
      <c r="AS2048" s="166">
        <v>0</v>
      </c>
      <c r="AT2048" s="166">
        <v>0</v>
      </c>
      <c r="AU2048" s="166">
        <v>0</v>
      </c>
      <c r="AV2048" s="166">
        <v>0</v>
      </c>
      <c r="AW2048" s="166">
        <v>0</v>
      </c>
      <c r="AX2048" s="166">
        <v>-3969679.3581241001</v>
      </c>
      <c r="AY2048" s="166">
        <v>0</v>
      </c>
      <c r="AZ2048" s="166">
        <v>0</v>
      </c>
      <c r="BA2048" s="166">
        <v>0</v>
      </c>
      <c r="BB2048" s="166">
        <v>0</v>
      </c>
      <c r="BC2048" s="166">
        <v>0</v>
      </c>
      <c r="BD2048" s="166">
        <v>0</v>
      </c>
      <c r="BE2048" s="166">
        <v>0</v>
      </c>
      <c r="BF2048" s="166">
        <v>0</v>
      </c>
      <c r="BG2048" s="166">
        <v>0</v>
      </c>
      <c r="BH2048" s="166">
        <v>0</v>
      </c>
      <c r="BI2048" s="166">
        <v>0</v>
      </c>
      <c r="BJ2048" s="166">
        <v>0</v>
      </c>
      <c r="BK2048" s="166">
        <v>0</v>
      </c>
      <c r="BL2048" s="166">
        <v>0</v>
      </c>
      <c r="BM2048" s="166">
        <v>0</v>
      </c>
      <c r="BN2048" s="166">
        <v>0</v>
      </c>
      <c r="BO2048" s="166">
        <v>-3969679.3581241001</v>
      </c>
      <c r="BP2048" s="166">
        <v>0</v>
      </c>
      <c r="BQ2048" s="166">
        <v>0</v>
      </c>
      <c r="BR2048" s="166">
        <v>188894655.00373</v>
      </c>
      <c r="BS2048" s="166">
        <v>184924975.645605</v>
      </c>
      <c r="BT2048" s="168">
        <v>0</v>
      </c>
      <c r="BU2048" s="166">
        <v>9695747.6099772099</v>
      </c>
      <c r="BV2048" s="166">
        <v>181685154.334108</v>
      </c>
      <c r="BW2048" s="166">
        <v>0</v>
      </c>
      <c r="BX2048" s="166">
        <v>0</v>
      </c>
      <c r="BY2048" s="166">
        <v>0</v>
      </c>
      <c r="BZ2048" s="166">
        <v>0</v>
      </c>
      <c r="CA2048" s="166">
        <v>0</v>
      </c>
      <c r="CB2048" s="166">
        <v>0</v>
      </c>
      <c r="CC2048" s="166">
        <v>0</v>
      </c>
      <c r="CD2048" s="166">
        <v>0</v>
      </c>
      <c r="CE2048" s="166">
        <v>0</v>
      </c>
      <c r="CF2048" s="166">
        <v>0</v>
      </c>
      <c r="CG2048" s="166">
        <v>0</v>
      </c>
      <c r="CH2048" s="166">
        <v>-3969679.3581241001</v>
      </c>
      <c r="CI2048" s="166">
        <v>0</v>
      </c>
      <c r="CJ2048" s="166">
        <v>0</v>
      </c>
      <c r="CK2048" s="166">
        <v>0</v>
      </c>
      <c r="CL2048" s="166">
        <v>0</v>
      </c>
      <c r="CM2048" s="166">
        <v>0</v>
      </c>
      <c r="CN2048" s="166">
        <v>0</v>
      </c>
      <c r="CO2048" s="166">
        <v>0</v>
      </c>
      <c r="CP2048" s="166">
        <v>0</v>
      </c>
      <c r="CQ2048" s="166">
        <v>0</v>
      </c>
      <c r="CR2048" s="166">
        <v>0</v>
      </c>
      <c r="CS2048" s="166">
        <v>0</v>
      </c>
      <c r="CT2048" s="166">
        <v>0</v>
      </c>
      <c r="CU2048" s="166">
        <v>0</v>
      </c>
      <c r="CV2048" s="166">
        <v>-3969679.3581241001</v>
      </c>
      <c r="CW2048" s="166">
        <v>0</v>
      </c>
      <c r="CX2048" s="166">
        <v>0</v>
      </c>
      <c r="CY2048" s="166">
        <v>177715474.97598401</v>
      </c>
      <c r="CZ2048" s="166">
        <v>177715474.97598401</v>
      </c>
    </row>
    <row r="2049" spans="1:104" x14ac:dyDescent="0.2">
      <c r="A2049" s="167" t="s">
        <v>455</v>
      </c>
    </row>
    <row r="2050" spans="1:104" x14ac:dyDescent="0.2">
      <c r="A2050" s="167" t="s">
        <v>1204</v>
      </c>
      <c r="B2050" s="166">
        <v>0</v>
      </c>
      <c r="C2050" s="166">
        <v>0</v>
      </c>
      <c r="D2050" s="166">
        <v>0</v>
      </c>
      <c r="E2050" s="166">
        <v>0</v>
      </c>
      <c r="F2050" s="166">
        <v>0</v>
      </c>
      <c r="G2050" s="166">
        <v>0</v>
      </c>
      <c r="H2050" s="166">
        <v>0</v>
      </c>
      <c r="I2050" s="166">
        <v>0</v>
      </c>
      <c r="J2050" s="166">
        <v>0</v>
      </c>
      <c r="K2050" s="166">
        <v>0</v>
      </c>
      <c r="L2050" s="166">
        <v>0</v>
      </c>
      <c r="M2050" s="166">
        <v>0</v>
      </c>
      <c r="N2050" s="166">
        <v>0</v>
      </c>
      <c r="O2050" s="166">
        <v>0</v>
      </c>
      <c r="P2050" s="166">
        <v>0</v>
      </c>
      <c r="Q2050" s="166">
        <v>0</v>
      </c>
      <c r="R2050" s="166">
        <v>0</v>
      </c>
      <c r="S2050" s="166">
        <v>0</v>
      </c>
      <c r="T2050" s="166">
        <v>0</v>
      </c>
      <c r="U2050" s="166">
        <v>0</v>
      </c>
      <c r="V2050" s="166">
        <v>0</v>
      </c>
      <c r="W2050" s="166">
        <v>0</v>
      </c>
      <c r="X2050" s="166">
        <v>0</v>
      </c>
      <c r="Y2050" s="166">
        <v>0</v>
      </c>
      <c r="Z2050" s="166">
        <v>0</v>
      </c>
      <c r="AA2050" s="166">
        <v>0</v>
      </c>
      <c r="AB2050" s="166">
        <v>0</v>
      </c>
      <c r="AC2050" s="166">
        <v>0</v>
      </c>
      <c r="AD2050" s="166">
        <v>0</v>
      </c>
      <c r="AE2050" s="166">
        <v>0</v>
      </c>
      <c r="AF2050" s="166">
        <v>0</v>
      </c>
      <c r="AG2050" s="166">
        <v>0</v>
      </c>
      <c r="AH2050" s="166">
        <v>0</v>
      </c>
      <c r="AI2050" s="166">
        <v>0</v>
      </c>
      <c r="AJ2050" s="166">
        <v>0</v>
      </c>
      <c r="AK2050" s="166">
        <v>0</v>
      </c>
      <c r="AL2050" s="166">
        <v>0</v>
      </c>
      <c r="AM2050" s="166">
        <v>0</v>
      </c>
      <c r="AN2050" s="166">
        <v>0</v>
      </c>
      <c r="AO2050" s="166">
        <v>0</v>
      </c>
      <c r="AP2050" s="166">
        <v>0</v>
      </c>
      <c r="AQ2050" s="166">
        <v>0</v>
      </c>
      <c r="AR2050" s="166">
        <v>0</v>
      </c>
      <c r="AS2050" s="166">
        <v>0</v>
      </c>
      <c r="AT2050" s="166">
        <v>0</v>
      </c>
      <c r="AU2050" s="166">
        <v>0</v>
      </c>
      <c r="AV2050" s="166">
        <v>0</v>
      </c>
      <c r="AW2050" s="166">
        <v>0</v>
      </c>
      <c r="AX2050" s="166">
        <v>0</v>
      </c>
      <c r="AY2050" s="166">
        <v>0</v>
      </c>
      <c r="AZ2050" s="166">
        <v>0</v>
      </c>
      <c r="BA2050" s="166">
        <v>0</v>
      </c>
      <c r="BB2050" s="166">
        <v>0</v>
      </c>
      <c r="BC2050" s="166">
        <v>0</v>
      </c>
      <c r="BD2050" s="166">
        <v>0</v>
      </c>
      <c r="BE2050" s="166">
        <v>0</v>
      </c>
      <c r="BF2050" s="166">
        <v>0</v>
      </c>
      <c r="BG2050" s="166">
        <v>0</v>
      </c>
      <c r="BH2050" s="166">
        <v>0</v>
      </c>
      <c r="BI2050" s="166">
        <v>0</v>
      </c>
      <c r="BJ2050" s="166">
        <v>0</v>
      </c>
      <c r="BK2050" s="166">
        <v>0</v>
      </c>
      <c r="BL2050" s="166">
        <v>0</v>
      </c>
      <c r="BM2050" s="166">
        <v>0</v>
      </c>
      <c r="BN2050" s="166">
        <v>0</v>
      </c>
      <c r="BO2050" s="166">
        <v>0</v>
      </c>
      <c r="BP2050" s="166">
        <v>0</v>
      </c>
      <c r="BQ2050" s="166">
        <v>0</v>
      </c>
      <c r="BR2050" s="166">
        <v>0</v>
      </c>
      <c r="BS2050" s="166">
        <v>0</v>
      </c>
      <c r="BT2050" s="168">
        <v>0.96779000000000004</v>
      </c>
      <c r="BU2050" s="166">
        <v>0</v>
      </c>
      <c r="BV2050" s="166">
        <v>0</v>
      </c>
      <c r="BW2050" s="166">
        <v>0</v>
      </c>
      <c r="BX2050" s="166">
        <v>0</v>
      </c>
      <c r="BY2050" s="166">
        <v>0</v>
      </c>
      <c r="BZ2050" s="166">
        <v>0</v>
      </c>
      <c r="CA2050" s="166">
        <v>0</v>
      </c>
      <c r="CB2050" s="166">
        <v>0</v>
      </c>
      <c r="CC2050" s="166">
        <v>0</v>
      </c>
      <c r="CD2050" s="166">
        <v>0</v>
      </c>
      <c r="CE2050" s="166">
        <v>0</v>
      </c>
      <c r="CF2050" s="166">
        <v>0</v>
      </c>
      <c r="CG2050" s="166">
        <v>0</v>
      </c>
      <c r="CH2050" s="166">
        <v>0</v>
      </c>
      <c r="CI2050" s="166">
        <v>0</v>
      </c>
      <c r="CJ2050" s="166">
        <v>0</v>
      </c>
      <c r="CK2050" s="166">
        <v>0</v>
      </c>
      <c r="CL2050" s="166">
        <v>0</v>
      </c>
      <c r="CM2050" s="166">
        <v>0</v>
      </c>
      <c r="CN2050" s="166">
        <v>0</v>
      </c>
      <c r="CO2050" s="166">
        <v>0</v>
      </c>
      <c r="CP2050" s="166">
        <v>0</v>
      </c>
      <c r="CQ2050" s="166">
        <v>0</v>
      </c>
      <c r="CR2050" s="166">
        <v>0</v>
      </c>
      <c r="CS2050" s="166">
        <v>0</v>
      </c>
      <c r="CT2050" s="166">
        <v>0</v>
      </c>
      <c r="CU2050" s="166">
        <v>0</v>
      </c>
      <c r="CV2050" s="166">
        <v>0</v>
      </c>
      <c r="CW2050" s="166">
        <v>0</v>
      </c>
      <c r="CX2050" s="166">
        <v>0</v>
      </c>
      <c r="CY2050" s="166">
        <v>0</v>
      </c>
      <c r="CZ2050" s="166">
        <v>0</v>
      </c>
    </row>
    <row r="2051" spans="1:104" x14ac:dyDescent="0.2">
      <c r="A2051" s="167" t="s">
        <v>457</v>
      </c>
    </row>
    <row r="2052" spans="1:104" x14ac:dyDescent="0.2">
      <c r="A2052" s="170" t="s">
        <v>458</v>
      </c>
      <c r="B2052" s="166">
        <v>620159436.91678905</v>
      </c>
      <c r="C2052" s="166">
        <v>620159436.91678905</v>
      </c>
      <c r="D2052" s="166">
        <v>0</v>
      </c>
      <c r="E2052" s="166">
        <v>0</v>
      </c>
      <c r="F2052" s="166">
        <v>0</v>
      </c>
      <c r="G2052" s="166">
        <v>0</v>
      </c>
      <c r="H2052" s="166">
        <v>0</v>
      </c>
      <c r="I2052" s="166">
        <v>0</v>
      </c>
      <c r="J2052" s="166">
        <v>0</v>
      </c>
      <c r="K2052" s="166">
        <v>0</v>
      </c>
      <c r="L2052" s="166">
        <v>0</v>
      </c>
      <c r="M2052" s="166">
        <v>0</v>
      </c>
      <c r="N2052" s="166">
        <v>0</v>
      </c>
      <c r="O2052" s="166">
        <v>0</v>
      </c>
      <c r="P2052" s="166">
        <v>0</v>
      </c>
      <c r="Q2052" s="166">
        <v>0</v>
      </c>
      <c r="R2052" s="166">
        <v>0</v>
      </c>
      <c r="S2052" s="166">
        <v>0</v>
      </c>
      <c r="T2052" s="166">
        <v>0</v>
      </c>
      <c r="U2052" s="166">
        <v>0</v>
      </c>
      <c r="V2052" s="166">
        <v>0</v>
      </c>
      <c r="W2052" s="166">
        <v>0</v>
      </c>
      <c r="X2052" s="166">
        <v>0</v>
      </c>
      <c r="Y2052" s="166">
        <v>0</v>
      </c>
      <c r="Z2052" s="166">
        <v>0</v>
      </c>
      <c r="AA2052" s="166">
        <v>0</v>
      </c>
      <c r="AB2052" s="166">
        <v>0</v>
      </c>
      <c r="AC2052" s="166">
        <v>0</v>
      </c>
      <c r="AD2052" s="166">
        <v>0</v>
      </c>
      <c r="AE2052" s="166">
        <v>0</v>
      </c>
      <c r="AF2052" s="166">
        <v>0</v>
      </c>
      <c r="AG2052" s="166">
        <v>0</v>
      </c>
      <c r="AH2052" s="166">
        <v>0</v>
      </c>
      <c r="AI2052" s="166">
        <v>0</v>
      </c>
      <c r="AJ2052" s="166">
        <v>0</v>
      </c>
      <c r="AK2052" s="166">
        <v>0</v>
      </c>
      <c r="AL2052" s="166">
        <v>0</v>
      </c>
      <c r="AM2052" s="166">
        <v>0</v>
      </c>
      <c r="AN2052" s="166">
        <v>0</v>
      </c>
      <c r="AO2052" s="166">
        <v>0</v>
      </c>
      <c r="AP2052" s="166">
        <v>0</v>
      </c>
      <c r="AQ2052" s="166">
        <v>0</v>
      </c>
      <c r="AR2052" s="166">
        <v>0</v>
      </c>
      <c r="AS2052" s="166">
        <v>0</v>
      </c>
      <c r="AT2052" s="166">
        <v>0</v>
      </c>
      <c r="AU2052" s="166">
        <v>0</v>
      </c>
      <c r="AV2052" s="166">
        <v>0</v>
      </c>
      <c r="AW2052" s="166">
        <v>0</v>
      </c>
      <c r="AX2052" s="166">
        <v>-3969679.3581241001</v>
      </c>
      <c r="AY2052" s="166">
        <v>0</v>
      </c>
      <c r="AZ2052" s="166">
        <v>0</v>
      </c>
      <c r="BA2052" s="166">
        <v>0</v>
      </c>
      <c r="BB2052" s="166">
        <v>0</v>
      </c>
      <c r="BC2052" s="166">
        <v>0</v>
      </c>
      <c r="BD2052" s="166">
        <v>0</v>
      </c>
      <c r="BE2052" s="166">
        <v>0</v>
      </c>
      <c r="BF2052" s="166">
        <v>0</v>
      </c>
      <c r="BG2052" s="166">
        <v>0</v>
      </c>
      <c r="BH2052" s="166">
        <v>0</v>
      </c>
      <c r="BI2052" s="166">
        <v>0</v>
      </c>
      <c r="BJ2052" s="166">
        <v>0</v>
      </c>
      <c r="BK2052" s="166">
        <v>0</v>
      </c>
      <c r="BL2052" s="166">
        <v>0</v>
      </c>
      <c r="BM2052" s="166">
        <v>0</v>
      </c>
      <c r="BN2052" s="166">
        <v>0</v>
      </c>
      <c r="BO2052" s="166">
        <v>-3969679.3581241001</v>
      </c>
      <c r="BP2052" s="166">
        <v>0</v>
      </c>
      <c r="BQ2052" s="166">
        <v>0</v>
      </c>
      <c r="BR2052" s="166">
        <v>620159436.91678905</v>
      </c>
      <c r="BS2052" s="166">
        <v>616189757.55866504</v>
      </c>
      <c r="BT2052" s="168">
        <v>0</v>
      </c>
      <c r="BU2052" s="166">
        <v>43801458.954222202</v>
      </c>
      <c r="BV2052" s="166">
        <v>602695748.21391702</v>
      </c>
      <c r="BW2052" s="166">
        <v>0</v>
      </c>
      <c r="BX2052" s="166">
        <v>0</v>
      </c>
      <c r="BY2052" s="166">
        <v>0</v>
      </c>
      <c r="BZ2052" s="166">
        <v>0</v>
      </c>
      <c r="CA2052" s="166">
        <v>0</v>
      </c>
      <c r="CB2052" s="166">
        <v>0</v>
      </c>
      <c r="CC2052" s="166">
        <v>0</v>
      </c>
      <c r="CD2052" s="166">
        <v>0</v>
      </c>
      <c r="CE2052" s="166">
        <v>0</v>
      </c>
      <c r="CF2052" s="166">
        <v>0</v>
      </c>
      <c r="CG2052" s="166">
        <v>0</v>
      </c>
      <c r="CH2052" s="166">
        <v>-3969679.3581241001</v>
      </c>
      <c r="CI2052" s="166">
        <v>0</v>
      </c>
      <c r="CJ2052" s="166">
        <v>0</v>
      </c>
      <c r="CK2052" s="166">
        <v>0</v>
      </c>
      <c r="CL2052" s="166">
        <v>0</v>
      </c>
      <c r="CM2052" s="166">
        <v>0</v>
      </c>
      <c r="CN2052" s="166">
        <v>0</v>
      </c>
      <c r="CO2052" s="166">
        <v>0</v>
      </c>
      <c r="CP2052" s="166">
        <v>0</v>
      </c>
      <c r="CQ2052" s="166">
        <v>0</v>
      </c>
      <c r="CR2052" s="166">
        <v>0</v>
      </c>
      <c r="CS2052" s="166">
        <v>0</v>
      </c>
      <c r="CT2052" s="166">
        <v>0</v>
      </c>
      <c r="CU2052" s="166">
        <v>0</v>
      </c>
      <c r="CV2052" s="166">
        <v>-3969679.3581241001</v>
      </c>
      <c r="CW2052" s="166">
        <v>0</v>
      </c>
      <c r="CX2052" s="166">
        <v>0</v>
      </c>
      <c r="CY2052" s="166">
        <v>598726068.855793</v>
      </c>
      <c r="CZ2052" s="166">
        <v>598726068.855793</v>
      </c>
    </row>
    <row r="2053" spans="1:104" x14ac:dyDescent="0.2">
      <c r="A2053" s="167" t="s">
        <v>459</v>
      </c>
    </row>
    <row r="2054" spans="1:104" x14ac:dyDescent="0.2">
      <c r="A2054" s="170" t="s">
        <v>460</v>
      </c>
    </row>
    <row r="2055" spans="1:104" x14ac:dyDescent="0.2">
      <c r="A2055" s="167" t="s">
        <v>461</v>
      </c>
      <c r="B2055" s="166">
        <v>116479536.974999</v>
      </c>
      <c r="C2055" s="166">
        <v>116479536.974999</v>
      </c>
      <c r="D2055" s="166">
        <v>0</v>
      </c>
      <c r="E2055" s="166">
        <v>0</v>
      </c>
      <c r="F2055" s="166">
        <v>0</v>
      </c>
      <c r="G2055" s="166">
        <v>0</v>
      </c>
      <c r="H2055" s="166">
        <v>0</v>
      </c>
      <c r="I2055" s="166">
        <v>0</v>
      </c>
      <c r="J2055" s="166">
        <v>0</v>
      </c>
      <c r="K2055" s="166">
        <v>0</v>
      </c>
      <c r="L2055" s="166">
        <v>0</v>
      </c>
      <c r="M2055" s="166">
        <v>0</v>
      </c>
      <c r="N2055" s="166">
        <v>0</v>
      </c>
      <c r="O2055" s="166">
        <v>0</v>
      </c>
      <c r="P2055" s="166">
        <v>0</v>
      </c>
      <c r="Q2055" s="166">
        <v>0</v>
      </c>
      <c r="R2055" s="166">
        <v>-116479536.974999</v>
      </c>
      <c r="S2055" s="166">
        <v>0</v>
      </c>
      <c r="T2055" s="166">
        <v>0</v>
      </c>
      <c r="U2055" s="166">
        <v>0</v>
      </c>
      <c r="V2055" s="166">
        <v>0</v>
      </c>
      <c r="W2055" s="166">
        <v>0</v>
      </c>
      <c r="X2055" s="166">
        <v>0</v>
      </c>
      <c r="Y2055" s="166">
        <v>0</v>
      </c>
      <c r="Z2055" s="166">
        <v>0</v>
      </c>
      <c r="AA2055" s="166">
        <v>0</v>
      </c>
      <c r="AB2055" s="166">
        <v>0</v>
      </c>
      <c r="AC2055" s="166">
        <v>0</v>
      </c>
      <c r="AD2055" s="166">
        <v>0</v>
      </c>
      <c r="AE2055" s="166">
        <v>0</v>
      </c>
      <c r="AF2055" s="166">
        <v>0</v>
      </c>
      <c r="AG2055" s="166">
        <v>0</v>
      </c>
      <c r="AH2055" s="166">
        <v>0</v>
      </c>
      <c r="AI2055" s="166">
        <v>0</v>
      </c>
      <c r="AJ2055" s="166">
        <v>0</v>
      </c>
      <c r="AK2055" s="166">
        <v>0</v>
      </c>
      <c r="AL2055" s="166">
        <v>0</v>
      </c>
      <c r="AM2055" s="166">
        <v>0</v>
      </c>
      <c r="AN2055" s="166">
        <v>0</v>
      </c>
      <c r="AO2055" s="166">
        <v>0</v>
      </c>
      <c r="AP2055" s="166">
        <v>0</v>
      </c>
      <c r="AQ2055" s="166">
        <v>0</v>
      </c>
      <c r="AR2055" s="166">
        <v>0</v>
      </c>
      <c r="AS2055" s="166">
        <v>0</v>
      </c>
      <c r="AT2055" s="166">
        <v>0</v>
      </c>
      <c r="AU2055" s="166">
        <v>0</v>
      </c>
      <c r="AV2055" s="166">
        <v>0</v>
      </c>
      <c r="AW2055" s="166">
        <v>0</v>
      </c>
      <c r="AX2055" s="166">
        <v>0</v>
      </c>
      <c r="AY2055" s="166">
        <v>0</v>
      </c>
      <c r="AZ2055" s="166">
        <v>0</v>
      </c>
      <c r="BA2055" s="166">
        <v>0</v>
      </c>
      <c r="BB2055" s="166">
        <v>0</v>
      </c>
      <c r="BC2055" s="166">
        <v>0</v>
      </c>
      <c r="BD2055" s="166">
        <v>0</v>
      </c>
      <c r="BE2055" s="166">
        <v>0</v>
      </c>
      <c r="BF2055" s="166">
        <v>0</v>
      </c>
      <c r="BG2055" s="166">
        <v>-116479536.974999</v>
      </c>
      <c r="BH2055" s="166">
        <v>0</v>
      </c>
      <c r="BI2055" s="166">
        <v>0</v>
      </c>
      <c r="BJ2055" s="166">
        <v>0</v>
      </c>
      <c r="BK2055" s="166">
        <v>0</v>
      </c>
      <c r="BL2055" s="166">
        <v>0</v>
      </c>
      <c r="BM2055" s="166">
        <v>0</v>
      </c>
      <c r="BN2055" s="166">
        <v>0</v>
      </c>
      <c r="BO2055" s="166">
        <v>0</v>
      </c>
      <c r="BP2055" s="166">
        <v>0</v>
      </c>
      <c r="BQ2055" s="166">
        <v>0</v>
      </c>
      <c r="BR2055" s="166">
        <v>116479536.974999</v>
      </c>
      <c r="BS2055" s="166">
        <v>0</v>
      </c>
      <c r="BT2055" s="168">
        <v>1</v>
      </c>
      <c r="BU2055" s="166">
        <v>9486471.6120832507</v>
      </c>
      <c r="BV2055" s="166">
        <v>116479536.974999</v>
      </c>
      <c r="BW2055" s="166">
        <v>0</v>
      </c>
      <c r="BX2055" s="166">
        <v>0</v>
      </c>
      <c r="BY2055" s="166">
        <v>0</v>
      </c>
      <c r="BZ2055" s="166">
        <v>-116479536.974999</v>
      </c>
      <c r="CA2055" s="166">
        <v>0</v>
      </c>
      <c r="CB2055" s="166">
        <v>0</v>
      </c>
      <c r="CC2055" s="166">
        <v>0</v>
      </c>
      <c r="CD2055" s="166">
        <v>0</v>
      </c>
      <c r="CE2055" s="166">
        <v>0</v>
      </c>
      <c r="CF2055" s="166">
        <v>0</v>
      </c>
      <c r="CG2055" s="166">
        <v>0</v>
      </c>
      <c r="CH2055" s="166">
        <v>0</v>
      </c>
      <c r="CI2055" s="166">
        <v>0</v>
      </c>
      <c r="CJ2055" s="166">
        <v>0</v>
      </c>
      <c r="CK2055" s="166">
        <v>0</v>
      </c>
      <c r="CL2055" s="166">
        <v>0</v>
      </c>
      <c r="CM2055" s="166">
        <v>0</v>
      </c>
      <c r="CN2055" s="166">
        <v>-116479536.974999</v>
      </c>
      <c r="CO2055" s="166">
        <v>0</v>
      </c>
      <c r="CP2055" s="166">
        <v>0</v>
      </c>
      <c r="CQ2055" s="166">
        <v>0</v>
      </c>
      <c r="CR2055" s="166">
        <v>0</v>
      </c>
      <c r="CS2055" s="166">
        <v>0</v>
      </c>
      <c r="CT2055" s="166">
        <v>0</v>
      </c>
      <c r="CU2055" s="166">
        <v>0</v>
      </c>
      <c r="CV2055" s="166">
        <v>0</v>
      </c>
      <c r="CW2055" s="166">
        <v>0</v>
      </c>
      <c r="CX2055" s="166">
        <v>0</v>
      </c>
      <c r="CY2055" s="166">
        <v>0</v>
      </c>
      <c r="CZ2055" s="166">
        <v>0</v>
      </c>
    </row>
    <row r="2056" spans="1:104" x14ac:dyDescent="0.2">
      <c r="A2056" s="167" t="s">
        <v>462</v>
      </c>
    </row>
    <row r="2057" spans="1:104" x14ac:dyDescent="0.2">
      <c r="A2057" s="167" t="s">
        <v>463</v>
      </c>
      <c r="B2057" s="166">
        <v>4400321.5279413201</v>
      </c>
      <c r="C2057" s="166">
        <v>4400321.5279413201</v>
      </c>
      <c r="D2057" s="166">
        <v>0</v>
      </c>
      <c r="E2057" s="166">
        <v>0</v>
      </c>
      <c r="F2057" s="166">
        <v>0</v>
      </c>
      <c r="G2057" s="166">
        <v>0</v>
      </c>
      <c r="H2057" s="166">
        <v>0</v>
      </c>
      <c r="I2057" s="166">
        <v>0</v>
      </c>
      <c r="J2057" s="166">
        <v>0</v>
      </c>
      <c r="K2057" s="166">
        <v>0</v>
      </c>
      <c r="L2057" s="166">
        <v>0</v>
      </c>
      <c r="M2057" s="166">
        <v>0</v>
      </c>
      <c r="N2057" s="166">
        <v>0</v>
      </c>
      <c r="O2057" s="166">
        <v>0</v>
      </c>
      <c r="P2057" s="166">
        <v>0</v>
      </c>
      <c r="Q2057" s="166">
        <v>0</v>
      </c>
      <c r="R2057" s="166">
        <v>0</v>
      </c>
      <c r="S2057" s="166">
        <v>0</v>
      </c>
      <c r="T2057" s="166">
        <v>0</v>
      </c>
      <c r="U2057" s="166">
        <v>-4400321.5279413201</v>
      </c>
      <c r="V2057" s="166">
        <v>0</v>
      </c>
      <c r="W2057" s="166">
        <v>0</v>
      </c>
      <c r="X2057" s="166">
        <v>0</v>
      </c>
      <c r="Y2057" s="166">
        <v>0</v>
      </c>
      <c r="Z2057" s="166">
        <v>0</v>
      </c>
      <c r="AA2057" s="166">
        <v>0</v>
      </c>
      <c r="AB2057" s="166">
        <v>0</v>
      </c>
      <c r="AC2057" s="166">
        <v>0</v>
      </c>
      <c r="AD2057" s="166">
        <v>0</v>
      </c>
      <c r="AE2057" s="166">
        <v>0</v>
      </c>
      <c r="AF2057" s="166">
        <v>0</v>
      </c>
      <c r="AG2057" s="166">
        <v>0</v>
      </c>
      <c r="AH2057" s="166">
        <v>0</v>
      </c>
      <c r="AI2057" s="166">
        <v>0</v>
      </c>
      <c r="AJ2057" s="166">
        <v>0</v>
      </c>
      <c r="AK2057" s="166">
        <v>0</v>
      </c>
      <c r="AL2057" s="166">
        <v>0</v>
      </c>
      <c r="AM2057" s="166">
        <v>0</v>
      </c>
      <c r="AN2057" s="166">
        <v>0</v>
      </c>
      <c r="AO2057" s="166">
        <v>0</v>
      </c>
      <c r="AP2057" s="166">
        <v>0</v>
      </c>
      <c r="AQ2057" s="166">
        <v>0</v>
      </c>
      <c r="AR2057" s="166">
        <v>0</v>
      </c>
      <c r="AS2057" s="166">
        <v>0</v>
      </c>
      <c r="AT2057" s="166">
        <v>0</v>
      </c>
      <c r="AU2057" s="166">
        <v>0</v>
      </c>
      <c r="AV2057" s="166">
        <v>0</v>
      </c>
      <c r="AW2057" s="166">
        <v>0</v>
      </c>
      <c r="AX2057" s="166">
        <v>0</v>
      </c>
      <c r="AY2057" s="166">
        <v>0</v>
      </c>
      <c r="AZ2057" s="166">
        <v>0</v>
      </c>
      <c r="BA2057" s="166">
        <v>0</v>
      </c>
      <c r="BB2057" s="166">
        <v>0</v>
      </c>
      <c r="BC2057" s="166">
        <v>0</v>
      </c>
      <c r="BD2057" s="166">
        <v>0</v>
      </c>
      <c r="BE2057" s="166">
        <v>0</v>
      </c>
      <c r="BF2057" s="166">
        <v>0</v>
      </c>
      <c r="BG2057" s="166">
        <v>0</v>
      </c>
      <c r="BH2057" s="166">
        <v>0</v>
      </c>
      <c r="BI2057" s="166">
        <v>-4400321.5279413201</v>
      </c>
      <c r="BJ2057" s="166">
        <v>0</v>
      </c>
      <c r="BK2057" s="166">
        <v>0</v>
      </c>
      <c r="BL2057" s="166">
        <v>0</v>
      </c>
      <c r="BM2057" s="166">
        <v>0</v>
      </c>
      <c r="BN2057" s="166">
        <v>0</v>
      </c>
      <c r="BO2057" s="166">
        <v>0</v>
      </c>
      <c r="BP2057" s="166">
        <v>0</v>
      </c>
      <c r="BQ2057" s="166">
        <v>0</v>
      </c>
      <c r="BR2057" s="166">
        <v>4400321.5279413201</v>
      </c>
      <c r="BS2057" s="166">
        <v>0</v>
      </c>
      <c r="BT2057" s="168">
        <v>0.999998123540776</v>
      </c>
      <c r="BU2057" s="166">
        <v>262262.74020218197</v>
      </c>
      <c r="BV2057" s="166">
        <v>4400313.27091741</v>
      </c>
      <c r="BW2057" s="166">
        <v>0</v>
      </c>
      <c r="BX2057" s="166">
        <v>0</v>
      </c>
      <c r="BY2057" s="166">
        <v>0</v>
      </c>
      <c r="BZ2057" s="166">
        <v>0</v>
      </c>
      <c r="CA2057" s="166">
        <v>0</v>
      </c>
      <c r="CB2057" s="166">
        <v>-4400313.27091741</v>
      </c>
      <c r="CC2057" s="166">
        <v>0</v>
      </c>
      <c r="CD2057" s="166">
        <v>0</v>
      </c>
      <c r="CE2057" s="166">
        <v>0</v>
      </c>
      <c r="CF2057" s="166">
        <v>0</v>
      </c>
      <c r="CG2057" s="166">
        <v>0</v>
      </c>
      <c r="CH2057" s="166">
        <v>0</v>
      </c>
      <c r="CI2057" s="166">
        <v>0</v>
      </c>
      <c r="CJ2057" s="166">
        <v>0</v>
      </c>
      <c r="CK2057" s="166">
        <v>0</v>
      </c>
      <c r="CL2057" s="166">
        <v>0</v>
      </c>
      <c r="CM2057" s="166">
        <v>0</v>
      </c>
      <c r="CN2057" s="166">
        <v>0</v>
      </c>
      <c r="CO2057" s="166">
        <v>0</v>
      </c>
      <c r="CP2057" s="166">
        <v>-4400313.27091741</v>
      </c>
      <c r="CQ2057" s="166">
        <v>0</v>
      </c>
      <c r="CR2057" s="166">
        <v>0</v>
      </c>
      <c r="CS2057" s="166">
        <v>0</v>
      </c>
      <c r="CT2057" s="166">
        <v>0</v>
      </c>
      <c r="CU2057" s="166">
        <v>0</v>
      </c>
      <c r="CV2057" s="166">
        <v>0</v>
      </c>
      <c r="CW2057" s="166">
        <v>0</v>
      </c>
      <c r="CX2057" s="166">
        <v>0</v>
      </c>
      <c r="CY2057" s="166">
        <v>0</v>
      </c>
      <c r="CZ2057" s="166">
        <v>0</v>
      </c>
    </row>
    <row r="2058" spans="1:104" x14ac:dyDescent="0.2">
      <c r="A2058" s="167" t="s">
        <v>464</v>
      </c>
      <c r="B2058" s="166">
        <v>7391306.7599999998</v>
      </c>
      <c r="C2058" s="166">
        <v>7391306.7599999998</v>
      </c>
      <c r="D2058" s="166">
        <v>0</v>
      </c>
      <c r="E2058" s="166">
        <v>0</v>
      </c>
      <c r="F2058" s="166">
        <v>0</v>
      </c>
      <c r="G2058" s="166">
        <v>0</v>
      </c>
      <c r="H2058" s="166">
        <v>0</v>
      </c>
      <c r="I2058" s="166">
        <v>0</v>
      </c>
      <c r="J2058" s="166">
        <v>0</v>
      </c>
      <c r="K2058" s="166">
        <v>0</v>
      </c>
      <c r="L2058" s="166">
        <v>0</v>
      </c>
      <c r="M2058" s="166">
        <v>0</v>
      </c>
      <c r="N2058" s="166">
        <v>0</v>
      </c>
      <c r="O2058" s="166">
        <v>0</v>
      </c>
      <c r="P2058" s="166">
        <v>0</v>
      </c>
      <c r="Q2058" s="166">
        <v>0</v>
      </c>
      <c r="R2058" s="166">
        <v>0</v>
      </c>
      <c r="S2058" s="166">
        <v>0</v>
      </c>
      <c r="T2058" s="166">
        <v>0</v>
      </c>
      <c r="U2058" s="166">
        <v>-7391306.7599999998</v>
      </c>
      <c r="V2058" s="166">
        <v>0</v>
      </c>
      <c r="W2058" s="166">
        <v>0</v>
      </c>
      <c r="X2058" s="166">
        <v>0</v>
      </c>
      <c r="Y2058" s="166">
        <v>0</v>
      </c>
      <c r="Z2058" s="166">
        <v>0</v>
      </c>
      <c r="AA2058" s="166">
        <v>0</v>
      </c>
      <c r="AB2058" s="166">
        <v>0</v>
      </c>
      <c r="AC2058" s="166">
        <v>0</v>
      </c>
      <c r="AD2058" s="166">
        <v>0</v>
      </c>
      <c r="AE2058" s="166">
        <v>0</v>
      </c>
      <c r="AF2058" s="166">
        <v>0</v>
      </c>
      <c r="AG2058" s="166">
        <v>0</v>
      </c>
      <c r="AH2058" s="166">
        <v>0</v>
      </c>
      <c r="AI2058" s="166">
        <v>0</v>
      </c>
      <c r="AJ2058" s="166">
        <v>0</v>
      </c>
      <c r="AK2058" s="166">
        <v>0</v>
      </c>
      <c r="AL2058" s="166">
        <v>0</v>
      </c>
      <c r="AM2058" s="166">
        <v>0</v>
      </c>
      <c r="AN2058" s="166">
        <v>0</v>
      </c>
      <c r="AO2058" s="166">
        <v>0</v>
      </c>
      <c r="AP2058" s="166">
        <v>0</v>
      </c>
      <c r="AQ2058" s="166">
        <v>0</v>
      </c>
      <c r="AR2058" s="166">
        <v>0</v>
      </c>
      <c r="AS2058" s="166">
        <v>0</v>
      </c>
      <c r="AT2058" s="166">
        <v>0</v>
      </c>
      <c r="AU2058" s="166">
        <v>0</v>
      </c>
      <c r="AV2058" s="166">
        <v>0</v>
      </c>
      <c r="AW2058" s="166">
        <v>0</v>
      </c>
      <c r="AX2058" s="166">
        <v>0</v>
      </c>
      <c r="AY2058" s="166">
        <v>0</v>
      </c>
      <c r="AZ2058" s="166">
        <v>0</v>
      </c>
      <c r="BA2058" s="166">
        <v>0</v>
      </c>
      <c r="BB2058" s="166">
        <v>0</v>
      </c>
      <c r="BC2058" s="166">
        <v>0</v>
      </c>
      <c r="BD2058" s="166">
        <v>0</v>
      </c>
      <c r="BE2058" s="166">
        <v>0</v>
      </c>
      <c r="BF2058" s="166">
        <v>0</v>
      </c>
      <c r="BG2058" s="166">
        <v>0</v>
      </c>
      <c r="BH2058" s="166">
        <v>0</v>
      </c>
      <c r="BI2058" s="166">
        <v>-7391306.7599999998</v>
      </c>
      <c r="BJ2058" s="166">
        <v>0</v>
      </c>
      <c r="BK2058" s="166">
        <v>0</v>
      </c>
      <c r="BL2058" s="166">
        <v>0</v>
      </c>
      <c r="BM2058" s="166">
        <v>0</v>
      </c>
      <c r="BN2058" s="166">
        <v>0</v>
      </c>
      <c r="BO2058" s="166">
        <v>0</v>
      </c>
      <c r="BP2058" s="166">
        <v>0</v>
      </c>
      <c r="BQ2058" s="166">
        <v>0</v>
      </c>
      <c r="BR2058" s="166">
        <v>7391306.7599999998</v>
      </c>
      <c r="BS2058" s="166">
        <v>0</v>
      </c>
      <c r="BT2058" s="168">
        <v>0.99999527075910699</v>
      </c>
      <c r="BU2058" s="166">
        <v>615938.967062474</v>
      </c>
      <c r="BV2058" s="166">
        <v>7391271.8047298202</v>
      </c>
      <c r="BW2058" s="166">
        <v>0</v>
      </c>
      <c r="BX2058" s="166">
        <v>0</v>
      </c>
      <c r="BY2058" s="166">
        <v>0</v>
      </c>
      <c r="BZ2058" s="166">
        <v>0</v>
      </c>
      <c r="CA2058" s="166">
        <v>0</v>
      </c>
      <c r="CB2058" s="166">
        <v>-7391271.8047298202</v>
      </c>
      <c r="CC2058" s="166">
        <v>0</v>
      </c>
      <c r="CD2058" s="166">
        <v>0</v>
      </c>
      <c r="CE2058" s="166">
        <v>0</v>
      </c>
      <c r="CF2058" s="166">
        <v>0</v>
      </c>
      <c r="CG2058" s="166">
        <v>0</v>
      </c>
      <c r="CH2058" s="166">
        <v>0</v>
      </c>
      <c r="CI2058" s="166">
        <v>0</v>
      </c>
      <c r="CJ2058" s="166">
        <v>0</v>
      </c>
      <c r="CK2058" s="166">
        <v>0</v>
      </c>
      <c r="CL2058" s="166">
        <v>0</v>
      </c>
      <c r="CM2058" s="166">
        <v>0</v>
      </c>
      <c r="CN2058" s="166">
        <v>0</v>
      </c>
      <c r="CO2058" s="166">
        <v>0</v>
      </c>
      <c r="CP2058" s="166">
        <v>-7391271.8047298202</v>
      </c>
      <c r="CQ2058" s="166">
        <v>0</v>
      </c>
      <c r="CR2058" s="166">
        <v>0</v>
      </c>
      <c r="CS2058" s="166">
        <v>0</v>
      </c>
      <c r="CT2058" s="166">
        <v>0</v>
      </c>
      <c r="CU2058" s="166">
        <v>0</v>
      </c>
      <c r="CV2058" s="166">
        <v>0</v>
      </c>
      <c r="CW2058" s="166">
        <v>0</v>
      </c>
      <c r="CX2058" s="166">
        <v>0</v>
      </c>
      <c r="CY2058" s="166">
        <v>0</v>
      </c>
      <c r="CZ2058" s="166">
        <v>0</v>
      </c>
    </row>
    <row r="2059" spans="1:104" x14ac:dyDescent="0.2">
      <c r="A2059" s="167" t="s">
        <v>465</v>
      </c>
      <c r="B2059" s="166">
        <v>0</v>
      </c>
      <c r="C2059" s="166">
        <v>0</v>
      </c>
      <c r="D2059" s="166">
        <v>0</v>
      </c>
      <c r="E2059" s="166">
        <v>0</v>
      </c>
      <c r="F2059" s="166">
        <v>0</v>
      </c>
      <c r="G2059" s="166">
        <v>0</v>
      </c>
      <c r="H2059" s="166">
        <v>0</v>
      </c>
      <c r="I2059" s="166">
        <v>0</v>
      </c>
      <c r="J2059" s="166">
        <v>0</v>
      </c>
      <c r="K2059" s="166">
        <v>0</v>
      </c>
      <c r="L2059" s="166">
        <v>0</v>
      </c>
      <c r="M2059" s="166">
        <v>0</v>
      </c>
      <c r="N2059" s="166">
        <v>0</v>
      </c>
      <c r="O2059" s="166">
        <v>0</v>
      </c>
      <c r="P2059" s="166">
        <v>0</v>
      </c>
      <c r="Q2059" s="166">
        <v>0</v>
      </c>
      <c r="R2059" s="166">
        <v>0</v>
      </c>
      <c r="S2059" s="166">
        <v>0</v>
      </c>
      <c r="T2059" s="166">
        <v>0</v>
      </c>
      <c r="U2059" s="166">
        <v>0</v>
      </c>
      <c r="V2059" s="166">
        <v>0</v>
      </c>
      <c r="W2059" s="166">
        <v>0</v>
      </c>
      <c r="X2059" s="166">
        <v>0</v>
      </c>
      <c r="Y2059" s="166">
        <v>0</v>
      </c>
      <c r="Z2059" s="166">
        <v>0</v>
      </c>
      <c r="AA2059" s="166">
        <v>0</v>
      </c>
      <c r="AB2059" s="166">
        <v>0</v>
      </c>
      <c r="AC2059" s="166">
        <v>0</v>
      </c>
      <c r="AD2059" s="166">
        <v>0</v>
      </c>
      <c r="AE2059" s="166">
        <v>0</v>
      </c>
      <c r="AF2059" s="166">
        <v>0</v>
      </c>
      <c r="AG2059" s="166">
        <v>0</v>
      </c>
      <c r="AH2059" s="166">
        <v>0</v>
      </c>
      <c r="AI2059" s="166">
        <v>0</v>
      </c>
      <c r="AJ2059" s="166">
        <v>0</v>
      </c>
      <c r="AK2059" s="166">
        <v>0</v>
      </c>
      <c r="AL2059" s="166">
        <v>0</v>
      </c>
      <c r="AM2059" s="166">
        <v>0</v>
      </c>
      <c r="AN2059" s="166">
        <v>0</v>
      </c>
      <c r="AO2059" s="166">
        <v>0</v>
      </c>
      <c r="AP2059" s="166">
        <v>0</v>
      </c>
      <c r="AQ2059" s="166">
        <v>0</v>
      </c>
      <c r="AR2059" s="166">
        <v>0</v>
      </c>
      <c r="AS2059" s="166">
        <v>0</v>
      </c>
      <c r="AT2059" s="166">
        <v>0</v>
      </c>
      <c r="AU2059" s="166">
        <v>0</v>
      </c>
      <c r="AV2059" s="166">
        <v>0</v>
      </c>
      <c r="AW2059" s="166">
        <v>0</v>
      </c>
      <c r="AX2059" s="166">
        <v>0</v>
      </c>
      <c r="AY2059" s="166">
        <v>0</v>
      </c>
      <c r="AZ2059" s="166">
        <v>0</v>
      </c>
      <c r="BA2059" s="166">
        <v>0</v>
      </c>
      <c r="BB2059" s="166">
        <v>0</v>
      </c>
      <c r="BC2059" s="166">
        <v>0</v>
      </c>
      <c r="BD2059" s="166">
        <v>0</v>
      </c>
      <c r="BE2059" s="166">
        <v>0</v>
      </c>
      <c r="BF2059" s="166">
        <v>0</v>
      </c>
      <c r="BG2059" s="166">
        <v>0</v>
      </c>
      <c r="BH2059" s="166">
        <v>0</v>
      </c>
      <c r="BI2059" s="166">
        <v>0</v>
      </c>
      <c r="BJ2059" s="166">
        <v>0</v>
      </c>
      <c r="BK2059" s="166">
        <v>0</v>
      </c>
      <c r="BL2059" s="166">
        <v>0</v>
      </c>
      <c r="BM2059" s="166">
        <v>0</v>
      </c>
      <c r="BN2059" s="166">
        <v>0</v>
      </c>
      <c r="BO2059" s="166">
        <v>0</v>
      </c>
      <c r="BP2059" s="166">
        <v>0</v>
      </c>
      <c r="BQ2059" s="166">
        <v>0</v>
      </c>
      <c r="BR2059" s="166">
        <v>0</v>
      </c>
      <c r="BS2059" s="166">
        <v>0</v>
      </c>
      <c r="BT2059" s="168">
        <v>1</v>
      </c>
      <c r="BU2059" s="166">
        <v>0</v>
      </c>
      <c r="BV2059" s="166">
        <v>0</v>
      </c>
      <c r="BW2059" s="166">
        <v>0</v>
      </c>
      <c r="BX2059" s="166">
        <v>0</v>
      </c>
      <c r="BY2059" s="166">
        <v>0</v>
      </c>
      <c r="BZ2059" s="166">
        <v>0</v>
      </c>
      <c r="CA2059" s="166">
        <v>0</v>
      </c>
      <c r="CB2059" s="166">
        <v>0</v>
      </c>
      <c r="CC2059" s="166">
        <v>0</v>
      </c>
      <c r="CD2059" s="166">
        <v>0</v>
      </c>
      <c r="CE2059" s="166">
        <v>0</v>
      </c>
      <c r="CF2059" s="166">
        <v>0</v>
      </c>
      <c r="CG2059" s="166">
        <v>0</v>
      </c>
      <c r="CH2059" s="166">
        <v>0</v>
      </c>
      <c r="CI2059" s="166">
        <v>0</v>
      </c>
      <c r="CJ2059" s="166">
        <v>0</v>
      </c>
      <c r="CK2059" s="166">
        <v>0</v>
      </c>
      <c r="CL2059" s="166">
        <v>0</v>
      </c>
      <c r="CM2059" s="166">
        <v>0</v>
      </c>
      <c r="CN2059" s="166">
        <v>0</v>
      </c>
      <c r="CO2059" s="166">
        <v>0</v>
      </c>
      <c r="CP2059" s="166">
        <v>0</v>
      </c>
      <c r="CQ2059" s="166">
        <v>0</v>
      </c>
      <c r="CR2059" s="166">
        <v>0</v>
      </c>
      <c r="CS2059" s="166">
        <v>0</v>
      </c>
      <c r="CT2059" s="166">
        <v>0</v>
      </c>
      <c r="CU2059" s="166">
        <v>0</v>
      </c>
      <c r="CV2059" s="166">
        <v>0</v>
      </c>
      <c r="CW2059" s="166">
        <v>0</v>
      </c>
      <c r="CX2059" s="166">
        <v>0</v>
      </c>
      <c r="CY2059" s="166">
        <v>0</v>
      </c>
      <c r="CZ2059" s="166">
        <v>0</v>
      </c>
    </row>
    <row r="2060" spans="1:104" x14ac:dyDescent="0.2">
      <c r="A2060" s="167" t="s">
        <v>466</v>
      </c>
      <c r="B2060" s="166">
        <v>0</v>
      </c>
      <c r="C2060" s="166">
        <v>0</v>
      </c>
      <c r="D2060" s="166">
        <v>0</v>
      </c>
      <c r="E2060" s="166">
        <v>0</v>
      </c>
      <c r="F2060" s="166">
        <v>0</v>
      </c>
      <c r="G2060" s="166">
        <v>0</v>
      </c>
      <c r="H2060" s="166">
        <v>0</v>
      </c>
      <c r="I2060" s="166">
        <v>0</v>
      </c>
      <c r="J2060" s="166">
        <v>0</v>
      </c>
      <c r="K2060" s="166">
        <v>0</v>
      </c>
      <c r="L2060" s="166">
        <v>0</v>
      </c>
      <c r="M2060" s="166">
        <v>0</v>
      </c>
      <c r="N2060" s="166">
        <v>0</v>
      </c>
      <c r="O2060" s="166">
        <v>0</v>
      </c>
      <c r="P2060" s="166">
        <v>0</v>
      </c>
      <c r="Q2060" s="166">
        <v>0</v>
      </c>
      <c r="R2060" s="166">
        <v>0</v>
      </c>
      <c r="S2060" s="166">
        <v>0</v>
      </c>
      <c r="T2060" s="166">
        <v>0</v>
      </c>
      <c r="U2060" s="166">
        <v>0</v>
      </c>
      <c r="V2060" s="166">
        <v>0</v>
      </c>
      <c r="W2060" s="166">
        <v>0</v>
      </c>
      <c r="X2060" s="166">
        <v>0</v>
      </c>
      <c r="Y2060" s="166">
        <v>0</v>
      </c>
      <c r="Z2060" s="166">
        <v>0</v>
      </c>
      <c r="AA2060" s="166">
        <v>0</v>
      </c>
      <c r="AB2060" s="166">
        <v>0</v>
      </c>
      <c r="AC2060" s="166">
        <v>0</v>
      </c>
      <c r="AD2060" s="166">
        <v>0</v>
      </c>
      <c r="AE2060" s="166">
        <v>0</v>
      </c>
      <c r="AF2060" s="166">
        <v>0</v>
      </c>
      <c r="AG2060" s="166">
        <v>0</v>
      </c>
      <c r="AH2060" s="166">
        <v>0</v>
      </c>
      <c r="AI2060" s="166">
        <v>0</v>
      </c>
      <c r="AJ2060" s="166">
        <v>0</v>
      </c>
      <c r="AK2060" s="166">
        <v>0</v>
      </c>
      <c r="AL2060" s="166">
        <v>0</v>
      </c>
      <c r="AM2060" s="166">
        <v>0</v>
      </c>
      <c r="AN2060" s="166">
        <v>0</v>
      </c>
      <c r="AO2060" s="166">
        <v>0</v>
      </c>
      <c r="AP2060" s="166">
        <v>0</v>
      </c>
      <c r="AQ2060" s="166">
        <v>0</v>
      </c>
      <c r="AR2060" s="166">
        <v>0</v>
      </c>
      <c r="AS2060" s="166">
        <v>0</v>
      </c>
      <c r="AT2060" s="166">
        <v>0</v>
      </c>
      <c r="AU2060" s="166">
        <v>0</v>
      </c>
      <c r="AV2060" s="166">
        <v>0</v>
      </c>
      <c r="AW2060" s="166">
        <v>0</v>
      </c>
      <c r="AX2060" s="166">
        <v>0</v>
      </c>
      <c r="AY2060" s="166">
        <v>0</v>
      </c>
      <c r="AZ2060" s="166">
        <v>0</v>
      </c>
      <c r="BA2060" s="166">
        <v>0</v>
      </c>
      <c r="BB2060" s="166">
        <v>0</v>
      </c>
      <c r="BC2060" s="166">
        <v>0</v>
      </c>
      <c r="BD2060" s="166">
        <v>0</v>
      </c>
      <c r="BE2060" s="166">
        <v>0</v>
      </c>
      <c r="BF2060" s="166">
        <v>0</v>
      </c>
      <c r="BG2060" s="166">
        <v>0</v>
      </c>
      <c r="BH2060" s="166">
        <v>0</v>
      </c>
      <c r="BI2060" s="166">
        <v>0</v>
      </c>
      <c r="BJ2060" s="166">
        <v>0</v>
      </c>
      <c r="BK2060" s="166">
        <v>0</v>
      </c>
      <c r="BL2060" s="166">
        <v>0</v>
      </c>
      <c r="BM2060" s="166">
        <v>0</v>
      </c>
      <c r="BN2060" s="166">
        <v>0</v>
      </c>
      <c r="BO2060" s="166">
        <v>0</v>
      </c>
      <c r="BP2060" s="166">
        <v>0</v>
      </c>
      <c r="BQ2060" s="166">
        <v>0</v>
      </c>
      <c r="BR2060" s="166">
        <v>0</v>
      </c>
      <c r="BS2060" s="166">
        <v>0</v>
      </c>
      <c r="BT2060" s="168">
        <v>1</v>
      </c>
      <c r="BU2060" s="166">
        <v>0</v>
      </c>
      <c r="BV2060" s="166">
        <v>0</v>
      </c>
      <c r="BW2060" s="166">
        <v>0</v>
      </c>
      <c r="BX2060" s="166">
        <v>0</v>
      </c>
      <c r="BY2060" s="166">
        <v>0</v>
      </c>
      <c r="BZ2060" s="166">
        <v>0</v>
      </c>
      <c r="CA2060" s="166">
        <v>0</v>
      </c>
      <c r="CB2060" s="166">
        <v>0</v>
      </c>
      <c r="CC2060" s="166">
        <v>0</v>
      </c>
      <c r="CD2060" s="166">
        <v>0</v>
      </c>
      <c r="CE2060" s="166">
        <v>0</v>
      </c>
      <c r="CF2060" s="166">
        <v>0</v>
      </c>
      <c r="CG2060" s="166">
        <v>0</v>
      </c>
      <c r="CH2060" s="166">
        <v>0</v>
      </c>
      <c r="CI2060" s="166">
        <v>0</v>
      </c>
      <c r="CJ2060" s="166">
        <v>0</v>
      </c>
      <c r="CK2060" s="166">
        <v>0</v>
      </c>
      <c r="CL2060" s="166">
        <v>0</v>
      </c>
      <c r="CM2060" s="166">
        <v>0</v>
      </c>
      <c r="CN2060" s="166">
        <v>0</v>
      </c>
      <c r="CO2060" s="166">
        <v>0</v>
      </c>
      <c r="CP2060" s="166">
        <v>0</v>
      </c>
      <c r="CQ2060" s="166">
        <v>0</v>
      </c>
      <c r="CR2060" s="166">
        <v>0</v>
      </c>
      <c r="CS2060" s="166">
        <v>0</v>
      </c>
      <c r="CT2060" s="166">
        <v>0</v>
      </c>
      <c r="CU2060" s="166">
        <v>0</v>
      </c>
      <c r="CV2060" s="166">
        <v>0</v>
      </c>
      <c r="CW2060" s="166">
        <v>0</v>
      </c>
      <c r="CX2060" s="166">
        <v>0</v>
      </c>
      <c r="CY2060" s="166">
        <v>0</v>
      </c>
      <c r="CZ2060" s="166">
        <v>0</v>
      </c>
    </row>
    <row r="2061" spans="1:104" x14ac:dyDescent="0.2">
      <c r="A2061" s="170" t="s">
        <v>467</v>
      </c>
      <c r="B2061" s="166">
        <v>11791628.287941299</v>
      </c>
      <c r="C2061" s="166">
        <v>11791628.287941299</v>
      </c>
      <c r="D2061" s="166">
        <v>0</v>
      </c>
      <c r="E2061" s="166">
        <v>0</v>
      </c>
      <c r="F2061" s="166">
        <v>0</v>
      </c>
      <c r="G2061" s="166">
        <v>0</v>
      </c>
      <c r="H2061" s="166">
        <v>0</v>
      </c>
      <c r="I2061" s="166">
        <v>0</v>
      </c>
      <c r="J2061" s="166">
        <v>0</v>
      </c>
      <c r="K2061" s="166">
        <v>0</v>
      </c>
      <c r="L2061" s="166">
        <v>0</v>
      </c>
      <c r="M2061" s="166">
        <v>0</v>
      </c>
      <c r="N2061" s="166">
        <v>0</v>
      </c>
      <c r="O2061" s="166">
        <v>0</v>
      </c>
      <c r="P2061" s="166">
        <v>0</v>
      </c>
      <c r="Q2061" s="166">
        <v>0</v>
      </c>
      <c r="R2061" s="166">
        <v>0</v>
      </c>
      <c r="S2061" s="166">
        <v>0</v>
      </c>
      <c r="T2061" s="166">
        <v>0</v>
      </c>
      <c r="U2061" s="166">
        <v>-11791628.287941299</v>
      </c>
      <c r="V2061" s="166">
        <v>0</v>
      </c>
      <c r="W2061" s="166">
        <v>0</v>
      </c>
      <c r="X2061" s="166">
        <v>0</v>
      </c>
      <c r="Y2061" s="166">
        <v>0</v>
      </c>
      <c r="Z2061" s="166">
        <v>0</v>
      </c>
      <c r="AA2061" s="166">
        <v>0</v>
      </c>
      <c r="AB2061" s="166">
        <v>0</v>
      </c>
      <c r="AC2061" s="166">
        <v>0</v>
      </c>
      <c r="AD2061" s="166">
        <v>0</v>
      </c>
      <c r="AE2061" s="166">
        <v>0</v>
      </c>
      <c r="AF2061" s="166">
        <v>0</v>
      </c>
      <c r="AG2061" s="166">
        <v>0</v>
      </c>
      <c r="AH2061" s="166">
        <v>0</v>
      </c>
      <c r="AI2061" s="166">
        <v>0</v>
      </c>
      <c r="AJ2061" s="166">
        <v>0</v>
      </c>
      <c r="AK2061" s="166">
        <v>0</v>
      </c>
      <c r="AL2061" s="166">
        <v>0</v>
      </c>
      <c r="AM2061" s="166">
        <v>0</v>
      </c>
      <c r="AN2061" s="166">
        <v>0</v>
      </c>
      <c r="AO2061" s="166">
        <v>0</v>
      </c>
      <c r="AP2061" s="166">
        <v>0</v>
      </c>
      <c r="AQ2061" s="166">
        <v>0</v>
      </c>
      <c r="AR2061" s="166">
        <v>0</v>
      </c>
      <c r="AS2061" s="166">
        <v>0</v>
      </c>
      <c r="AT2061" s="166">
        <v>0</v>
      </c>
      <c r="AU2061" s="166">
        <v>0</v>
      </c>
      <c r="AV2061" s="166">
        <v>0</v>
      </c>
      <c r="AW2061" s="166">
        <v>0</v>
      </c>
      <c r="AX2061" s="166">
        <v>0</v>
      </c>
      <c r="AY2061" s="166">
        <v>0</v>
      </c>
      <c r="AZ2061" s="166">
        <v>0</v>
      </c>
      <c r="BA2061" s="166">
        <v>0</v>
      </c>
      <c r="BB2061" s="166">
        <v>0</v>
      </c>
      <c r="BC2061" s="166">
        <v>0</v>
      </c>
      <c r="BD2061" s="166">
        <v>0</v>
      </c>
      <c r="BE2061" s="166">
        <v>0</v>
      </c>
      <c r="BF2061" s="166">
        <v>0</v>
      </c>
      <c r="BG2061" s="166">
        <v>0</v>
      </c>
      <c r="BH2061" s="166">
        <v>0</v>
      </c>
      <c r="BI2061" s="166">
        <v>-11791628.287941299</v>
      </c>
      <c r="BJ2061" s="166">
        <v>0</v>
      </c>
      <c r="BK2061" s="166">
        <v>0</v>
      </c>
      <c r="BL2061" s="166">
        <v>0</v>
      </c>
      <c r="BM2061" s="166">
        <v>0</v>
      </c>
      <c r="BN2061" s="166">
        <v>0</v>
      </c>
      <c r="BO2061" s="166">
        <v>0</v>
      </c>
      <c r="BP2061" s="166">
        <v>0</v>
      </c>
      <c r="BQ2061" s="166">
        <v>0</v>
      </c>
      <c r="BR2061" s="166">
        <v>937325257.18346</v>
      </c>
      <c r="BS2061" s="166">
        <v>0</v>
      </c>
      <c r="BT2061" s="168">
        <v>0</v>
      </c>
      <c r="BU2061" s="166">
        <v>878201.70726465597</v>
      </c>
      <c r="BV2061" s="166">
        <v>11791585.0756472</v>
      </c>
      <c r="BW2061" s="166">
        <v>0</v>
      </c>
      <c r="BX2061" s="166">
        <v>0</v>
      </c>
      <c r="BY2061" s="166">
        <v>0</v>
      </c>
      <c r="BZ2061" s="166">
        <v>0</v>
      </c>
      <c r="CA2061" s="166">
        <v>0</v>
      </c>
      <c r="CB2061" s="166">
        <v>-11791585.0756472</v>
      </c>
      <c r="CC2061" s="166">
        <v>0</v>
      </c>
      <c r="CD2061" s="166">
        <v>0</v>
      </c>
      <c r="CE2061" s="166">
        <v>0</v>
      </c>
      <c r="CF2061" s="166">
        <v>0</v>
      </c>
      <c r="CG2061" s="166">
        <v>0</v>
      </c>
      <c r="CH2061" s="166">
        <v>0</v>
      </c>
      <c r="CI2061" s="166">
        <v>0</v>
      </c>
      <c r="CJ2061" s="166">
        <v>0</v>
      </c>
      <c r="CK2061" s="166">
        <v>0</v>
      </c>
      <c r="CL2061" s="166">
        <v>0</v>
      </c>
      <c r="CM2061" s="166">
        <v>0</v>
      </c>
      <c r="CN2061" s="166">
        <v>0</v>
      </c>
      <c r="CO2061" s="166">
        <v>0</v>
      </c>
      <c r="CP2061" s="166">
        <v>-11791585.0756472</v>
      </c>
      <c r="CQ2061" s="166">
        <v>0</v>
      </c>
      <c r="CR2061" s="166">
        <v>0</v>
      </c>
      <c r="CS2061" s="166">
        <v>0</v>
      </c>
      <c r="CT2061" s="166">
        <v>0</v>
      </c>
      <c r="CU2061" s="166">
        <v>0</v>
      </c>
      <c r="CV2061" s="166">
        <v>0</v>
      </c>
      <c r="CW2061" s="166">
        <v>0</v>
      </c>
      <c r="CX2061" s="166">
        <v>0</v>
      </c>
      <c r="CY2061" s="166">
        <v>0</v>
      </c>
      <c r="CZ2061" s="166">
        <v>0</v>
      </c>
    </row>
    <row r="2062" spans="1:104" x14ac:dyDescent="0.2">
      <c r="A2062" s="167" t="s">
        <v>468</v>
      </c>
    </row>
    <row r="2063" spans="1:104" x14ac:dyDescent="0.2">
      <c r="A2063" s="167" t="s">
        <v>469</v>
      </c>
      <c r="B2063" s="166">
        <v>8836452.8399999999</v>
      </c>
      <c r="C2063" s="166">
        <v>8836452.8399999999</v>
      </c>
      <c r="D2063" s="166">
        <v>0</v>
      </c>
      <c r="E2063" s="166">
        <v>0</v>
      </c>
      <c r="F2063" s="166">
        <v>0</v>
      </c>
      <c r="G2063" s="166">
        <v>0</v>
      </c>
      <c r="H2063" s="166">
        <v>0</v>
      </c>
      <c r="I2063" s="166">
        <v>0</v>
      </c>
      <c r="J2063" s="166">
        <v>0</v>
      </c>
      <c r="K2063" s="166">
        <v>0</v>
      </c>
      <c r="L2063" s="166">
        <v>0</v>
      </c>
      <c r="M2063" s="166">
        <v>0</v>
      </c>
      <c r="N2063" s="166">
        <v>0</v>
      </c>
      <c r="O2063" s="166">
        <v>0</v>
      </c>
      <c r="P2063" s="166">
        <v>0</v>
      </c>
      <c r="Q2063" s="166">
        <v>0</v>
      </c>
      <c r="R2063" s="166">
        <v>0</v>
      </c>
      <c r="S2063" s="166">
        <v>0</v>
      </c>
      <c r="T2063" s="166">
        <v>0</v>
      </c>
      <c r="U2063" s="166">
        <v>0</v>
      </c>
      <c r="V2063" s="166">
        <v>0</v>
      </c>
      <c r="W2063" s="166">
        <v>0</v>
      </c>
      <c r="X2063" s="166">
        <v>0</v>
      </c>
      <c r="Y2063" s="166">
        <v>0</v>
      </c>
      <c r="Z2063" s="166">
        <v>0</v>
      </c>
      <c r="AA2063" s="166">
        <v>0</v>
      </c>
      <c r="AB2063" s="166">
        <v>0</v>
      </c>
      <c r="AC2063" s="166">
        <v>0</v>
      </c>
      <c r="AD2063" s="166">
        <v>0</v>
      </c>
      <c r="AE2063" s="166">
        <v>0</v>
      </c>
      <c r="AF2063" s="166">
        <v>0</v>
      </c>
      <c r="AG2063" s="166">
        <v>0</v>
      </c>
      <c r="AH2063" s="166">
        <v>0</v>
      </c>
      <c r="AI2063" s="166">
        <v>0</v>
      </c>
      <c r="AJ2063" s="166">
        <v>0</v>
      </c>
      <c r="AK2063" s="166">
        <v>0</v>
      </c>
      <c r="AL2063" s="166">
        <v>0</v>
      </c>
      <c r="AM2063" s="166">
        <v>0</v>
      </c>
      <c r="AN2063" s="166">
        <v>0</v>
      </c>
      <c r="AO2063" s="166">
        <v>0</v>
      </c>
      <c r="AP2063" s="166">
        <v>0</v>
      </c>
      <c r="AQ2063" s="166">
        <v>0</v>
      </c>
      <c r="AR2063" s="166">
        <v>0</v>
      </c>
      <c r="AS2063" s="166">
        <v>0</v>
      </c>
      <c r="AT2063" s="166">
        <v>0</v>
      </c>
      <c r="AU2063" s="166">
        <v>0</v>
      </c>
      <c r="AV2063" s="166">
        <v>0</v>
      </c>
      <c r="AW2063" s="166">
        <v>0</v>
      </c>
      <c r="AX2063" s="166">
        <v>0</v>
      </c>
      <c r="AY2063" s="166">
        <v>-8836452.8399999999</v>
      </c>
      <c r="AZ2063" s="166">
        <v>0</v>
      </c>
      <c r="BA2063" s="166">
        <v>0</v>
      </c>
      <c r="BB2063" s="166">
        <v>0</v>
      </c>
      <c r="BC2063" s="166">
        <v>0</v>
      </c>
      <c r="BD2063" s="166">
        <v>0</v>
      </c>
      <c r="BE2063" s="166">
        <v>0</v>
      </c>
      <c r="BF2063" s="166">
        <v>0</v>
      </c>
      <c r="BG2063" s="166">
        <v>0</v>
      </c>
      <c r="BH2063" s="166">
        <v>0</v>
      </c>
      <c r="BI2063" s="166">
        <v>0</v>
      </c>
      <c r="BJ2063" s="166">
        <v>0</v>
      </c>
      <c r="BK2063" s="166">
        <v>0</v>
      </c>
      <c r="BL2063" s="166">
        <v>0</v>
      </c>
      <c r="BM2063" s="166">
        <v>0</v>
      </c>
      <c r="BN2063" s="166">
        <v>0</v>
      </c>
      <c r="BO2063" s="166">
        <v>0</v>
      </c>
      <c r="BP2063" s="166">
        <v>-8836452.8399999999</v>
      </c>
      <c r="BQ2063" s="166">
        <v>0</v>
      </c>
      <c r="BR2063" s="166">
        <v>8836452.8399999999</v>
      </c>
      <c r="BS2063" s="166">
        <v>0</v>
      </c>
      <c r="BT2063" s="168">
        <v>0.70823195131973704</v>
      </c>
      <c r="BU2063" s="166">
        <v>521521.519801502</v>
      </c>
      <c r="BV2063" s="166">
        <v>6258258.23761803</v>
      </c>
      <c r="BW2063" s="166">
        <v>0</v>
      </c>
      <c r="BX2063" s="166">
        <v>0</v>
      </c>
      <c r="BY2063" s="166">
        <v>0</v>
      </c>
      <c r="BZ2063" s="166">
        <v>0</v>
      </c>
      <c r="CA2063" s="166">
        <v>0</v>
      </c>
      <c r="CB2063" s="166">
        <v>0</v>
      </c>
      <c r="CC2063" s="166">
        <v>0</v>
      </c>
      <c r="CD2063" s="166">
        <v>0</v>
      </c>
      <c r="CE2063" s="166">
        <v>0</v>
      </c>
      <c r="CF2063" s="166">
        <v>0</v>
      </c>
      <c r="CG2063" s="166">
        <v>0</v>
      </c>
      <c r="CH2063" s="166">
        <v>0</v>
      </c>
      <c r="CI2063" s="166">
        <v>-6258258.23761803</v>
      </c>
      <c r="CJ2063" s="166">
        <v>0</v>
      </c>
      <c r="CK2063" s="166">
        <v>0</v>
      </c>
      <c r="CL2063" s="166">
        <v>0</v>
      </c>
      <c r="CM2063" s="166">
        <v>0</v>
      </c>
      <c r="CN2063" s="166">
        <v>0</v>
      </c>
      <c r="CO2063" s="166">
        <v>0</v>
      </c>
      <c r="CP2063" s="166">
        <v>0</v>
      </c>
      <c r="CQ2063" s="166">
        <v>0</v>
      </c>
      <c r="CR2063" s="166">
        <v>0</v>
      </c>
      <c r="CS2063" s="166">
        <v>0</v>
      </c>
      <c r="CT2063" s="166">
        <v>0</v>
      </c>
      <c r="CU2063" s="166">
        <v>0</v>
      </c>
      <c r="CV2063" s="166">
        <v>0</v>
      </c>
      <c r="CW2063" s="166">
        <v>-6258258.23761803</v>
      </c>
      <c r="CX2063" s="166">
        <v>0</v>
      </c>
      <c r="CY2063" s="166">
        <v>0</v>
      </c>
      <c r="CZ2063" s="166">
        <v>0</v>
      </c>
    </row>
    <row r="2064" spans="1:104" x14ac:dyDescent="0.2">
      <c r="A2064" s="167" t="s">
        <v>470</v>
      </c>
      <c r="B2064" s="166">
        <v>50648786.280000001</v>
      </c>
      <c r="C2064" s="166">
        <v>50648786.280000001</v>
      </c>
      <c r="D2064" s="166">
        <v>0</v>
      </c>
      <c r="E2064" s="166">
        <v>0</v>
      </c>
      <c r="F2064" s="166">
        <v>0</v>
      </c>
      <c r="G2064" s="166">
        <v>0</v>
      </c>
      <c r="H2064" s="166">
        <v>0</v>
      </c>
      <c r="I2064" s="166">
        <v>0</v>
      </c>
      <c r="J2064" s="166">
        <v>0</v>
      </c>
      <c r="K2064" s="166">
        <v>0</v>
      </c>
      <c r="L2064" s="166">
        <v>0</v>
      </c>
      <c r="M2064" s="166">
        <v>0</v>
      </c>
      <c r="N2064" s="166">
        <v>0</v>
      </c>
      <c r="O2064" s="166">
        <v>0</v>
      </c>
      <c r="P2064" s="166">
        <v>0</v>
      </c>
      <c r="Q2064" s="166">
        <v>0</v>
      </c>
      <c r="R2064" s="166">
        <v>0</v>
      </c>
      <c r="S2064" s="166">
        <v>0</v>
      </c>
      <c r="T2064" s="166">
        <v>0</v>
      </c>
      <c r="U2064" s="166">
        <v>0</v>
      </c>
      <c r="V2064" s="166">
        <v>0</v>
      </c>
      <c r="W2064" s="166">
        <v>0</v>
      </c>
      <c r="X2064" s="166">
        <v>0</v>
      </c>
      <c r="Y2064" s="166">
        <v>0</v>
      </c>
      <c r="Z2064" s="166">
        <v>0</v>
      </c>
      <c r="AA2064" s="166">
        <v>0</v>
      </c>
      <c r="AB2064" s="166">
        <v>0</v>
      </c>
      <c r="AC2064" s="166">
        <v>0</v>
      </c>
      <c r="AD2064" s="166">
        <v>0</v>
      </c>
      <c r="AE2064" s="166">
        <v>0</v>
      </c>
      <c r="AF2064" s="166">
        <v>0</v>
      </c>
      <c r="AG2064" s="166">
        <v>0</v>
      </c>
      <c r="AH2064" s="166">
        <v>0</v>
      </c>
      <c r="AI2064" s="166">
        <v>0</v>
      </c>
      <c r="AJ2064" s="166">
        <v>0</v>
      </c>
      <c r="AK2064" s="166">
        <v>0</v>
      </c>
      <c r="AL2064" s="166">
        <v>0</v>
      </c>
      <c r="AM2064" s="166">
        <v>0</v>
      </c>
      <c r="AN2064" s="166">
        <v>0</v>
      </c>
      <c r="AO2064" s="166">
        <v>0</v>
      </c>
      <c r="AP2064" s="166">
        <v>0</v>
      </c>
      <c r="AQ2064" s="166">
        <v>0</v>
      </c>
      <c r="AR2064" s="166">
        <v>0</v>
      </c>
      <c r="AS2064" s="166">
        <v>0</v>
      </c>
      <c r="AT2064" s="166">
        <v>0</v>
      </c>
      <c r="AU2064" s="166">
        <v>0</v>
      </c>
      <c r="AV2064" s="166">
        <v>0</v>
      </c>
      <c r="AW2064" s="166">
        <v>0</v>
      </c>
      <c r="AX2064" s="166">
        <v>0</v>
      </c>
      <c r="AY2064" s="166">
        <v>-50648786.280000001</v>
      </c>
      <c r="AZ2064" s="166">
        <v>0</v>
      </c>
      <c r="BA2064" s="166">
        <v>0</v>
      </c>
      <c r="BB2064" s="166">
        <v>0</v>
      </c>
      <c r="BC2064" s="166">
        <v>0</v>
      </c>
      <c r="BD2064" s="166">
        <v>0</v>
      </c>
      <c r="BE2064" s="166">
        <v>0</v>
      </c>
      <c r="BF2064" s="166">
        <v>0</v>
      </c>
      <c r="BG2064" s="166">
        <v>0</v>
      </c>
      <c r="BH2064" s="166">
        <v>0</v>
      </c>
      <c r="BI2064" s="166">
        <v>0</v>
      </c>
      <c r="BJ2064" s="166">
        <v>0</v>
      </c>
      <c r="BK2064" s="166">
        <v>0</v>
      </c>
      <c r="BL2064" s="166">
        <v>0</v>
      </c>
      <c r="BM2064" s="166">
        <v>0</v>
      </c>
      <c r="BN2064" s="166">
        <v>0</v>
      </c>
      <c r="BO2064" s="166">
        <v>0</v>
      </c>
      <c r="BP2064" s="166">
        <v>-50648786.280000001</v>
      </c>
      <c r="BQ2064" s="166">
        <v>0</v>
      </c>
      <c r="BR2064" s="166">
        <v>50648786.280000001</v>
      </c>
      <c r="BS2064" s="166">
        <v>0</v>
      </c>
      <c r="BT2064" s="168">
        <v>1</v>
      </c>
      <c r="BU2064" s="166">
        <v>4220732.1900000004</v>
      </c>
      <c r="BV2064" s="166">
        <v>50648786.280000001</v>
      </c>
      <c r="BW2064" s="166">
        <v>0</v>
      </c>
      <c r="BX2064" s="166">
        <v>0</v>
      </c>
      <c r="BY2064" s="166">
        <v>0</v>
      </c>
      <c r="BZ2064" s="166">
        <v>0</v>
      </c>
      <c r="CA2064" s="166">
        <v>0</v>
      </c>
      <c r="CB2064" s="166">
        <v>0</v>
      </c>
      <c r="CC2064" s="166">
        <v>0</v>
      </c>
      <c r="CD2064" s="166">
        <v>0</v>
      </c>
      <c r="CE2064" s="166">
        <v>0</v>
      </c>
      <c r="CF2064" s="166">
        <v>0</v>
      </c>
      <c r="CG2064" s="166">
        <v>0</v>
      </c>
      <c r="CH2064" s="166">
        <v>0</v>
      </c>
      <c r="CI2064" s="166">
        <v>-50648786.280000001</v>
      </c>
      <c r="CJ2064" s="166">
        <v>0</v>
      </c>
      <c r="CK2064" s="166">
        <v>0</v>
      </c>
      <c r="CL2064" s="166">
        <v>0</v>
      </c>
      <c r="CM2064" s="166">
        <v>0</v>
      </c>
      <c r="CN2064" s="166">
        <v>0</v>
      </c>
      <c r="CO2064" s="166">
        <v>0</v>
      </c>
      <c r="CP2064" s="166">
        <v>0</v>
      </c>
      <c r="CQ2064" s="166">
        <v>0</v>
      </c>
      <c r="CR2064" s="166">
        <v>0</v>
      </c>
      <c r="CS2064" s="166">
        <v>0</v>
      </c>
      <c r="CT2064" s="166">
        <v>0</v>
      </c>
      <c r="CU2064" s="166">
        <v>0</v>
      </c>
      <c r="CV2064" s="166">
        <v>0</v>
      </c>
      <c r="CW2064" s="166">
        <v>-50648786.280000001</v>
      </c>
      <c r="CX2064" s="166">
        <v>0</v>
      </c>
      <c r="CY2064" s="166">
        <v>0</v>
      </c>
      <c r="CZ2064" s="166">
        <v>0</v>
      </c>
    </row>
    <row r="2065" spans="1:104" x14ac:dyDescent="0.2">
      <c r="A2065" s="170" t="s">
        <v>471</v>
      </c>
      <c r="B2065" s="166">
        <v>59485239.119999997</v>
      </c>
      <c r="C2065" s="166">
        <v>59485239.119999997</v>
      </c>
      <c r="D2065" s="166">
        <v>0</v>
      </c>
      <c r="E2065" s="166">
        <v>0</v>
      </c>
      <c r="F2065" s="166">
        <v>0</v>
      </c>
      <c r="G2065" s="166">
        <v>0</v>
      </c>
      <c r="H2065" s="166">
        <v>0</v>
      </c>
      <c r="I2065" s="166">
        <v>0</v>
      </c>
      <c r="J2065" s="166">
        <v>0</v>
      </c>
      <c r="K2065" s="166">
        <v>0</v>
      </c>
      <c r="L2065" s="166">
        <v>0</v>
      </c>
      <c r="M2065" s="166">
        <v>0</v>
      </c>
      <c r="N2065" s="166">
        <v>0</v>
      </c>
      <c r="O2065" s="166">
        <v>0</v>
      </c>
      <c r="P2065" s="166">
        <v>0</v>
      </c>
      <c r="Q2065" s="166">
        <v>0</v>
      </c>
      <c r="R2065" s="166">
        <v>0</v>
      </c>
      <c r="S2065" s="166">
        <v>0</v>
      </c>
      <c r="T2065" s="166">
        <v>0</v>
      </c>
      <c r="U2065" s="166">
        <v>0</v>
      </c>
      <c r="V2065" s="166">
        <v>0</v>
      </c>
      <c r="W2065" s="166">
        <v>0</v>
      </c>
      <c r="X2065" s="166">
        <v>0</v>
      </c>
      <c r="Y2065" s="166">
        <v>0</v>
      </c>
      <c r="Z2065" s="166">
        <v>0</v>
      </c>
      <c r="AA2065" s="166">
        <v>0</v>
      </c>
      <c r="AB2065" s="166">
        <v>0</v>
      </c>
      <c r="AC2065" s="166">
        <v>0</v>
      </c>
      <c r="AD2065" s="166">
        <v>0</v>
      </c>
      <c r="AE2065" s="166">
        <v>0</v>
      </c>
      <c r="AF2065" s="166">
        <v>0</v>
      </c>
      <c r="AG2065" s="166">
        <v>0</v>
      </c>
      <c r="AH2065" s="166">
        <v>0</v>
      </c>
      <c r="AI2065" s="166">
        <v>0</v>
      </c>
      <c r="AJ2065" s="166">
        <v>0</v>
      </c>
      <c r="AK2065" s="166">
        <v>0</v>
      </c>
      <c r="AL2065" s="166">
        <v>0</v>
      </c>
      <c r="AM2065" s="166">
        <v>0</v>
      </c>
      <c r="AN2065" s="166">
        <v>0</v>
      </c>
      <c r="AO2065" s="166">
        <v>0</v>
      </c>
      <c r="AP2065" s="166">
        <v>0</v>
      </c>
      <c r="AQ2065" s="166">
        <v>0</v>
      </c>
      <c r="AR2065" s="166">
        <v>0</v>
      </c>
      <c r="AS2065" s="166">
        <v>0</v>
      </c>
      <c r="AT2065" s="166">
        <v>0</v>
      </c>
      <c r="AU2065" s="166">
        <v>0</v>
      </c>
      <c r="AV2065" s="166">
        <v>0</v>
      </c>
      <c r="AW2065" s="166">
        <v>0</v>
      </c>
      <c r="AX2065" s="166">
        <v>0</v>
      </c>
      <c r="AY2065" s="166">
        <v>-59485239.119999997</v>
      </c>
      <c r="AZ2065" s="166">
        <v>0</v>
      </c>
      <c r="BA2065" s="166">
        <v>0</v>
      </c>
      <c r="BB2065" s="166">
        <v>0</v>
      </c>
      <c r="BC2065" s="166">
        <v>0</v>
      </c>
      <c r="BD2065" s="166">
        <v>0</v>
      </c>
      <c r="BE2065" s="166">
        <v>0</v>
      </c>
      <c r="BF2065" s="166">
        <v>0</v>
      </c>
      <c r="BG2065" s="166">
        <v>0</v>
      </c>
      <c r="BH2065" s="166">
        <v>0</v>
      </c>
      <c r="BI2065" s="166">
        <v>0</v>
      </c>
      <c r="BJ2065" s="166">
        <v>0</v>
      </c>
      <c r="BK2065" s="166">
        <v>0</v>
      </c>
      <c r="BL2065" s="166">
        <v>0</v>
      </c>
      <c r="BM2065" s="166">
        <v>0</v>
      </c>
      <c r="BN2065" s="166">
        <v>0</v>
      </c>
      <c r="BO2065" s="166">
        <v>0</v>
      </c>
      <c r="BP2065" s="166">
        <v>-59485239.119999997</v>
      </c>
      <c r="BQ2065" s="166">
        <v>0</v>
      </c>
      <c r="BR2065" s="166">
        <v>59485239.119999997</v>
      </c>
      <c r="BS2065" s="166">
        <v>0</v>
      </c>
      <c r="BT2065" s="168">
        <v>0</v>
      </c>
      <c r="BU2065" s="166">
        <v>4742253.7098014997</v>
      </c>
      <c r="BV2065" s="166">
        <v>56907044.517618001</v>
      </c>
      <c r="BW2065" s="166">
        <v>0</v>
      </c>
      <c r="BX2065" s="166">
        <v>0</v>
      </c>
      <c r="BY2065" s="166">
        <v>0</v>
      </c>
      <c r="BZ2065" s="166">
        <v>0</v>
      </c>
      <c r="CA2065" s="166">
        <v>0</v>
      </c>
      <c r="CB2065" s="166">
        <v>0</v>
      </c>
      <c r="CC2065" s="166">
        <v>0</v>
      </c>
      <c r="CD2065" s="166">
        <v>0</v>
      </c>
      <c r="CE2065" s="166">
        <v>0</v>
      </c>
      <c r="CF2065" s="166">
        <v>0</v>
      </c>
      <c r="CG2065" s="166">
        <v>0</v>
      </c>
      <c r="CH2065" s="166">
        <v>0</v>
      </c>
      <c r="CI2065" s="166">
        <v>-56907044.517618001</v>
      </c>
      <c r="CJ2065" s="166">
        <v>0</v>
      </c>
      <c r="CK2065" s="166">
        <v>0</v>
      </c>
      <c r="CL2065" s="166">
        <v>0</v>
      </c>
      <c r="CM2065" s="166">
        <v>0</v>
      </c>
      <c r="CN2065" s="166">
        <v>0</v>
      </c>
      <c r="CO2065" s="166">
        <v>0</v>
      </c>
      <c r="CP2065" s="166">
        <v>0</v>
      </c>
      <c r="CQ2065" s="166">
        <v>0</v>
      </c>
      <c r="CR2065" s="166">
        <v>0</v>
      </c>
      <c r="CS2065" s="166">
        <v>0</v>
      </c>
      <c r="CT2065" s="166">
        <v>0</v>
      </c>
      <c r="CU2065" s="166">
        <v>0</v>
      </c>
      <c r="CV2065" s="166">
        <v>0</v>
      </c>
      <c r="CW2065" s="166">
        <v>-56907044.517618001</v>
      </c>
      <c r="CX2065" s="166">
        <v>0</v>
      </c>
      <c r="CY2065" s="166">
        <v>0</v>
      </c>
      <c r="CZ2065" s="166">
        <v>0</v>
      </c>
    </row>
    <row r="2066" spans="1:104" x14ac:dyDescent="0.2">
      <c r="A2066" s="167" t="s">
        <v>472</v>
      </c>
    </row>
    <row r="2067" spans="1:104" x14ac:dyDescent="0.2">
      <c r="A2067" s="170" t="s">
        <v>473</v>
      </c>
      <c r="B2067" s="166">
        <v>807915841.29972994</v>
      </c>
      <c r="C2067" s="166">
        <v>807915841.29972994</v>
      </c>
      <c r="D2067" s="166">
        <v>0</v>
      </c>
      <c r="E2067" s="166">
        <v>0</v>
      </c>
      <c r="F2067" s="166">
        <v>0</v>
      </c>
      <c r="G2067" s="166">
        <v>0</v>
      </c>
      <c r="H2067" s="166">
        <v>0</v>
      </c>
      <c r="I2067" s="166">
        <v>0</v>
      </c>
      <c r="J2067" s="166">
        <v>0</v>
      </c>
      <c r="K2067" s="166">
        <v>0</v>
      </c>
      <c r="L2067" s="166">
        <v>0</v>
      </c>
      <c r="M2067" s="166">
        <v>0</v>
      </c>
      <c r="N2067" s="166">
        <v>0</v>
      </c>
      <c r="O2067" s="166">
        <v>0</v>
      </c>
      <c r="P2067" s="166">
        <v>0</v>
      </c>
      <c r="Q2067" s="166">
        <v>0</v>
      </c>
      <c r="R2067" s="166">
        <v>-116479536.974999</v>
      </c>
      <c r="S2067" s="166">
        <v>0</v>
      </c>
      <c r="T2067" s="166">
        <v>0</v>
      </c>
      <c r="U2067" s="166">
        <v>-11791628.287941299</v>
      </c>
      <c r="V2067" s="166">
        <v>0</v>
      </c>
      <c r="W2067" s="166">
        <v>0</v>
      </c>
      <c r="X2067" s="166">
        <v>0</v>
      </c>
      <c r="Y2067" s="166">
        <v>0</v>
      </c>
      <c r="Z2067" s="166">
        <v>0</v>
      </c>
      <c r="AA2067" s="166">
        <v>0</v>
      </c>
      <c r="AB2067" s="166">
        <v>0</v>
      </c>
      <c r="AC2067" s="166">
        <v>0</v>
      </c>
      <c r="AD2067" s="166">
        <v>0</v>
      </c>
      <c r="AE2067" s="166">
        <v>0</v>
      </c>
      <c r="AF2067" s="166">
        <v>0</v>
      </c>
      <c r="AG2067" s="166">
        <v>0</v>
      </c>
      <c r="AH2067" s="166">
        <v>0</v>
      </c>
      <c r="AI2067" s="166">
        <v>0</v>
      </c>
      <c r="AJ2067" s="166">
        <v>0</v>
      </c>
      <c r="AK2067" s="166">
        <v>0</v>
      </c>
      <c r="AL2067" s="166">
        <v>0</v>
      </c>
      <c r="AM2067" s="166">
        <v>0</v>
      </c>
      <c r="AN2067" s="166">
        <v>0</v>
      </c>
      <c r="AO2067" s="166">
        <v>0</v>
      </c>
      <c r="AP2067" s="166">
        <v>0</v>
      </c>
      <c r="AQ2067" s="166">
        <v>0</v>
      </c>
      <c r="AR2067" s="166">
        <v>0</v>
      </c>
      <c r="AS2067" s="166">
        <v>0</v>
      </c>
      <c r="AT2067" s="166">
        <v>0</v>
      </c>
      <c r="AU2067" s="166">
        <v>0</v>
      </c>
      <c r="AV2067" s="166">
        <v>0</v>
      </c>
      <c r="AW2067" s="166">
        <v>0</v>
      </c>
      <c r="AX2067" s="166">
        <v>-3969679.3581241001</v>
      </c>
      <c r="AY2067" s="166">
        <v>-59485239.119999997</v>
      </c>
      <c r="AZ2067" s="166">
        <v>0</v>
      </c>
      <c r="BA2067" s="166">
        <v>0</v>
      </c>
      <c r="BB2067" s="166">
        <v>0</v>
      </c>
      <c r="BC2067" s="166">
        <v>0</v>
      </c>
      <c r="BD2067" s="166">
        <v>0</v>
      </c>
      <c r="BE2067" s="166">
        <v>0</v>
      </c>
      <c r="BF2067" s="166">
        <v>0</v>
      </c>
      <c r="BG2067" s="166">
        <v>-116479536.974999</v>
      </c>
      <c r="BH2067" s="166">
        <v>0</v>
      </c>
      <c r="BI2067" s="166">
        <v>-11791628.287941299</v>
      </c>
      <c r="BJ2067" s="166">
        <v>0</v>
      </c>
      <c r="BK2067" s="166">
        <v>0</v>
      </c>
      <c r="BL2067" s="166">
        <v>0</v>
      </c>
      <c r="BM2067" s="166">
        <v>0</v>
      </c>
      <c r="BN2067" s="166">
        <v>0</v>
      </c>
      <c r="BO2067" s="166">
        <v>-3969679.3581241001</v>
      </c>
      <c r="BP2067" s="166">
        <v>-59485239.119999997</v>
      </c>
      <c r="BQ2067" s="166">
        <v>0</v>
      </c>
      <c r="BR2067" s="166">
        <v>807915841.29972994</v>
      </c>
      <c r="BS2067" s="166">
        <v>616189757.55866504</v>
      </c>
      <c r="BT2067" s="168">
        <v>0</v>
      </c>
      <c r="BU2067" s="166">
        <v>58908385.983371601</v>
      </c>
      <c r="BV2067" s="166">
        <v>787873914.78218102</v>
      </c>
      <c r="BW2067" s="166">
        <v>0</v>
      </c>
      <c r="BX2067" s="166">
        <v>0</v>
      </c>
      <c r="BY2067" s="166">
        <v>0</v>
      </c>
      <c r="BZ2067" s="166">
        <v>-116479536.974999</v>
      </c>
      <c r="CA2067" s="166">
        <v>0</v>
      </c>
      <c r="CB2067" s="166">
        <v>-11791585.0756472</v>
      </c>
      <c r="CC2067" s="166">
        <v>0</v>
      </c>
      <c r="CD2067" s="166">
        <v>0</v>
      </c>
      <c r="CE2067" s="166">
        <v>0</v>
      </c>
      <c r="CF2067" s="166">
        <v>0</v>
      </c>
      <c r="CG2067" s="166">
        <v>0</v>
      </c>
      <c r="CH2067" s="166">
        <v>-3969679.3581241001</v>
      </c>
      <c r="CI2067" s="166">
        <v>-56907044.517618001</v>
      </c>
      <c r="CJ2067" s="166">
        <v>0</v>
      </c>
      <c r="CK2067" s="166">
        <v>0</v>
      </c>
      <c r="CL2067" s="166">
        <v>0</v>
      </c>
      <c r="CM2067" s="166">
        <v>0</v>
      </c>
      <c r="CN2067" s="166">
        <v>-116479536.974999</v>
      </c>
      <c r="CO2067" s="166">
        <v>0</v>
      </c>
      <c r="CP2067" s="166">
        <v>-11791585.0756472</v>
      </c>
      <c r="CQ2067" s="166">
        <v>0</v>
      </c>
      <c r="CR2067" s="166">
        <v>0</v>
      </c>
      <c r="CS2067" s="166">
        <v>0</v>
      </c>
      <c r="CT2067" s="166">
        <v>0</v>
      </c>
      <c r="CU2067" s="166">
        <v>0</v>
      </c>
      <c r="CV2067" s="166">
        <v>-3969679.3581241001</v>
      </c>
      <c r="CW2067" s="166">
        <v>-56907044.517618001</v>
      </c>
      <c r="CX2067" s="166">
        <v>0</v>
      </c>
      <c r="CY2067" s="166">
        <v>598726068.855793</v>
      </c>
      <c r="CZ2067" s="166">
        <v>598726068.855793</v>
      </c>
    </row>
    <row r="2068" spans="1:104" x14ac:dyDescent="0.2">
      <c r="A2068" s="167" t="s">
        <v>474</v>
      </c>
    </row>
    <row r="2069" spans="1:104" x14ac:dyDescent="0.2">
      <c r="A2069" s="170" t="s">
        <v>475</v>
      </c>
    </row>
    <row r="2070" spans="1:104" x14ac:dyDescent="0.2">
      <c r="A2070" s="167" t="s">
        <v>476</v>
      </c>
      <c r="B2070" s="166">
        <v>0</v>
      </c>
      <c r="C2070" s="166">
        <v>0</v>
      </c>
      <c r="D2070" s="166">
        <v>0</v>
      </c>
      <c r="E2070" s="166">
        <v>0</v>
      </c>
      <c r="F2070" s="166">
        <v>0</v>
      </c>
      <c r="G2070" s="166">
        <v>0</v>
      </c>
      <c r="H2070" s="166">
        <v>0</v>
      </c>
      <c r="I2070" s="166">
        <v>0</v>
      </c>
      <c r="J2070" s="166">
        <v>-3213843.0847327998</v>
      </c>
      <c r="K2070" s="166">
        <v>0</v>
      </c>
      <c r="L2070" s="166">
        <v>0</v>
      </c>
      <c r="M2070" s="166">
        <v>0</v>
      </c>
      <c r="N2070" s="166">
        <v>0</v>
      </c>
      <c r="O2070" s="166">
        <v>0</v>
      </c>
      <c r="P2070" s="166">
        <v>0</v>
      </c>
      <c r="Q2070" s="166">
        <v>0</v>
      </c>
      <c r="R2070" s="166">
        <v>0</v>
      </c>
      <c r="S2070" s="166">
        <v>0</v>
      </c>
      <c r="T2070" s="166">
        <v>0</v>
      </c>
      <c r="U2070" s="166">
        <v>0</v>
      </c>
      <c r="V2070" s="166">
        <v>0</v>
      </c>
      <c r="W2070" s="166">
        <v>0</v>
      </c>
      <c r="X2070" s="166">
        <v>0</v>
      </c>
      <c r="Y2070" s="166">
        <v>0</v>
      </c>
      <c r="Z2070" s="166">
        <v>0</v>
      </c>
      <c r="AA2070" s="166">
        <v>0</v>
      </c>
      <c r="AB2070" s="166">
        <v>0</v>
      </c>
      <c r="AC2070" s="166">
        <v>0</v>
      </c>
      <c r="AD2070" s="166">
        <v>0</v>
      </c>
      <c r="AE2070" s="166">
        <v>0</v>
      </c>
      <c r="AF2070" s="166">
        <v>0</v>
      </c>
      <c r="AG2070" s="166">
        <v>0</v>
      </c>
      <c r="AH2070" s="166">
        <v>0</v>
      </c>
      <c r="AI2070" s="166">
        <v>0</v>
      </c>
      <c r="AJ2070" s="166">
        <v>0</v>
      </c>
      <c r="AK2070" s="166">
        <v>0</v>
      </c>
      <c r="AL2070" s="166">
        <v>0</v>
      </c>
      <c r="AM2070" s="166">
        <v>0</v>
      </c>
      <c r="AN2070" s="166">
        <v>0</v>
      </c>
      <c r="AO2070" s="166">
        <v>0</v>
      </c>
      <c r="AP2070" s="166">
        <v>0</v>
      </c>
      <c r="AQ2070" s="166">
        <v>0</v>
      </c>
      <c r="AR2070" s="166">
        <v>0</v>
      </c>
      <c r="AS2070" s="166">
        <v>0</v>
      </c>
      <c r="AT2070" s="166">
        <v>0</v>
      </c>
      <c r="AU2070" s="166">
        <v>0</v>
      </c>
      <c r="AV2070" s="166">
        <v>0</v>
      </c>
      <c r="AW2070" s="166">
        <v>0</v>
      </c>
      <c r="AX2070" s="166">
        <v>0</v>
      </c>
      <c r="AY2070" s="166">
        <v>0</v>
      </c>
      <c r="AZ2070" s="166">
        <v>0</v>
      </c>
      <c r="BA2070" s="166">
        <v>0</v>
      </c>
      <c r="BB2070" s="166">
        <v>0</v>
      </c>
      <c r="BC2070" s="166">
        <v>0</v>
      </c>
      <c r="BD2070" s="166">
        <v>0</v>
      </c>
      <c r="BE2070" s="166">
        <v>-3213843.0847327998</v>
      </c>
      <c r="BF2070" s="166">
        <v>0</v>
      </c>
      <c r="BG2070" s="166">
        <v>0</v>
      </c>
      <c r="BH2070" s="166">
        <v>0</v>
      </c>
      <c r="BI2070" s="166">
        <v>0</v>
      </c>
      <c r="BJ2070" s="166">
        <v>0</v>
      </c>
      <c r="BK2070" s="166">
        <v>0</v>
      </c>
      <c r="BL2070" s="166">
        <v>0</v>
      </c>
      <c r="BM2070" s="166">
        <v>0</v>
      </c>
      <c r="BN2070" s="166">
        <v>0</v>
      </c>
      <c r="BO2070" s="166">
        <v>0</v>
      </c>
      <c r="BP2070" s="166">
        <v>0</v>
      </c>
      <c r="BQ2070" s="166">
        <v>0</v>
      </c>
      <c r="BR2070" s="166">
        <v>0</v>
      </c>
      <c r="BS2070" s="166">
        <v>-3213843.0847327998</v>
      </c>
      <c r="BT2070" s="168">
        <v>0.96779000000000004</v>
      </c>
      <c r="BU2070" s="166">
        <v>0</v>
      </c>
      <c r="BV2070" s="166">
        <v>0</v>
      </c>
      <c r="BW2070" s="166">
        <v>0</v>
      </c>
      <c r="BX2070" s="166">
        <v>-3110325.1989735598</v>
      </c>
      <c r="BY2070" s="166">
        <v>0</v>
      </c>
      <c r="BZ2070" s="166">
        <v>0</v>
      </c>
      <c r="CA2070" s="166">
        <v>0</v>
      </c>
      <c r="CB2070" s="166">
        <v>0</v>
      </c>
      <c r="CC2070" s="166">
        <v>0</v>
      </c>
      <c r="CD2070" s="166">
        <v>0</v>
      </c>
      <c r="CE2070" s="166">
        <v>0</v>
      </c>
      <c r="CF2070" s="166">
        <v>0</v>
      </c>
      <c r="CG2070" s="166">
        <v>0</v>
      </c>
      <c r="CH2070" s="166">
        <v>0</v>
      </c>
      <c r="CI2070" s="166">
        <v>0</v>
      </c>
      <c r="CJ2070" s="166">
        <v>0</v>
      </c>
      <c r="CK2070" s="166">
        <v>0</v>
      </c>
      <c r="CL2070" s="166">
        <v>-3110325.1989735598</v>
      </c>
      <c r="CM2070" s="166">
        <v>0</v>
      </c>
      <c r="CN2070" s="166">
        <v>0</v>
      </c>
      <c r="CO2070" s="166">
        <v>0</v>
      </c>
      <c r="CP2070" s="166">
        <v>0</v>
      </c>
      <c r="CQ2070" s="166">
        <v>0</v>
      </c>
      <c r="CR2070" s="166">
        <v>0</v>
      </c>
      <c r="CS2070" s="166">
        <v>0</v>
      </c>
      <c r="CT2070" s="166">
        <v>0</v>
      </c>
      <c r="CU2070" s="166">
        <v>0</v>
      </c>
      <c r="CV2070" s="166">
        <v>0</v>
      </c>
      <c r="CW2070" s="166">
        <v>0</v>
      </c>
      <c r="CX2070" s="166">
        <v>0</v>
      </c>
      <c r="CY2070" s="166">
        <v>-3110325.1989735598</v>
      </c>
      <c r="CZ2070" s="166">
        <v>-3110325.1989735598</v>
      </c>
    </row>
    <row r="2071" spans="1:104" x14ac:dyDescent="0.2">
      <c r="A2071" s="167" t="s">
        <v>477</v>
      </c>
      <c r="B2071" s="166">
        <v>0</v>
      </c>
      <c r="C2071" s="166">
        <v>0</v>
      </c>
      <c r="D2071" s="166">
        <v>0</v>
      </c>
      <c r="E2071" s="166">
        <v>0</v>
      </c>
      <c r="F2071" s="166">
        <v>0</v>
      </c>
      <c r="G2071" s="166">
        <v>0</v>
      </c>
      <c r="H2071" s="166">
        <v>0</v>
      </c>
      <c r="I2071" s="166">
        <v>0</v>
      </c>
      <c r="J2071" s="166">
        <v>0</v>
      </c>
      <c r="K2071" s="166">
        <v>0</v>
      </c>
      <c r="L2071" s="166">
        <v>0</v>
      </c>
      <c r="M2071" s="166">
        <v>0</v>
      </c>
      <c r="N2071" s="166">
        <v>0</v>
      </c>
      <c r="O2071" s="166">
        <v>0</v>
      </c>
      <c r="P2071" s="166">
        <v>0</v>
      </c>
      <c r="Q2071" s="166">
        <v>0</v>
      </c>
      <c r="R2071" s="166">
        <v>0</v>
      </c>
      <c r="S2071" s="166">
        <v>0</v>
      </c>
      <c r="T2071" s="166">
        <v>0</v>
      </c>
      <c r="U2071" s="166">
        <v>0</v>
      </c>
      <c r="V2071" s="166">
        <v>0</v>
      </c>
      <c r="W2071" s="166">
        <v>0</v>
      </c>
      <c r="X2071" s="166">
        <v>0</v>
      </c>
      <c r="Y2071" s="166">
        <v>0</v>
      </c>
      <c r="Z2071" s="166">
        <v>0</v>
      </c>
      <c r="AA2071" s="166">
        <v>0</v>
      </c>
      <c r="AB2071" s="166">
        <v>0</v>
      </c>
      <c r="AC2071" s="166">
        <v>0</v>
      </c>
      <c r="AD2071" s="166">
        <v>0</v>
      </c>
      <c r="AE2071" s="166">
        <v>0</v>
      </c>
      <c r="AF2071" s="166">
        <v>0</v>
      </c>
      <c r="AG2071" s="166">
        <v>0</v>
      </c>
      <c r="AH2071" s="166">
        <v>0</v>
      </c>
      <c r="AI2071" s="166">
        <v>0</v>
      </c>
      <c r="AJ2071" s="166">
        <v>0</v>
      </c>
      <c r="AK2071" s="166">
        <v>0</v>
      </c>
      <c r="AL2071" s="166">
        <v>0</v>
      </c>
      <c r="AM2071" s="166">
        <v>0</v>
      </c>
      <c r="AN2071" s="166">
        <v>0</v>
      </c>
      <c r="AO2071" s="166">
        <v>0</v>
      </c>
      <c r="AP2071" s="166">
        <v>0</v>
      </c>
      <c r="AQ2071" s="166">
        <v>0</v>
      </c>
      <c r="AR2071" s="166">
        <v>-3269290.32</v>
      </c>
      <c r="AS2071" s="166">
        <v>0</v>
      </c>
      <c r="AT2071" s="166">
        <v>0</v>
      </c>
      <c r="AU2071" s="166">
        <v>0</v>
      </c>
      <c r="AV2071" s="166">
        <v>0</v>
      </c>
      <c r="AW2071" s="166">
        <v>0</v>
      </c>
      <c r="AX2071" s="166">
        <v>0</v>
      </c>
      <c r="AY2071" s="166">
        <v>0</v>
      </c>
      <c r="AZ2071" s="166">
        <v>0</v>
      </c>
      <c r="BA2071" s="166">
        <v>0</v>
      </c>
      <c r="BB2071" s="166">
        <v>0</v>
      </c>
      <c r="BC2071" s="166">
        <v>0</v>
      </c>
      <c r="BD2071" s="166">
        <v>0</v>
      </c>
      <c r="BE2071" s="166">
        <v>0</v>
      </c>
      <c r="BF2071" s="166">
        <v>0</v>
      </c>
      <c r="BG2071" s="166">
        <v>0</v>
      </c>
      <c r="BH2071" s="166">
        <v>0</v>
      </c>
      <c r="BI2071" s="166">
        <v>0</v>
      </c>
      <c r="BJ2071" s="166">
        <v>0</v>
      </c>
      <c r="BK2071" s="166">
        <v>0</v>
      </c>
      <c r="BL2071" s="166">
        <v>0</v>
      </c>
      <c r="BM2071" s="166">
        <v>0</v>
      </c>
      <c r="BN2071" s="166">
        <v>-3269290.32</v>
      </c>
      <c r="BO2071" s="166">
        <v>0</v>
      </c>
      <c r="BP2071" s="166">
        <v>0</v>
      </c>
      <c r="BQ2071" s="166">
        <v>0</v>
      </c>
      <c r="BR2071" s="166">
        <v>0</v>
      </c>
      <c r="BS2071" s="166">
        <v>-3269290.32</v>
      </c>
      <c r="BT2071" s="168">
        <v>0.96779000000000004</v>
      </c>
      <c r="BU2071" s="166">
        <v>0</v>
      </c>
      <c r="BV2071" s="166">
        <v>0</v>
      </c>
      <c r="BW2071" s="166">
        <v>0</v>
      </c>
      <c r="BX2071" s="166">
        <v>0</v>
      </c>
      <c r="BY2071" s="166">
        <v>0</v>
      </c>
      <c r="BZ2071" s="166">
        <v>0</v>
      </c>
      <c r="CA2071" s="166">
        <v>0</v>
      </c>
      <c r="CB2071" s="166">
        <v>0</v>
      </c>
      <c r="CC2071" s="166">
        <v>0</v>
      </c>
      <c r="CD2071" s="166">
        <v>0</v>
      </c>
      <c r="CE2071" s="166">
        <v>0</v>
      </c>
      <c r="CF2071" s="166">
        <v>0</v>
      </c>
      <c r="CG2071" s="166">
        <v>-3163986.4787928001</v>
      </c>
      <c r="CH2071" s="166">
        <v>0</v>
      </c>
      <c r="CI2071" s="166">
        <v>0</v>
      </c>
      <c r="CJ2071" s="166">
        <v>0</v>
      </c>
      <c r="CK2071" s="166">
        <v>0</v>
      </c>
      <c r="CL2071" s="166">
        <v>0</v>
      </c>
      <c r="CM2071" s="166">
        <v>0</v>
      </c>
      <c r="CN2071" s="166">
        <v>0</v>
      </c>
      <c r="CO2071" s="166">
        <v>0</v>
      </c>
      <c r="CP2071" s="166">
        <v>0</v>
      </c>
      <c r="CQ2071" s="166">
        <v>0</v>
      </c>
      <c r="CR2071" s="166">
        <v>0</v>
      </c>
      <c r="CS2071" s="166">
        <v>0</v>
      </c>
      <c r="CT2071" s="166">
        <v>0</v>
      </c>
      <c r="CU2071" s="166">
        <v>-3163986.4787928001</v>
      </c>
      <c r="CV2071" s="166">
        <v>0</v>
      </c>
      <c r="CW2071" s="166">
        <v>0</v>
      </c>
      <c r="CX2071" s="166">
        <v>0</v>
      </c>
      <c r="CY2071" s="166">
        <v>-3163986.4787928001</v>
      </c>
      <c r="CZ2071" s="166">
        <v>-3163986.4787928001</v>
      </c>
    </row>
    <row r="2072" spans="1:104" x14ac:dyDescent="0.2">
      <c r="A2072" s="167" t="s">
        <v>478</v>
      </c>
      <c r="B2072" s="166">
        <v>0</v>
      </c>
      <c r="C2072" s="166">
        <v>0</v>
      </c>
      <c r="D2072" s="166">
        <v>0</v>
      </c>
      <c r="E2072" s="166">
        <v>0</v>
      </c>
      <c r="F2072" s="166">
        <v>0</v>
      </c>
      <c r="G2072" s="166">
        <v>0</v>
      </c>
      <c r="H2072" s="166">
        <v>0</v>
      </c>
      <c r="I2072" s="166">
        <v>0</v>
      </c>
      <c r="J2072" s="166">
        <v>0</v>
      </c>
      <c r="K2072" s="166">
        <v>0</v>
      </c>
      <c r="L2072" s="166">
        <v>0</v>
      </c>
      <c r="M2072" s="166">
        <v>0</v>
      </c>
      <c r="N2072" s="166">
        <v>0</v>
      </c>
      <c r="O2072" s="166">
        <v>0</v>
      </c>
      <c r="P2072" s="166">
        <v>0</v>
      </c>
      <c r="Q2072" s="166">
        <v>0</v>
      </c>
      <c r="R2072" s="166">
        <v>0</v>
      </c>
      <c r="S2072" s="166">
        <v>0</v>
      </c>
      <c r="T2072" s="166">
        <v>0</v>
      </c>
      <c r="U2072" s="166">
        <v>0</v>
      </c>
      <c r="V2072" s="166">
        <v>0</v>
      </c>
      <c r="W2072" s="166">
        <v>0</v>
      </c>
      <c r="X2072" s="166">
        <v>0</v>
      </c>
      <c r="Y2072" s="166">
        <v>0</v>
      </c>
      <c r="Z2072" s="166">
        <v>0</v>
      </c>
      <c r="AA2072" s="166">
        <v>0</v>
      </c>
      <c r="AB2072" s="166">
        <v>0</v>
      </c>
      <c r="AC2072" s="166">
        <v>0</v>
      </c>
      <c r="AD2072" s="166">
        <v>0</v>
      </c>
      <c r="AE2072" s="166">
        <v>0</v>
      </c>
      <c r="AF2072" s="166">
        <v>0</v>
      </c>
      <c r="AG2072" s="166">
        <v>0</v>
      </c>
      <c r="AH2072" s="166">
        <v>0</v>
      </c>
      <c r="AI2072" s="166">
        <v>0</v>
      </c>
      <c r="AJ2072" s="166">
        <v>0</v>
      </c>
      <c r="AK2072" s="166">
        <v>0</v>
      </c>
      <c r="AL2072" s="166">
        <v>0</v>
      </c>
      <c r="AM2072" s="166">
        <v>0</v>
      </c>
      <c r="AN2072" s="166">
        <v>0</v>
      </c>
      <c r="AO2072" s="166">
        <v>0</v>
      </c>
      <c r="AP2072" s="166">
        <v>-109418.4</v>
      </c>
      <c r="AQ2072" s="166">
        <v>0</v>
      </c>
      <c r="AR2072" s="166">
        <v>0</v>
      </c>
      <c r="AS2072" s="166">
        <v>0</v>
      </c>
      <c r="AT2072" s="166">
        <v>0</v>
      </c>
      <c r="AU2072" s="166">
        <v>0</v>
      </c>
      <c r="AV2072" s="166">
        <v>0</v>
      </c>
      <c r="AW2072" s="166">
        <v>0</v>
      </c>
      <c r="AX2072" s="166">
        <v>0</v>
      </c>
      <c r="AY2072" s="166">
        <v>0</v>
      </c>
      <c r="AZ2072" s="166">
        <v>0</v>
      </c>
      <c r="BA2072" s="166">
        <v>0</v>
      </c>
      <c r="BB2072" s="166">
        <v>0</v>
      </c>
      <c r="BC2072" s="166">
        <v>0</v>
      </c>
      <c r="BD2072" s="166">
        <v>0</v>
      </c>
      <c r="BE2072" s="166">
        <v>0</v>
      </c>
      <c r="BF2072" s="166">
        <v>0</v>
      </c>
      <c r="BG2072" s="166">
        <v>0</v>
      </c>
      <c r="BH2072" s="166">
        <v>0</v>
      </c>
      <c r="BI2072" s="166">
        <v>0</v>
      </c>
      <c r="BJ2072" s="166">
        <v>0</v>
      </c>
      <c r="BK2072" s="166">
        <v>0</v>
      </c>
      <c r="BL2072" s="166">
        <v>0</v>
      </c>
      <c r="BM2072" s="166">
        <v>-109418.4</v>
      </c>
      <c r="BN2072" s="166">
        <v>0</v>
      </c>
      <c r="BO2072" s="166">
        <v>0</v>
      </c>
      <c r="BP2072" s="166">
        <v>0</v>
      </c>
      <c r="BQ2072" s="166">
        <v>0</v>
      </c>
      <c r="BR2072" s="166">
        <v>0</v>
      </c>
      <c r="BS2072" s="166">
        <v>-109418.4</v>
      </c>
      <c r="BT2072" s="168">
        <v>0.96779000000000004</v>
      </c>
      <c r="BU2072" s="166">
        <v>0</v>
      </c>
      <c r="BV2072" s="166">
        <v>0</v>
      </c>
      <c r="BW2072" s="166">
        <v>0</v>
      </c>
      <c r="BX2072" s="166">
        <v>0</v>
      </c>
      <c r="BY2072" s="166">
        <v>0</v>
      </c>
      <c r="BZ2072" s="166">
        <v>0</v>
      </c>
      <c r="CA2072" s="166">
        <v>0</v>
      </c>
      <c r="CB2072" s="166">
        <v>0</v>
      </c>
      <c r="CC2072" s="166">
        <v>0</v>
      </c>
      <c r="CD2072" s="166">
        <v>0</v>
      </c>
      <c r="CE2072" s="166">
        <v>0</v>
      </c>
      <c r="CF2072" s="166">
        <v>-105894.033335999</v>
      </c>
      <c r="CG2072" s="166">
        <v>0</v>
      </c>
      <c r="CH2072" s="166">
        <v>0</v>
      </c>
      <c r="CI2072" s="166">
        <v>0</v>
      </c>
      <c r="CJ2072" s="166">
        <v>0</v>
      </c>
      <c r="CK2072" s="166">
        <v>0</v>
      </c>
      <c r="CL2072" s="166">
        <v>0</v>
      </c>
      <c r="CM2072" s="166">
        <v>0</v>
      </c>
      <c r="CN2072" s="166">
        <v>0</v>
      </c>
      <c r="CO2072" s="166">
        <v>0</v>
      </c>
      <c r="CP2072" s="166">
        <v>0</v>
      </c>
      <c r="CQ2072" s="166">
        <v>0</v>
      </c>
      <c r="CR2072" s="166">
        <v>0</v>
      </c>
      <c r="CS2072" s="166">
        <v>0</v>
      </c>
      <c r="CT2072" s="166">
        <v>-105894.033335999</v>
      </c>
      <c r="CU2072" s="166">
        <v>0</v>
      </c>
      <c r="CV2072" s="166">
        <v>0</v>
      </c>
      <c r="CW2072" s="166">
        <v>0</v>
      </c>
      <c r="CX2072" s="166">
        <v>0</v>
      </c>
      <c r="CY2072" s="166">
        <v>-105894.033335999</v>
      </c>
      <c r="CZ2072" s="166">
        <v>-105894.033335999</v>
      </c>
    </row>
    <row r="2073" spans="1:104" x14ac:dyDescent="0.2">
      <c r="A2073" s="167" t="s">
        <v>479</v>
      </c>
      <c r="B2073" s="166">
        <v>0</v>
      </c>
      <c r="C2073" s="166">
        <v>0</v>
      </c>
      <c r="D2073" s="166">
        <v>0</v>
      </c>
      <c r="E2073" s="166">
        <v>0</v>
      </c>
      <c r="F2073" s="166">
        <v>0</v>
      </c>
      <c r="G2073" s="166">
        <v>0</v>
      </c>
      <c r="H2073" s="166">
        <v>0</v>
      </c>
      <c r="I2073" s="166">
        <v>0</v>
      </c>
      <c r="J2073" s="166">
        <v>0</v>
      </c>
      <c r="K2073" s="166">
        <v>0</v>
      </c>
      <c r="L2073" s="166">
        <v>0</v>
      </c>
      <c r="M2073" s="166">
        <v>0</v>
      </c>
      <c r="N2073" s="166">
        <v>0</v>
      </c>
      <c r="O2073" s="166">
        <v>0</v>
      </c>
      <c r="P2073" s="166">
        <v>-1314609.3712499901</v>
      </c>
      <c r="Q2073" s="166">
        <v>0</v>
      </c>
      <c r="R2073" s="166">
        <v>0</v>
      </c>
      <c r="S2073" s="166">
        <v>0</v>
      </c>
      <c r="T2073" s="166">
        <v>0</v>
      </c>
      <c r="U2073" s="166">
        <v>0</v>
      </c>
      <c r="V2073" s="166">
        <v>0</v>
      </c>
      <c r="W2073" s="166">
        <v>0</v>
      </c>
      <c r="X2073" s="166">
        <v>0</v>
      </c>
      <c r="Y2073" s="166">
        <v>0</v>
      </c>
      <c r="Z2073" s="166">
        <v>0</v>
      </c>
      <c r="AA2073" s="166">
        <v>0</v>
      </c>
      <c r="AB2073" s="166">
        <v>0</v>
      </c>
      <c r="AC2073" s="166">
        <v>0</v>
      </c>
      <c r="AD2073" s="166">
        <v>0</v>
      </c>
      <c r="AE2073" s="166">
        <v>0</v>
      </c>
      <c r="AF2073" s="166">
        <v>0</v>
      </c>
      <c r="AG2073" s="166">
        <v>0</v>
      </c>
      <c r="AH2073" s="166">
        <v>0</v>
      </c>
      <c r="AI2073" s="166">
        <v>0</v>
      </c>
      <c r="AJ2073" s="166">
        <v>0</v>
      </c>
      <c r="AK2073" s="166">
        <v>0</v>
      </c>
      <c r="AL2073" s="166">
        <v>0</v>
      </c>
      <c r="AM2073" s="166">
        <v>0</v>
      </c>
      <c r="AN2073" s="166">
        <v>0</v>
      </c>
      <c r="AO2073" s="166">
        <v>0</v>
      </c>
      <c r="AP2073" s="166">
        <v>0</v>
      </c>
      <c r="AQ2073" s="166">
        <v>0</v>
      </c>
      <c r="AR2073" s="166">
        <v>0</v>
      </c>
      <c r="AS2073" s="166">
        <v>0</v>
      </c>
      <c r="AT2073" s="166">
        <v>0</v>
      </c>
      <c r="AU2073" s="166">
        <v>0</v>
      </c>
      <c r="AV2073" s="166">
        <v>0</v>
      </c>
      <c r="AW2073" s="166">
        <v>0</v>
      </c>
      <c r="AX2073" s="166">
        <v>0</v>
      </c>
      <c r="AY2073" s="166">
        <v>0</v>
      </c>
      <c r="AZ2073" s="166">
        <v>0</v>
      </c>
      <c r="BA2073" s="166">
        <v>0</v>
      </c>
      <c r="BB2073" s="166">
        <v>0</v>
      </c>
      <c r="BC2073" s="166">
        <v>0</v>
      </c>
      <c r="BD2073" s="166">
        <v>0</v>
      </c>
      <c r="BE2073" s="166">
        <v>0</v>
      </c>
      <c r="BF2073" s="166">
        <v>-1314609.3712499901</v>
      </c>
      <c r="BG2073" s="166">
        <v>0</v>
      </c>
      <c r="BH2073" s="166">
        <v>0</v>
      </c>
      <c r="BI2073" s="166">
        <v>0</v>
      </c>
      <c r="BJ2073" s="166">
        <v>0</v>
      </c>
      <c r="BK2073" s="166">
        <v>0</v>
      </c>
      <c r="BL2073" s="166">
        <v>0</v>
      </c>
      <c r="BM2073" s="166">
        <v>0</v>
      </c>
      <c r="BN2073" s="166">
        <v>0</v>
      </c>
      <c r="BO2073" s="166">
        <v>0</v>
      </c>
      <c r="BP2073" s="166">
        <v>0</v>
      </c>
      <c r="BQ2073" s="166">
        <v>0</v>
      </c>
      <c r="BR2073" s="166">
        <v>0</v>
      </c>
      <c r="BS2073" s="166">
        <v>-1314609.3712499901</v>
      </c>
      <c r="BT2073" s="168">
        <v>0.96779000000000004</v>
      </c>
      <c r="BU2073" s="166">
        <v>0</v>
      </c>
      <c r="BV2073" s="166">
        <v>0</v>
      </c>
      <c r="BW2073" s="166">
        <v>0</v>
      </c>
      <c r="BX2073" s="166">
        <v>0</v>
      </c>
      <c r="BY2073" s="166">
        <v>-1272265.8034020299</v>
      </c>
      <c r="BZ2073" s="166">
        <v>0</v>
      </c>
      <c r="CA2073" s="166">
        <v>0</v>
      </c>
      <c r="CB2073" s="166">
        <v>0</v>
      </c>
      <c r="CC2073" s="166">
        <v>0</v>
      </c>
      <c r="CD2073" s="166">
        <v>0</v>
      </c>
      <c r="CE2073" s="166">
        <v>0</v>
      </c>
      <c r="CF2073" s="166">
        <v>0</v>
      </c>
      <c r="CG2073" s="166">
        <v>0</v>
      </c>
      <c r="CH2073" s="166">
        <v>0</v>
      </c>
      <c r="CI2073" s="166">
        <v>0</v>
      </c>
      <c r="CJ2073" s="166">
        <v>0</v>
      </c>
      <c r="CK2073" s="166">
        <v>0</v>
      </c>
      <c r="CL2073" s="166">
        <v>0</v>
      </c>
      <c r="CM2073" s="166">
        <v>-1272265.8034020299</v>
      </c>
      <c r="CN2073" s="166">
        <v>0</v>
      </c>
      <c r="CO2073" s="166">
        <v>0</v>
      </c>
      <c r="CP2073" s="166">
        <v>0</v>
      </c>
      <c r="CQ2073" s="166">
        <v>0</v>
      </c>
      <c r="CR2073" s="166">
        <v>0</v>
      </c>
      <c r="CS2073" s="166">
        <v>0</v>
      </c>
      <c r="CT2073" s="166">
        <v>0</v>
      </c>
      <c r="CU2073" s="166">
        <v>0</v>
      </c>
      <c r="CV2073" s="166">
        <v>0</v>
      </c>
      <c r="CW2073" s="166">
        <v>0</v>
      </c>
      <c r="CX2073" s="166">
        <v>0</v>
      </c>
      <c r="CY2073" s="166">
        <v>-1272265.8034020299</v>
      </c>
      <c r="CZ2073" s="166">
        <v>-1272265.8034020299</v>
      </c>
    </row>
    <row r="2074" spans="1:104" x14ac:dyDescent="0.2">
      <c r="A2074" s="167" t="s">
        <v>480</v>
      </c>
      <c r="B2074" s="166">
        <v>0</v>
      </c>
      <c r="C2074" s="166">
        <v>0</v>
      </c>
      <c r="D2074" s="166">
        <v>0</v>
      </c>
      <c r="E2074" s="166">
        <v>0</v>
      </c>
      <c r="F2074" s="166">
        <v>0</v>
      </c>
      <c r="G2074" s="166">
        <v>0</v>
      </c>
      <c r="H2074" s="166">
        <v>0</v>
      </c>
      <c r="I2074" s="166">
        <v>0</v>
      </c>
      <c r="J2074" s="166">
        <v>0</v>
      </c>
      <c r="K2074" s="166">
        <v>0</v>
      </c>
      <c r="L2074" s="166">
        <v>0</v>
      </c>
      <c r="M2074" s="166">
        <v>0</v>
      </c>
      <c r="N2074" s="166">
        <v>0</v>
      </c>
      <c r="O2074" s="166">
        <v>0</v>
      </c>
      <c r="P2074" s="166">
        <v>0</v>
      </c>
      <c r="Q2074" s="166">
        <v>0</v>
      </c>
      <c r="R2074" s="166">
        <v>0</v>
      </c>
      <c r="S2074" s="166">
        <v>0</v>
      </c>
      <c r="T2074" s="166">
        <v>0</v>
      </c>
      <c r="U2074" s="166">
        <v>0</v>
      </c>
      <c r="V2074" s="166">
        <v>0</v>
      </c>
      <c r="W2074" s="166">
        <v>0</v>
      </c>
      <c r="X2074" s="166">
        <v>0</v>
      </c>
      <c r="Y2074" s="166">
        <v>0</v>
      </c>
      <c r="Z2074" s="166">
        <v>0</v>
      </c>
      <c r="AA2074" s="166">
        <v>0</v>
      </c>
      <c r="AB2074" s="166">
        <v>0</v>
      </c>
      <c r="AC2074" s="166">
        <v>0</v>
      </c>
      <c r="AD2074" s="166">
        <v>0</v>
      </c>
      <c r="AE2074" s="166">
        <v>0</v>
      </c>
      <c r="AF2074" s="166">
        <v>0</v>
      </c>
      <c r="AG2074" s="166">
        <v>0</v>
      </c>
      <c r="AH2074" s="166">
        <v>0</v>
      </c>
      <c r="AI2074" s="166">
        <v>0</v>
      </c>
      <c r="AJ2074" s="166">
        <v>0</v>
      </c>
      <c r="AK2074" s="166">
        <v>1129668</v>
      </c>
      <c r="AL2074" s="166">
        <v>0</v>
      </c>
      <c r="AM2074" s="166">
        <v>0</v>
      </c>
      <c r="AN2074" s="166">
        <v>0</v>
      </c>
      <c r="AO2074" s="166">
        <v>0</v>
      </c>
      <c r="AP2074" s="166">
        <v>0</v>
      </c>
      <c r="AQ2074" s="166">
        <v>0</v>
      </c>
      <c r="AR2074" s="166">
        <v>0</v>
      </c>
      <c r="AS2074" s="166">
        <v>0</v>
      </c>
      <c r="AT2074" s="166">
        <v>0</v>
      </c>
      <c r="AU2074" s="166">
        <v>0</v>
      </c>
      <c r="AV2074" s="166">
        <v>0</v>
      </c>
      <c r="AW2074" s="166">
        <v>0</v>
      </c>
      <c r="AX2074" s="166">
        <v>0</v>
      </c>
      <c r="AY2074" s="166">
        <v>0</v>
      </c>
      <c r="AZ2074" s="166">
        <v>0</v>
      </c>
      <c r="BA2074" s="166">
        <v>0</v>
      </c>
      <c r="BB2074" s="166">
        <v>0</v>
      </c>
      <c r="BC2074" s="166">
        <v>0</v>
      </c>
      <c r="BD2074" s="166">
        <v>0</v>
      </c>
      <c r="BE2074" s="166">
        <v>0</v>
      </c>
      <c r="BF2074" s="166">
        <v>0</v>
      </c>
      <c r="BG2074" s="166">
        <v>0</v>
      </c>
      <c r="BH2074" s="166">
        <v>0</v>
      </c>
      <c r="BI2074" s="166">
        <v>0</v>
      </c>
      <c r="BJ2074" s="166">
        <v>0</v>
      </c>
      <c r="BK2074" s="166">
        <v>0</v>
      </c>
      <c r="BL2074" s="166">
        <v>1129668</v>
      </c>
      <c r="BM2074" s="166">
        <v>0</v>
      </c>
      <c r="BN2074" s="166">
        <v>0</v>
      </c>
      <c r="BO2074" s="166">
        <v>0</v>
      </c>
      <c r="BP2074" s="166">
        <v>0</v>
      </c>
      <c r="BQ2074" s="166">
        <v>0</v>
      </c>
      <c r="BR2074" s="166">
        <v>0</v>
      </c>
      <c r="BS2074" s="166">
        <v>1129668</v>
      </c>
      <c r="BT2074" s="168">
        <v>0.96779000000000004</v>
      </c>
      <c r="BU2074" s="166">
        <v>0</v>
      </c>
      <c r="BV2074" s="166">
        <v>0</v>
      </c>
      <c r="BW2074" s="166">
        <v>0</v>
      </c>
      <c r="BX2074" s="166">
        <v>0</v>
      </c>
      <c r="BY2074" s="166">
        <v>0</v>
      </c>
      <c r="BZ2074" s="166">
        <v>0</v>
      </c>
      <c r="CA2074" s="166">
        <v>0</v>
      </c>
      <c r="CB2074" s="166">
        <v>0</v>
      </c>
      <c r="CC2074" s="166">
        <v>0</v>
      </c>
      <c r="CD2074" s="166">
        <v>0</v>
      </c>
      <c r="CE2074" s="166">
        <v>1093281.3937200001</v>
      </c>
      <c r="CF2074" s="166">
        <v>0</v>
      </c>
      <c r="CG2074" s="166">
        <v>0</v>
      </c>
      <c r="CH2074" s="166">
        <v>0</v>
      </c>
      <c r="CI2074" s="166">
        <v>0</v>
      </c>
      <c r="CJ2074" s="166">
        <v>0</v>
      </c>
      <c r="CK2074" s="166">
        <v>0</v>
      </c>
      <c r="CL2074" s="166">
        <v>0</v>
      </c>
      <c r="CM2074" s="166">
        <v>0</v>
      </c>
      <c r="CN2074" s="166">
        <v>0</v>
      </c>
      <c r="CO2074" s="166">
        <v>0</v>
      </c>
      <c r="CP2074" s="166">
        <v>0</v>
      </c>
      <c r="CQ2074" s="166">
        <v>0</v>
      </c>
      <c r="CR2074" s="166">
        <v>0</v>
      </c>
      <c r="CS2074" s="166">
        <v>1093281.3937200001</v>
      </c>
      <c r="CT2074" s="166">
        <v>0</v>
      </c>
      <c r="CU2074" s="166">
        <v>0</v>
      </c>
      <c r="CV2074" s="166">
        <v>0</v>
      </c>
      <c r="CW2074" s="166">
        <v>0</v>
      </c>
      <c r="CX2074" s="166">
        <v>0</v>
      </c>
      <c r="CY2074" s="166">
        <v>1093281.3937200001</v>
      </c>
      <c r="CZ2074" s="166">
        <v>1093281.3937200001</v>
      </c>
    </row>
    <row r="2075" spans="1:104" x14ac:dyDescent="0.2">
      <c r="A2075" s="167" t="s">
        <v>481</v>
      </c>
      <c r="B2075" s="166">
        <v>0</v>
      </c>
      <c r="C2075" s="166">
        <v>0</v>
      </c>
      <c r="D2075" s="166">
        <v>0</v>
      </c>
      <c r="E2075" s="166">
        <v>0</v>
      </c>
      <c r="F2075" s="166">
        <v>0</v>
      </c>
      <c r="G2075" s="166">
        <v>0</v>
      </c>
      <c r="H2075" s="166">
        <v>0</v>
      </c>
      <c r="I2075" s="166">
        <v>0</v>
      </c>
      <c r="J2075" s="166">
        <v>0</v>
      </c>
      <c r="K2075" s="166">
        <v>0</v>
      </c>
      <c r="L2075" s="166">
        <v>0</v>
      </c>
      <c r="M2075" s="166">
        <v>0</v>
      </c>
      <c r="N2075" s="166">
        <v>0</v>
      </c>
      <c r="O2075" s="166">
        <v>0</v>
      </c>
      <c r="P2075" s="166">
        <v>0</v>
      </c>
      <c r="Q2075" s="166">
        <v>0</v>
      </c>
      <c r="R2075" s="166">
        <v>0</v>
      </c>
      <c r="S2075" s="166">
        <v>-493699.8</v>
      </c>
      <c r="T2075" s="166">
        <v>0</v>
      </c>
      <c r="U2075" s="166">
        <v>0</v>
      </c>
      <c r="V2075" s="166">
        <v>0</v>
      </c>
      <c r="W2075" s="166">
        <v>0</v>
      </c>
      <c r="X2075" s="166">
        <v>0</v>
      </c>
      <c r="Y2075" s="166">
        <v>0</v>
      </c>
      <c r="Z2075" s="166">
        <v>0</v>
      </c>
      <c r="AA2075" s="166">
        <v>0</v>
      </c>
      <c r="AB2075" s="166">
        <v>0</v>
      </c>
      <c r="AC2075" s="166">
        <v>0</v>
      </c>
      <c r="AD2075" s="166">
        <v>0</v>
      </c>
      <c r="AE2075" s="166">
        <v>0</v>
      </c>
      <c r="AF2075" s="166">
        <v>0</v>
      </c>
      <c r="AG2075" s="166">
        <v>0</v>
      </c>
      <c r="AH2075" s="166">
        <v>0</v>
      </c>
      <c r="AI2075" s="166">
        <v>0</v>
      </c>
      <c r="AJ2075" s="166">
        <v>0</v>
      </c>
      <c r="AK2075" s="166">
        <v>0</v>
      </c>
      <c r="AL2075" s="166">
        <v>0</v>
      </c>
      <c r="AM2075" s="166">
        <v>0</v>
      </c>
      <c r="AN2075" s="166">
        <v>0</v>
      </c>
      <c r="AO2075" s="166">
        <v>0</v>
      </c>
      <c r="AP2075" s="166">
        <v>0</v>
      </c>
      <c r="AQ2075" s="166">
        <v>0</v>
      </c>
      <c r="AR2075" s="166">
        <v>0</v>
      </c>
      <c r="AS2075" s="166">
        <v>0</v>
      </c>
      <c r="AT2075" s="166">
        <v>0</v>
      </c>
      <c r="AU2075" s="166">
        <v>0</v>
      </c>
      <c r="AV2075" s="166">
        <v>0</v>
      </c>
      <c r="AW2075" s="166">
        <v>0</v>
      </c>
      <c r="AX2075" s="166">
        <v>0</v>
      </c>
      <c r="AY2075" s="166">
        <v>0</v>
      </c>
      <c r="AZ2075" s="166">
        <v>0</v>
      </c>
      <c r="BA2075" s="166">
        <v>0</v>
      </c>
      <c r="BB2075" s="166">
        <v>0</v>
      </c>
      <c r="BC2075" s="166">
        <v>0</v>
      </c>
      <c r="BD2075" s="166">
        <v>0</v>
      </c>
      <c r="BE2075" s="166">
        <v>0</v>
      </c>
      <c r="BF2075" s="166">
        <v>0</v>
      </c>
      <c r="BG2075" s="166">
        <v>0</v>
      </c>
      <c r="BH2075" s="166">
        <v>-493699.8</v>
      </c>
      <c r="BI2075" s="166">
        <v>0</v>
      </c>
      <c r="BJ2075" s="166">
        <v>0</v>
      </c>
      <c r="BK2075" s="166">
        <v>0</v>
      </c>
      <c r="BL2075" s="166">
        <v>0</v>
      </c>
      <c r="BM2075" s="166">
        <v>0</v>
      </c>
      <c r="BN2075" s="166">
        <v>0</v>
      </c>
      <c r="BO2075" s="166">
        <v>0</v>
      </c>
      <c r="BP2075" s="166">
        <v>0</v>
      </c>
      <c r="BQ2075" s="166">
        <v>0</v>
      </c>
      <c r="BR2075" s="166">
        <v>0</v>
      </c>
      <c r="BS2075" s="166">
        <v>-493699.8</v>
      </c>
      <c r="BT2075" s="168">
        <v>0.96779000000000004</v>
      </c>
      <c r="BU2075" s="166">
        <v>0</v>
      </c>
      <c r="BV2075" s="166">
        <v>0</v>
      </c>
      <c r="BW2075" s="166">
        <v>0</v>
      </c>
      <c r="BX2075" s="166">
        <v>0</v>
      </c>
      <c r="BY2075" s="166">
        <v>0</v>
      </c>
      <c r="BZ2075" s="166">
        <v>0</v>
      </c>
      <c r="CA2075" s="166">
        <v>-477797.72944199998</v>
      </c>
      <c r="CB2075" s="166">
        <v>0</v>
      </c>
      <c r="CC2075" s="166">
        <v>0</v>
      </c>
      <c r="CD2075" s="166">
        <v>0</v>
      </c>
      <c r="CE2075" s="166">
        <v>0</v>
      </c>
      <c r="CF2075" s="166">
        <v>0</v>
      </c>
      <c r="CG2075" s="166">
        <v>0</v>
      </c>
      <c r="CH2075" s="166">
        <v>0</v>
      </c>
      <c r="CI2075" s="166">
        <v>0</v>
      </c>
      <c r="CJ2075" s="166">
        <v>0</v>
      </c>
      <c r="CK2075" s="166">
        <v>0</v>
      </c>
      <c r="CL2075" s="166">
        <v>0</v>
      </c>
      <c r="CM2075" s="166">
        <v>0</v>
      </c>
      <c r="CN2075" s="166">
        <v>0</v>
      </c>
      <c r="CO2075" s="166">
        <v>-477797.72944199998</v>
      </c>
      <c r="CP2075" s="166">
        <v>0</v>
      </c>
      <c r="CQ2075" s="166">
        <v>0</v>
      </c>
      <c r="CR2075" s="166">
        <v>0</v>
      </c>
      <c r="CS2075" s="166">
        <v>0</v>
      </c>
      <c r="CT2075" s="166">
        <v>0</v>
      </c>
      <c r="CU2075" s="166">
        <v>0</v>
      </c>
      <c r="CV2075" s="166">
        <v>0</v>
      </c>
      <c r="CW2075" s="166">
        <v>0</v>
      </c>
      <c r="CX2075" s="166">
        <v>0</v>
      </c>
      <c r="CY2075" s="166">
        <v>-477797.72944199998</v>
      </c>
      <c r="CZ2075" s="166">
        <v>-477797.72944199998</v>
      </c>
    </row>
    <row r="2076" spans="1:104" x14ac:dyDescent="0.2">
      <c r="A2076" s="167" t="s">
        <v>482</v>
      </c>
      <c r="B2076" s="166">
        <v>0</v>
      </c>
      <c r="C2076" s="166">
        <v>0</v>
      </c>
      <c r="D2076" s="166">
        <v>0</v>
      </c>
      <c r="E2076" s="166">
        <v>0</v>
      </c>
      <c r="F2076" s="166">
        <v>0</v>
      </c>
      <c r="G2076" s="166">
        <v>0</v>
      </c>
      <c r="H2076" s="166">
        <v>0</v>
      </c>
      <c r="I2076" s="166">
        <v>0</v>
      </c>
      <c r="J2076" s="166">
        <v>0</v>
      </c>
      <c r="K2076" s="166">
        <v>0</v>
      </c>
      <c r="L2076" s="166">
        <v>0</v>
      </c>
      <c r="M2076" s="166">
        <v>0</v>
      </c>
      <c r="N2076" s="166">
        <v>0</v>
      </c>
      <c r="O2076" s="166">
        <v>0</v>
      </c>
      <c r="P2076" s="166">
        <v>0</v>
      </c>
      <c r="Q2076" s="166">
        <v>0</v>
      </c>
      <c r="R2076" s="166">
        <v>0</v>
      </c>
      <c r="S2076" s="166">
        <v>0</v>
      </c>
      <c r="T2076" s="166">
        <v>0</v>
      </c>
      <c r="U2076" s="166">
        <v>0</v>
      </c>
      <c r="V2076" s="166">
        <v>0</v>
      </c>
      <c r="W2076" s="166">
        <v>0</v>
      </c>
      <c r="X2076" s="166">
        <v>0</v>
      </c>
      <c r="Y2076" s="166">
        <v>0</v>
      </c>
      <c r="Z2076" s="166">
        <v>0</v>
      </c>
      <c r="AA2076" s="166">
        <v>0</v>
      </c>
      <c r="AB2076" s="166">
        <v>0</v>
      </c>
      <c r="AC2076" s="166">
        <v>0</v>
      </c>
      <c r="AD2076" s="166">
        <v>0</v>
      </c>
      <c r="AE2076" s="166">
        <v>0</v>
      </c>
      <c r="AF2076" s="166">
        <v>0</v>
      </c>
      <c r="AG2076" s="166">
        <v>0</v>
      </c>
      <c r="AH2076" s="166">
        <v>0</v>
      </c>
      <c r="AI2076" s="166">
        <v>0</v>
      </c>
      <c r="AJ2076" s="166">
        <v>-11163999.999999899</v>
      </c>
      <c r="AK2076" s="166">
        <v>0</v>
      </c>
      <c r="AL2076" s="166">
        <v>0</v>
      </c>
      <c r="AM2076" s="166">
        <v>0</v>
      </c>
      <c r="AN2076" s="166">
        <v>0</v>
      </c>
      <c r="AO2076" s="166">
        <v>0</v>
      </c>
      <c r="AP2076" s="166">
        <v>0</v>
      </c>
      <c r="AQ2076" s="166">
        <v>0</v>
      </c>
      <c r="AR2076" s="166">
        <v>0</v>
      </c>
      <c r="AS2076" s="166">
        <v>0</v>
      </c>
      <c r="AT2076" s="166">
        <v>0</v>
      </c>
      <c r="AU2076" s="166">
        <v>0</v>
      </c>
      <c r="AV2076" s="166">
        <v>0</v>
      </c>
      <c r="AW2076" s="166">
        <v>0</v>
      </c>
      <c r="AX2076" s="166">
        <v>0</v>
      </c>
      <c r="AY2076" s="166">
        <v>0</v>
      </c>
      <c r="AZ2076" s="166">
        <v>0</v>
      </c>
      <c r="BA2076" s="166">
        <v>0</v>
      </c>
      <c r="BB2076" s="166">
        <v>0</v>
      </c>
      <c r="BC2076" s="166">
        <v>0</v>
      </c>
      <c r="BD2076" s="166">
        <v>0</v>
      </c>
      <c r="BE2076" s="166">
        <v>0</v>
      </c>
      <c r="BF2076" s="166">
        <v>0</v>
      </c>
      <c r="BG2076" s="166">
        <v>0</v>
      </c>
      <c r="BH2076" s="166">
        <v>0</v>
      </c>
      <c r="BI2076" s="166">
        <v>0</v>
      </c>
      <c r="BJ2076" s="166">
        <v>0</v>
      </c>
      <c r="BK2076" s="166">
        <v>-11163999.999999899</v>
      </c>
      <c r="BL2076" s="166">
        <v>0</v>
      </c>
      <c r="BM2076" s="166">
        <v>0</v>
      </c>
      <c r="BN2076" s="166">
        <v>0</v>
      </c>
      <c r="BO2076" s="166">
        <v>0</v>
      </c>
      <c r="BP2076" s="166">
        <v>0</v>
      </c>
      <c r="BQ2076" s="166">
        <v>0</v>
      </c>
      <c r="BR2076" s="166">
        <v>0</v>
      </c>
      <c r="BS2076" s="166">
        <v>-11163999.999999899</v>
      </c>
      <c r="BT2076" s="168">
        <v>0.96779000000000004</v>
      </c>
      <c r="BU2076" s="166">
        <v>0</v>
      </c>
      <c r="BV2076" s="166">
        <v>0</v>
      </c>
      <c r="BW2076" s="166">
        <v>0</v>
      </c>
      <c r="BX2076" s="166">
        <v>0</v>
      </c>
      <c r="BY2076" s="166">
        <v>0</v>
      </c>
      <c r="BZ2076" s="166">
        <v>0</v>
      </c>
      <c r="CA2076" s="166">
        <v>0</v>
      </c>
      <c r="CB2076" s="166">
        <v>0</v>
      </c>
      <c r="CC2076" s="166">
        <v>0</v>
      </c>
      <c r="CD2076" s="166">
        <v>-10804407.560000001</v>
      </c>
      <c r="CE2076" s="166">
        <v>0</v>
      </c>
      <c r="CF2076" s="166">
        <v>0</v>
      </c>
      <c r="CG2076" s="166">
        <v>0</v>
      </c>
      <c r="CH2076" s="166">
        <v>0</v>
      </c>
      <c r="CI2076" s="166">
        <v>0</v>
      </c>
      <c r="CJ2076" s="166">
        <v>0</v>
      </c>
      <c r="CK2076" s="166">
        <v>0</v>
      </c>
      <c r="CL2076" s="166">
        <v>0</v>
      </c>
      <c r="CM2076" s="166">
        <v>0</v>
      </c>
      <c r="CN2076" s="166">
        <v>0</v>
      </c>
      <c r="CO2076" s="166">
        <v>0</v>
      </c>
      <c r="CP2076" s="166">
        <v>0</v>
      </c>
      <c r="CQ2076" s="166">
        <v>0</v>
      </c>
      <c r="CR2076" s="166">
        <v>-10804407.560000001</v>
      </c>
      <c r="CS2076" s="166">
        <v>0</v>
      </c>
      <c r="CT2076" s="166">
        <v>0</v>
      </c>
      <c r="CU2076" s="166">
        <v>0</v>
      </c>
      <c r="CV2076" s="166">
        <v>0</v>
      </c>
      <c r="CW2076" s="166">
        <v>0</v>
      </c>
      <c r="CX2076" s="166">
        <v>0</v>
      </c>
      <c r="CY2076" s="166">
        <v>-10804407.560000001</v>
      </c>
      <c r="CZ2076" s="166">
        <v>-10804407.560000001</v>
      </c>
    </row>
    <row r="2077" spans="1:104" x14ac:dyDescent="0.2">
      <c r="A2077" s="170" t="s">
        <v>483</v>
      </c>
      <c r="B2077" s="166">
        <v>0</v>
      </c>
      <c r="C2077" s="166">
        <v>0</v>
      </c>
      <c r="D2077" s="166">
        <v>0</v>
      </c>
      <c r="E2077" s="166">
        <v>0</v>
      </c>
      <c r="F2077" s="166">
        <v>0</v>
      </c>
      <c r="G2077" s="166">
        <v>0</v>
      </c>
      <c r="H2077" s="166">
        <v>0</v>
      </c>
      <c r="I2077" s="166">
        <v>0</v>
      </c>
      <c r="J2077" s="166">
        <v>-3213843.0847327998</v>
      </c>
      <c r="K2077" s="166">
        <v>0</v>
      </c>
      <c r="L2077" s="166">
        <v>0</v>
      </c>
      <c r="M2077" s="166">
        <v>0</v>
      </c>
      <c r="N2077" s="166">
        <v>0</v>
      </c>
      <c r="O2077" s="166">
        <v>0</v>
      </c>
      <c r="P2077" s="166">
        <v>-1314609.3712499901</v>
      </c>
      <c r="Q2077" s="166">
        <v>0</v>
      </c>
      <c r="R2077" s="166">
        <v>0</v>
      </c>
      <c r="S2077" s="166">
        <v>-493699.8</v>
      </c>
      <c r="T2077" s="166">
        <v>0</v>
      </c>
      <c r="U2077" s="166">
        <v>0</v>
      </c>
      <c r="V2077" s="166">
        <v>0</v>
      </c>
      <c r="W2077" s="166">
        <v>0</v>
      </c>
      <c r="X2077" s="166">
        <v>0</v>
      </c>
      <c r="Y2077" s="166">
        <v>0</v>
      </c>
      <c r="Z2077" s="166">
        <v>0</v>
      </c>
      <c r="AA2077" s="166">
        <v>0</v>
      </c>
      <c r="AB2077" s="166">
        <v>0</v>
      </c>
      <c r="AC2077" s="166">
        <v>0</v>
      </c>
      <c r="AD2077" s="166">
        <v>0</v>
      </c>
      <c r="AE2077" s="166">
        <v>0</v>
      </c>
      <c r="AF2077" s="166">
        <v>0</v>
      </c>
      <c r="AG2077" s="166">
        <v>0</v>
      </c>
      <c r="AH2077" s="166">
        <v>0</v>
      </c>
      <c r="AI2077" s="166">
        <v>0</v>
      </c>
      <c r="AJ2077" s="166">
        <v>-11163999.999999899</v>
      </c>
      <c r="AK2077" s="166">
        <v>1129668</v>
      </c>
      <c r="AL2077" s="166">
        <v>0</v>
      </c>
      <c r="AM2077" s="166">
        <v>0</v>
      </c>
      <c r="AN2077" s="166">
        <v>0</v>
      </c>
      <c r="AO2077" s="166">
        <v>0</v>
      </c>
      <c r="AP2077" s="166">
        <v>-109418.4</v>
      </c>
      <c r="AQ2077" s="166">
        <v>0</v>
      </c>
      <c r="AR2077" s="166">
        <v>-3269290.32</v>
      </c>
      <c r="AS2077" s="166">
        <v>0</v>
      </c>
      <c r="AT2077" s="166">
        <v>0</v>
      </c>
      <c r="AU2077" s="166">
        <v>0</v>
      </c>
      <c r="AV2077" s="166">
        <v>0</v>
      </c>
      <c r="AW2077" s="166">
        <v>0</v>
      </c>
      <c r="AX2077" s="166">
        <v>0</v>
      </c>
      <c r="AY2077" s="166">
        <v>0</v>
      </c>
      <c r="AZ2077" s="166">
        <v>0</v>
      </c>
      <c r="BA2077" s="166">
        <v>0</v>
      </c>
      <c r="BB2077" s="166">
        <v>0</v>
      </c>
      <c r="BC2077" s="166">
        <v>0</v>
      </c>
      <c r="BD2077" s="166">
        <v>0</v>
      </c>
      <c r="BE2077" s="166">
        <v>-3213843.0847327998</v>
      </c>
      <c r="BF2077" s="166">
        <v>-1314609.3712499901</v>
      </c>
      <c r="BG2077" s="166">
        <v>0</v>
      </c>
      <c r="BH2077" s="166">
        <v>-493699.8</v>
      </c>
      <c r="BI2077" s="166">
        <v>0</v>
      </c>
      <c r="BJ2077" s="166">
        <v>0</v>
      </c>
      <c r="BK2077" s="166">
        <v>-11163999.999999899</v>
      </c>
      <c r="BL2077" s="166">
        <v>1129668</v>
      </c>
      <c r="BM2077" s="166">
        <v>-109418.4</v>
      </c>
      <c r="BN2077" s="166">
        <v>-3269290.32</v>
      </c>
      <c r="BO2077" s="166">
        <v>0</v>
      </c>
      <c r="BP2077" s="166">
        <v>0</v>
      </c>
      <c r="BQ2077" s="166">
        <v>0</v>
      </c>
      <c r="BR2077" s="166">
        <v>0</v>
      </c>
      <c r="BS2077" s="166">
        <v>-18435192.9759827</v>
      </c>
      <c r="BT2077" s="168">
        <v>0</v>
      </c>
      <c r="BU2077" s="166">
        <v>0</v>
      </c>
      <c r="BV2077" s="166">
        <v>0</v>
      </c>
      <c r="BW2077" s="166">
        <v>0</v>
      </c>
      <c r="BX2077" s="166">
        <v>-3110325.1989735598</v>
      </c>
      <c r="BY2077" s="166">
        <v>-1272265.8034020299</v>
      </c>
      <c r="BZ2077" s="166">
        <v>0</v>
      </c>
      <c r="CA2077" s="166">
        <v>-477797.72944199998</v>
      </c>
      <c r="CB2077" s="166">
        <v>0</v>
      </c>
      <c r="CC2077" s="166">
        <v>0</v>
      </c>
      <c r="CD2077" s="166">
        <v>-10804407.560000001</v>
      </c>
      <c r="CE2077" s="166">
        <v>1093281.3937200001</v>
      </c>
      <c r="CF2077" s="166">
        <v>-105894.033335999</v>
      </c>
      <c r="CG2077" s="166">
        <v>-3163986.4787928001</v>
      </c>
      <c r="CH2077" s="166">
        <v>0</v>
      </c>
      <c r="CI2077" s="166">
        <v>0</v>
      </c>
      <c r="CJ2077" s="166">
        <v>0</v>
      </c>
      <c r="CK2077" s="166">
        <v>0</v>
      </c>
      <c r="CL2077" s="166">
        <v>-3110325.1989735598</v>
      </c>
      <c r="CM2077" s="166">
        <v>-1272265.8034020299</v>
      </c>
      <c r="CN2077" s="166">
        <v>0</v>
      </c>
      <c r="CO2077" s="166">
        <v>-477797.72944199998</v>
      </c>
      <c r="CP2077" s="166">
        <v>0</v>
      </c>
      <c r="CQ2077" s="166">
        <v>0</v>
      </c>
      <c r="CR2077" s="166">
        <v>-10804407.560000001</v>
      </c>
      <c r="CS2077" s="166">
        <v>1093281.3937200001</v>
      </c>
      <c r="CT2077" s="166">
        <v>-105894.033335999</v>
      </c>
      <c r="CU2077" s="166">
        <v>-3163986.4787928001</v>
      </c>
      <c r="CV2077" s="166">
        <v>0</v>
      </c>
      <c r="CW2077" s="166">
        <v>0</v>
      </c>
      <c r="CX2077" s="166">
        <v>0</v>
      </c>
      <c r="CY2077" s="166">
        <v>-17841395.410226401</v>
      </c>
      <c r="CZ2077" s="166">
        <v>-17841395.410226401</v>
      </c>
    </row>
    <row r="2078" spans="1:104" x14ac:dyDescent="0.2">
      <c r="A2078" s="167" t="s">
        <v>484</v>
      </c>
    </row>
    <row r="2079" spans="1:104" x14ac:dyDescent="0.2">
      <c r="A2079" s="170" t="s">
        <v>485</v>
      </c>
      <c r="B2079" s="166">
        <v>807915841.29972994</v>
      </c>
      <c r="C2079" s="166">
        <v>807915841.29972994</v>
      </c>
      <c r="D2079" s="166">
        <v>0</v>
      </c>
      <c r="E2079" s="166">
        <v>0</v>
      </c>
      <c r="F2079" s="166">
        <v>0</v>
      </c>
      <c r="G2079" s="166">
        <v>0</v>
      </c>
      <c r="H2079" s="166">
        <v>0</v>
      </c>
      <c r="I2079" s="166">
        <v>0</v>
      </c>
      <c r="J2079" s="166">
        <v>-3213843.0847327998</v>
      </c>
      <c r="K2079" s="166">
        <v>0</v>
      </c>
      <c r="L2079" s="166">
        <v>0</v>
      </c>
      <c r="M2079" s="166">
        <v>0</v>
      </c>
      <c r="N2079" s="166">
        <v>0</v>
      </c>
      <c r="O2079" s="166">
        <v>0</v>
      </c>
      <c r="P2079" s="166">
        <v>-1314609.3712499901</v>
      </c>
      <c r="Q2079" s="166">
        <v>0</v>
      </c>
      <c r="R2079" s="166">
        <v>-116479536.974999</v>
      </c>
      <c r="S2079" s="166">
        <v>-493699.8</v>
      </c>
      <c r="T2079" s="166">
        <v>0</v>
      </c>
      <c r="U2079" s="166">
        <v>-11791628.287941299</v>
      </c>
      <c r="V2079" s="166">
        <v>0</v>
      </c>
      <c r="W2079" s="166">
        <v>0</v>
      </c>
      <c r="X2079" s="166">
        <v>0</v>
      </c>
      <c r="Y2079" s="166">
        <v>0</v>
      </c>
      <c r="Z2079" s="166">
        <v>0</v>
      </c>
      <c r="AA2079" s="166">
        <v>0</v>
      </c>
      <c r="AB2079" s="166">
        <v>0</v>
      </c>
      <c r="AC2079" s="166">
        <v>0</v>
      </c>
      <c r="AD2079" s="166">
        <v>0</v>
      </c>
      <c r="AE2079" s="166">
        <v>0</v>
      </c>
      <c r="AF2079" s="166">
        <v>0</v>
      </c>
      <c r="AG2079" s="166">
        <v>0</v>
      </c>
      <c r="AH2079" s="166">
        <v>0</v>
      </c>
      <c r="AI2079" s="166">
        <v>0</v>
      </c>
      <c r="AJ2079" s="166">
        <v>-11163999.999999899</v>
      </c>
      <c r="AK2079" s="166">
        <v>1129668</v>
      </c>
      <c r="AL2079" s="166">
        <v>0</v>
      </c>
      <c r="AM2079" s="166">
        <v>0</v>
      </c>
      <c r="AN2079" s="166">
        <v>0</v>
      </c>
      <c r="AO2079" s="166">
        <v>0</v>
      </c>
      <c r="AP2079" s="166">
        <v>-109418.4</v>
      </c>
      <c r="AQ2079" s="166">
        <v>0</v>
      </c>
      <c r="AR2079" s="166">
        <v>-3269290.32</v>
      </c>
      <c r="AS2079" s="166">
        <v>0</v>
      </c>
      <c r="AT2079" s="166">
        <v>0</v>
      </c>
      <c r="AU2079" s="166">
        <v>0</v>
      </c>
      <c r="AV2079" s="166">
        <v>0</v>
      </c>
      <c r="AW2079" s="166">
        <v>0</v>
      </c>
      <c r="AX2079" s="166">
        <v>-3969679.3581241001</v>
      </c>
      <c r="AY2079" s="166">
        <v>-59485239.119999997</v>
      </c>
      <c r="AZ2079" s="166">
        <v>0</v>
      </c>
      <c r="BA2079" s="166">
        <v>0</v>
      </c>
      <c r="BB2079" s="166">
        <v>0</v>
      </c>
      <c r="BC2079" s="166">
        <v>0</v>
      </c>
      <c r="BD2079" s="166">
        <v>0</v>
      </c>
      <c r="BE2079" s="166">
        <v>-3213843.0847327998</v>
      </c>
      <c r="BF2079" s="166">
        <v>-1314609.3712499901</v>
      </c>
      <c r="BG2079" s="166">
        <v>-116479536.974999</v>
      </c>
      <c r="BH2079" s="166">
        <v>-493699.8</v>
      </c>
      <c r="BI2079" s="166">
        <v>-11791628.287941299</v>
      </c>
      <c r="BJ2079" s="166">
        <v>0</v>
      </c>
      <c r="BK2079" s="166">
        <v>-11163999.999999899</v>
      </c>
      <c r="BL2079" s="166">
        <v>1129668</v>
      </c>
      <c r="BM2079" s="166">
        <v>-109418.4</v>
      </c>
      <c r="BN2079" s="166">
        <v>-3269290.32</v>
      </c>
      <c r="BO2079" s="166">
        <v>-3969679.3581241001</v>
      </c>
      <c r="BP2079" s="166">
        <v>-59485239.119999997</v>
      </c>
      <c r="BQ2079" s="166">
        <v>0</v>
      </c>
      <c r="BR2079" s="166">
        <v>807915841.29972994</v>
      </c>
      <c r="BS2079" s="166">
        <v>597754564.58268201</v>
      </c>
      <c r="BT2079" s="168">
        <v>0</v>
      </c>
      <c r="BU2079" s="166">
        <v>58908385.983371601</v>
      </c>
      <c r="BV2079" s="166">
        <v>787873914.78218102</v>
      </c>
      <c r="BW2079" s="166">
        <v>0</v>
      </c>
      <c r="BX2079" s="166">
        <v>-3110325.1989735598</v>
      </c>
      <c r="BY2079" s="166">
        <v>-1272265.8034020299</v>
      </c>
      <c r="BZ2079" s="166">
        <v>-116479536.974999</v>
      </c>
      <c r="CA2079" s="166">
        <v>-477797.72944199998</v>
      </c>
      <c r="CB2079" s="166">
        <v>-11791585.0756472</v>
      </c>
      <c r="CC2079" s="166">
        <v>0</v>
      </c>
      <c r="CD2079" s="166">
        <v>-10804407.560000001</v>
      </c>
      <c r="CE2079" s="166">
        <v>1093281.3937200001</v>
      </c>
      <c r="CF2079" s="166">
        <v>-105894.033335999</v>
      </c>
      <c r="CG2079" s="166">
        <v>-3163986.4787928001</v>
      </c>
      <c r="CH2079" s="166">
        <v>-3969679.3581241001</v>
      </c>
      <c r="CI2079" s="166">
        <v>-56907044.517618001</v>
      </c>
      <c r="CJ2079" s="166">
        <v>0</v>
      </c>
      <c r="CK2079" s="166">
        <v>0</v>
      </c>
      <c r="CL2079" s="166">
        <v>-3110325.1989735598</v>
      </c>
      <c r="CM2079" s="166">
        <v>-1272265.8034020299</v>
      </c>
      <c r="CN2079" s="166">
        <v>-116479536.974999</v>
      </c>
      <c r="CO2079" s="166">
        <v>-477797.72944199998</v>
      </c>
      <c r="CP2079" s="166">
        <v>-11791585.0756472</v>
      </c>
      <c r="CQ2079" s="166">
        <v>0</v>
      </c>
      <c r="CR2079" s="166">
        <v>-10804407.560000001</v>
      </c>
      <c r="CS2079" s="166">
        <v>1093281.3937200001</v>
      </c>
      <c r="CT2079" s="166">
        <v>-105894.033335999</v>
      </c>
      <c r="CU2079" s="166">
        <v>-3163986.4787928001</v>
      </c>
      <c r="CV2079" s="166">
        <v>-3969679.3581241001</v>
      </c>
      <c r="CW2079" s="166">
        <v>-56907044.517618001</v>
      </c>
      <c r="CX2079" s="166">
        <v>0</v>
      </c>
      <c r="CY2079" s="166">
        <v>580884673.44556606</v>
      </c>
      <c r="CZ2079" s="166">
        <v>580884673.44556606</v>
      </c>
    </row>
    <row r="2080" spans="1:104" x14ac:dyDescent="0.2">
      <c r="A2080" s="167" t="s">
        <v>486</v>
      </c>
    </row>
    <row r="2081" spans="1:104" x14ac:dyDescent="0.2">
      <c r="A2081" s="170" t="s">
        <v>487</v>
      </c>
    </row>
    <row r="2082" spans="1:104" x14ac:dyDescent="0.2">
      <c r="A2082" s="170" t="s">
        <v>488</v>
      </c>
    </row>
    <row r="2083" spans="1:104" x14ac:dyDescent="0.2">
      <c r="A2083" s="167" t="s">
        <v>489</v>
      </c>
      <c r="B2083" s="166">
        <v>2.95230506708321E-8</v>
      </c>
      <c r="C2083" s="166">
        <v>2.95230506708321E-8</v>
      </c>
      <c r="D2083" s="166">
        <v>0</v>
      </c>
      <c r="E2083" s="166">
        <v>0</v>
      </c>
      <c r="F2083" s="166">
        <v>0</v>
      </c>
      <c r="G2083" s="166">
        <v>-2.95230506708321E-8</v>
      </c>
      <c r="H2083" s="166">
        <v>0</v>
      </c>
      <c r="I2083" s="166">
        <v>0</v>
      </c>
      <c r="J2083" s="166">
        <v>0</v>
      </c>
      <c r="K2083" s="166">
        <v>0</v>
      </c>
      <c r="L2083" s="166">
        <v>0</v>
      </c>
      <c r="M2083" s="166">
        <v>0</v>
      </c>
      <c r="N2083" s="166">
        <v>0</v>
      </c>
      <c r="O2083" s="166">
        <v>0</v>
      </c>
      <c r="P2083" s="166">
        <v>0</v>
      </c>
      <c r="Q2083" s="166">
        <v>0</v>
      </c>
      <c r="R2083" s="166">
        <v>0</v>
      </c>
      <c r="S2083" s="166">
        <v>0</v>
      </c>
      <c r="T2083" s="166">
        <v>0</v>
      </c>
      <c r="U2083" s="166">
        <v>0</v>
      </c>
      <c r="V2083" s="166">
        <v>0</v>
      </c>
      <c r="W2083" s="166">
        <v>0</v>
      </c>
      <c r="X2083" s="166">
        <v>0</v>
      </c>
      <c r="Y2083" s="166">
        <v>0</v>
      </c>
      <c r="Z2083" s="166">
        <v>0</v>
      </c>
      <c r="AA2083" s="166">
        <v>0</v>
      </c>
      <c r="AB2083" s="166">
        <v>0</v>
      </c>
      <c r="AC2083" s="166">
        <v>0</v>
      </c>
      <c r="AD2083" s="166">
        <v>0</v>
      </c>
      <c r="AE2083" s="166">
        <v>0</v>
      </c>
      <c r="AF2083" s="166">
        <v>0</v>
      </c>
      <c r="AG2083" s="166">
        <v>0</v>
      </c>
      <c r="AH2083" s="166">
        <v>0</v>
      </c>
      <c r="AI2083" s="166">
        <v>0</v>
      </c>
      <c r="AJ2083" s="166">
        <v>0</v>
      </c>
      <c r="AK2083" s="166">
        <v>0</v>
      </c>
      <c r="AL2083" s="166">
        <v>0</v>
      </c>
      <c r="AM2083" s="166">
        <v>0</v>
      </c>
      <c r="AN2083" s="166">
        <v>0</v>
      </c>
      <c r="AO2083" s="166">
        <v>0</v>
      </c>
      <c r="AP2083" s="166">
        <v>0</v>
      </c>
      <c r="AQ2083" s="166">
        <v>0</v>
      </c>
      <c r="AR2083" s="166">
        <v>0</v>
      </c>
      <c r="AS2083" s="166">
        <v>0</v>
      </c>
      <c r="AT2083" s="166">
        <v>0</v>
      </c>
      <c r="AU2083" s="166">
        <v>0</v>
      </c>
      <c r="AV2083" s="166">
        <v>0</v>
      </c>
      <c r="AW2083" s="166">
        <v>0</v>
      </c>
      <c r="AX2083" s="166">
        <v>0</v>
      </c>
      <c r="AY2083" s="166">
        <v>0</v>
      </c>
      <c r="AZ2083" s="166">
        <v>0</v>
      </c>
      <c r="BA2083" s="166">
        <v>0</v>
      </c>
      <c r="BB2083" s="166">
        <v>0</v>
      </c>
      <c r="BC2083" s="166">
        <v>0</v>
      </c>
      <c r="BD2083" s="166">
        <v>-2.95230506708321E-8</v>
      </c>
      <c r="BE2083" s="166">
        <v>0</v>
      </c>
      <c r="BF2083" s="166">
        <v>0</v>
      </c>
      <c r="BG2083" s="166">
        <v>0</v>
      </c>
      <c r="BH2083" s="166">
        <v>0</v>
      </c>
      <c r="BI2083" s="166">
        <v>0</v>
      </c>
      <c r="BJ2083" s="166">
        <v>0</v>
      </c>
      <c r="BK2083" s="166">
        <v>0</v>
      </c>
      <c r="BL2083" s="166">
        <v>0</v>
      </c>
      <c r="BM2083" s="166">
        <v>0</v>
      </c>
      <c r="BN2083" s="166">
        <v>0</v>
      </c>
      <c r="BO2083" s="166">
        <v>0</v>
      </c>
      <c r="BP2083" s="166">
        <v>0</v>
      </c>
      <c r="BQ2083" s="166">
        <v>0</v>
      </c>
      <c r="BR2083" s="166">
        <v>2.95230506708321E-8</v>
      </c>
      <c r="BS2083" s="166">
        <v>0</v>
      </c>
      <c r="BT2083" s="168">
        <v>1</v>
      </c>
      <c r="BU2083" s="166">
        <v>57194.350826258102</v>
      </c>
      <c r="BV2083" s="166">
        <v>2.95230506708321E-8</v>
      </c>
      <c r="BW2083" s="166">
        <v>-2.95230506708321E-8</v>
      </c>
      <c r="BX2083" s="166">
        <v>0</v>
      </c>
      <c r="BY2083" s="166">
        <v>0</v>
      </c>
      <c r="BZ2083" s="166">
        <v>0</v>
      </c>
      <c r="CA2083" s="166">
        <v>0</v>
      </c>
      <c r="CB2083" s="166">
        <v>0</v>
      </c>
      <c r="CC2083" s="166">
        <v>0</v>
      </c>
      <c r="CD2083" s="166">
        <v>0</v>
      </c>
      <c r="CE2083" s="166">
        <v>0</v>
      </c>
      <c r="CF2083" s="166">
        <v>0</v>
      </c>
      <c r="CG2083" s="166">
        <v>0</v>
      </c>
      <c r="CH2083" s="166">
        <v>0</v>
      </c>
      <c r="CI2083" s="166">
        <v>0</v>
      </c>
      <c r="CJ2083" s="166">
        <v>0</v>
      </c>
      <c r="CK2083" s="166">
        <v>-2.95230506708321E-8</v>
      </c>
      <c r="CL2083" s="166">
        <v>0</v>
      </c>
      <c r="CM2083" s="166">
        <v>0</v>
      </c>
      <c r="CN2083" s="166">
        <v>0</v>
      </c>
      <c r="CO2083" s="166">
        <v>0</v>
      </c>
      <c r="CP2083" s="166">
        <v>0</v>
      </c>
      <c r="CQ2083" s="166">
        <v>0</v>
      </c>
      <c r="CR2083" s="166">
        <v>0</v>
      </c>
      <c r="CS2083" s="166">
        <v>0</v>
      </c>
      <c r="CT2083" s="166">
        <v>0</v>
      </c>
      <c r="CU2083" s="166">
        <v>0</v>
      </c>
      <c r="CV2083" s="166">
        <v>0</v>
      </c>
      <c r="CW2083" s="166">
        <v>0</v>
      </c>
      <c r="CX2083" s="166">
        <v>0</v>
      </c>
      <c r="CY2083" s="166">
        <v>0</v>
      </c>
      <c r="CZ2083" s="166">
        <v>0</v>
      </c>
    </row>
    <row r="2084" spans="1:104" x14ac:dyDescent="0.2">
      <c r="A2084" s="167" t="s">
        <v>1205</v>
      </c>
      <c r="B2084" s="166">
        <v>39465934</v>
      </c>
      <c r="C2084" s="166">
        <v>39465934</v>
      </c>
      <c r="D2084" s="166">
        <v>0</v>
      </c>
      <c r="E2084" s="166">
        <v>0</v>
      </c>
      <c r="F2084" s="166">
        <v>0</v>
      </c>
      <c r="G2084" s="166">
        <v>-39465934</v>
      </c>
      <c r="H2084" s="166">
        <v>0</v>
      </c>
      <c r="I2084" s="166">
        <v>0</v>
      </c>
      <c r="J2084" s="166">
        <v>0</v>
      </c>
      <c r="K2084" s="166">
        <v>0</v>
      </c>
      <c r="L2084" s="166">
        <v>0</v>
      </c>
      <c r="M2084" s="166">
        <v>0</v>
      </c>
      <c r="N2084" s="166">
        <v>0</v>
      </c>
      <c r="O2084" s="166">
        <v>0</v>
      </c>
      <c r="P2084" s="166">
        <v>0</v>
      </c>
      <c r="Q2084" s="166">
        <v>0</v>
      </c>
      <c r="R2084" s="166">
        <v>0</v>
      </c>
      <c r="S2084" s="166">
        <v>0</v>
      </c>
      <c r="T2084" s="166">
        <v>0</v>
      </c>
      <c r="U2084" s="166">
        <v>0</v>
      </c>
      <c r="V2084" s="166">
        <v>0</v>
      </c>
      <c r="W2084" s="166">
        <v>0</v>
      </c>
      <c r="X2084" s="166">
        <v>0</v>
      </c>
      <c r="Y2084" s="166">
        <v>0</v>
      </c>
      <c r="Z2084" s="166">
        <v>0</v>
      </c>
      <c r="AA2084" s="166">
        <v>0</v>
      </c>
      <c r="AB2084" s="166">
        <v>0</v>
      </c>
      <c r="AC2084" s="166">
        <v>0</v>
      </c>
      <c r="AD2084" s="166">
        <v>0</v>
      </c>
      <c r="AE2084" s="166">
        <v>0</v>
      </c>
      <c r="AF2084" s="166">
        <v>0</v>
      </c>
      <c r="AG2084" s="166">
        <v>0</v>
      </c>
      <c r="AH2084" s="166">
        <v>0</v>
      </c>
      <c r="AI2084" s="166">
        <v>0</v>
      </c>
      <c r="AJ2084" s="166">
        <v>0</v>
      </c>
      <c r="AK2084" s="166">
        <v>0</v>
      </c>
      <c r="AL2084" s="166">
        <v>0</v>
      </c>
      <c r="AM2084" s="166">
        <v>0</v>
      </c>
      <c r="AN2084" s="166">
        <v>0</v>
      </c>
      <c r="AO2084" s="166">
        <v>0</v>
      </c>
      <c r="AP2084" s="166">
        <v>0</v>
      </c>
      <c r="AQ2084" s="166">
        <v>0</v>
      </c>
      <c r="AR2084" s="166">
        <v>0</v>
      </c>
      <c r="AS2084" s="166">
        <v>0</v>
      </c>
      <c r="AT2084" s="166">
        <v>0</v>
      </c>
      <c r="AU2084" s="166">
        <v>0</v>
      </c>
      <c r="AV2084" s="166">
        <v>0</v>
      </c>
      <c r="AW2084" s="166">
        <v>0</v>
      </c>
      <c r="AX2084" s="166">
        <v>0</v>
      </c>
      <c r="AY2084" s="166">
        <v>0</v>
      </c>
      <c r="AZ2084" s="166">
        <v>0</v>
      </c>
      <c r="BA2084" s="166">
        <v>0</v>
      </c>
      <c r="BB2084" s="166">
        <v>0</v>
      </c>
      <c r="BC2084" s="166">
        <v>0</v>
      </c>
      <c r="BD2084" s="166">
        <v>-39465934</v>
      </c>
      <c r="BE2084" s="166">
        <v>0</v>
      </c>
      <c r="BF2084" s="166">
        <v>0</v>
      </c>
      <c r="BG2084" s="166">
        <v>0</v>
      </c>
      <c r="BH2084" s="166">
        <v>0</v>
      </c>
      <c r="BI2084" s="166">
        <v>0</v>
      </c>
      <c r="BJ2084" s="166">
        <v>0</v>
      </c>
      <c r="BK2084" s="166">
        <v>0</v>
      </c>
      <c r="BL2084" s="166">
        <v>0</v>
      </c>
      <c r="BM2084" s="166">
        <v>0</v>
      </c>
      <c r="BN2084" s="166">
        <v>0</v>
      </c>
      <c r="BO2084" s="166">
        <v>0</v>
      </c>
      <c r="BP2084" s="166">
        <v>0</v>
      </c>
      <c r="BQ2084" s="166">
        <v>0</v>
      </c>
      <c r="BR2084" s="166">
        <v>39465934</v>
      </c>
      <c r="BS2084" s="166">
        <v>0</v>
      </c>
      <c r="BT2084" s="168">
        <v>0.93681563000000001</v>
      </c>
      <c r="BU2084" s="166">
        <v>2701251.7351124501</v>
      </c>
      <c r="BV2084" s="166">
        <v>36972303.823748402</v>
      </c>
      <c r="BW2084" s="166">
        <v>-36972303.823748402</v>
      </c>
      <c r="BX2084" s="166">
        <v>0</v>
      </c>
      <c r="BY2084" s="166">
        <v>0</v>
      </c>
      <c r="BZ2084" s="166">
        <v>0</v>
      </c>
      <c r="CA2084" s="166">
        <v>0</v>
      </c>
      <c r="CB2084" s="166">
        <v>0</v>
      </c>
      <c r="CC2084" s="166">
        <v>0</v>
      </c>
      <c r="CD2084" s="166">
        <v>0</v>
      </c>
      <c r="CE2084" s="166">
        <v>0</v>
      </c>
      <c r="CF2084" s="166">
        <v>0</v>
      </c>
      <c r="CG2084" s="166">
        <v>0</v>
      </c>
      <c r="CH2084" s="166">
        <v>0</v>
      </c>
      <c r="CI2084" s="166">
        <v>0</v>
      </c>
      <c r="CJ2084" s="166">
        <v>0</v>
      </c>
      <c r="CK2084" s="166">
        <v>-36972303.823748402</v>
      </c>
      <c r="CL2084" s="166">
        <v>0</v>
      </c>
      <c r="CM2084" s="166">
        <v>0</v>
      </c>
      <c r="CN2084" s="166">
        <v>0</v>
      </c>
      <c r="CO2084" s="166">
        <v>0</v>
      </c>
      <c r="CP2084" s="166">
        <v>0</v>
      </c>
      <c r="CQ2084" s="166">
        <v>0</v>
      </c>
      <c r="CR2084" s="166">
        <v>0</v>
      </c>
      <c r="CS2084" s="166">
        <v>0</v>
      </c>
      <c r="CT2084" s="166">
        <v>0</v>
      </c>
      <c r="CU2084" s="166">
        <v>0</v>
      </c>
      <c r="CV2084" s="166">
        <v>0</v>
      </c>
      <c r="CW2084" s="166">
        <v>0</v>
      </c>
      <c r="CX2084" s="166">
        <v>0</v>
      </c>
      <c r="CY2084" s="166">
        <v>0</v>
      </c>
      <c r="CZ2084" s="166">
        <v>0</v>
      </c>
    </row>
    <row r="2085" spans="1:104" x14ac:dyDescent="0.2">
      <c r="A2085" s="167" t="s">
        <v>491</v>
      </c>
      <c r="B2085" s="166">
        <v>39465934</v>
      </c>
      <c r="C2085" s="166">
        <v>39465934</v>
      </c>
      <c r="D2085" s="166">
        <v>0</v>
      </c>
      <c r="E2085" s="166">
        <v>0</v>
      </c>
      <c r="F2085" s="166">
        <v>0</v>
      </c>
      <c r="G2085" s="166">
        <v>-39465934</v>
      </c>
      <c r="H2085" s="166">
        <v>0</v>
      </c>
      <c r="I2085" s="166">
        <v>0</v>
      </c>
      <c r="J2085" s="166">
        <v>0</v>
      </c>
      <c r="K2085" s="166">
        <v>0</v>
      </c>
      <c r="L2085" s="166">
        <v>0</v>
      </c>
      <c r="M2085" s="166">
        <v>0</v>
      </c>
      <c r="N2085" s="166">
        <v>0</v>
      </c>
      <c r="O2085" s="166">
        <v>0</v>
      </c>
      <c r="P2085" s="166">
        <v>0</v>
      </c>
      <c r="Q2085" s="166">
        <v>0</v>
      </c>
      <c r="R2085" s="166">
        <v>0</v>
      </c>
      <c r="S2085" s="166">
        <v>0</v>
      </c>
      <c r="T2085" s="166">
        <v>0</v>
      </c>
      <c r="U2085" s="166">
        <v>0</v>
      </c>
      <c r="V2085" s="166">
        <v>0</v>
      </c>
      <c r="W2085" s="166">
        <v>0</v>
      </c>
      <c r="X2085" s="166">
        <v>0</v>
      </c>
      <c r="Y2085" s="166">
        <v>0</v>
      </c>
      <c r="Z2085" s="166">
        <v>0</v>
      </c>
      <c r="AA2085" s="166">
        <v>0</v>
      </c>
      <c r="AB2085" s="166">
        <v>0</v>
      </c>
      <c r="AC2085" s="166">
        <v>0</v>
      </c>
      <c r="AD2085" s="166">
        <v>0</v>
      </c>
      <c r="AE2085" s="166">
        <v>0</v>
      </c>
      <c r="AF2085" s="166">
        <v>0</v>
      </c>
      <c r="AG2085" s="166">
        <v>0</v>
      </c>
      <c r="AH2085" s="166">
        <v>0</v>
      </c>
      <c r="AI2085" s="166">
        <v>0</v>
      </c>
      <c r="AJ2085" s="166">
        <v>0</v>
      </c>
      <c r="AK2085" s="166">
        <v>0</v>
      </c>
      <c r="AL2085" s="166">
        <v>0</v>
      </c>
      <c r="AM2085" s="166">
        <v>0</v>
      </c>
      <c r="AN2085" s="166">
        <v>0</v>
      </c>
      <c r="AO2085" s="166">
        <v>0</v>
      </c>
      <c r="AP2085" s="166">
        <v>0</v>
      </c>
      <c r="AQ2085" s="166">
        <v>0</v>
      </c>
      <c r="AR2085" s="166">
        <v>0</v>
      </c>
      <c r="AS2085" s="166">
        <v>0</v>
      </c>
      <c r="AT2085" s="166">
        <v>0</v>
      </c>
      <c r="AU2085" s="166">
        <v>0</v>
      </c>
      <c r="AV2085" s="166">
        <v>0</v>
      </c>
      <c r="AW2085" s="166">
        <v>0</v>
      </c>
      <c r="AX2085" s="166">
        <v>0</v>
      </c>
      <c r="AY2085" s="166">
        <v>0</v>
      </c>
      <c r="AZ2085" s="166">
        <v>0</v>
      </c>
      <c r="BA2085" s="166">
        <v>0</v>
      </c>
      <c r="BB2085" s="166">
        <v>0</v>
      </c>
      <c r="BC2085" s="166">
        <v>0</v>
      </c>
      <c r="BD2085" s="166">
        <v>-39465934</v>
      </c>
      <c r="BE2085" s="166">
        <v>0</v>
      </c>
      <c r="BF2085" s="166">
        <v>0</v>
      </c>
      <c r="BG2085" s="166">
        <v>0</v>
      </c>
      <c r="BH2085" s="166">
        <v>0</v>
      </c>
      <c r="BI2085" s="166">
        <v>0</v>
      </c>
      <c r="BJ2085" s="166">
        <v>0</v>
      </c>
      <c r="BK2085" s="166">
        <v>0</v>
      </c>
      <c r="BL2085" s="166">
        <v>0</v>
      </c>
      <c r="BM2085" s="166">
        <v>0</v>
      </c>
      <c r="BN2085" s="166">
        <v>0</v>
      </c>
      <c r="BO2085" s="166">
        <v>0</v>
      </c>
      <c r="BP2085" s="166">
        <v>0</v>
      </c>
      <c r="BQ2085" s="166">
        <v>0</v>
      </c>
      <c r="BR2085" s="166">
        <v>39465934</v>
      </c>
      <c r="BS2085" s="166">
        <v>0</v>
      </c>
      <c r="BT2085" s="166">
        <v>0</v>
      </c>
      <c r="BU2085" s="166">
        <v>2758446.0859387</v>
      </c>
      <c r="BV2085" s="166">
        <v>36972303.823748402</v>
      </c>
      <c r="BW2085" s="166">
        <v>-36972303.823748402</v>
      </c>
      <c r="BX2085" s="166">
        <v>0</v>
      </c>
      <c r="BY2085" s="166">
        <v>0</v>
      </c>
      <c r="BZ2085" s="166">
        <v>0</v>
      </c>
      <c r="CA2085" s="166">
        <v>0</v>
      </c>
      <c r="CB2085" s="166">
        <v>0</v>
      </c>
      <c r="CC2085" s="166">
        <v>0</v>
      </c>
      <c r="CD2085" s="166">
        <v>0</v>
      </c>
      <c r="CE2085" s="166">
        <v>0</v>
      </c>
      <c r="CF2085" s="166">
        <v>0</v>
      </c>
      <c r="CG2085" s="166">
        <v>0</v>
      </c>
      <c r="CH2085" s="166">
        <v>0</v>
      </c>
      <c r="CI2085" s="166">
        <v>0</v>
      </c>
      <c r="CJ2085" s="166">
        <v>0</v>
      </c>
      <c r="CK2085" s="166">
        <v>-36972303.823748402</v>
      </c>
      <c r="CL2085" s="166">
        <v>0</v>
      </c>
      <c r="CM2085" s="166">
        <v>0</v>
      </c>
      <c r="CN2085" s="166">
        <v>0</v>
      </c>
      <c r="CO2085" s="166">
        <v>0</v>
      </c>
      <c r="CP2085" s="166">
        <v>0</v>
      </c>
      <c r="CQ2085" s="166">
        <v>0</v>
      </c>
      <c r="CR2085" s="166">
        <v>0</v>
      </c>
      <c r="CS2085" s="166">
        <v>0</v>
      </c>
      <c r="CT2085" s="166">
        <v>0</v>
      </c>
      <c r="CU2085" s="166">
        <v>0</v>
      </c>
      <c r="CV2085" s="166">
        <v>0</v>
      </c>
      <c r="CW2085" s="166">
        <v>0</v>
      </c>
      <c r="CX2085" s="166">
        <v>0</v>
      </c>
      <c r="CY2085" s="166">
        <v>0</v>
      </c>
      <c r="CZ2085" s="166">
        <v>0</v>
      </c>
    </row>
    <row r="2086" spans="1:104" x14ac:dyDescent="0.2">
      <c r="A2086" s="167" t="s">
        <v>492</v>
      </c>
    </row>
    <row r="2087" spans="1:104" x14ac:dyDescent="0.2">
      <c r="A2087" s="170" t="s">
        <v>493</v>
      </c>
    </row>
    <row r="2088" spans="1:104" x14ac:dyDescent="0.2">
      <c r="A2088" s="167" t="s">
        <v>494</v>
      </c>
      <c r="B2088" s="166">
        <v>5733517.6271521198</v>
      </c>
      <c r="C2088" s="166">
        <v>5733517.6271521198</v>
      </c>
      <c r="D2088" s="166">
        <v>0</v>
      </c>
      <c r="E2088" s="166">
        <v>0</v>
      </c>
      <c r="F2088" s="166">
        <v>0</v>
      </c>
      <c r="G2088" s="166">
        <v>0</v>
      </c>
      <c r="H2088" s="166">
        <v>0</v>
      </c>
      <c r="I2088" s="166">
        <v>0</v>
      </c>
      <c r="J2088" s="166">
        <v>0</v>
      </c>
      <c r="K2088" s="166">
        <v>0</v>
      </c>
      <c r="L2088" s="166">
        <v>0</v>
      </c>
      <c r="M2088" s="166">
        <v>0</v>
      </c>
      <c r="N2088" s="166">
        <v>0</v>
      </c>
      <c r="O2088" s="166">
        <v>0</v>
      </c>
      <c r="P2088" s="166">
        <v>0</v>
      </c>
      <c r="Q2088" s="166">
        <v>0</v>
      </c>
      <c r="R2088" s="166">
        <v>0</v>
      </c>
      <c r="S2088" s="166">
        <v>0</v>
      </c>
      <c r="T2088" s="166">
        <v>0</v>
      </c>
      <c r="U2088" s="166">
        <v>0</v>
      </c>
      <c r="V2088" s="166">
        <v>0</v>
      </c>
      <c r="W2088" s="166">
        <v>0</v>
      </c>
      <c r="X2088" s="166">
        <v>0</v>
      </c>
      <c r="Y2088" s="166">
        <v>0</v>
      </c>
      <c r="Z2088" s="166">
        <v>0</v>
      </c>
      <c r="AA2088" s="166">
        <v>0</v>
      </c>
      <c r="AB2088" s="166">
        <v>-5733517.6271521198</v>
      </c>
      <c r="AC2088" s="166">
        <v>0</v>
      </c>
      <c r="AD2088" s="166">
        <v>0</v>
      </c>
      <c r="AE2088" s="166">
        <v>0</v>
      </c>
      <c r="AF2088" s="166">
        <v>0</v>
      </c>
      <c r="AG2088" s="166">
        <v>0</v>
      </c>
      <c r="AH2088" s="166">
        <v>0</v>
      </c>
      <c r="AI2088" s="166">
        <v>0</v>
      </c>
      <c r="AJ2088" s="166">
        <v>0</v>
      </c>
      <c r="AK2088" s="166">
        <v>0</v>
      </c>
      <c r="AL2088" s="166">
        <v>0</v>
      </c>
      <c r="AM2088" s="166">
        <v>0</v>
      </c>
      <c r="AN2088" s="166">
        <v>0</v>
      </c>
      <c r="AO2088" s="166">
        <v>0</v>
      </c>
      <c r="AP2088" s="166">
        <v>0</v>
      </c>
      <c r="AQ2088" s="166">
        <v>0</v>
      </c>
      <c r="AR2088" s="166">
        <v>0</v>
      </c>
      <c r="AS2088" s="166">
        <v>0</v>
      </c>
      <c r="AT2088" s="166">
        <v>0</v>
      </c>
      <c r="AU2088" s="166">
        <v>0</v>
      </c>
      <c r="AV2088" s="166">
        <v>0</v>
      </c>
      <c r="AW2088" s="166">
        <v>0</v>
      </c>
      <c r="AX2088" s="166">
        <v>0</v>
      </c>
      <c r="AY2088" s="166">
        <v>0</v>
      </c>
      <c r="AZ2088" s="166">
        <v>0</v>
      </c>
      <c r="BA2088" s="166">
        <v>0</v>
      </c>
      <c r="BB2088" s="166">
        <v>0</v>
      </c>
      <c r="BC2088" s="166">
        <v>0</v>
      </c>
      <c r="BD2088" s="166">
        <v>0</v>
      </c>
      <c r="BE2088" s="166">
        <v>0</v>
      </c>
      <c r="BF2088" s="166">
        <v>0</v>
      </c>
      <c r="BG2088" s="166">
        <v>0</v>
      </c>
      <c r="BH2088" s="166">
        <v>0</v>
      </c>
      <c r="BI2088" s="166">
        <v>0</v>
      </c>
      <c r="BJ2088" s="166">
        <v>-5733517.6271521198</v>
      </c>
      <c r="BK2088" s="166">
        <v>0</v>
      </c>
      <c r="BL2088" s="166">
        <v>0</v>
      </c>
      <c r="BM2088" s="166">
        <v>0</v>
      </c>
      <c r="BN2088" s="166">
        <v>0</v>
      </c>
      <c r="BO2088" s="166">
        <v>0</v>
      </c>
      <c r="BP2088" s="166">
        <v>0</v>
      </c>
      <c r="BQ2088" s="166">
        <v>0</v>
      </c>
      <c r="BR2088" s="166">
        <v>5733517.6271521198</v>
      </c>
      <c r="BS2088" s="166">
        <v>0</v>
      </c>
      <c r="BT2088" s="168">
        <v>0</v>
      </c>
      <c r="BU2088" s="166">
        <v>0</v>
      </c>
      <c r="BV2088" s="166">
        <v>0</v>
      </c>
      <c r="BW2088" s="166">
        <v>0</v>
      </c>
      <c r="BX2088" s="166">
        <v>0</v>
      </c>
      <c r="BY2088" s="166">
        <v>0</v>
      </c>
      <c r="BZ2088" s="166">
        <v>0</v>
      </c>
      <c r="CA2088" s="166">
        <v>0</v>
      </c>
      <c r="CB2088" s="166">
        <v>0</v>
      </c>
      <c r="CC2088" s="166">
        <v>0</v>
      </c>
      <c r="CD2088" s="166">
        <v>0</v>
      </c>
      <c r="CE2088" s="166">
        <v>0</v>
      </c>
      <c r="CF2088" s="166">
        <v>0</v>
      </c>
      <c r="CG2088" s="166">
        <v>0</v>
      </c>
      <c r="CH2088" s="166">
        <v>0</v>
      </c>
      <c r="CI2088" s="166">
        <v>0</v>
      </c>
      <c r="CJ2088" s="166">
        <v>0</v>
      </c>
      <c r="CK2088" s="166">
        <v>0</v>
      </c>
      <c r="CL2088" s="166">
        <v>0</v>
      </c>
      <c r="CM2088" s="166">
        <v>0</v>
      </c>
      <c r="CN2088" s="166">
        <v>0</v>
      </c>
      <c r="CO2088" s="166">
        <v>0</v>
      </c>
      <c r="CP2088" s="166">
        <v>0</v>
      </c>
      <c r="CQ2088" s="166">
        <v>0</v>
      </c>
      <c r="CR2088" s="166">
        <v>0</v>
      </c>
      <c r="CS2088" s="166">
        <v>0</v>
      </c>
      <c r="CT2088" s="166">
        <v>0</v>
      </c>
      <c r="CU2088" s="166">
        <v>0</v>
      </c>
      <c r="CV2088" s="166">
        <v>0</v>
      </c>
      <c r="CW2088" s="166">
        <v>0</v>
      </c>
      <c r="CX2088" s="166">
        <v>0</v>
      </c>
      <c r="CY2088" s="166">
        <v>0</v>
      </c>
      <c r="CZ2088" s="166">
        <v>0</v>
      </c>
    </row>
    <row r="2089" spans="1:104" x14ac:dyDescent="0.2">
      <c r="A2089" s="167" t="s">
        <v>1206</v>
      </c>
      <c r="B2089" s="166">
        <v>1681423032.32216</v>
      </c>
      <c r="C2089" s="166">
        <v>1681423032.32216</v>
      </c>
      <c r="D2089" s="166">
        <v>0</v>
      </c>
      <c r="E2089" s="166">
        <v>0</v>
      </c>
      <c r="F2089" s="166">
        <v>0</v>
      </c>
      <c r="G2089" s="166">
        <v>0</v>
      </c>
      <c r="H2089" s="166">
        <v>0</v>
      </c>
      <c r="I2089" s="166">
        <v>0</v>
      </c>
      <c r="J2089" s="166">
        <v>0</v>
      </c>
      <c r="K2089" s="166">
        <v>0</v>
      </c>
      <c r="L2089" s="166">
        <v>0</v>
      </c>
      <c r="M2089" s="166">
        <v>0</v>
      </c>
      <c r="N2089" s="166">
        <v>0</v>
      </c>
      <c r="O2089" s="166">
        <v>0</v>
      </c>
      <c r="P2089" s="166">
        <v>0</v>
      </c>
      <c r="Q2089" s="166">
        <v>0</v>
      </c>
      <c r="R2089" s="166">
        <v>0</v>
      </c>
      <c r="S2089" s="166">
        <v>0</v>
      </c>
      <c r="T2089" s="166">
        <v>0</v>
      </c>
      <c r="U2089" s="166">
        <v>0</v>
      </c>
      <c r="V2089" s="166">
        <v>0</v>
      </c>
      <c r="W2089" s="166">
        <v>0</v>
      </c>
      <c r="X2089" s="166">
        <v>0</v>
      </c>
      <c r="Y2089" s="166">
        <v>0</v>
      </c>
      <c r="Z2089" s="166">
        <v>0</v>
      </c>
      <c r="AA2089" s="166">
        <v>0</v>
      </c>
      <c r="AB2089" s="166">
        <v>-1681423032.32216</v>
      </c>
      <c r="AC2089" s="166">
        <v>0</v>
      </c>
      <c r="AD2089" s="166">
        <v>0</v>
      </c>
      <c r="AE2089" s="166">
        <v>0</v>
      </c>
      <c r="AF2089" s="166">
        <v>0</v>
      </c>
      <c r="AG2089" s="166">
        <v>0</v>
      </c>
      <c r="AH2089" s="166">
        <v>0</v>
      </c>
      <c r="AI2089" s="166">
        <v>0</v>
      </c>
      <c r="AJ2089" s="166">
        <v>0</v>
      </c>
      <c r="AK2089" s="166">
        <v>0</v>
      </c>
      <c r="AL2089" s="166">
        <v>0</v>
      </c>
      <c r="AM2089" s="166">
        <v>0</v>
      </c>
      <c r="AN2089" s="166">
        <v>0</v>
      </c>
      <c r="AO2089" s="166">
        <v>0</v>
      </c>
      <c r="AP2089" s="166">
        <v>0</v>
      </c>
      <c r="AQ2089" s="166">
        <v>0</v>
      </c>
      <c r="AR2089" s="166">
        <v>0</v>
      </c>
      <c r="AS2089" s="166">
        <v>0</v>
      </c>
      <c r="AT2089" s="166">
        <v>0</v>
      </c>
      <c r="AU2089" s="166">
        <v>0</v>
      </c>
      <c r="AV2089" s="166">
        <v>0</v>
      </c>
      <c r="AW2089" s="166">
        <v>0</v>
      </c>
      <c r="AX2089" s="166">
        <v>0</v>
      </c>
      <c r="AY2089" s="166">
        <v>0</v>
      </c>
      <c r="AZ2089" s="166">
        <v>0</v>
      </c>
      <c r="BA2089" s="166">
        <v>0</v>
      </c>
      <c r="BB2089" s="166">
        <v>0</v>
      </c>
      <c r="BC2089" s="166">
        <v>0</v>
      </c>
      <c r="BD2089" s="166">
        <v>0</v>
      </c>
      <c r="BE2089" s="166">
        <v>0</v>
      </c>
      <c r="BF2089" s="166">
        <v>0</v>
      </c>
      <c r="BG2089" s="166">
        <v>0</v>
      </c>
      <c r="BH2089" s="166">
        <v>0</v>
      </c>
      <c r="BI2089" s="166">
        <v>0</v>
      </c>
      <c r="BJ2089" s="166">
        <v>-1681423032.32216</v>
      </c>
      <c r="BK2089" s="166">
        <v>0</v>
      </c>
      <c r="BL2089" s="166">
        <v>0</v>
      </c>
      <c r="BM2089" s="166">
        <v>0</v>
      </c>
      <c r="BN2089" s="166">
        <v>0</v>
      </c>
      <c r="BO2089" s="166">
        <v>0</v>
      </c>
      <c r="BP2089" s="166">
        <v>0</v>
      </c>
      <c r="BQ2089" s="166">
        <v>0</v>
      </c>
      <c r="BR2089" s="166">
        <v>1681423032.32216</v>
      </c>
      <c r="BS2089" s="166">
        <v>0</v>
      </c>
      <c r="BT2089" s="168">
        <v>0.99958048999999904</v>
      </c>
      <c r="BU2089" s="166">
        <v>127686457.78711499</v>
      </c>
      <c r="BV2089" s="166">
        <v>1680717658.5458701</v>
      </c>
      <c r="BW2089" s="166">
        <v>0</v>
      </c>
      <c r="BX2089" s="166">
        <v>0</v>
      </c>
      <c r="BY2089" s="166">
        <v>0</v>
      </c>
      <c r="BZ2089" s="166">
        <v>0</v>
      </c>
      <c r="CA2089" s="166">
        <v>0</v>
      </c>
      <c r="CB2089" s="166">
        <v>0</v>
      </c>
      <c r="CC2089" s="166">
        <v>-1680717658.5458701</v>
      </c>
      <c r="CD2089" s="166">
        <v>0</v>
      </c>
      <c r="CE2089" s="166">
        <v>0</v>
      </c>
      <c r="CF2089" s="166">
        <v>0</v>
      </c>
      <c r="CG2089" s="166">
        <v>0</v>
      </c>
      <c r="CH2089" s="166">
        <v>0</v>
      </c>
      <c r="CI2089" s="166">
        <v>0</v>
      </c>
      <c r="CJ2089" s="166">
        <v>0</v>
      </c>
      <c r="CK2089" s="166">
        <v>0</v>
      </c>
      <c r="CL2089" s="166">
        <v>0</v>
      </c>
      <c r="CM2089" s="166">
        <v>0</v>
      </c>
      <c r="CN2089" s="166">
        <v>0</v>
      </c>
      <c r="CO2089" s="166">
        <v>0</v>
      </c>
      <c r="CP2089" s="166">
        <v>0</v>
      </c>
      <c r="CQ2089" s="166">
        <v>-1680717658.5458701</v>
      </c>
      <c r="CR2089" s="166">
        <v>0</v>
      </c>
      <c r="CS2089" s="166">
        <v>0</v>
      </c>
      <c r="CT2089" s="166">
        <v>0</v>
      </c>
      <c r="CU2089" s="166">
        <v>0</v>
      </c>
      <c r="CV2089" s="166">
        <v>0</v>
      </c>
      <c r="CW2089" s="166">
        <v>0</v>
      </c>
      <c r="CX2089" s="166">
        <v>0</v>
      </c>
      <c r="CY2089" s="166">
        <v>0</v>
      </c>
      <c r="CZ2089" s="166">
        <v>0</v>
      </c>
    </row>
    <row r="2090" spans="1:104" x14ac:dyDescent="0.2">
      <c r="A2090" s="167" t="s">
        <v>496</v>
      </c>
      <c r="B2090" s="166">
        <v>0</v>
      </c>
      <c r="C2090" s="166">
        <v>0</v>
      </c>
      <c r="D2090" s="166">
        <v>0</v>
      </c>
      <c r="E2090" s="166">
        <v>0</v>
      </c>
      <c r="F2090" s="166">
        <v>0</v>
      </c>
      <c r="G2090" s="166">
        <v>0</v>
      </c>
      <c r="H2090" s="166">
        <v>0</v>
      </c>
      <c r="I2090" s="166">
        <v>0</v>
      </c>
      <c r="J2090" s="166">
        <v>0</v>
      </c>
      <c r="K2090" s="166">
        <v>0</v>
      </c>
      <c r="L2090" s="166">
        <v>0</v>
      </c>
      <c r="M2090" s="166">
        <v>0</v>
      </c>
      <c r="N2090" s="166">
        <v>0</v>
      </c>
      <c r="O2090" s="166">
        <v>0</v>
      </c>
      <c r="P2090" s="166">
        <v>0</v>
      </c>
      <c r="Q2090" s="166">
        <v>0</v>
      </c>
      <c r="R2090" s="166">
        <v>0</v>
      </c>
      <c r="S2090" s="166">
        <v>0</v>
      </c>
      <c r="T2090" s="166">
        <v>0</v>
      </c>
      <c r="U2090" s="166">
        <v>0</v>
      </c>
      <c r="V2090" s="166">
        <v>0</v>
      </c>
      <c r="W2090" s="166">
        <v>0</v>
      </c>
      <c r="X2090" s="166">
        <v>0</v>
      </c>
      <c r="Y2090" s="166">
        <v>0</v>
      </c>
      <c r="Z2090" s="166">
        <v>0</v>
      </c>
      <c r="AA2090" s="166">
        <v>0</v>
      </c>
      <c r="AB2090" s="166">
        <v>0</v>
      </c>
      <c r="AC2090" s="166">
        <v>0</v>
      </c>
      <c r="AD2090" s="166">
        <v>0</v>
      </c>
      <c r="AE2090" s="166">
        <v>0</v>
      </c>
      <c r="AF2090" s="166">
        <v>0</v>
      </c>
      <c r="AG2090" s="166">
        <v>0</v>
      </c>
      <c r="AH2090" s="166">
        <v>0</v>
      </c>
      <c r="AI2090" s="166">
        <v>0</v>
      </c>
      <c r="AJ2090" s="166">
        <v>0</v>
      </c>
      <c r="AK2090" s="166">
        <v>0</v>
      </c>
      <c r="AL2090" s="166">
        <v>0</v>
      </c>
      <c r="AM2090" s="166">
        <v>0</v>
      </c>
      <c r="AN2090" s="166">
        <v>0</v>
      </c>
      <c r="AO2090" s="166">
        <v>0</v>
      </c>
      <c r="AP2090" s="166">
        <v>0</v>
      </c>
      <c r="AQ2090" s="166">
        <v>0</v>
      </c>
      <c r="AR2090" s="166">
        <v>0</v>
      </c>
      <c r="AS2090" s="166">
        <v>0</v>
      </c>
      <c r="AT2090" s="166">
        <v>0</v>
      </c>
      <c r="AU2090" s="166">
        <v>0</v>
      </c>
      <c r="AV2090" s="166">
        <v>0</v>
      </c>
      <c r="AW2090" s="166">
        <v>0</v>
      </c>
      <c r="AX2090" s="166">
        <v>0</v>
      </c>
      <c r="AY2090" s="166">
        <v>0</v>
      </c>
      <c r="AZ2090" s="166">
        <v>0</v>
      </c>
      <c r="BA2090" s="166">
        <v>0</v>
      </c>
      <c r="BB2090" s="166">
        <v>0</v>
      </c>
      <c r="BC2090" s="166">
        <v>0</v>
      </c>
      <c r="BD2090" s="166">
        <v>0</v>
      </c>
      <c r="BE2090" s="166">
        <v>0</v>
      </c>
      <c r="BF2090" s="166">
        <v>0</v>
      </c>
      <c r="BG2090" s="166">
        <v>0</v>
      </c>
      <c r="BH2090" s="166">
        <v>0</v>
      </c>
      <c r="BI2090" s="166">
        <v>0</v>
      </c>
      <c r="BJ2090" s="166">
        <v>0</v>
      </c>
      <c r="BK2090" s="166">
        <v>0</v>
      </c>
      <c r="BL2090" s="166">
        <v>0</v>
      </c>
      <c r="BM2090" s="166">
        <v>0</v>
      </c>
      <c r="BN2090" s="166">
        <v>0</v>
      </c>
      <c r="BO2090" s="166">
        <v>0</v>
      </c>
      <c r="BP2090" s="166">
        <v>0</v>
      </c>
      <c r="BQ2090" s="166">
        <v>0</v>
      </c>
      <c r="BR2090" s="166">
        <v>0</v>
      </c>
      <c r="BS2090" s="166">
        <v>0</v>
      </c>
      <c r="BT2090" s="168">
        <v>0.99958048999999904</v>
      </c>
      <c r="BU2090" s="166">
        <v>0</v>
      </c>
      <c r="BV2090" s="166">
        <v>0</v>
      </c>
      <c r="BW2090" s="166">
        <v>0</v>
      </c>
      <c r="BX2090" s="166">
        <v>0</v>
      </c>
      <c r="BY2090" s="166">
        <v>0</v>
      </c>
      <c r="BZ2090" s="166">
        <v>0</v>
      </c>
      <c r="CA2090" s="166">
        <v>0</v>
      </c>
      <c r="CB2090" s="166">
        <v>0</v>
      </c>
      <c r="CC2090" s="166">
        <v>0</v>
      </c>
      <c r="CD2090" s="166">
        <v>0</v>
      </c>
      <c r="CE2090" s="166">
        <v>0</v>
      </c>
      <c r="CF2090" s="166">
        <v>0</v>
      </c>
      <c r="CG2090" s="166">
        <v>0</v>
      </c>
      <c r="CH2090" s="166">
        <v>0</v>
      </c>
      <c r="CI2090" s="166">
        <v>0</v>
      </c>
      <c r="CJ2090" s="166">
        <v>0</v>
      </c>
      <c r="CK2090" s="166">
        <v>0</v>
      </c>
      <c r="CL2090" s="166">
        <v>0</v>
      </c>
      <c r="CM2090" s="166">
        <v>0</v>
      </c>
      <c r="CN2090" s="166">
        <v>0</v>
      </c>
      <c r="CO2090" s="166">
        <v>0</v>
      </c>
      <c r="CP2090" s="166">
        <v>0</v>
      </c>
      <c r="CQ2090" s="166">
        <v>0</v>
      </c>
      <c r="CR2090" s="166">
        <v>0</v>
      </c>
      <c r="CS2090" s="166">
        <v>0</v>
      </c>
      <c r="CT2090" s="166">
        <v>0</v>
      </c>
      <c r="CU2090" s="166">
        <v>0</v>
      </c>
      <c r="CV2090" s="166">
        <v>0</v>
      </c>
      <c r="CW2090" s="166">
        <v>0</v>
      </c>
      <c r="CX2090" s="166">
        <v>0</v>
      </c>
      <c r="CY2090" s="166">
        <v>0</v>
      </c>
      <c r="CZ2090" s="166">
        <v>0</v>
      </c>
    </row>
    <row r="2091" spans="1:104" x14ac:dyDescent="0.2">
      <c r="A2091" s="170" t="s">
        <v>497</v>
      </c>
      <c r="B2091" s="166">
        <v>1726622483.9493101</v>
      </c>
      <c r="C2091" s="166">
        <v>1726622483.9493101</v>
      </c>
      <c r="D2091" s="166">
        <v>0</v>
      </c>
      <c r="E2091" s="166">
        <v>0</v>
      </c>
      <c r="F2091" s="166">
        <v>0</v>
      </c>
      <c r="G2091" s="166">
        <v>-39465934</v>
      </c>
      <c r="H2091" s="166">
        <v>0</v>
      </c>
      <c r="I2091" s="166">
        <v>0</v>
      </c>
      <c r="J2091" s="166">
        <v>0</v>
      </c>
      <c r="K2091" s="166">
        <v>0</v>
      </c>
      <c r="L2091" s="166">
        <v>0</v>
      </c>
      <c r="M2091" s="166">
        <v>0</v>
      </c>
      <c r="N2091" s="166">
        <v>0</v>
      </c>
      <c r="O2091" s="166">
        <v>0</v>
      </c>
      <c r="P2091" s="166">
        <v>0</v>
      </c>
      <c r="Q2091" s="166">
        <v>0</v>
      </c>
      <c r="R2091" s="166">
        <v>0</v>
      </c>
      <c r="S2091" s="166">
        <v>0</v>
      </c>
      <c r="T2091" s="166">
        <v>0</v>
      </c>
      <c r="U2091" s="166">
        <v>0</v>
      </c>
      <c r="V2091" s="166">
        <v>0</v>
      </c>
      <c r="W2091" s="166">
        <v>0</v>
      </c>
      <c r="X2091" s="166">
        <v>0</v>
      </c>
      <c r="Y2091" s="166">
        <v>0</v>
      </c>
      <c r="Z2091" s="166">
        <v>0</v>
      </c>
      <c r="AA2091" s="166">
        <v>0</v>
      </c>
      <c r="AB2091" s="166">
        <v>-1687156549.9493101</v>
      </c>
      <c r="AC2091" s="166">
        <v>0</v>
      </c>
      <c r="AD2091" s="166">
        <v>0</v>
      </c>
      <c r="AE2091" s="166">
        <v>0</v>
      </c>
      <c r="AF2091" s="166">
        <v>0</v>
      </c>
      <c r="AG2091" s="166">
        <v>0</v>
      </c>
      <c r="AH2091" s="166">
        <v>0</v>
      </c>
      <c r="AI2091" s="166">
        <v>0</v>
      </c>
      <c r="AJ2091" s="166">
        <v>0</v>
      </c>
      <c r="AK2091" s="166">
        <v>0</v>
      </c>
      <c r="AL2091" s="166">
        <v>0</v>
      </c>
      <c r="AM2091" s="166">
        <v>0</v>
      </c>
      <c r="AN2091" s="166">
        <v>0</v>
      </c>
      <c r="AO2091" s="166">
        <v>0</v>
      </c>
      <c r="AP2091" s="166">
        <v>0</v>
      </c>
      <c r="AQ2091" s="166">
        <v>0</v>
      </c>
      <c r="AR2091" s="166">
        <v>0</v>
      </c>
      <c r="AS2091" s="166">
        <v>0</v>
      </c>
      <c r="AT2091" s="166">
        <v>0</v>
      </c>
      <c r="AU2091" s="166">
        <v>0</v>
      </c>
      <c r="AV2091" s="166">
        <v>0</v>
      </c>
      <c r="AW2091" s="166">
        <v>0</v>
      </c>
      <c r="AX2091" s="166">
        <v>0</v>
      </c>
      <c r="AY2091" s="166">
        <v>0</v>
      </c>
      <c r="AZ2091" s="166">
        <v>0</v>
      </c>
      <c r="BA2091" s="166">
        <v>0</v>
      </c>
      <c r="BB2091" s="166">
        <v>0</v>
      </c>
      <c r="BC2091" s="166">
        <v>0</v>
      </c>
      <c r="BD2091" s="166">
        <v>-39465934</v>
      </c>
      <c r="BE2091" s="166">
        <v>0</v>
      </c>
      <c r="BF2091" s="166">
        <v>0</v>
      </c>
      <c r="BG2091" s="166">
        <v>0</v>
      </c>
      <c r="BH2091" s="166">
        <v>0</v>
      </c>
      <c r="BI2091" s="166">
        <v>0</v>
      </c>
      <c r="BJ2091" s="166">
        <v>-1687156549.9493101</v>
      </c>
      <c r="BK2091" s="166">
        <v>0</v>
      </c>
      <c r="BL2091" s="166">
        <v>0</v>
      </c>
      <c r="BM2091" s="166">
        <v>0</v>
      </c>
      <c r="BN2091" s="166">
        <v>0</v>
      </c>
      <c r="BO2091" s="166">
        <v>0</v>
      </c>
      <c r="BP2091" s="166">
        <v>0</v>
      </c>
      <c r="BQ2091" s="166">
        <v>0</v>
      </c>
      <c r="BR2091" s="166">
        <v>1726622483.9493101</v>
      </c>
      <c r="BS2091" s="166">
        <v>0</v>
      </c>
      <c r="BT2091" s="168">
        <v>0</v>
      </c>
      <c r="BU2091" s="166">
        <v>130444903.873054</v>
      </c>
      <c r="BV2091" s="166">
        <v>1717689962.3696201</v>
      </c>
      <c r="BW2091" s="166">
        <v>-36972303.823748402</v>
      </c>
      <c r="BX2091" s="166">
        <v>0</v>
      </c>
      <c r="BY2091" s="166">
        <v>0</v>
      </c>
      <c r="BZ2091" s="166">
        <v>0</v>
      </c>
      <c r="CA2091" s="166">
        <v>0</v>
      </c>
      <c r="CB2091" s="166">
        <v>0</v>
      </c>
      <c r="CC2091" s="166">
        <v>-1680717658.5458701</v>
      </c>
      <c r="CD2091" s="166">
        <v>0</v>
      </c>
      <c r="CE2091" s="166">
        <v>0</v>
      </c>
      <c r="CF2091" s="166">
        <v>0</v>
      </c>
      <c r="CG2091" s="166">
        <v>0</v>
      </c>
      <c r="CH2091" s="166">
        <v>0</v>
      </c>
      <c r="CI2091" s="166">
        <v>0</v>
      </c>
      <c r="CJ2091" s="166">
        <v>0</v>
      </c>
      <c r="CK2091" s="166">
        <v>-36972303.823748402</v>
      </c>
      <c r="CL2091" s="166">
        <v>0</v>
      </c>
      <c r="CM2091" s="166">
        <v>0</v>
      </c>
      <c r="CN2091" s="166">
        <v>0</v>
      </c>
      <c r="CO2091" s="166">
        <v>0</v>
      </c>
      <c r="CP2091" s="166">
        <v>0</v>
      </c>
      <c r="CQ2091" s="166">
        <v>-1680717658.5458701</v>
      </c>
      <c r="CR2091" s="166">
        <v>0</v>
      </c>
      <c r="CS2091" s="166">
        <v>0</v>
      </c>
      <c r="CT2091" s="166">
        <v>0</v>
      </c>
      <c r="CU2091" s="166">
        <v>0</v>
      </c>
      <c r="CV2091" s="166">
        <v>0</v>
      </c>
      <c r="CW2091" s="166">
        <v>0</v>
      </c>
      <c r="CX2091" s="166">
        <v>0</v>
      </c>
      <c r="CY2091" s="166">
        <v>0</v>
      </c>
      <c r="CZ2091" s="166">
        <v>0</v>
      </c>
    </row>
    <row r="2092" spans="1:104" x14ac:dyDescent="0.2">
      <c r="A2092" s="167" t="s">
        <v>498</v>
      </c>
    </row>
    <row r="2093" spans="1:104" x14ac:dyDescent="0.2">
      <c r="A2093" s="170" t="s">
        <v>499</v>
      </c>
      <c r="B2093" s="166">
        <v>1914378888.3322501</v>
      </c>
      <c r="C2093" s="166">
        <v>1914378888.3322501</v>
      </c>
      <c r="D2093" s="166">
        <v>0</v>
      </c>
      <c r="E2093" s="166">
        <v>0</v>
      </c>
      <c r="F2093" s="166">
        <v>0</v>
      </c>
      <c r="G2093" s="166">
        <v>-39465934</v>
      </c>
      <c r="H2093" s="166">
        <v>0</v>
      </c>
      <c r="I2093" s="166">
        <v>0</v>
      </c>
      <c r="J2093" s="166">
        <v>0</v>
      </c>
      <c r="K2093" s="166">
        <v>0</v>
      </c>
      <c r="L2093" s="166">
        <v>0</v>
      </c>
      <c r="M2093" s="166">
        <v>0</v>
      </c>
      <c r="N2093" s="166">
        <v>0</v>
      </c>
      <c r="O2093" s="166">
        <v>0</v>
      </c>
      <c r="P2093" s="166">
        <v>0</v>
      </c>
      <c r="Q2093" s="166">
        <v>0</v>
      </c>
      <c r="R2093" s="166">
        <v>-116479536.974999</v>
      </c>
      <c r="S2093" s="166">
        <v>0</v>
      </c>
      <c r="T2093" s="166">
        <v>0</v>
      </c>
      <c r="U2093" s="166">
        <v>-11791628.287941299</v>
      </c>
      <c r="V2093" s="166">
        <v>0</v>
      </c>
      <c r="W2093" s="166">
        <v>0</v>
      </c>
      <c r="X2093" s="166">
        <v>0</v>
      </c>
      <c r="Y2093" s="166">
        <v>0</v>
      </c>
      <c r="Z2093" s="166">
        <v>0</v>
      </c>
      <c r="AA2093" s="166">
        <v>0</v>
      </c>
      <c r="AB2093" s="166">
        <v>-1687156549.9493101</v>
      </c>
      <c r="AC2093" s="166">
        <v>0</v>
      </c>
      <c r="AD2093" s="166">
        <v>0</v>
      </c>
      <c r="AE2093" s="166">
        <v>0</v>
      </c>
      <c r="AF2093" s="166">
        <v>0</v>
      </c>
      <c r="AG2093" s="166">
        <v>0</v>
      </c>
      <c r="AH2093" s="166">
        <v>0</v>
      </c>
      <c r="AI2093" s="166">
        <v>0</v>
      </c>
      <c r="AJ2093" s="166">
        <v>0</v>
      </c>
      <c r="AK2093" s="166">
        <v>0</v>
      </c>
      <c r="AL2093" s="166">
        <v>0</v>
      </c>
      <c r="AM2093" s="166">
        <v>0</v>
      </c>
      <c r="AN2093" s="166">
        <v>0</v>
      </c>
      <c r="AO2093" s="166">
        <v>0</v>
      </c>
      <c r="AP2093" s="166">
        <v>0</v>
      </c>
      <c r="AQ2093" s="166">
        <v>0</v>
      </c>
      <c r="AR2093" s="166">
        <v>0</v>
      </c>
      <c r="AS2093" s="166">
        <v>0</v>
      </c>
      <c r="AT2093" s="166">
        <v>0</v>
      </c>
      <c r="AU2093" s="166">
        <v>0</v>
      </c>
      <c r="AV2093" s="166">
        <v>0</v>
      </c>
      <c r="AW2093" s="166">
        <v>0</v>
      </c>
      <c r="AX2093" s="166">
        <v>0</v>
      </c>
      <c r="AY2093" s="166">
        <v>-59485239.119999997</v>
      </c>
      <c r="AZ2093" s="166">
        <v>0</v>
      </c>
      <c r="BA2093" s="166">
        <v>0</v>
      </c>
      <c r="BB2093" s="166">
        <v>0</v>
      </c>
      <c r="BC2093" s="166">
        <v>0</v>
      </c>
      <c r="BD2093" s="166">
        <v>-39465934</v>
      </c>
      <c r="BE2093" s="166">
        <v>0</v>
      </c>
      <c r="BF2093" s="166">
        <v>0</v>
      </c>
      <c r="BG2093" s="166">
        <v>-116479536.974999</v>
      </c>
      <c r="BH2093" s="166">
        <v>0</v>
      </c>
      <c r="BI2093" s="166">
        <v>-11791628.287941299</v>
      </c>
      <c r="BJ2093" s="166">
        <v>-1687156549.9493101</v>
      </c>
      <c r="BK2093" s="166">
        <v>0</v>
      </c>
      <c r="BL2093" s="166">
        <v>0</v>
      </c>
      <c r="BM2093" s="166">
        <v>0</v>
      </c>
      <c r="BN2093" s="166">
        <v>0</v>
      </c>
      <c r="BO2093" s="166">
        <v>0</v>
      </c>
      <c r="BP2093" s="166">
        <v>-59485239.119999997</v>
      </c>
      <c r="BQ2093" s="166">
        <v>0</v>
      </c>
      <c r="BR2093" s="166">
        <v>1914378888.3322501</v>
      </c>
      <c r="BS2093" s="166">
        <v>0</v>
      </c>
      <c r="BT2093" s="168">
        <v>0</v>
      </c>
      <c r="BU2093" s="166">
        <v>145551830.90220401</v>
      </c>
      <c r="BV2093" s="166">
        <v>1902868128.93788</v>
      </c>
      <c r="BW2093" s="166">
        <v>-36972303.823748402</v>
      </c>
      <c r="BX2093" s="166">
        <v>0</v>
      </c>
      <c r="BY2093" s="166">
        <v>0</v>
      </c>
      <c r="BZ2093" s="166">
        <v>-116479536.974999</v>
      </c>
      <c r="CA2093" s="166">
        <v>0</v>
      </c>
      <c r="CB2093" s="166">
        <v>-11791585.0756472</v>
      </c>
      <c r="CC2093" s="166">
        <v>-1680717658.5458701</v>
      </c>
      <c r="CD2093" s="166">
        <v>0</v>
      </c>
      <c r="CE2093" s="166">
        <v>0</v>
      </c>
      <c r="CF2093" s="166">
        <v>0</v>
      </c>
      <c r="CG2093" s="166">
        <v>0</v>
      </c>
      <c r="CH2093" s="166">
        <v>0</v>
      </c>
      <c r="CI2093" s="166">
        <v>-56907044.517618001</v>
      </c>
      <c r="CJ2093" s="166">
        <v>0</v>
      </c>
      <c r="CK2093" s="166">
        <v>-36972303.823748402</v>
      </c>
      <c r="CL2093" s="166">
        <v>0</v>
      </c>
      <c r="CM2093" s="166">
        <v>0</v>
      </c>
      <c r="CN2093" s="166">
        <v>-116479536.974999</v>
      </c>
      <c r="CO2093" s="166">
        <v>0</v>
      </c>
      <c r="CP2093" s="166">
        <v>-11791585.0756472</v>
      </c>
      <c r="CQ2093" s="166">
        <v>-1680717658.5458701</v>
      </c>
      <c r="CR2093" s="166">
        <v>0</v>
      </c>
      <c r="CS2093" s="166">
        <v>0</v>
      </c>
      <c r="CT2093" s="166">
        <v>0</v>
      </c>
      <c r="CU2093" s="166">
        <v>0</v>
      </c>
      <c r="CV2093" s="166">
        <v>0</v>
      </c>
      <c r="CW2093" s="166">
        <v>-56907044.517618001</v>
      </c>
      <c r="CX2093" s="166">
        <v>0</v>
      </c>
      <c r="CY2093" s="166">
        <v>0</v>
      </c>
      <c r="CZ2093" s="166">
        <v>0</v>
      </c>
    </row>
    <row r="2094" spans="1:104" x14ac:dyDescent="0.2">
      <c r="A2094" s="167" t="s">
        <v>500</v>
      </c>
    </row>
    <row r="2095" spans="1:104" x14ac:dyDescent="0.2">
      <c r="A2095" s="170" t="s">
        <v>501</v>
      </c>
    </row>
    <row r="2096" spans="1:104" x14ac:dyDescent="0.2">
      <c r="A2096" s="167" t="s">
        <v>502</v>
      </c>
      <c r="B2096" s="166">
        <v>173438408.90705901</v>
      </c>
      <c r="C2096" s="166">
        <v>173438408.90705901</v>
      </c>
      <c r="D2096" s="166">
        <v>0</v>
      </c>
      <c r="E2096" s="166">
        <v>0</v>
      </c>
      <c r="F2096" s="166">
        <v>0</v>
      </c>
      <c r="G2096" s="166">
        <v>0</v>
      </c>
      <c r="H2096" s="166">
        <v>0</v>
      </c>
      <c r="I2096" s="166">
        <v>0</v>
      </c>
      <c r="J2096" s="166">
        <v>0</v>
      </c>
      <c r="K2096" s="166">
        <v>0</v>
      </c>
      <c r="L2096" s="166">
        <v>0</v>
      </c>
      <c r="M2096" s="166">
        <v>0</v>
      </c>
      <c r="N2096" s="166">
        <v>0</v>
      </c>
      <c r="O2096" s="166">
        <v>0</v>
      </c>
      <c r="P2096" s="166">
        <v>0</v>
      </c>
      <c r="Q2096" s="166">
        <v>0</v>
      </c>
      <c r="R2096" s="166">
        <v>0</v>
      </c>
      <c r="S2096" s="166">
        <v>0</v>
      </c>
      <c r="T2096" s="166">
        <v>0</v>
      </c>
      <c r="U2096" s="166">
        <v>0</v>
      </c>
      <c r="V2096" s="166">
        <v>0</v>
      </c>
      <c r="W2096" s="166">
        <v>0</v>
      </c>
      <c r="X2096" s="166">
        <v>0</v>
      </c>
      <c r="Y2096" s="166">
        <v>0</v>
      </c>
      <c r="Z2096" s="166">
        <v>0</v>
      </c>
      <c r="AA2096" s="166">
        <v>0</v>
      </c>
      <c r="AB2096" s="166">
        <v>0</v>
      </c>
      <c r="AC2096" s="166">
        <v>0</v>
      </c>
      <c r="AD2096" s="166">
        <v>0</v>
      </c>
      <c r="AE2096" s="166">
        <v>0</v>
      </c>
      <c r="AF2096" s="166">
        <v>0</v>
      </c>
      <c r="AG2096" s="166">
        <v>0</v>
      </c>
      <c r="AH2096" s="166">
        <v>0</v>
      </c>
      <c r="AI2096" s="166">
        <v>0</v>
      </c>
      <c r="AJ2096" s="166">
        <v>0</v>
      </c>
      <c r="AK2096" s="166">
        <v>0</v>
      </c>
      <c r="AL2096" s="166">
        <v>0</v>
      </c>
      <c r="AM2096" s="166">
        <v>0</v>
      </c>
      <c r="AN2096" s="166">
        <v>0</v>
      </c>
      <c r="AO2096" s="166">
        <v>0</v>
      </c>
      <c r="AP2096" s="166">
        <v>0</v>
      </c>
      <c r="AQ2096" s="166">
        <v>0</v>
      </c>
      <c r="AR2096" s="166">
        <v>0</v>
      </c>
      <c r="AS2096" s="166">
        <v>0</v>
      </c>
      <c r="AT2096" s="166">
        <v>0</v>
      </c>
      <c r="AU2096" s="166">
        <v>0</v>
      </c>
      <c r="AV2096" s="166">
        <v>0</v>
      </c>
      <c r="AW2096" s="166">
        <v>0</v>
      </c>
      <c r="AX2096" s="166">
        <v>0</v>
      </c>
      <c r="AY2096" s="166">
        <v>0</v>
      </c>
      <c r="AZ2096" s="166">
        <v>0</v>
      </c>
      <c r="BA2096" s="166">
        <v>0</v>
      </c>
      <c r="BB2096" s="166">
        <v>0</v>
      </c>
      <c r="BC2096" s="166">
        <v>0</v>
      </c>
      <c r="BD2096" s="166">
        <v>0</v>
      </c>
      <c r="BE2096" s="166">
        <v>0</v>
      </c>
      <c r="BF2096" s="166">
        <v>0</v>
      </c>
      <c r="BG2096" s="166">
        <v>0</v>
      </c>
      <c r="BH2096" s="166">
        <v>0</v>
      </c>
      <c r="BI2096" s="166">
        <v>0</v>
      </c>
      <c r="BJ2096" s="166">
        <v>0</v>
      </c>
      <c r="BK2096" s="166">
        <v>0</v>
      </c>
      <c r="BL2096" s="166">
        <v>0</v>
      </c>
      <c r="BM2096" s="166">
        <v>0</v>
      </c>
      <c r="BN2096" s="166">
        <v>0</v>
      </c>
      <c r="BO2096" s="166">
        <v>0</v>
      </c>
      <c r="BP2096" s="166">
        <v>0</v>
      </c>
      <c r="BQ2096" s="166">
        <v>0</v>
      </c>
      <c r="BR2096" s="166">
        <v>173438408.90705901</v>
      </c>
      <c r="BS2096" s="166">
        <v>173438408.90705901</v>
      </c>
      <c r="BT2096" s="168">
        <v>0</v>
      </c>
      <c r="BU2096" s="166">
        <v>12317022.0066696</v>
      </c>
      <c r="BV2096" s="166">
        <v>172477290.49829301</v>
      </c>
      <c r="BW2096" s="166">
        <v>0</v>
      </c>
      <c r="BX2096" s="166">
        <v>0</v>
      </c>
      <c r="BY2096" s="166">
        <v>0</v>
      </c>
      <c r="BZ2096" s="166">
        <v>0</v>
      </c>
      <c r="CA2096" s="166">
        <v>0</v>
      </c>
      <c r="CB2096" s="166">
        <v>0</v>
      </c>
      <c r="CC2096" s="166">
        <v>0</v>
      </c>
      <c r="CD2096" s="166">
        <v>0</v>
      </c>
      <c r="CE2096" s="166">
        <v>0</v>
      </c>
      <c r="CF2096" s="166">
        <v>0</v>
      </c>
      <c r="CG2096" s="166">
        <v>0</v>
      </c>
      <c r="CH2096" s="166">
        <v>0</v>
      </c>
      <c r="CI2096" s="166">
        <v>0</v>
      </c>
      <c r="CJ2096" s="166">
        <v>0</v>
      </c>
      <c r="CK2096" s="166">
        <v>0</v>
      </c>
      <c r="CL2096" s="166">
        <v>0</v>
      </c>
      <c r="CM2096" s="166">
        <v>0</v>
      </c>
      <c r="CN2096" s="166">
        <v>0</v>
      </c>
      <c r="CO2096" s="166">
        <v>0</v>
      </c>
      <c r="CP2096" s="166">
        <v>0</v>
      </c>
      <c r="CQ2096" s="166">
        <v>0</v>
      </c>
      <c r="CR2096" s="166">
        <v>0</v>
      </c>
      <c r="CS2096" s="166">
        <v>0</v>
      </c>
      <c r="CT2096" s="166">
        <v>0</v>
      </c>
      <c r="CU2096" s="166">
        <v>0</v>
      </c>
      <c r="CV2096" s="166">
        <v>0</v>
      </c>
      <c r="CW2096" s="166">
        <v>0</v>
      </c>
      <c r="CX2096" s="166">
        <v>0</v>
      </c>
      <c r="CY2096" s="166">
        <v>172477290.49829301</v>
      </c>
      <c r="CZ2096" s="166">
        <v>172477290.49829301</v>
      </c>
    </row>
    <row r="2097" spans="1:104" x14ac:dyDescent="0.2">
      <c r="A2097" s="167" t="s">
        <v>503</v>
      </c>
      <c r="B2097" s="166">
        <v>32127886.629999999</v>
      </c>
      <c r="C2097" s="166">
        <v>32127886.629999999</v>
      </c>
      <c r="D2097" s="166">
        <v>0</v>
      </c>
      <c r="E2097" s="166">
        <v>0</v>
      </c>
      <c r="F2097" s="166">
        <v>0</v>
      </c>
      <c r="G2097" s="166">
        <v>0</v>
      </c>
      <c r="H2097" s="166">
        <v>0</v>
      </c>
      <c r="I2097" s="166">
        <v>0</v>
      </c>
      <c r="J2097" s="166">
        <v>0</v>
      </c>
      <c r="K2097" s="166">
        <v>0</v>
      </c>
      <c r="L2097" s="166">
        <v>0</v>
      </c>
      <c r="M2097" s="166">
        <v>0</v>
      </c>
      <c r="N2097" s="166">
        <v>0</v>
      </c>
      <c r="O2097" s="166">
        <v>0</v>
      </c>
      <c r="P2097" s="166">
        <v>0</v>
      </c>
      <c r="Q2097" s="166">
        <v>0</v>
      </c>
      <c r="R2097" s="166">
        <v>0</v>
      </c>
      <c r="S2097" s="166">
        <v>0</v>
      </c>
      <c r="T2097" s="166">
        <v>0</v>
      </c>
      <c r="U2097" s="166">
        <v>0</v>
      </c>
      <c r="V2097" s="166">
        <v>0</v>
      </c>
      <c r="W2097" s="166">
        <v>0</v>
      </c>
      <c r="X2097" s="166">
        <v>0</v>
      </c>
      <c r="Y2097" s="166">
        <v>0</v>
      </c>
      <c r="Z2097" s="166">
        <v>0</v>
      </c>
      <c r="AA2097" s="166">
        <v>0</v>
      </c>
      <c r="AB2097" s="166">
        <v>0</v>
      </c>
      <c r="AC2097" s="166">
        <v>0</v>
      </c>
      <c r="AD2097" s="166">
        <v>0</v>
      </c>
      <c r="AE2097" s="166">
        <v>0</v>
      </c>
      <c r="AF2097" s="166">
        <v>0</v>
      </c>
      <c r="AG2097" s="166">
        <v>0</v>
      </c>
      <c r="AH2097" s="166">
        <v>0</v>
      </c>
      <c r="AI2097" s="166">
        <v>0</v>
      </c>
      <c r="AJ2097" s="166">
        <v>0</v>
      </c>
      <c r="AK2097" s="166">
        <v>0</v>
      </c>
      <c r="AL2097" s="166">
        <v>0</v>
      </c>
      <c r="AM2097" s="166">
        <v>0</v>
      </c>
      <c r="AN2097" s="166">
        <v>0</v>
      </c>
      <c r="AO2097" s="166">
        <v>0</v>
      </c>
      <c r="AP2097" s="166">
        <v>0</v>
      </c>
      <c r="AQ2097" s="166">
        <v>0</v>
      </c>
      <c r="AR2097" s="166">
        <v>0</v>
      </c>
      <c r="AS2097" s="166">
        <v>0</v>
      </c>
      <c r="AT2097" s="166">
        <v>0</v>
      </c>
      <c r="AU2097" s="166">
        <v>0</v>
      </c>
      <c r="AV2097" s="166">
        <v>0</v>
      </c>
      <c r="AW2097" s="166">
        <v>0</v>
      </c>
      <c r="AX2097" s="166">
        <v>0</v>
      </c>
      <c r="AY2097" s="166">
        <v>0</v>
      </c>
      <c r="AZ2097" s="166">
        <v>0</v>
      </c>
      <c r="BA2097" s="166">
        <v>0</v>
      </c>
      <c r="BB2097" s="166">
        <v>0</v>
      </c>
      <c r="BC2097" s="166">
        <v>0</v>
      </c>
      <c r="BD2097" s="166">
        <v>0</v>
      </c>
      <c r="BE2097" s="166">
        <v>0</v>
      </c>
      <c r="BF2097" s="166">
        <v>0</v>
      </c>
      <c r="BG2097" s="166">
        <v>0</v>
      </c>
      <c r="BH2097" s="166">
        <v>0</v>
      </c>
      <c r="BI2097" s="166">
        <v>0</v>
      </c>
      <c r="BJ2097" s="166">
        <v>0</v>
      </c>
      <c r="BK2097" s="166">
        <v>0</v>
      </c>
      <c r="BL2097" s="166">
        <v>0</v>
      </c>
      <c r="BM2097" s="166">
        <v>0</v>
      </c>
      <c r="BN2097" s="166">
        <v>0</v>
      </c>
      <c r="BO2097" s="166">
        <v>0</v>
      </c>
      <c r="BP2097" s="166">
        <v>0</v>
      </c>
      <c r="BQ2097" s="166">
        <v>0</v>
      </c>
      <c r="BR2097" s="166">
        <v>32127886.629999999</v>
      </c>
      <c r="BS2097" s="166">
        <v>32127886.629999999</v>
      </c>
      <c r="BT2097" s="168">
        <v>0</v>
      </c>
      <c r="BU2097" s="166">
        <v>2117305.0137690501</v>
      </c>
      <c r="BV2097" s="166">
        <v>22916357.351040401</v>
      </c>
      <c r="BW2097" s="166">
        <v>0</v>
      </c>
      <c r="BX2097" s="166">
        <v>0</v>
      </c>
      <c r="BY2097" s="166">
        <v>0</v>
      </c>
      <c r="BZ2097" s="166">
        <v>0</v>
      </c>
      <c r="CA2097" s="166">
        <v>0</v>
      </c>
      <c r="CB2097" s="166">
        <v>0</v>
      </c>
      <c r="CC2097" s="166">
        <v>0</v>
      </c>
      <c r="CD2097" s="166">
        <v>0</v>
      </c>
      <c r="CE2097" s="166">
        <v>0</v>
      </c>
      <c r="CF2097" s="166">
        <v>0</v>
      </c>
      <c r="CG2097" s="166">
        <v>0</v>
      </c>
      <c r="CH2097" s="166">
        <v>0</v>
      </c>
      <c r="CI2097" s="166">
        <v>0</v>
      </c>
      <c r="CJ2097" s="166">
        <v>0</v>
      </c>
      <c r="CK2097" s="166">
        <v>0</v>
      </c>
      <c r="CL2097" s="166">
        <v>0</v>
      </c>
      <c r="CM2097" s="166">
        <v>0</v>
      </c>
      <c r="CN2097" s="166">
        <v>0</v>
      </c>
      <c r="CO2097" s="166">
        <v>0</v>
      </c>
      <c r="CP2097" s="166">
        <v>0</v>
      </c>
      <c r="CQ2097" s="166">
        <v>0</v>
      </c>
      <c r="CR2097" s="166">
        <v>0</v>
      </c>
      <c r="CS2097" s="166">
        <v>0</v>
      </c>
      <c r="CT2097" s="166">
        <v>0</v>
      </c>
      <c r="CU2097" s="166">
        <v>0</v>
      </c>
      <c r="CV2097" s="166">
        <v>0</v>
      </c>
      <c r="CW2097" s="166">
        <v>0</v>
      </c>
      <c r="CX2097" s="166">
        <v>0</v>
      </c>
      <c r="CY2097" s="166">
        <v>22916357.351040401</v>
      </c>
      <c r="CZ2097" s="166">
        <v>22916357.351040401</v>
      </c>
    </row>
    <row r="2098" spans="1:104" x14ac:dyDescent="0.2">
      <c r="A2098" s="167" t="s">
        <v>504</v>
      </c>
      <c r="B2098" s="166">
        <v>116021340.37</v>
      </c>
      <c r="C2098" s="166">
        <v>116021340.37</v>
      </c>
      <c r="D2098" s="166">
        <v>0</v>
      </c>
      <c r="E2098" s="166">
        <v>0</v>
      </c>
      <c r="F2098" s="166">
        <v>0</v>
      </c>
      <c r="G2098" s="166">
        <v>0</v>
      </c>
      <c r="H2098" s="166">
        <v>0</v>
      </c>
      <c r="I2098" s="166">
        <v>0</v>
      </c>
      <c r="J2098" s="166">
        <v>0</v>
      </c>
      <c r="K2098" s="166">
        <v>0</v>
      </c>
      <c r="L2098" s="166">
        <v>0</v>
      </c>
      <c r="M2098" s="166">
        <v>0</v>
      </c>
      <c r="N2098" s="166">
        <v>0</v>
      </c>
      <c r="O2098" s="166">
        <v>0</v>
      </c>
      <c r="P2098" s="166">
        <v>0</v>
      </c>
      <c r="Q2098" s="166">
        <v>0</v>
      </c>
      <c r="R2098" s="166">
        <v>0</v>
      </c>
      <c r="S2098" s="166">
        <v>0</v>
      </c>
      <c r="T2098" s="166">
        <v>0</v>
      </c>
      <c r="U2098" s="166">
        <v>0</v>
      </c>
      <c r="V2098" s="166">
        <v>0</v>
      </c>
      <c r="W2098" s="166">
        <v>0</v>
      </c>
      <c r="X2098" s="166">
        <v>0</v>
      </c>
      <c r="Y2098" s="166">
        <v>0</v>
      </c>
      <c r="Z2098" s="166">
        <v>0</v>
      </c>
      <c r="AA2098" s="166">
        <v>0</v>
      </c>
      <c r="AB2098" s="166">
        <v>0</v>
      </c>
      <c r="AC2098" s="166">
        <v>0</v>
      </c>
      <c r="AD2098" s="166">
        <v>0</v>
      </c>
      <c r="AE2098" s="166">
        <v>0</v>
      </c>
      <c r="AF2098" s="166">
        <v>0</v>
      </c>
      <c r="AG2098" s="166">
        <v>0</v>
      </c>
      <c r="AH2098" s="166">
        <v>0</v>
      </c>
      <c r="AI2098" s="166">
        <v>0</v>
      </c>
      <c r="AJ2098" s="166">
        <v>0</v>
      </c>
      <c r="AK2098" s="166">
        <v>0</v>
      </c>
      <c r="AL2098" s="166">
        <v>0</v>
      </c>
      <c r="AM2098" s="166">
        <v>0</v>
      </c>
      <c r="AN2098" s="166">
        <v>0</v>
      </c>
      <c r="AO2098" s="166">
        <v>0</v>
      </c>
      <c r="AP2098" s="166">
        <v>0</v>
      </c>
      <c r="AQ2098" s="166">
        <v>0</v>
      </c>
      <c r="AR2098" s="166">
        <v>0</v>
      </c>
      <c r="AS2098" s="166">
        <v>0</v>
      </c>
      <c r="AT2098" s="166">
        <v>0</v>
      </c>
      <c r="AU2098" s="166">
        <v>0</v>
      </c>
      <c r="AV2098" s="166">
        <v>0</v>
      </c>
      <c r="AW2098" s="166">
        <v>0</v>
      </c>
      <c r="AX2098" s="166">
        <v>0</v>
      </c>
      <c r="AY2098" s="166">
        <v>0</v>
      </c>
      <c r="AZ2098" s="166">
        <v>0</v>
      </c>
      <c r="BA2098" s="166">
        <v>0</v>
      </c>
      <c r="BB2098" s="166">
        <v>0</v>
      </c>
      <c r="BC2098" s="166">
        <v>0</v>
      </c>
      <c r="BD2098" s="166">
        <v>0</v>
      </c>
      <c r="BE2098" s="166">
        <v>0</v>
      </c>
      <c r="BF2098" s="166">
        <v>0</v>
      </c>
      <c r="BG2098" s="166">
        <v>0</v>
      </c>
      <c r="BH2098" s="166">
        <v>0</v>
      </c>
      <c r="BI2098" s="166">
        <v>0</v>
      </c>
      <c r="BJ2098" s="166">
        <v>0</v>
      </c>
      <c r="BK2098" s="166">
        <v>0</v>
      </c>
      <c r="BL2098" s="166">
        <v>0</v>
      </c>
      <c r="BM2098" s="166">
        <v>0</v>
      </c>
      <c r="BN2098" s="166">
        <v>0</v>
      </c>
      <c r="BO2098" s="166">
        <v>0</v>
      </c>
      <c r="BP2098" s="166">
        <v>0</v>
      </c>
      <c r="BQ2098" s="166">
        <v>0</v>
      </c>
      <c r="BR2098" s="166">
        <v>116021340.37</v>
      </c>
      <c r="BS2098" s="166">
        <v>116021340.36999901</v>
      </c>
      <c r="BT2098" s="168">
        <v>0</v>
      </c>
      <c r="BU2098" s="166">
        <v>10351278.3556238</v>
      </c>
      <c r="BV2098" s="166">
        <v>115949998.236662</v>
      </c>
      <c r="BW2098" s="166">
        <v>0</v>
      </c>
      <c r="BX2098" s="166">
        <v>0</v>
      </c>
      <c r="BY2098" s="166">
        <v>0</v>
      </c>
      <c r="BZ2098" s="166">
        <v>0</v>
      </c>
      <c r="CA2098" s="166">
        <v>0</v>
      </c>
      <c r="CB2098" s="166">
        <v>0</v>
      </c>
      <c r="CC2098" s="166">
        <v>0</v>
      </c>
      <c r="CD2098" s="166">
        <v>0</v>
      </c>
      <c r="CE2098" s="166">
        <v>0</v>
      </c>
      <c r="CF2098" s="166">
        <v>0</v>
      </c>
      <c r="CG2098" s="166">
        <v>0</v>
      </c>
      <c r="CH2098" s="166">
        <v>0</v>
      </c>
      <c r="CI2098" s="166">
        <v>0</v>
      </c>
      <c r="CJ2098" s="166">
        <v>0</v>
      </c>
      <c r="CK2098" s="166">
        <v>0</v>
      </c>
      <c r="CL2098" s="166">
        <v>0</v>
      </c>
      <c r="CM2098" s="166">
        <v>0</v>
      </c>
      <c r="CN2098" s="166">
        <v>0</v>
      </c>
      <c r="CO2098" s="166">
        <v>0</v>
      </c>
      <c r="CP2098" s="166">
        <v>0</v>
      </c>
      <c r="CQ2098" s="166">
        <v>0</v>
      </c>
      <c r="CR2098" s="166">
        <v>0</v>
      </c>
      <c r="CS2098" s="166">
        <v>0</v>
      </c>
      <c r="CT2098" s="166">
        <v>0</v>
      </c>
      <c r="CU2098" s="166">
        <v>0</v>
      </c>
      <c r="CV2098" s="166">
        <v>0</v>
      </c>
      <c r="CW2098" s="166">
        <v>0</v>
      </c>
      <c r="CX2098" s="166">
        <v>0</v>
      </c>
      <c r="CY2098" s="166">
        <v>115949998.236662</v>
      </c>
      <c r="CZ2098" s="166">
        <v>115949998.236662</v>
      </c>
    </row>
    <row r="2099" spans="1:104" x14ac:dyDescent="0.2">
      <c r="A2099" s="167" t="s">
        <v>505</v>
      </c>
      <c r="B2099" s="166">
        <v>90413129.325999901</v>
      </c>
      <c r="C2099" s="166">
        <v>90413129.325999901</v>
      </c>
      <c r="D2099" s="166">
        <v>0</v>
      </c>
      <c r="E2099" s="166">
        <v>0</v>
      </c>
      <c r="F2099" s="166">
        <v>0</v>
      </c>
      <c r="G2099" s="166">
        <v>0</v>
      </c>
      <c r="H2099" s="166">
        <v>0</v>
      </c>
      <c r="I2099" s="166">
        <v>0</v>
      </c>
      <c r="J2099" s="166">
        <v>0</v>
      </c>
      <c r="K2099" s="166">
        <v>0</v>
      </c>
      <c r="L2099" s="166">
        <v>0</v>
      </c>
      <c r="M2099" s="166">
        <v>0</v>
      </c>
      <c r="N2099" s="166">
        <v>0</v>
      </c>
      <c r="O2099" s="166">
        <v>0</v>
      </c>
      <c r="P2099" s="166">
        <v>0</v>
      </c>
      <c r="Q2099" s="166">
        <v>0</v>
      </c>
      <c r="R2099" s="166">
        <v>0</v>
      </c>
      <c r="S2099" s="166">
        <v>0</v>
      </c>
      <c r="T2099" s="166">
        <v>0</v>
      </c>
      <c r="U2099" s="166">
        <v>0</v>
      </c>
      <c r="V2099" s="166">
        <v>0</v>
      </c>
      <c r="W2099" s="166">
        <v>0</v>
      </c>
      <c r="X2099" s="166">
        <v>0</v>
      </c>
      <c r="Y2099" s="166">
        <v>0</v>
      </c>
      <c r="Z2099" s="166">
        <v>0</v>
      </c>
      <c r="AA2099" s="166">
        <v>0</v>
      </c>
      <c r="AB2099" s="166">
        <v>0</v>
      </c>
      <c r="AC2099" s="166">
        <v>0</v>
      </c>
      <c r="AD2099" s="166">
        <v>0</v>
      </c>
      <c r="AE2099" s="166">
        <v>0</v>
      </c>
      <c r="AF2099" s="166">
        <v>0</v>
      </c>
      <c r="AG2099" s="166">
        <v>0</v>
      </c>
      <c r="AH2099" s="166">
        <v>0</v>
      </c>
      <c r="AI2099" s="166">
        <v>0</v>
      </c>
      <c r="AJ2099" s="166">
        <v>0</v>
      </c>
      <c r="AK2099" s="166">
        <v>0</v>
      </c>
      <c r="AL2099" s="166">
        <v>0</v>
      </c>
      <c r="AM2099" s="166">
        <v>0</v>
      </c>
      <c r="AN2099" s="166">
        <v>0</v>
      </c>
      <c r="AO2099" s="166">
        <v>0</v>
      </c>
      <c r="AP2099" s="166">
        <v>0</v>
      </c>
      <c r="AQ2099" s="166">
        <v>0</v>
      </c>
      <c r="AR2099" s="166">
        <v>0</v>
      </c>
      <c r="AS2099" s="166">
        <v>0</v>
      </c>
      <c r="AT2099" s="166">
        <v>0</v>
      </c>
      <c r="AU2099" s="166">
        <v>0</v>
      </c>
      <c r="AV2099" s="166">
        <v>0</v>
      </c>
      <c r="AW2099" s="166">
        <v>0</v>
      </c>
      <c r="AX2099" s="166">
        <v>0</v>
      </c>
      <c r="AY2099" s="166">
        <v>0</v>
      </c>
      <c r="AZ2099" s="166">
        <v>0</v>
      </c>
      <c r="BA2099" s="166">
        <v>0</v>
      </c>
      <c r="BB2099" s="166">
        <v>0</v>
      </c>
      <c r="BC2099" s="166">
        <v>0</v>
      </c>
      <c r="BD2099" s="166">
        <v>0</v>
      </c>
      <c r="BE2099" s="166">
        <v>0</v>
      </c>
      <c r="BF2099" s="166">
        <v>0</v>
      </c>
      <c r="BG2099" s="166">
        <v>0</v>
      </c>
      <c r="BH2099" s="166">
        <v>0</v>
      </c>
      <c r="BI2099" s="166">
        <v>0</v>
      </c>
      <c r="BJ2099" s="166">
        <v>0</v>
      </c>
      <c r="BK2099" s="166">
        <v>0</v>
      </c>
      <c r="BL2099" s="166">
        <v>0</v>
      </c>
      <c r="BM2099" s="166">
        <v>0</v>
      </c>
      <c r="BN2099" s="166">
        <v>0</v>
      </c>
      <c r="BO2099" s="166">
        <v>0</v>
      </c>
      <c r="BP2099" s="166">
        <v>0</v>
      </c>
      <c r="BQ2099" s="166">
        <v>0</v>
      </c>
      <c r="BR2099" s="166">
        <v>90413129.325999901</v>
      </c>
      <c r="BS2099" s="166">
        <v>90413129.325999901</v>
      </c>
      <c r="BT2099" s="168">
        <v>0</v>
      </c>
      <c r="BU2099" s="166">
        <v>7846595.6681824904</v>
      </c>
      <c r="BV2099" s="166">
        <v>90402931.113813296</v>
      </c>
      <c r="BW2099" s="166">
        <v>0</v>
      </c>
      <c r="BX2099" s="166">
        <v>0</v>
      </c>
      <c r="BY2099" s="166">
        <v>0</v>
      </c>
      <c r="BZ2099" s="166">
        <v>0</v>
      </c>
      <c r="CA2099" s="166">
        <v>0</v>
      </c>
      <c r="CB2099" s="166">
        <v>0</v>
      </c>
      <c r="CC2099" s="166">
        <v>0</v>
      </c>
      <c r="CD2099" s="166">
        <v>0</v>
      </c>
      <c r="CE2099" s="166">
        <v>0</v>
      </c>
      <c r="CF2099" s="166">
        <v>0</v>
      </c>
      <c r="CG2099" s="166">
        <v>0</v>
      </c>
      <c r="CH2099" s="166">
        <v>0</v>
      </c>
      <c r="CI2099" s="166">
        <v>0</v>
      </c>
      <c r="CJ2099" s="166">
        <v>0</v>
      </c>
      <c r="CK2099" s="166">
        <v>0</v>
      </c>
      <c r="CL2099" s="166">
        <v>0</v>
      </c>
      <c r="CM2099" s="166">
        <v>0</v>
      </c>
      <c r="CN2099" s="166">
        <v>0</v>
      </c>
      <c r="CO2099" s="166">
        <v>0</v>
      </c>
      <c r="CP2099" s="166">
        <v>0</v>
      </c>
      <c r="CQ2099" s="166">
        <v>0</v>
      </c>
      <c r="CR2099" s="166">
        <v>0</v>
      </c>
      <c r="CS2099" s="166">
        <v>0</v>
      </c>
      <c r="CT2099" s="166">
        <v>0</v>
      </c>
      <c r="CU2099" s="166">
        <v>0</v>
      </c>
      <c r="CV2099" s="166">
        <v>0</v>
      </c>
      <c r="CW2099" s="166">
        <v>0</v>
      </c>
      <c r="CX2099" s="166">
        <v>0</v>
      </c>
      <c r="CY2099" s="166">
        <v>90402931.113813296</v>
      </c>
      <c r="CZ2099" s="166">
        <v>90402931.113813296</v>
      </c>
    </row>
    <row r="2100" spans="1:104" x14ac:dyDescent="0.2">
      <c r="A2100" s="167" t="s">
        <v>506</v>
      </c>
      <c r="B2100" s="166">
        <v>10493572.1299999</v>
      </c>
      <c r="C2100" s="166">
        <v>10493572.1299999</v>
      </c>
      <c r="D2100" s="166">
        <v>0</v>
      </c>
      <c r="E2100" s="166">
        <v>0</v>
      </c>
      <c r="F2100" s="166">
        <v>0</v>
      </c>
      <c r="G2100" s="166">
        <v>0</v>
      </c>
      <c r="H2100" s="166">
        <v>0</v>
      </c>
      <c r="I2100" s="166">
        <v>0</v>
      </c>
      <c r="J2100" s="166">
        <v>0</v>
      </c>
      <c r="K2100" s="166">
        <v>0</v>
      </c>
      <c r="L2100" s="166">
        <v>0</v>
      </c>
      <c r="M2100" s="166">
        <v>0</v>
      </c>
      <c r="N2100" s="166">
        <v>0</v>
      </c>
      <c r="O2100" s="166">
        <v>0</v>
      </c>
      <c r="P2100" s="166">
        <v>0</v>
      </c>
      <c r="Q2100" s="166">
        <v>0</v>
      </c>
      <c r="R2100" s="166">
        <v>0</v>
      </c>
      <c r="S2100" s="166">
        <v>0</v>
      </c>
      <c r="T2100" s="166">
        <v>0</v>
      </c>
      <c r="U2100" s="166">
        <v>0</v>
      </c>
      <c r="V2100" s="166">
        <v>0</v>
      </c>
      <c r="W2100" s="166">
        <v>0</v>
      </c>
      <c r="X2100" s="166">
        <v>0</v>
      </c>
      <c r="Y2100" s="166">
        <v>0</v>
      </c>
      <c r="Z2100" s="166">
        <v>0</v>
      </c>
      <c r="AA2100" s="166">
        <v>0</v>
      </c>
      <c r="AB2100" s="166">
        <v>0</v>
      </c>
      <c r="AC2100" s="166">
        <v>0</v>
      </c>
      <c r="AD2100" s="166">
        <v>0</v>
      </c>
      <c r="AE2100" s="166">
        <v>0</v>
      </c>
      <c r="AF2100" s="166">
        <v>0</v>
      </c>
      <c r="AG2100" s="166">
        <v>0</v>
      </c>
      <c r="AH2100" s="166">
        <v>0</v>
      </c>
      <c r="AI2100" s="166">
        <v>0</v>
      </c>
      <c r="AJ2100" s="166">
        <v>0</v>
      </c>
      <c r="AK2100" s="166">
        <v>0</v>
      </c>
      <c r="AL2100" s="166">
        <v>0</v>
      </c>
      <c r="AM2100" s="166">
        <v>0</v>
      </c>
      <c r="AN2100" s="166">
        <v>0</v>
      </c>
      <c r="AO2100" s="166">
        <v>0</v>
      </c>
      <c r="AP2100" s="166">
        <v>0</v>
      </c>
      <c r="AQ2100" s="166">
        <v>0</v>
      </c>
      <c r="AR2100" s="166">
        <v>0</v>
      </c>
      <c r="AS2100" s="166">
        <v>0</v>
      </c>
      <c r="AT2100" s="166">
        <v>0</v>
      </c>
      <c r="AU2100" s="166">
        <v>0</v>
      </c>
      <c r="AV2100" s="166">
        <v>0</v>
      </c>
      <c r="AW2100" s="166">
        <v>0</v>
      </c>
      <c r="AX2100" s="166">
        <v>0</v>
      </c>
      <c r="AY2100" s="166">
        <v>0</v>
      </c>
      <c r="AZ2100" s="166">
        <v>0</v>
      </c>
      <c r="BA2100" s="166">
        <v>0</v>
      </c>
      <c r="BB2100" s="166">
        <v>0</v>
      </c>
      <c r="BC2100" s="166">
        <v>0</v>
      </c>
      <c r="BD2100" s="166">
        <v>0</v>
      </c>
      <c r="BE2100" s="166">
        <v>0</v>
      </c>
      <c r="BF2100" s="166">
        <v>0</v>
      </c>
      <c r="BG2100" s="166">
        <v>0</v>
      </c>
      <c r="BH2100" s="166">
        <v>0</v>
      </c>
      <c r="BI2100" s="166">
        <v>0</v>
      </c>
      <c r="BJ2100" s="166">
        <v>0</v>
      </c>
      <c r="BK2100" s="166">
        <v>0</v>
      </c>
      <c r="BL2100" s="166">
        <v>0</v>
      </c>
      <c r="BM2100" s="166">
        <v>0</v>
      </c>
      <c r="BN2100" s="166">
        <v>0</v>
      </c>
      <c r="BO2100" s="166">
        <v>0</v>
      </c>
      <c r="BP2100" s="166">
        <v>0</v>
      </c>
      <c r="BQ2100" s="166">
        <v>0</v>
      </c>
      <c r="BR2100" s="166">
        <v>10493572.1299999</v>
      </c>
      <c r="BS2100" s="166">
        <v>10493572.1299999</v>
      </c>
      <c r="BT2100" s="168">
        <v>0</v>
      </c>
      <c r="BU2100" s="166">
        <v>787683.10999999905</v>
      </c>
      <c r="BV2100" s="166">
        <v>10493572.1299999</v>
      </c>
      <c r="BW2100" s="166">
        <v>0</v>
      </c>
      <c r="BX2100" s="166">
        <v>0</v>
      </c>
      <c r="BY2100" s="166">
        <v>0</v>
      </c>
      <c r="BZ2100" s="166">
        <v>0</v>
      </c>
      <c r="CA2100" s="166">
        <v>0</v>
      </c>
      <c r="CB2100" s="166">
        <v>0</v>
      </c>
      <c r="CC2100" s="166">
        <v>0</v>
      </c>
      <c r="CD2100" s="166">
        <v>0</v>
      </c>
      <c r="CE2100" s="166">
        <v>0</v>
      </c>
      <c r="CF2100" s="166">
        <v>0</v>
      </c>
      <c r="CG2100" s="166">
        <v>0</v>
      </c>
      <c r="CH2100" s="166">
        <v>0</v>
      </c>
      <c r="CI2100" s="166">
        <v>0</v>
      </c>
      <c r="CJ2100" s="166">
        <v>0</v>
      </c>
      <c r="CK2100" s="166">
        <v>0</v>
      </c>
      <c r="CL2100" s="166">
        <v>0</v>
      </c>
      <c r="CM2100" s="166">
        <v>0</v>
      </c>
      <c r="CN2100" s="166">
        <v>0</v>
      </c>
      <c r="CO2100" s="166">
        <v>0</v>
      </c>
      <c r="CP2100" s="166">
        <v>0</v>
      </c>
      <c r="CQ2100" s="166">
        <v>0</v>
      </c>
      <c r="CR2100" s="166">
        <v>0</v>
      </c>
      <c r="CS2100" s="166">
        <v>0</v>
      </c>
      <c r="CT2100" s="166">
        <v>0</v>
      </c>
      <c r="CU2100" s="166">
        <v>0</v>
      </c>
      <c r="CV2100" s="166">
        <v>0</v>
      </c>
      <c r="CW2100" s="166">
        <v>0</v>
      </c>
      <c r="CX2100" s="166">
        <v>0</v>
      </c>
      <c r="CY2100" s="166">
        <v>10493572.1299999</v>
      </c>
      <c r="CZ2100" s="166">
        <v>10493572.1299999</v>
      </c>
    </row>
    <row r="2101" spans="1:104" x14ac:dyDescent="0.2">
      <c r="A2101" s="167" t="s">
        <v>507</v>
      </c>
      <c r="B2101" s="166">
        <v>8770444.5500000007</v>
      </c>
      <c r="C2101" s="166">
        <v>8770444.5500000007</v>
      </c>
      <c r="D2101" s="166">
        <v>0</v>
      </c>
      <c r="E2101" s="166">
        <v>0</v>
      </c>
      <c r="F2101" s="166">
        <v>0</v>
      </c>
      <c r="G2101" s="166">
        <v>0</v>
      </c>
      <c r="H2101" s="166">
        <v>0</v>
      </c>
      <c r="I2101" s="166">
        <v>0</v>
      </c>
      <c r="J2101" s="166">
        <v>0</v>
      </c>
      <c r="K2101" s="166">
        <v>0</v>
      </c>
      <c r="L2101" s="166">
        <v>0</v>
      </c>
      <c r="M2101" s="166">
        <v>0</v>
      </c>
      <c r="N2101" s="166">
        <v>0</v>
      </c>
      <c r="O2101" s="166">
        <v>0</v>
      </c>
      <c r="P2101" s="166">
        <v>0</v>
      </c>
      <c r="Q2101" s="166">
        <v>0</v>
      </c>
      <c r="R2101" s="166">
        <v>0</v>
      </c>
      <c r="S2101" s="166">
        <v>0</v>
      </c>
      <c r="T2101" s="166">
        <v>0</v>
      </c>
      <c r="U2101" s="166">
        <v>0</v>
      </c>
      <c r="V2101" s="166">
        <v>0</v>
      </c>
      <c r="W2101" s="166">
        <v>0</v>
      </c>
      <c r="X2101" s="166">
        <v>0</v>
      </c>
      <c r="Y2101" s="166">
        <v>0</v>
      </c>
      <c r="Z2101" s="166">
        <v>0</v>
      </c>
      <c r="AA2101" s="166">
        <v>0</v>
      </c>
      <c r="AB2101" s="166">
        <v>0</v>
      </c>
      <c r="AC2101" s="166">
        <v>0</v>
      </c>
      <c r="AD2101" s="166">
        <v>0</v>
      </c>
      <c r="AE2101" s="166">
        <v>0</v>
      </c>
      <c r="AF2101" s="166">
        <v>0</v>
      </c>
      <c r="AG2101" s="166">
        <v>0</v>
      </c>
      <c r="AH2101" s="166">
        <v>0</v>
      </c>
      <c r="AI2101" s="166">
        <v>0</v>
      </c>
      <c r="AJ2101" s="166">
        <v>0</v>
      </c>
      <c r="AK2101" s="166">
        <v>0</v>
      </c>
      <c r="AL2101" s="166">
        <v>0</v>
      </c>
      <c r="AM2101" s="166">
        <v>0</v>
      </c>
      <c r="AN2101" s="166">
        <v>0</v>
      </c>
      <c r="AO2101" s="166">
        <v>0</v>
      </c>
      <c r="AP2101" s="166">
        <v>0</v>
      </c>
      <c r="AQ2101" s="166">
        <v>0</v>
      </c>
      <c r="AR2101" s="166">
        <v>0</v>
      </c>
      <c r="AS2101" s="166">
        <v>0</v>
      </c>
      <c r="AT2101" s="166">
        <v>0</v>
      </c>
      <c r="AU2101" s="166">
        <v>0</v>
      </c>
      <c r="AV2101" s="166">
        <v>0</v>
      </c>
      <c r="AW2101" s="166">
        <v>0</v>
      </c>
      <c r="AX2101" s="166">
        <v>0</v>
      </c>
      <c r="AY2101" s="166">
        <v>0</v>
      </c>
      <c r="AZ2101" s="166">
        <v>0</v>
      </c>
      <c r="BA2101" s="166">
        <v>0</v>
      </c>
      <c r="BB2101" s="166">
        <v>0</v>
      </c>
      <c r="BC2101" s="166">
        <v>0</v>
      </c>
      <c r="BD2101" s="166">
        <v>0</v>
      </c>
      <c r="BE2101" s="166">
        <v>0</v>
      </c>
      <c r="BF2101" s="166">
        <v>0</v>
      </c>
      <c r="BG2101" s="166">
        <v>0</v>
      </c>
      <c r="BH2101" s="166">
        <v>0</v>
      </c>
      <c r="BI2101" s="166">
        <v>0</v>
      </c>
      <c r="BJ2101" s="166">
        <v>0</v>
      </c>
      <c r="BK2101" s="166">
        <v>0</v>
      </c>
      <c r="BL2101" s="166">
        <v>0</v>
      </c>
      <c r="BM2101" s="166">
        <v>0</v>
      </c>
      <c r="BN2101" s="166">
        <v>0</v>
      </c>
      <c r="BO2101" s="166">
        <v>0</v>
      </c>
      <c r="BP2101" s="166">
        <v>0</v>
      </c>
      <c r="BQ2101" s="166">
        <v>0</v>
      </c>
      <c r="BR2101" s="166">
        <v>8770444.5500000007</v>
      </c>
      <c r="BS2101" s="166">
        <v>8770444.5500000007</v>
      </c>
      <c r="BT2101" s="168">
        <v>0</v>
      </c>
      <c r="BU2101" s="166">
        <v>685827.19</v>
      </c>
      <c r="BV2101" s="166">
        <v>8770444.5500000007</v>
      </c>
      <c r="BW2101" s="166">
        <v>0</v>
      </c>
      <c r="BX2101" s="166">
        <v>0</v>
      </c>
      <c r="BY2101" s="166">
        <v>0</v>
      </c>
      <c r="BZ2101" s="166">
        <v>0</v>
      </c>
      <c r="CA2101" s="166">
        <v>0</v>
      </c>
      <c r="CB2101" s="166">
        <v>0</v>
      </c>
      <c r="CC2101" s="166">
        <v>0</v>
      </c>
      <c r="CD2101" s="166">
        <v>0</v>
      </c>
      <c r="CE2101" s="166">
        <v>0</v>
      </c>
      <c r="CF2101" s="166">
        <v>0</v>
      </c>
      <c r="CG2101" s="166">
        <v>0</v>
      </c>
      <c r="CH2101" s="166">
        <v>0</v>
      </c>
      <c r="CI2101" s="166">
        <v>0</v>
      </c>
      <c r="CJ2101" s="166">
        <v>0</v>
      </c>
      <c r="CK2101" s="166">
        <v>0</v>
      </c>
      <c r="CL2101" s="166">
        <v>0</v>
      </c>
      <c r="CM2101" s="166">
        <v>0</v>
      </c>
      <c r="CN2101" s="166">
        <v>0</v>
      </c>
      <c r="CO2101" s="166">
        <v>0</v>
      </c>
      <c r="CP2101" s="166">
        <v>0</v>
      </c>
      <c r="CQ2101" s="166">
        <v>0</v>
      </c>
      <c r="CR2101" s="166">
        <v>0</v>
      </c>
      <c r="CS2101" s="166">
        <v>0</v>
      </c>
      <c r="CT2101" s="166">
        <v>0</v>
      </c>
      <c r="CU2101" s="166">
        <v>0</v>
      </c>
      <c r="CV2101" s="166">
        <v>0</v>
      </c>
      <c r="CW2101" s="166">
        <v>0</v>
      </c>
      <c r="CX2101" s="166">
        <v>0</v>
      </c>
      <c r="CY2101" s="166">
        <v>8770444.5500000007</v>
      </c>
      <c r="CZ2101" s="166">
        <v>8770444.5500000007</v>
      </c>
    </row>
    <row r="2102" spans="1:104" x14ac:dyDescent="0.2">
      <c r="A2102" s="167" t="s">
        <v>1207</v>
      </c>
      <c r="B2102" s="166">
        <v>188894655.00373</v>
      </c>
      <c r="C2102" s="166">
        <v>188894655.00373</v>
      </c>
      <c r="D2102" s="166">
        <v>0</v>
      </c>
      <c r="E2102" s="166">
        <v>0</v>
      </c>
      <c r="F2102" s="166">
        <v>0</v>
      </c>
      <c r="G2102" s="166">
        <v>0</v>
      </c>
      <c r="H2102" s="166">
        <v>0</v>
      </c>
      <c r="I2102" s="166">
        <v>0</v>
      </c>
      <c r="J2102" s="166">
        <v>0</v>
      </c>
      <c r="K2102" s="166">
        <v>0</v>
      </c>
      <c r="L2102" s="166">
        <v>0</v>
      </c>
      <c r="M2102" s="166">
        <v>0</v>
      </c>
      <c r="N2102" s="166">
        <v>0</v>
      </c>
      <c r="O2102" s="166">
        <v>0</v>
      </c>
      <c r="P2102" s="166">
        <v>0</v>
      </c>
      <c r="Q2102" s="166">
        <v>0</v>
      </c>
      <c r="R2102" s="166">
        <v>0</v>
      </c>
      <c r="S2102" s="166">
        <v>0</v>
      </c>
      <c r="T2102" s="166">
        <v>0</v>
      </c>
      <c r="U2102" s="166">
        <v>0</v>
      </c>
      <c r="V2102" s="166">
        <v>0</v>
      </c>
      <c r="W2102" s="166">
        <v>0</v>
      </c>
      <c r="X2102" s="166">
        <v>0</v>
      </c>
      <c r="Y2102" s="166">
        <v>0</v>
      </c>
      <c r="Z2102" s="166">
        <v>0</v>
      </c>
      <c r="AA2102" s="166">
        <v>0</v>
      </c>
      <c r="AB2102" s="166">
        <v>0</v>
      </c>
      <c r="AC2102" s="166">
        <v>0</v>
      </c>
      <c r="AD2102" s="166">
        <v>0</v>
      </c>
      <c r="AE2102" s="166">
        <v>0</v>
      </c>
      <c r="AF2102" s="166">
        <v>0</v>
      </c>
      <c r="AG2102" s="166">
        <v>0</v>
      </c>
      <c r="AH2102" s="166">
        <v>0</v>
      </c>
      <c r="AI2102" s="166">
        <v>0</v>
      </c>
      <c r="AJ2102" s="166">
        <v>0</v>
      </c>
      <c r="AK2102" s="166">
        <v>0</v>
      </c>
      <c r="AL2102" s="166">
        <v>0</v>
      </c>
      <c r="AM2102" s="166">
        <v>0</v>
      </c>
      <c r="AN2102" s="166">
        <v>0</v>
      </c>
      <c r="AO2102" s="166">
        <v>0</v>
      </c>
      <c r="AP2102" s="166">
        <v>0</v>
      </c>
      <c r="AQ2102" s="166">
        <v>0</v>
      </c>
      <c r="AR2102" s="166">
        <v>0</v>
      </c>
      <c r="AS2102" s="166">
        <v>0</v>
      </c>
      <c r="AT2102" s="166">
        <v>0</v>
      </c>
      <c r="AU2102" s="166">
        <v>0</v>
      </c>
      <c r="AV2102" s="166">
        <v>0</v>
      </c>
      <c r="AW2102" s="166">
        <v>0</v>
      </c>
      <c r="AX2102" s="166">
        <v>-3969679.3581241001</v>
      </c>
      <c r="AY2102" s="166">
        <v>0</v>
      </c>
      <c r="AZ2102" s="166">
        <v>0</v>
      </c>
      <c r="BA2102" s="166">
        <v>0</v>
      </c>
      <c r="BB2102" s="166">
        <v>0</v>
      </c>
      <c r="BC2102" s="166">
        <v>0</v>
      </c>
      <c r="BD2102" s="166">
        <v>0</v>
      </c>
      <c r="BE2102" s="166">
        <v>0</v>
      </c>
      <c r="BF2102" s="166">
        <v>0</v>
      </c>
      <c r="BG2102" s="166">
        <v>0</v>
      </c>
      <c r="BH2102" s="166">
        <v>0</v>
      </c>
      <c r="BI2102" s="166">
        <v>0</v>
      </c>
      <c r="BJ2102" s="166">
        <v>0</v>
      </c>
      <c r="BK2102" s="166">
        <v>0</v>
      </c>
      <c r="BL2102" s="166">
        <v>0</v>
      </c>
      <c r="BM2102" s="166">
        <v>0</v>
      </c>
      <c r="BN2102" s="166">
        <v>0</v>
      </c>
      <c r="BO2102" s="166">
        <v>-3969679.3581241001</v>
      </c>
      <c r="BP2102" s="166">
        <v>0</v>
      </c>
      <c r="BQ2102" s="166">
        <v>0</v>
      </c>
      <c r="BR2102" s="166">
        <v>188894655.00373</v>
      </c>
      <c r="BS2102" s="166">
        <v>184924975.645605</v>
      </c>
      <c r="BT2102" s="168">
        <v>0</v>
      </c>
      <c r="BU2102" s="166">
        <v>9695747.6099772099</v>
      </c>
      <c r="BV2102" s="166">
        <v>181685154.334108</v>
      </c>
      <c r="BW2102" s="166">
        <v>0</v>
      </c>
      <c r="BX2102" s="166">
        <v>0</v>
      </c>
      <c r="BY2102" s="166">
        <v>0</v>
      </c>
      <c r="BZ2102" s="166">
        <v>0</v>
      </c>
      <c r="CA2102" s="166">
        <v>0</v>
      </c>
      <c r="CB2102" s="166">
        <v>0</v>
      </c>
      <c r="CC2102" s="166">
        <v>0</v>
      </c>
      <c r="CD2102" s="166">
        <v>0</v>
      </c>
      <c r="CE2102" s="166">
        <v>0</v>
      </c>
      <c r="CF2102" s="166">
        <v>0</v>
      </c>
      <c r="CG2102" s="166">
        <v>0</v>
      </c>
      <c r="CH2102" s="166">
        <v>-3969679.3581241001</v>
      </c>
      <c r="CI2102" s="166">
        <v>0</v>
      </c>
      <c r="CJ2102" s="166">
        <v>0</v>
      </c>
      <c r="CK2102" s="166">
        <v>0</v>
      </c>
      <c r="CL2102" s="166">
        <v>0</v>
      </c>
      <c r="CM2102" s="166">
        <v>0</v>
      </c>
      <c r="CN2102" s="166">
        <v>0</v>
      </c>
      <c r="CO2102" s="166">
        <v>0</v>
      </c>
      <c r="CP2102" s="166">
        <v>0</v>
      </c>
      <c r="CQ2102" s="166">
        <v>0</v>
      </c>
      <c r="CR2102" s="166">
        <v>0</v>
      </c>
      <c r="CS2102" s="166">
        <v>0</v>
      </c>
      <c r="CT2102" s="166">
        <v>0</v>
      </c>
      <c r="CU2102" s="166">
        <v>0</v>
      </c>
      <c r="CV2102" s="166">
        <v>-3969679.3581241001</v>
      </c>
      <c r="CW2102" s="166">
        <v>0</v>
      </c>
      <c r="CX2102" s="166">
        <v>0</v>
      </c>
      <c r="CY2102" s="166">
        <v>177715474.97598401</v>
      </c>
      <c r="CZ2102" s="166">
        <v>177715474.97598401</v>
      </c>
    </row>
    <row r="2103" spans="1:104" x14ac:dyDescent="0.2">
      <c r="A2103" s="170" t="s">
        <v>509</v>
      </c>
      <c r="B2103" s="166">
        <v>620159436.91678905</v>
      </c>
      <c r="C2103" s="166">
        <v>620159436.91678905</v>
      </c>
      <c r="D2103" s="166">
        <v>0</v>
      </c>
      <c r="E2103" s="166">
        <v>0</v>
      </c>
      <c r="F2103" s="166">
        <v>0</v>
      </c>
      <c r="G2103" s="166">
        <v>0</v>
      </c>
      <c r="H2103" s="166">
        <v>0</v>
      </c>
      <c r="I2103" s="166">
        <v>0</v>
      </c>
      <c r="J2103" s="166">
        <v>0</v>
      </c>
      <c r="K2103" s="166">
        <v>0</v>
      </c>
      <c r="L2103" s="166">
        <v>0</v>
      </c>
      <c r="M2103" s="166">
        <v>0</v>
      </c>
      <c r="N2103" s="166">
        <v>0</v>
      </c>
      <c r="O2103" s="166">
        <v>0</v>
      </c>
      <c r="P2103" s="166">
        <v>0</v>
      </c>
      <c r="Q2103" s="166">
        <v>0</v>
      </c>
      <c r="R2103" s="166">
        <v>0</v>
      </c>
      <c r="S2103" s="166">
        <v>0</v>
      </c>
      <c r="T2103" s="166">
        <v>0</v>
      </c>
      <c r="U2103" s="166">
        <v>0</v>
      </c>
      <c r="V2103" s="166">
        <v>0</v>
      </c>
      <c r="W2103" s="166">
        <v>0</v>
      </c>
      <c r="X2103" s="166">
        <v>0</v>
      </c>
      <c r="Y2103" s="166">
        <v>0</v>
      </c>
      <c r="Z2103" s="166">
        <v>0</v>
      </c>
      <c r="AA2103" s="166">
        <v>0</v>
      </c>
      <c r="AB2103" s="166">
        <v>0</v>
      </c>
      <c r="AC2103" s="166">
        <v>0</v>
      </c>
      <c r="AD2103" s="166">
        <v>0</v>
      </c>
      <c r="AE2103" s="166">
        <v>0</v>
      </c>
      <c r="AF2103" s="166">
        <v>0</v>
      </c>
      <c r="AG2103" s="166">
        <v>0</v>
      </c>
      <c r="AH2103" s="166">
        <v>0</v>
      </c>
      <c r="AI2103" s="166">
        <v>0</v>
      </c>
      <c r="AJ2103" s="166">
        <v>0</v>
      </c>
      <c r="AK2103" s="166">
        <v>0</v>
      </c>
      <c r="AL2103" s="166">
        <v>0</v>
      </c>
      <c r="AM2103" s="166">
        <v>0</v>
      </c>
      <c r="AN2103" s="166">
        <v>0</v>
      </c>
      <c r="AO2103" s="166">
        <v>0</v>
      </c>
      <c r="AP2103" s="166">
        <v>0</v>
      </c>
      <c r="AQ2103" s="166">
        <v>0</v>
      </c>
      <c r="AR2103" s="166">
        <v>0</v>
      </c>
      <c r="AS2103" s="166">
        <v>0</v>
      </c>
      <c r="AT2103" s="166">
        <v>0</v>
      </c>
      <c r="AU2103" s="166">
        <v>0</v>
      </c>
      <c r="AV2103" s="166">
        <v>0</v>
      </c>
      <c r="AW2103" s="166">
        <v>0</v>
      </c>
      <c r="AX2103" s="166">
        <v>-3969679.3581241001</v>
      </c>
      <c r="AY2103" s="166">
        <v>0</v>
      </c>
      <c r="AZ2103" s="166">
        <v>0</v>
      </c>
      <c r="BA2103" s="166">
        <v>0</v>
      </c>
      <c r="BB2103" s="166">
        <v>0</v>
      </c>
      <c r="BC2103" s="166">
        <v>0</v>
      </c>
      <c r="BD2103" s="166">
        <v>0</v>
      </c>
      <c r="BE2103" s="166">
        <v>0</v>
      </c>
      <c r="BF2103" s="166">
        <v>0</v>
      </c>
      <c r="BG2103" s="166">
        <v>0</v>
      </c>
      <c r="BH2103" s="166">
        <v>0</v>
      </c>
      <c r="BI2103" s="166">
        <v>0</v>
      </c>
      <c r="BJ2103" s="166">
        <v>0</v>
      </c>
      <c r="BK2103" s="166">
        <v>0</v>
      </c>
      <c r="BL2103" s="166">
        <v>0</v>
      </c>
      <c r="BM2103" s="166">
        <v>0</v>
      </c>
      <c r="BN2103" s="166">
        <v>0</v>
      </c>
      <c r="BO2103" s="166">
        <v>-3969679.3581241001</v>
      </c>
      <c r="BP2103" s="166">
        <v>0</v>
      </c>
      <c r="BQ2103" s="166">
        <v>0</v>
      </c>
      <c r="BR2103" s="166">
        <v>620159436.91678905</v>
      </c>
      <c r="BS2103" s="166">
        <v>616189757.55866504</v>
      </c>
      <c r="BT2103" s="168">
        <v>0</v>
      </c>
      <c r="BU2103" s="166">
        <v>43801458.954222202</v>
      </c>
      <c r="BV2103" s="166">
        <v>602695748.21391702</v>
      </c>
      <c r="BW2103" s="166">
        <v>0</v>
      </c>
      <c r="BX2103" s="166">
        <v>0</v>
      </c>
      <c r="BY2103" s="166">
        <v>0</v>
      </c>
      <c r="BZ2103" s="166">
        <v>0</v>
      </c>
      <c r="CA2103" s="166">
        <v>0</v>
      </c>
      <c r="CB2103" s="166">
        <v>0</v>
      </c>
      <c r="CC2103" s="166">
        <v>0</v>
      </c>
      <c r="CD2103" s="166">
        <v>0</v>
      </c>
      <c r="CE2103" s="166">
        <v>0</v>
      </c>
      <c r="CF2103" s="166">
        <v>0</v>
      </c>
      <c r="CG2103" s="166">
        <v>0</v>
      </c>
      <c r="CH2103" s="166">
        <v>-3969679.3581241001</v>
      </c>
      <c r="CI2103" s="166">
        <v>0</v>
      </c>
      <c r="CJ2103" s="166">
        <v>0</v>
      </c>
      <c r="CK2103" s="166">
        <v>0</v>
      </c>
      <c r="CL2103" s="166">
        <v>0</v>
      </c>
      <c r="CM2103" s="166">
        <v>0</v>
      </c>
      <c r="CN2103" s="166">
        <v>0</v>
      </c>
      <c r="CO2103" s="166">
        <v>0</v>
      </c>
      <c r="CP2103" s="166">
        <v>0</v>
      </c>
      <c r="CQ2103" s="166">
        <v>0</v>
      </c>
      <c r="CR2103" s="166">
        <v>0</v>
      </c>
      <c r="CS2103" s="166">
        <v>0</v>
      </c>
      <c r="CT2103" s="166">
        <v>0</v>
      </c>
      <c r="CU2103" s="166">
        <v>0</v>
      </c>
      <c r="CV2103" s="166">
        <v>-3969679.3581241001</v>
      </c>
      <c r="CW2103" s="166">
        <v>0</v>
      </c>
      <c r="CX2103" s="166">
        <v>0</v>
      </c>
      <c r="CY2103" s="166">
        <v>598726068.855793</v>
      </c>
      <c r="CZ2103" s="166">
        <v>598726068.855793</v>
      </c>
    </row>
    <row r="2104" spans="1:104" x14ac:dyDescent="0.2">
      <c r="A2104" s="167" t="s">
        <v>510</v>
      </c>
      <c r="B2104" s="166">
        <v>1914378888.3322501</v>
      </c>
      <c r="C2104" s="166">
        <v>1914378888.3322501</v>
      </c>
      <c r="D2104" s="166">
        <v>0</v>
      </c>
      <c r="E2104" s="166">
        <v>0</v>
      </c>
      <c r="F2104" s="166">
        <v>0</v>
      </c>
      <c r="G2104" s="166">
        <v>-39465934</v>
      </c>
      <c r="H2104" s="166">
        <v>0</v>
      </c>
      <c r="I2104" s="166">
        <v>0</v>
      </c>
      <c r="J2104" s="166">
        <v>0</v>
      </c>
      <c r="K2104" s="166">
        <v>0</v>
      </c>
      <c r="L2104" s="166">
        <v>0</v>
      </c>
      <c r="M2104" s="166">
        <v>0</v>
      </c>
      <c r="N2104" s="166">
        <v>0</v>
      </c>
      <c r="O2104" s="166">
        <v>0</v>
      </c>
      <c r="P2104" s="166">
        <v>0</v>
      </c>
      <c r="Q2104" s="166">
        <v>0</v>
      </c>
      <c r="R2104" s="166">
        <v>-116479536.974999</v>
      </c>
      <c r="S2104" s="166">
        <v>0</v>
      </c>
      <c r="T2104" s="166">
        <v>0</v>
      </c>
      <c r="U2104" s="166">
        <v>-11791628.287941299</v>
      </c>
      <c r="V2104" s="166">
        <v>0</v>
      </c>
      <c r="W2104" s="166">
        <v>0</v>
      </c>
      <c r="X2104" s="166">
        <v>0</v>
      </c>
      <c r="Y2104" s="166">
        <v>0</v>
      </c>
      <c r="Z2104" s="166">
        <v>0</v>
      </c>
      <c r="AA2104" s="166">
        <v>0</v>
      </c>
      <c r="AB2104" s="166">
        <v>-1687156549.9493101</v>
      </c>
      <c r="AC2104" s="166">
        <v>0</v>
      </c>
      <c r="AD2104" s="166">
        <v>0</v>
      </c>
      <c r="AE2104" s="166">
        <v>0</v>
      </c>
      <c r="AF2104" s="166">
        <v>0</v>
      </c>
      <c r="AG2104" s="166">
        <v>0</v>
      </c>
      <c r="AH2104" s="166">
        <v>0</v>
      </c>
      <c r="AI2104" s="166">
        <v>0</v>
      </c>
      <c r="AJ2104" s="166">
        <v>0</v>
      </c>
      <c r="AK2104" s="166">
        <v>0</v>
      </c>
      <c r="AL2104" s="166">
        <v>0</v>
      </c>
      <c r="AM2104" s="166">
        <v>0</v>
      </c>
      <c r="AN2104" s="166">
        <v>0</v>
      </c>
      <c r="AO2104" s="166">
        <v>0</v>
      </c>
      <c r="AP2104" s="166">
        <v>0</v>
      </c>
      <c r="AQ2104" s="166">
        <v>0</v>
      </c>
      <c r="AR2104" s="166">
        <v>0</v>
      </c>
      <c r="AS2104" s="166">
        <v>0</v>
      </c>
      <c r="AT2104" s="166">
        <v>0</v>
      </c>
      <c r="AU2104" s="166">
        <v>0</v>
      </c>
      <c r="AV2104" s="166">
        <v>0</v>
      </c>
      <c r="AW2104" s="166">
        <v>0</v>
      </c>
      <c r="AX2104" s="166">
        <v>0</v>
      </c>
      <c r="AY2104" s="166">
        <v>-59485239.119999997</v>
      </c>
      <c r="AZ2104" s="166">
        <v>0</v>
      </c>
      <c r="BA2104" s="166">
        <v>0</v>
      </c>
      <c r="BB2104" s="166">
        <v>0</v>
      </c>
      <c r="BC2104" s="166">
        <v>0</v>
      </c>
      <c r="BD2104" s="166">
        <v>-39465934</v>
      </c>
      <c r="BE2104" s="166">
        <v>0</v>
      </c>
      <c r="BF2104" s="166">
        <v>0</v>
      </c>
      <c r="BG2104" s="166">
        <v>-116479536.974999</v>
      </c>
      <c r="BH2104" s="166">
        <v>0</v>
      </c>
      <c r="BI2104" s="166">
        <v>-11791628.287941299</v>
      </c>
      <c r="BJ2104" s="166">
        <v>-1687156549.9493101</v>
      </c>
      <c r="BK2104" s="166">
        <v>0</v>
      </c>
      <c r="BL2104" s="166">
        <v>0</v>
      </c>
      <c r="BM2104" s="166">
        <v>0</v>
      </c>
      <c r="BN2104" s="166">
        <v>0</v>
      </c>
      <c r="BO2104" s="166">
        <v>0</v>
      </c>
      <c r="BP2104" s="166">
        <v>-59485239.119999997</v>
      </c>
      <c r="BQ2104" s="166">
        <v>0</v>
      </c>
      <c r="BR2104" s="166">
        <v>1914378888.3322501</v>
      </c>
      <c r="BS2104" s="166">
        <v>0</v>
      </c>
      <c r="BT2104" s="168">
        <v>0</v>
      </c>
      <c r="BU2104" s="166">
        <v>145551830.90220401</v>
      </c>
      <c r="BV2104" s="166">
        <v>1902868128.93788</v>
      </c>
      <c r="BW2104" s="166">
        <v>-36972303.823748402</v>
      </c>
      <c r="BX2104" s="166">
        <v>0</v>
      </c>
      <c r="BY2104" s="166">
        <v>0</v>
      </c>
      <c r="BZ2104" s="166">
        <v>-116479536.974999</v>
      </c>
      <c r="CA2104" s="166">
        <v>0</v>
      </c>
      <c r="CB2104" s="166">
        <v>-11791585.0756472</v>
      </c>
      <c r="CC2104" s="166">
        <v>-1680717658.5458701</v>
      </c>
      <c r="CD2104" s="166">
        <v>0</v>
      </c>
      <c r="CE2104" s="166">
        <v>0</v>
      </c>
      <c r="CF2104" s="166">
        <v>0</v>
      </c>
      <c r="CG2104" s="166">
        <v>0</v>
      </c>
      <c r="CH2104" s="166">
        <v>0</v>
      </c>
      <c r="CI2104" s="166">
        <v>-56907044.517618001</v>
      </c>
      <c r="CJ2104" s="166">
        <v>0</v>
      </c>
      <c r="CK2104" s="166">
        <v>-36972303.823748402</v>
      </c>
      <c r="CL2104" s="166">
        <v>0</v>
      </c>
      <c r="CM2104" s="166">
        <v>0</v>
      </c>
      <c r="CN2104" s="166">
        <v>-116479536.974999</v>
      </c>
      <c r="CO2104" s="166">
        <v>0</v>
      </c>
      <c r="CP2104" s="166">
        <v>-11791585.0756472</v>
      </c>
      <c r="CQ2104" s="166">
        <v>-1680717658.5458701</v>
      </c>
      <c r="CR2104" s="166">
        <v>0</v>
      </c>
      <c r="CS2104" s="166">
        <v>0</v>
      </c>
      <c r="CT2104" s="166">
        <v>0</v>
      </c>
      <c r="CU2104" s="166">
        <v>0</v>
      </c>
      <c r="CV2104" s="166">
        <v>0</v>
      </c>
      <c r="CW2104" s="166">
        <v>-56907044.517618001</v>
      </c>
      <c r="CX2104" s="166">
        <v>0</v>
      </c>
      <c r="CY2104" s="166">
        <v>0</v>
      </c>
      <c r="CZ2104" s="166">
        <v>0</v>
      </c>
    </row>
    <row r="2105" spans="1:104" x14ac:dyDescent="0.2">
      <c r="A2105" s="170" t="s">
        <v>511</v>
      </c>
      <c r="B2105" s="166">
        <v>2534538325.2490401</v>
      </c>
      <c r="C2105" s="166">
        <v>2534538325.2490401</v>
      </c>
      <c r="D2105" s="166">
        <v>0</v>
      </c>
      <c r="E2105" s="166">
        <v>0</v>
      </c>
      <c r="F2105" s="166">
        <v>0</v>
      </c>
      <c r="G2105" s="166">
        <v>-39465934</v>
      </c>
      <c r="H2105" s="166">
        <v>0</v>
      </c>
      <c r="I2105" s="166">
        <v>0</v>
      </c>
      <c r="J2105" s="166">
        <v>0</v>
      </c>
      <c r="K2105" s="166">
        <v>0</v>
      </c>
      <c r="L2105" s="166">
        <v>0</v>
      </c>
      <c r="M2105" s="166">
        <v>0</v>
      </c>
      <c r="N2105" s="166">
        <v>0</v>
      </c>
      <c r="O2105" s="166">
        <v>0</v>
      </c>
      <c r="P2105" s="166">
        <v>0</v>
      </c>
      <c r="Q2105" s="166">
        <v>0</v>
      </c>
      <c r="R2105" s="166">
        <v>-116479536.974999</v>
      </c>
      <c r="S2105" s="166">
        <v>0</v>
      </c>
      <c r="T2105" s="166">
        <v>0</v>
      </c>
      <c r="U2105" s="166">
        <v>-11791628.287941299</v>
      </c>
      <c r="V2105" s="166">
        <v>0</v>
      </c>
      <c r="W2105" s="166">
        <v>0</v>
      </c>
      <c r="X2105" s="166">
        <v>0</v>
      </c>
      <c r="Y2105" s="166">
        <v>0</v>
      </c>
      <c r="Z2105" s="166">
        <v>0</v>
      </c>
      <c r="AA2105" s="166">
        <v>0</v>
      </c>
      <c r="AB2105" s="166">
        <v>-1687156549.9493101</v>
      </c>
      <c r="AC2105" s="166">
        <v>0</v>
      </c>
      <c r="AD2105" s="166">
        <v>0</v>
      </c>
      <c r="AE2105" s="166">
        <v>0</v>
      </c>
      <c r="AF2105" s="166">
        <v>0</v>
      </c>
      <c r="AG2105" s="166">
        <v>0</v>
      </c>
      <c r="AH2105" s="166">
        <v>0</v>
      </c>
      <c r="AI2105" s="166">
        <v>0</v>
      </c>
      <c r="AJ2105" s="166">
        <v>0</v>
      </c>
      <c r="AK2105" s="166">
        <v>0</v>
      </c>
      <c r="AL2105" s="166">
        <v>0</v>
      </c>
      <c r="AM2105" s="166">
        <v>0</v>
      </c>
      <c r="AN2105" s="166">
        <v>0</v>
      </c>
      <c r="AO2105" s="166">
        <v>0</v>
      </c>
      <c r="AP2105" s="166">
        <v>0</v>
      </c>
      <c r="AQ2105" s="166">
        <v>0</v>
      </c>
      <c r="AR2105" s="166">
        <v>0</v>
      </c>
      <c r="AS2105" s="166">
        <v>0</v>
      </c>
      <c r="AT2105" s="166">
        <v>0</v>
      </c>
      <c r="AU2105" s="166">
        <v>0</v>
      </c>
      <c r="AV2105" s="166">
        <v>0</v>
      </c>
      <c r="AW2105" s="166">
        <v>0</v>
      </c>
      <c r="AX2105" s="166">
        <v>-3969679.3581241001</v>
      </c>
      <c r="AY2105" s="166">
        <v>-59485239.119999997</v>
      </c>
      <c r="AZ2105" s="166">
        <v>0</v>
      </c>
      <c r="BA2105" s="166">
        <v>0</v>
      </c>
      <c r="BB2105" s="166">
        <v>0</v>
      </c>
      <c r="BC2105" s="166">
        <v>0</v>
      </c>
      <c r="BD2105" s="166">
        <v>-39465934</v>
      </c>
      <c r="BE2105" s="166">
        <v>0</v>
      </c>
      <c r="BF2105" s="166">
        <v>0</v>
      </c>
      <c r="BG2105" s="166">
        <v>-116479536.974999</v>
      </c>
      <c r="BH2105" s="166">
        <v>0</v>
      </c>
      <c r="BI2105" s="166">
        <v>-11791628.287941299</v>
      </c>
      <c r="BJ2105" s="166">
        <v>-1687156549.9493101</v>
      </c>
      <c r="BK2105" s="166">
        <v>0</v>
      </c>
      <c r="BL2105" s="166">
        <v>0</v>
      </c>
      <c r="BM2105" s="166">
        <v>0</v>
      </c>
      <c r="BN2105" s="166">
        <v>0</v>
      </c>
      <c r="BO2105" s="166">
        <v>-3969679.3581241001</v>
      </c>
      <c r="BP2105" s="166">
        <v>-59485239.119999997</v>
      </c>
      <c r="BQ2105" s="166">
        <v>0</v>
      </c>
      <c r="BR2105" s="166">
        <v>2534538325.2490401</v>
      </c>
      <c r="BS2105" s="166">
        <v>616189757.55866504</v>
      </c>
      <c r="BT2105" s="168">
        <v>0</v>
      </c>
      <c r="BU2105" s="166">
        <v>189353289.856426</v>
      </c>
      <c r="BV2105" s="166">
        <v>2505563877.1518002</v>
      </c>
      <c r="BW2105" s="166">
        <v>0</v>
      </c>
      <c r="BX2105" s="166">
        <v>0</v>
      </c>
      <c r="BY2105" s="166">
        <v>0</v>
      </c>
      <c r="BZ2105" s="166">
        <v>0</v>
      </c>
      <c r="CA2105" s="166">
        <v>0</v>
      </c>
      <c r="CB2105" s="166">
        <v>0</v>
      </c>
      <c r="CC2105" s="166">
        <v>0</v>
      </c>
      <c r="CD2105" s="166">
        <v>0</v>
      </c>
      <c r="CE2105" s="166">
        <v>0</v>
      </c>
      <c r="CF2105" s="166">
        <v>0</v>
      </c>
      <c r="CG2105" s="166">
        <v>0</v>
      </c>
      <c r="CH2105" s="166">
        <v>-3969679.3581241001</v>
      </c>
      <c r="CI2105" s="166">
        <v>0</v>
      </c>
      <c r="CJ2105" s="166">
        <v>0</v>
      </c>
      <c r="CK2105" s="166">
        <v>0</v>
      </c>
      <c r="CL2105" s="166">
        <v>0</v>
      </c>
      <c r="CM2105" s="166">
        <v>0</v>
      </c>
      <c r="CN2105" s="166">
        <v>0</v>
      </c>
      <c r="CO2105" s="166">
        <v>0</v>
      </c>
      <c r="CP2105" s="166">
        <v>0</v>
      </c>
      <c r="CQ2105" s="166">
        <v>0</v>
      </c>
      <c r="CR2105" s="166">
        <v>0</v>
      </c>
      <c r="CS2105" s="166">
        <v>0</v>
      </c>
      <c r="CT2105" s="166">
        <v>0</v>
      </c>
      <c r="CU2105" s="166">
        <v>0</v>
      </c>
      <c r="CV2105" s="166">
        <v>-3969679.3581241001</v>
      </c>
      <c r="CW2105" s="166">
        <v>0</v>
      </c>
      <c r="CX2105" s="166">
        <v>0</v>
      </c>
      <c r="CY2105" s="166">
        <v>598726068.855793</v>
      </c>
      <c r="CZ2105" s="166">
        <v>598726068.855793</v>
      </c>
    </row>
    <row r="2106" spans="1:104" x14ac:dyDescent="0.2">
      <c r="A2106" s="167" t="s">
        <v>512</v>
      </c>
    </row>
    <row r="2107" spans="1:104" x14ac:dyDescent="0.2">
      <c r="A2107" s="170" t="s">
        <v>513</v>
      </c>
    </row>
    <row r="2108" spans="1:104" x14ac:dyDescent="0.2">
      <c r="A2108" s="167" t="s">
        <v>514</v>
      </c>
      <c r="B2108" s="166">
        <v>2534538325.2490401</v>
      </c>
      <c r="C2108" s="166">
        <v>2534538325.2490401</v>
      </c>
      <c r="D2108" s="166">
        <v>0</v>
      </c>
      <c r="E2108" s="166">
        <v>0</v>
      </c>
      <c r="F2108" s="166">
        <v>0</v>
      </c>
      <c r="G2108" s="166">
        <v>0</v>
      </c>
      <c r="H2108" s="166">
        <v>0</v>
      </c>
      <c r="I2108" s="166">
        <v>0</v>
      </c>
      <c r="J2108" s="166">
        <v>0</v>
      </c>
      <c r="K2108" s="166">
        <v>0</v>
      </c>
      <c r="L2108" s="166">
        <v>0</v>
      </c>
      <c r="M2108" s="166">
        <v>0</v>
      </c>
      <c r="N2108" s="166">
        <v>0</v>
      </c>
      <c r="O2108" s="166">
        <v>0</v>
      </c>
      <c r="P2108" s="166">
        <v>0</v>
      </c>
      <c r="Q2108" s="166">
        <v>0</v>
      </c>
      <c r="R2108" s="166">
        <v>0</v>
      </c>
      <c r="S2108" s="166">
        <v>0</v>
      </c>
      <c r="T2108" s="166">
        <v>0</v>
      </c>
      <c r="U2108" s="166">
        <v>0</v>
      </c>
      <c r="V2108" s="166">
        <v>0</v>
      </c>
      <c r="W2108" s="166">
        <v>0</v>
      </c>
      <c r="X2108" s="166">
        <v>0</v>
      </c>
      <c r="Y2108" s="166">
        <v>0</v>
      </c>
      <c r="Z2108" s="166">
        <v>0</v>
      </c>
      <c r="AA2108" s="166">
        <v>0</v>
      </c>
      <c r="AB2108" s="166">
        <v>0</v>
      </c>
      <c r="AC2108" s="166">
        <v>0</v>
      </c>
      <c r="AD2108" s="166">
        <v>0</v>
      </c>
      <c r="AE2108" s="166">
        <v>0</v>
      </c>
      <c r="AF2108" s="166">
        <v>0</v>
      </c>
      <c r="AG2108" s="166">
        <v>0</v>
      </c>
      <c r="AH2108" s="166">
        <v>0</v>
      </c>
      <c r="AI2108" s="166">
        <v>0</v>
      </c>
      <c r="AJ2108" s="166">
        <v>0</v>
      </c>
      <c r="AK2108" s="166">
        <v>0</v>
      </c>
      <c r="AL2108" s="166">
        <v>0</v>
      </c>
      <c r="AM2108" s="166">
        <v>0</v>
      </c>
      <c r="AN2108" s="166">
        <v>0</v>
      </c>
      <c r="AO2108" s="166">
        <v>0</v>
      </c>
      <c r="AP2108" s="166">
        <v>0</v>
      </c>
      <c r="AQ2108" s="166">
        <v>0</v>
      </c>
      <c r="AR2108" s="166">
        <v>0</v>
      </c>
      <c r="AS2108" s="166">
        <v>0</v>
      </c>
      <c r="AT2108" s="166">
        <v>0</v>
      </c>
      <c r="AU2108" s="166">
        <v>0</v>
      </c>
      <c r="AV2108" s="166">
        <v>0</v>
      </c>
      <c r="AW2108" s="166">
        <v>0</v>
      </c>
      <c r="AX2108" s="166">
        <v>0</v>
      </c>
      <c r="AY2108" s="166">
        <v>0</v>
      </c>
      <c r="AZ2108" s="166">
        <v>0</v>
      </c>
      <c r="BA2108" s="166">
        <v>0</v>
      </c>
      <c r="BB2108" s="166">
        <v>0</v>
      </c>
      <c r="BC2108" s="166">
        <v>0</v>
      </c>
      <c r="BD2108" s="166">
        <v>0</v>
      </c>
      <c r="BE2108" s="166">
        <v>0</v>
      </c>
      <c r="BF2108" s="166">
        <v>0</v>
      </c>
      <c r="BG2108" s="166">
        <v>0</v>
      </c>
      <c r="BH2108" s="166">
        <v>0</v>
      </c>
      <c r="BI2108" s="166">
        <v>0</v>
      </c>
      <c r="BJ2108" s="166">
        <v>0</v>
      </c>
      <c r="BK2108" s="166">
        <v>0</v>
      </c>
      <c r="BL2108" s="166">
        <v>0</v>
      </c>
      <c r="BM2108" s="166">
        <v>0</v>
      </c>
      <c r="BN2108" s="166">
        <v>0</v>
      </c>
      <c r="BO2108" s="166">
        <v>0</v>
      </c>
      <c r="BP2108" s="166">
        <v>0</v>
      </c>
      <c r="BQ2108" s="166">
        <v>0</v>
      </c>
      <c r="BR2108" s="166">
        <v>2534538325.2490401</v>
      </c>
      <c r="BS2108" s="166">
        <v>2534538325.2490401</v>
      </c>
      <c r="BT2108" s="168">
        <v>0</v>
      </c>
      <c r="BU2108" s="166">
        <v>0</v>
      </c>
      <c r="BV2108" s="166">
        <v>0</v>
      </c>
      <c r="BW2108" s="166">
        <v>0</v>
      </c>
      <c r="BX2108" s="166">
        <v>0</v>
      </c>
      <c r="BY2108" s="166">
        <v>0</v>
      </c>
      <c r="BZ2108" s="166">
        <v>0</v>
      </c>
      <c r="CA2108" s="166">
        <v>0</v>
      </c>
      <c r="CB2108" s="166">
        <v>0</v>
      </c>
      <c r="CC2108" s="166">
        <v>0</v>
      </c>
      <c r="CD2108" s="166">
        <v>0</v>
      </c>
      <c r="CE2108" s="166">
        <v>0</v>
      </c>
      <c r="CF2108" s="166">
        <v>0</v>
      </c>
      <c r="CG2108" s="166">
        <v>0</v>
      </c>
      <c r="CH2108" s="166">
        <v>0</v>
      </c>
      <c r="CI2108" s="166">
        <v>0</v>
      </c>
      <c r="CJ2108" s="166">
        <v>0</v>
      </c>
      <c r="CK2108" s="166">
        <v>0</v>
      </c>
      <c r="CL2108" s="166">
        <v>0</v>
      </c>
      <c r="CM2108" s="166">
        <v>0</v>
      </c>
      <c r="CN2108" s="166">
        <v>0</v>
      </c>
      <c r="CO2108" s="166">
        <v>0</v>
      </c>
      <c r="CP2108" s="166">
        <v>0</v>
      </c>
      <c r="CQ2108" s="166">
        <v>0</v>
      </c>
      <c r="CR2108" s="166">
        <v>0</v>
      </c>
      <c r="CS2108" s="166">
        <v>0</v>
      </c>
      <c r="CT2108" s="166">
        <v>0</v>
      </c>
      <c r="CU2108" s="166">
        <v>0</v>
      </c>
      <c r="CV2108" s="166">
        <v>0</v>
      </c>
      <c r="CW2108" s="166">
        <v>0</v>
      </c>
      <c r="CX2108" s="166">
        <v>0</v>
      </c>
      <c r="CY2108" s="166">
        <v>0</v>
      </c>
      <c r="CZ2108" s="166">
        <v>0</v>
      </c>
    </row>
    <row r="2109" spans="1:104" x14ac:dyDescent="0.2">
      <c r="A2109" s="167" t="s">
        <v>515</v>
      </c>
      <c r="B2109" s="166">
        <v>1726622483.9493101</v>
      </c>
      <c r="C2109" s="166">
        <v>1726622483.9493101</v>
      </c>
      <c r="D2109" s="166">
        <v>0</v>
      </c>
      <c r="E2109" s="166">
        <v>0</v>
      </c>
      <c r="F2109" s="166">
        <v>0</v>
      </c>
      <c r="G2109" s="166">
        <v>0</v>
      </c>
      <c r="H2109" s="166">
        <v>0</v>
      </c>
      <c r="I2109" s="166">
        <v>0</v>
      </c>
      <c r="J2109" s="166">
        <v>0</v>
      </c>
      <c r="K2109" s="166">
        <v>0</v>
      </c>
      <c r="L2109" s="166">
        <v>0</v>
      </c>
      <c r="M2109" s="166">
        <v>0</v>
      </c>
      <c r="N2109" s="166">
        <v>0</v>
      </c>
      <c r="O2109" s="166">
        <v>0</v>
      </c>
      <c r="P2109" s="166">
        <v>0</v>
      </c>
      <c r="Q2109" s="166">
        <v>0</v>
      </c>
      <c r="R2109" s="166">
        <v>0</v>
      </c>
      <c r="S2109" s="166">
        <v>0</v>
      </c>
      <c r="T2109" s="166">
        <v>0</v>
      </c>
      <c r="U2109" s="166">
        <v>0</v>
      </c>
      <c r="V2109" s="166">
        <v>0</v>
      </c>
      <c r="W2109" s="166">
        <v>0</v>
      </c>
      <c r="X2109" s="166">
        <v>0</v>
      </c>
      <c r="Y2109" s="166">
        <v>0</v>
      </c>
      <c r="Z2109" s="166">
        <v>0</v>
      </c>
      <c r="AA2109" s="166">
        <v>0</v>
      </c>
      <c r="AB2109" s="166">
        <v>0</v>
      </c>
      <c r="AC2109" s="166">
        <v>0</v>
      </c>
      <c r="AD2109" s="166">
        <v>0</v>
      </c>
      <c r="AE2109" s="166">
        <v>0</v>
      </c>
      <c r="AF2109" s="166">
        <v>0</v>
      </c>
      <c r="AG2109" s="166">
        <v>0</v>
      </c>
      <c r="AH2109" s="166">
        <v>0</v>
      </c>
      <c r="AI2109" s="166">
        <v>0</v>
      </c>
      <c r="AJ2109" s="166">
        <v>0</v>
      </c>
      <c r="AK2109" s="166">
        <v>0</v>
      </c>
      <c r="AL2109" s="166">
        <v>0</v>
      </c>
      <c r="AM2109" s="166">
        <v>0</v>
      </c>
      <c r="AN2109" s="166">
        <v>0</v>
      </c>
      <c r="AO2109" s="166">
        <v>0</v>
      </c>
      <c r="AP2109" s="166">
        <v>0</v>
      </c>
      <c r="AQ2109" s="166">
        <v>0</v>
      </c>
      <c r="AR2109" s="166">
        <v>0</v>
      </c>
      <c r="AS2109" s="166">
        <v>0</v>
      </c>
      <c r="AT2109" s="166">
        <v>0</v>
      </c>
      <c r="AU2109" s="166">
        <v>0</v>
      </c>
      <c r="AV2109" s="166">
        <v>0</v>
      </c>
      <c r="AW2109" s="166">
        <v>0</v>
      </c>
      <c r="AX2109" s="166">
        <v>0</v>
      </c>
      <c r="AY2109" s="166">
        <v>0</v>
      </c>
      <c r="AZ2109" s="166">
        <v>0</v>
      </c>
      <c r="BA2109" s="166">
        <v>0</v>
      </c>
      <c r="BB2109" s="166">
        <v>0</v>
      </c>
      <c r="BC2109" s="166">
        <v>0</v>
      </c>
      <c r="BD2109" s="166">
        <v>0</v>
      </c>
      <c r="BE2109" s="166">
        <v>0</v>
      </c>
      <c r="BF2109" s="166">
        <v>0</v>
      </c>
      <c r="BG2109" s="166">
        <v>0</v>
      </c>
      <c r="BH2109" s="166">
        <v>0</v>
      </c>
      <c r="BI2109" s="166">
        <v>0</v>
      </c>
      <c r="BJ2109" s="166">
        <v>0</v>
      </c>
      <c r="BK2109" s="166">
        <v>0</v>
      </c>
      <c r="BL2109" s="166">
        <v>0</v>
      </c>
      <c r="BM2109" s="166">
        <v>0</v>
      </c>
      <c r="BN2109" s="166">
        <v>0</v>
      </c>
      <c r="BO2109" s="166">
        <v>0</v>
      </c>
      <c r="BP2109" s="166">
        <v>0</v>
      </c>
      <c r="BQ2109" s="166">
        <v>0</v>
      </c>
      <c r="BR2109" s="166">
        <v>1726622483.9493101</v>
      </c>
      <c r="BS2109" s="166">
        <v>1726622483.9493101</v>
      </c>
      <c r="BT2109" s="168">
        <v>0</v>
      </c>
      <c r="BU2109" s="166">
        <v>0</v>
      </c>
      <c r="BV2109" s="166">
        <v>0</v>
      </c>
      <c r="BW2109" s="166">
        <v>0</v>
      </c>
      <c r="BX2109" s="166">
        <v>0</v>
      </c>
      <c r="BY2109" s="166">
        <v>0</v>
      </c>
      <c r="BZ2109" s="166">
        <v>0</v>
      </c>
      <c r="CA2109" s="166">
        <v>0</v>
      </c>
      <c r="CB2109" s="166">
        <v>0</v>
      </c>
      <c r="CC2109" s="166">
        <v>0</v>
      </c>
      <c r="CD2109" s="166">
        <v>0</v>
      </c>
      <c r="CE2109" s="166">
        <v>0</v>
      </c>
      <c r="CF2109" s="166">
        <v>0</v>
      </c>
      <c r="CG2109" s="166">
        <v>0</v>
      </c>
      <c r="CH2109" s="166">
        <v>0</v>
      </c>
      <c r="CI2109" s="166">
        <v>0</v>
      </c>
      <c r="CJ2109" s="166">
        <v>0</v>
      </c>
      <c r="CK2109" s="166">
        <v>0</v>
      </c>
      <c r="CL2109" s="166">
        <v>0</v>
      </c>
      <c r="CM2109" s="166">
        <v>0</v>
      </c>
      <c r="CN2109" s="166">
        <v>0</v>
      </c>
      <c r="CO2109" s="166">
        <v>0</v>
      </c>
      <c r="CP2109" s="166">
        <v>0</v>
      </c>
      <c r="CQ2109" s="166">
        <v>0</v>
      </c>
      <c r="CR2109" s="166">
        <v>0</v>
      </c>
      <c r="CS2109" s="166">
        <v>0</v>
      </c>
      <c r="CT2109" s="166">
        <v>0</v>
      </c>
      <c r="CU2109" s="166">
        <v>0</v>
      </c>
      <c r="CV2109" s="166">
        <v>0</v>
      </c>
      <c r="CW2109" s="166">
        <v>0</v>
      </c>
      <c r="CX2109" s="166">
        <v>0</v>
      </c>
      <c r="CY2109" s="166">
        <v>0</v>
      </c>
      <c r="CZ2109" s="166">
        <v>0</v>
      </c>
    </row>
    <row r="2110" spans="1:104" x14ac:dyDescent="0.2">
      <c r="A2110" s="167" t="s">
        <v>516</v>
      </c>
      <c r="B2110" s="166">
        <v>807915841.29972994</v>
      </c>
      <c r="C2110" s="166">
        <v>807915841.29972994</v>
      </c>
      <c r="D2110" s="166">
        <v>0</v>
      </c>
      <c r="E2110" s="166">
        <v>0</v>
      </c>
      <c r="F2110" s="166">
        <v>0</v>
      </c>
      <c r="G2110" s="166">
        <v>0</v>
      </c>
      <c r="H2110" s="166">
        <v>0</v>
      </c>
      <c r="I2110" s="166">
        <v>0</v>
      </c>
      <c r="J2110" s="166">
        <v>0</v>
      </c>
      <c r="K2110" s="166">
        <v>0</v>
      </c>
      <c r="L2110" s="166">
        <v>0</v>
      </c>
      <c r="M2110" s="166">
        <v>0</v>
      </c>
      <c r="N2110" s="166">
        <v>0</v>
      </c>
      <c r="O2110" s="166">
        <v>0</v>
      </c>
      <c r="P2110" s="166">
        <v>0</v>
      </c>
      <c r="Q2110" s="166">
        <v>0</v>
      </c>
      <c r="R2110" s="166">
        <v>0</v>
      </c>
      <c r="S2110" s="166">
        <v>0</v>
      </c>
      <c r="T2110" s="166">
        <v>0</v>
      </c>
      <c r="U2110" s="166">
        <v>0</v>
      </c>
      <c r="V2110" s="166">
        <v>0</v>
      </c>
      <c r="W2110" s="166">
        <v>0</v>
      </c>
      <c r="X2110" s="166">
        <v>0</v>
      </c>
      <c r="Y2110" s="166">
        <v>0</v>
      </c>
      <c r="Z2110" s="166">
        <v>0</v>
      </c>
      <c r="AA2110" s="166">
        <v>0</v>
      </c>
      <c r="AB2110" s="166">
        <v>0</v>
      </c>
      <c r="AC2110" s="166">
        <v>0</v>
      </c>
      <c r="AD2110" s="166">
        <v>0</v>
      </c>
      <c r="AE2110" s="166">
        <v>0</v>
      </c>
      <c r="AF2110" s="166">
        <v>0</v>
      </c>
      <c r="AG2110" s="166">
        <v>0</v>
      </c>
      <c r="AH2110" s="166">
        <v>0</v>
      </c>
      <c r="AI2110" s="166">
        <v>0</v>
      </c>
      <c r="AJ2110" s="166">
        <v>0</v>
      </c>
      <c r="AK2110" s="166">
        <v>0</v>
      </c>
      <c r="AL2110" s="166">
        <v>0</v>
      </c>
      <c r="AM2110" s="166">
        <v>0</v>
      </c>
      <c r="AN2110" s="166">
        <v>0</v>
      </c>
      <c r="AO2110" s="166">
        <v>0</v>
      </c>
      <c r="AP2110" s="166">
        <v>0</v>
      </c>
      <c r="AQ2110" s="166">
        <v>0</v>
      </c>
      <c r="AR2110" s="166">
        <v>0</v>
      </c>
      <c r="AS2110" s="166">
        <v>0</v>
      </c>
      <c r="AT2110" s="166">
        <v>0</v>
      </c>
      <c r="AU2110" s="166">
        <v>0</v>
      </c>
      <c r="AV2110" s="166">
        <v>0</v>
      </c>
      <c r="AW2110" s="166">
        <v>0</v>
      </c>
      <c r="AX2110" s="166">
        <v>0</v>
      </c>
      <c r="AY2110" s="166">
        <v>0</v>
      </c>
      <c r="AZ2110" s="166">
        <v>0</v>
      </c>
      <c r="BA2110" s="166">
        <v>0</v>
      </c>
      <c r="BB2110" s="166">
        <v>0</v>
      </c>
      <c r="BC2110" s="166">
        <v>0</v>
      </c>
      <c r="BD2110" s="166">
        <v>0</v>
      </c>
      <c r="BE2110" s="166">
        <v>0</v>
      </c>
      <c r="BF2110" s="166">
        <v>0</v>
      </c>
      <c r="BG2110" s="166">
        <v>0</v>
      </c>
      <c r="BH2110" s="166">
        <v>0</v>
      </c>
      <c r="BI2110" s="166">
        <v>0</v>
      </c>
      <c r="BJ2110" s="166">
        <v>0</v>
      </c>
      <c r="BK2110" s="166">
        <v>0</v>
      </c>
      <c r="BL2110" s="166">
        <v>0</v>
      </c>
      <c r="BM2110" s="166">
        <v>0</v>
      </c>
      <c r="BN2110" s="166">
        <v>0</v>
      </c>
      <c r="BO2110" s="166">
        <v>0</v>
      </c>
      <c r="BP2110" s="166">
        <v>0</v>
      </c>
      <c r="BQ2110" s="166">
        <v>0</v>
      </c>
      <c r="BR2110" s="166">
        <v>807915841.29972994</v>
      </c>
      <c r="BS2110" s="166">
        <v>807915841.29972994</v>
      </c>
      <c r="BT2110" s="168">
        <v>0</v>
      </c>
      <c r="BU2110" s="166">
        <v>0</v>
      </c>
      <c r="BV2110" s="166">
        <v>0</v>
      </c>
      <c r="BW2110" s="166">
        <v>0</v>
      </c>
      <c r="BX2110" s="166">
        <v>0</v>
      </c>
      <c r="BY2110" s="166">
        <v>0</v>
      </c>
      <c r="BZ2110" s="166">
        <v>0</v>
      </c>
      <c r="CA2110" s="166">
        <v>0</v>
      </c>
      <c r="CB2110" s="166">
        <v>0</v>
      </c>
      <c r="CC2110" s="166">
        <v>0</v>
      </c>
      <c r="CD2110" s="166">
        <v>0</v>
      </c>
      <c r="CE2110" s="166">
        <v>0</v>
      </c>
      <c r="CF2110" s="166">
        <v>0</v>
      </c>
      <c r="CG2110" s="166">
        <v>0</v>
      </c>
      <c r="CH2110" s="166">
        <v>0</v>
      </c>
      <c r="CI2110" s="166">
        <v>0</v>
      </c>
      <c r="CJ2110" s="166">
        <v>0</v>
      </c>
      <c r="CK2110" s="166">
        <v>0</v>
      </c>
      <c r="CL2110" s="166">
        <v>0</v>
      </c>
      <c r="CM2110" s="166">
        <v>0</v>
      </c>
      <c r="CN2110" s="166">
        <v>0</v>
      </c>
      <c r="CO2110" s="166">
        <v>0</v>
      </c>
      <c r="CP2110" s="166">
        <v>0</v>
      </c>
      <c r="CQ2110" s="166">
        <v>0</v>
      </c>
      <c r="CR2110" s="166">
        <v>0</v>
      </c>
      <c r="CS2110" s="166">
        <v>0</v>
      </c>
      <c r="CT2110" s="166">
        <v>0</v>
      </c>
      <c r="CU2110" s="166">
        <v>0</v>
      </c>
      <c r="CV2110" s="166">
        <v>0</v>
      </c>
      <c r="CW2110" s="166">
        <v>0</v>
      </c>
      <c r="CX2110" s="166">
        <v>0</v>
      </c>
      <c r="CY2110" s="166">
        <v>0</v>
      </c>
      <c r="CZ2110" s="166">
        <v>0</v>
      </c>
    </row>
    <row r="2111" spans="1:104" x14ac:dyDescent="0.2">
      <c r="A2111" s="167" t="s">
        <v>517</v>
      </c>
      <c r="B2111" s="166">
        <v>0</v>
      </c>
      <c r="C2111" s="166">
        <v>0</v>
      </c>
      <c r="D2111" s="166">
        <v>0</v>
      </c>
      <c r="E2111" s="166">
        <v>0</v>
      </c>
      <c r="F2111" s="166">
        <v>0</v>
      </c>
      <c r="G2111" s="166">
        <v>0</v>
      </c>
      <c r="H2111" s="166">
        <v>0</v>
      </c>
      <c r="I2111" s="166">
        <v>0</v>
      </c>
      <c r="J2111" s="166">
        <v>0</v>
      </c>
      <c r="K2111" s="166">
        <v>0</v>
      </c>
      <c r="L2111" s="166">
        <v>0</v>
      </c>
      <c r="M2111" s="166">
        <v>0</v>
      </c>
      <c r="N2111" s="166">
        <v>0</v>
      </c>
      <c r="O2111" s="166">
        <v>0</v>
      </c>
      <c r="P2111" s="166">
        <v>0</v>
      </c>
      <c r="Q2111" s="166">
        <v>0</v>
      </c>
      <c r="R2111" s="166">
        <v>0</v>
      </c>
      <c r="S2111" s="166">
        <v>0</v>
      </c>
      <c r="T2111" s="166">
        <v>0</v>
      </c>
      <c r="U2111" s="166">
        <v>0</v>
      </c>
      <c r="V2111" s="166">
        <v>0</v>
      </c>
      <c r="W2111" s="166">
        <v>0</v>
      </c>
      <c r="X2111" s="166">
        <v>0</v>
      </c>
      <c r="Y2111" s="166">
        <v>0</v>
      </c>
      <c r="Z2111" s="166">
        <v>0</v>
      </c>
      <c r="AA2111" s="166">
        <v>0</v>
      </c>
      <c r="AB2111" s="166">
        <v>0</v>
      </c>
      <c r="AC2111" s="166">
        <v>0</v>
      </c>
      <c r="AD2111" s="166">
        <v>0</v>
      </c>
      <c r="AE2111" s="166">
        <v>0</v>
      </c>
      <c r="AF2111" s="166">
        <v>0</v>
      </c>
      <c r="AG2111" s="166">
        <v>0</v>
      </c>
      <c r="AH2111" s="166">
        <v>0</v>
      </c>
      <c r="AI2111" s="166">
        <v>0</v>
      </c>
      <c r="AJ2111" s="166">
        <v>0</v>
      </c>
      <c r="AK2111" s="166">
        <v>0</v>
      </c>
      <c r="AL2111" s="166">
        <v>0</v>
      </c>
      <c r="AM2111" s="166">
        <v>0</v>
      </c>
      <c r="AN2111" s="166">
        <v>0</v>
      </c>
      <c r="AO2111" s="166">
        <v>0</v>
      </c>
      <c r="AP2111" s="166">
        <v>0</v>
      </c>
      <c r="AQ2111" s="166">
        <v>0</v>
      </c>
      <c r="AR2111" s="166">
        <v>0</v>
      </c>
      <c r="AS2111" s="166">
        <v>0</v>
      </c>
      <c r="AT2111" s="166">
        <v>0</v>
      </c>
      <c r="AU2111" s="166">
        <v>0</v>
      </c>
      <c r="AV2111" s="166">
        <v>0</v>
      </c>
      <c r="AW2111" s="166">
        <v>0</v>
      </c>
      <c r="AX2111" s="166">
        <v>0</v>
      </c>
      <c r="AY2111" s="166">
        <v>0</v>
      </c>
      <c r="AZ2111" s="166">
        <v>0</v>
      </c>
      <c r="BA2111" s="166">
        <v>0</v>
      </c>
      <c r="BB2111" s="166">
        <v>0</v>
      </c>
      <c r="BC2111" s="166">
        <v>0</v>
      </c>
      <c r="BD2111" s="166">
        <v>0</v>
      </c>
      <c r="BE2111" s="166">
        <v>0</v>
      </c>
      <c r="BF2111" s="166">
        <v>0</v>
      </c>
      <c r="BG2111" s="166">
        <v>0</v>
      </c>
      <c r="BH2111" s="166">
        <v>0</v>
      </c>
      <c r="BI2111" s="166">
        <v>0</v>
      </c>
      <c r="BJ2111" s="166">
        <v>0</v>
      </c>
      <c r="BK2111" s="166">
        <v>0</v>
      </c>
      <c r="BL2111" s="166">
        <v>0</v>
      </c>
      <c r="BM2111" s="166">
        <v>0</v>
      </c>
      <c r="BN2111" s="166">
        <v>0</v>
      </c>
      <c r="BO2111" s="166">
        <v>0</v>
      </c>
      <c r="BP2111" s="166">
        <v>0</v>
      </c>
      <c r="BQ2111" s="166">
        <v>0</v>
      </c>
      <c r="BR2111" s="166">
        <v>0</v>
      </c>
      <c r="BS2111" s="166">
        <v>0</v>
      </c>
      <c r="BT2111" s="168">
        <v>0</v>
      </c>
      <c r="BU2111" s="166">
        <v>0</v>
      </c>
      <c r="BV2111" s="166">
        <v>0</v>
      </c>
      <c r="BW2111" s="166">
        <v>0</v>
      </c>
      <c r="BX2111" s="166">
        <v>0</v>
      </c>
      <c r="BY2111" s="166">
        <v>0</v>
      </c>
      <c r="BZ2111" s="166">
        <v>0</v>
      </c>
      <c r="CA2111" s="166">
        <v>0</v>
      </c>
      <c r="CB2111" s="166">
        <v>0</v>
      </c>
      <c r="CC2111" s="166">
        <v>0</v>
      </c>
      <c r="CD2111" s="166">
        <v>0</v>
      </c>
      <c r="CE2111" s="166">
        <v>0</v>
      </c>
      <c r="CF2111" s="166">
        <v>0</v>
      </c>
      <c r="CG2111" s="166">
        <v>0</v>
      </c>
      <c r="CH2111" s="166">
        <v>0</v>
      </c>
      <c r="CI2111" s="166">
        <v>0</v>
      </c>
      <c r="CJ2111" s="166">
        <v>0</v>
      </c>
      <c r="CK2111" s="166">
        <v>0</v>
      </c>
      <c r="CL2111" s="166">
        <v>0</v>
      </c>
      <c r="CM2111" s="166">
        <v>0</v>
      </c>
      <c r="CN2111" s="166">
        <v>0</v>
      </c>
      <c r="CO2111" s="166">
        <v>0</v>
      </c>
      <c r="CP2111" s="166">
        <v>0</v>
      </c>
      <c r="CQ2111" s="166">
        <v>0</v>
      </c>
      <c r="CR2111" s="166">
        <v>0</v>
      </c>
      <c r="CS2111" s="166">
        <v>0</v>
      </c>
      <c r="CT2111" s="166">
        <v>0</v>
      </c>
      <c r="CU2111" s="166">
        <v>0</v>
      </c>
      <c r="CV2111" s="166">
        <v>0</v>
      </c>
      <c r="CW2111" s="166">
        <v>0</v>
      </c>
      <c r="CX2111" s="166">
        <v>0</v>
      </c>
      <c r="CY2111" s="166">
        <v>0</v>
      </c>
      <c r="CZ2111" s="166">
        <v>0</v>
      </c>
    </row>
    <row r="2112" spans="1:104" x14ac:dyDescent="0.2">
      <c r="A2112" s="167" t="s">
        <v>518</v>
      </c>
      <c r="B2112" s="166">
        <v>0</v>
      </c>
      <c r="C2112" s="166">
        <v>0</v>
      </c>
      <c r="D2112" s="166">
        <v>0</v>
      </c>
      <c r="E2112" s="166">
        <v>0</v>
      </c>
      <c r="F2112" s="166">
        <v>0</v>
      </c>
      <c r="G2112" s="166">
        <v>0</v>
      </c>
      <c r="H2112" s="166">
        <v>0</v>
      </c>
      <c r="I2112" s="166">
        <v>0</v>
      </c>
      <c r="J2112" s="166">
        <v>0</v>
      </c>
      <c r="K2112" s="166">
        <v>0</v>
      </c>
      <c r="L2112" s="166">
        <v>0</v>
      </c>
      <c r="M2112" s="166">
        <v>0</v>
      </c>
      <c r="N2112" s="166">
        <v>0</v>
      </c>
      <c r="O2112" s="166">
        <v>0</v>
      </c>
      <c r="P2112" s="166">
        <v>0</v>
      </c>
      <c r="Q2112" s="166">
        <v>0</v>
      </c>
      <c r="R2112" s="166">
        <v>0</v>
      </c>
      <c r="S2112" s="166">
        <v>0</v>
      </c>
      <c r="T2112" s="166">
        <v>0</v>
      </c>
      <c r="U2112" s="166">
        <v>0</v>
      </c>
      <c r="V2112" s="166">
        <v>0</v>
      </c>
      <c r="W2112" s="166">
        <v>0</v>
      </c>
      <c r="X2112" s="166">
        <v>0</v>
      </c>
      <c r="Y2112" s="166">
        <v>0</v>
      </c>
      <c r="Z2112" s="166">
        <v>0</v>
      </c>
      <c r="AA2112" s="166">
        <v>0</v>
      </c>
      <c r="AB2112" s="166">
        <v>0</v>
      </c>
      <c r="AC2112" s="166">
        <v>0</v>
      </c>
      <c r="AD2112" s="166">
        <v>0</v>
      </c>
      <c r="AE2112" s="166">
        <v>0</v>
      </c>
      <c r="AF2112" s="166">
        <v>0</v>
      </c>
      <c r="AG2112" s="166">
        <v>0</v>
      </c>
      <c r="AH2112" s="166">
        <v>0</v>
      </c>
      <c r="AI2112" s="166">
        <v>0</v>
      </c>
      <c r="AJ2112" s="166">
        <v>0</v>
      </c>
      <c r="AK2112" s="166">
        <v>0</v>
      </c>
      <c r="AL2112" s="166">
        <v>0</v>
      </c>
      <c r="AM2112" s="166">
        <v>0</v>
      </c>
      <c r="AN2112" s="166">
        <v>0</v>
      </c>
      <c r="AO2112" s="166">
        <v>0</v>
      </c>
      <c r="AP2112" s="166">
        <v>0</v>
      </c>
      <c r="AQ2112" s="166">
        <v>0</v>
      </c>
      <c r="AR2112" s="166">
        <v>0</v>
      </c>
      <c r="AS2112" s="166">
        <v>0</v>
      </c>
      <c r="AT2112" s="166">
        <v>0</v>
      </c>
      <c r="AU2112" s="166">
        <v>0</v>
      </c>
      <c r="AV2112" s="166">
        <v>0</v>
      </c>
      <c r="AW2112" s="166">
        <v>0</v>
      </c>
      <c r="AX2112" s="166">
        <v>0</v>
      </c>
      <c r="AY2112" s="166">
        <v>0</v>
      </c>
      <c r="AZ2112" s="166">
        <v>0</v>
      </c>
      <c r="BA2112" s="166">
        <v>0</v>
      </c>
      <c r="BB2112" s="166">
        <v>0</v>
      </c>
      <c r="BC2112" s="166">
        <v>0</v>
      </c>
      <c r="BD2112" s="166">
        <v>0</v>
      </c>
      <c r="BE2112" s="166">
        <v>0</v>
      </c>
      <c r="BF2112" s="166">
        <v>0</v>
      </c>
      <c r="BG2112" s="166">
        <v>0</v>
      </c>
      <c r="BH2112" s="166">
        <v>0</v>
      </c>
      <c r="BI2112" s="166">
        <v>0</v>
      </c>
      <c r="BJ2112" s="166">
        <v>0</v>
      </c>
      <c r="BK2112" s="166">
        <v>0</v>
      </c>
      <c r="BL2112" s="166">
        <v>0</v>
      </c>
      <c r="BM2112" s="166">
        <v>0</v>
      </c>
      <c r="BN2112" s="166">
        <v>0</v>
      </c>
      <c r="BO2112" s="166">
        <v>0</v>
      </c>
      <c r="BP2112" s="166">
        <v>0</v>
      </c>
      <c r="BQ2112" s="166">
        <v>0</v>
      </c>
      <c r="BR2112" s="166">
        <v>0</v>
      </c>
      <c r="BS2112" s="166">
        <v>0</v>
      </c>
      <c r="BT2112" s="168">
        <v>0</v>
      </c>
      <c r="BU2112" s="166">
        <v>0</v>
      </c>
      <c r="BV2112" s="166">
        <v>0</v>
      </c>
      <c r="BW2112" s="166">
        <v>0</v>
      </c>
      <c r="BX2112" s="166">
        <v>0</v>
      </c>
      <c r="BY2112" s="166">
        <v>0</v>
      </c>
      <c r="BZ2112" s="166">
        <v>0</v>
      </c>
      <c r="CA2112" s="166">
        <v>0</v>
      </c>
      <c r="CB2112" s="166">
        <v>0</v>
      </c>
      <c r="CC2112" s="166">
        <v>0</v>
      </c>
      <c r="CD2112" s="166">
        <v>0</v>
      </c>
      <c r="CE2112" s="166">
        <v>0</v>
      </c>
      <c r="CF2112" s="166">
        <v>0</v>
      </c>
      <c r="CG2112" s="166">
        <v>0</v>
      </c>
      <c r="CH2112" s="166">
        <v>0</v>
      </c>
      <c r="CI2112" s="166">
        <v>0</v>
      </c>
      <c r="CJ2112" s="166">
        <v>0</v>
      </c>
      <c r="CK2112" s="166">
        <v>0</v>
      </c>
      <c r="CL2112" s="166">
        <v>0</v>
      </c>
      <c r="CM2112" s="166">
        <v>0</v>
      </c>
      <c r="CN2112" s="166">
        <v>0</v>
      </c>
      <c r="CO2112" s="166">
        <v>0</v>
      </c>
      <c r="CP2112" s="166">
        <v>0</v>
      </c>
      <c r="CQ2112" s="166">
        <v>0</v>
      </c>
      <c r="CR2112" s="166">
        <v>0</v>
      </c>
      <c r="CS2112" s="166">
        <v>0</v>
      </c>
      <c r="CT2112" s="166">
        <v>0</v>
      </c>
      <c r="CU2112" s="166">
        <v>0</v>
      </c>
      <c r="CV2112" s="166">
        <v>0</v>
      </c>
      <c r="CW2112" s="166">
        <v>0</v>
      </c>
      <c r="CX2112" s="166">
        <v>0</v>
      </c>
      <c r="CY2112" s="166">
        <v>0</v>
      </c>
      <c r="CZ2112" s="166">
        <v>0</v>
      </c>
    </row>
    <row r="2113" spans="1:104" x14ac:dyDescent="0.2">
      <c r="A2113" s="167" t="s">
        <v>519</v>
      </c>
      <c r="B2113" s="166">
        <v>807915841.29972994</v>
      </c>
      <c r="C2113" s="166">
        <v>807915841.29972994</v>
      </c>
      <c r="D2113" s="166">
        <v>0</v>
      </c>
      <c r="E2113" s="166">
        <v>0</v>
      </c>
      <c r="F2113" s="166">
        <v>0</v>
      </c>
      <c r="G2113" s="166">
        <v>0</v>
      </c>
      <c r="H2113" s="166">
        <v>0</v>
      </c>
      <c r="I2113" s="166">
        <v>0</v>
      </c>
      <c r="J2113" s="166">
        <v>0</v>
      </c>
      <c r="K2113" s="166">
        <v>0</v>
      </c>
      <c r="L2113" s="166">
        <v>0</v>
      </c>
      <c r="M2113" s="166">
        <v>0</v>
      </c>
      <c r="N2113" s="166">
        <v>0</v>
      </c>
      <c r="O2113" s="166">
        <v>0</v>
      </c>
      <c r="P2113" s="166">
        <v>0</v>
      </c>
      <c r="Q2113" s="166">
        <v>0</v>
      </c>
      <c r="R2113" s="166">
        <v>0</v>
      </c>
      <c r="S2113" s="166">
        <v>0</v>
      </c>
      <c r="T2113" s="166">
        <v>0</v>
      </c>
      <c r="U2113" s="166">
        <v>0</v>
      </c>
      <c r="V2113" s="166">
        <v>0</v>
      </c>
      <c r="W2113" s="166">
        <v>0</v>
      </c>
      <c r="X2113" s="166">
        <v>0</v>
      </c>
      <c r="Y2113" s="166">
        <v>0</v>
      </c>
      <c r="Z2113" s="166">
        <v>0</v>
      </c>
      <c r="AA2113" s="166">
        <v>0</v>
      </c>
      <c r="AB2113" s="166">
        <v>0</v>
      </c>
      <c r="AC2113" s="166">
        <v>0</v>
      </c>
      <c r="AD2113" s="166">
        <v>0</v>
      </c>
      <c r="AE2113" s="166">
        <v>0</v>
      </c>
      <c r="AF2113" s="166">
        <v>0</v>
      </c>
      <c r="AG2113" s="166">
        <v>0</v>
      </c>
      <c r="AH2113" s="166">
        <v>0</v>
      </c>
      <c r="AI2113" s="166">
        <v>0</v>
      </c>
      <c r="AJ2113" s="166">
        <v>0</v>
      </c>
      <c r="AK2113" s="166">
        <v>0</v>
      </c>
      <c r="AL2113" s="166">
        <v>0</v>
      </c>
      <c r="AM2113" s="166">
        <v>0</v>
      </c>
      <c r="AN2113" s="166">
        <v>0</v>
      </c>
      <c r="AO2113" s="166">
        <v>0</v>
      </c>
      <c r="AP2113" s="166">
        <v>0</v>
      </c>
      <c r="AQ2113" s="166">
        <v>0</v>
      </c>
      <c r="AR2113" s="166">
        <v>0</v>
      </c>
      <c r="AS2113" s="166">
        <v>0</v>
      </c>
      <c r="AT2113" s="166">
        <v>0</v>
      </c>
      <c r="AU2113" s="166">
        <v>0</v>
      </c>
      <c r="AV2113" s="166">
        <v>0</v>
      </c>
      <c r="AW2113" s="166">
        <v>0</v>
      </c>
      <c r="AX2113" s="166">
        <v>0</v>
      </c>
      <c r="AY2113" s="166">
        <v>0</v>
      </c>
      <c r="AZ2113" s="166">
        <v>0</v>
      </c>
      <c r="BA2113" s="166">
        <v>0</v>
      </c>
      <c r="BB2113" s="166">
        <v>0</v>
      </c>
      <c r="BC2113" s="166">
        <v>0</v>
      </c>
      <c r="BD2113" s="166">
        <v>0</v>
      </c>
      <c r="BE2113" s="166">
        <v>0</v>
      </c>
      <c r="BF2113" s="166">
        <v>0</v>
      </c>
      <c r="BG2113" s="166">
        <v>0</v>
      </c>
      <c r="BH2113" s="166">
        <v>0</v>
      </c>
      <c r="BI2113" s="166">
        <v>0</v>
      </c>
      <c r="BJ2113" s="166">
        <v>0</v>
      </c>
      <c r="BK2113" s="166">
        <v>0</v>
      </c>
      <c r="BL2113" s="166">
        <v>0</v>
      </c>
      <c r="BM2113" s="166">
        <v>0</v>
      </c>
      <c r="BN2113" s="166">
        <v>0</v>
      </c>
      <c r="BO2113" s="166">
        <v>0</v>
      </c>
      <c r="BP2113" s="166">
        <v>0</v>
      </c>
      <c r="BQ2113" s="166">
        <v>0</v>
      </c>
      <c r="BR2113" s="166">
        <v>807915841.29972994</v>
      </c>
      <c r="BS2113" s="166">
        <v>807915841.29972994</v>
      </c>
      <c r="BT2113" s="168">
        <v>0</v>
      </c>
      <c r="BU2113" s="166">
        <v>0</v>
      </c>
      <c r="BV2113" s="166">
        <v>0</v>
      </c>
      <c r="BW2113" s="166">
        <v>0</v>
      </c>
      <c r="BX2113" s="166">
        <v>0</v>
      </c>
      <c r="BY2113" s="166">
        <v>0</v>
      </c>
      <c r="BZ2113" s="166">
        <v>0</v>
      </c>
      <c r="CA2113" s="166">
        <v>0</v>
      </c>
      <c r="CB2113" s="166">
        <v>0</v>
      </c>
      <c r="CC2113" s="166">
        <v>0</v>
      </c>
      <c r="CD2113" s="166">
        <v>0</v>
      </c>
      <c r="CE2113" s="166">
        <v>0</v>
      </c>
      <c r="CF2113" s="166">
        <v>0</v>
      </c>
      <c r="CG2113" s="166">
        <v>0</v>
      </c>
      <c r="CH2113" s="166">
        <v>0</v>
      </c>
      <c r="CI2113" s="166">
        <v>0</v>
      </c>
      <c r="CJ2113" s="166">
        <v>0</v>
      </c>
      <c r="CK2113" s="166">
        <v>0</v>
      </c>
      <c r="CL2113" s="166">
        <v>0</v>
      </c>
      <c r="CM2113" s="166">
        <v>0</v>
      </c>
      <c r="CN2113" s="166">
        <v>0</v>
      </c>
      <c r="CO2113" s="166">
        <v>0</v>
      </c>
      <c r="CP2113" s="166">
        <v>0</v>
      </c>
      <c r="CQ2113" s="166">
        <v>0</v>
      </c>
      <c r="CR2113" s="166">
        <v>0</v>
      </c>
      <c r="CS2113" s="166">
        <v>0</v>
      </c>
      <c r="CT2113" s="166">
        <v>0</v>
      </c>
      <c r="CU2113" s="166">
        <v>0</v>
      </c>
      <c r="CV2113" s="166">
        <v>0</v>
      </c>
      <c r="CW2113" s="166">
        <v>0</v>
      </c>
      <c r="CX2113" s="166">
        <v>0</v>
      </c>
      <c r="CY2113" s="166">
        <v>0</v>
      </c>
      <c r="CZ2113" s="166">
        <v>0</v>
      </c>
    </row>
    <row r="2114" spans="1:104" x14ac:dyDescent="0.2">
      <c r="A2114" s="167" t="s">
        <v>520</v>
      </c>
      <c r="B2114" s="166">
        <v>2.2555468603968599E-7</v>
      </c>
      <c r="C2114" s="166">
        <v>2.2555468603968599E-7</v>
      </c>
      <c r="D2114" s="166">
        <v>0</v>
      </c>
      <c r="E2114" s="166">
        <v>0</v>
      </c>
      <c r="F2114" s="166">
        <v>0</v>
      </c>
      <c r="G2114" s="166">
        <v>0</v>
      </c>
      <c r="H2114" s="166">
        <v>0</v>
      </c>
      <c r="I2114" s="166">
        <v>0</v>
      </c>
      <c r="J2114" s="166">
        <v>0</v>
      </c>
      <c r="K2114" s="166">
        <v>0</v>
      </c>
      <c r="L2114" s="166">
        <v>0</v>
      </c>
      <c r="M2114" s="166">
        <v>0</v>
      </c>
      <c r="N2114" s="166">
        <v>0</v>
      </c>
      <c r="O2114" s="166">
        <v>0</v>
      </c>
      <c r="P2114" s="166">
        <v>0</v>
      </c>
      <c r="Q2114" s="166">
        <v>0</v>
      </c>
      <c r="R2114" s="166">
        <v>0</v>
      </c>
      <c r="S2114" s="166">
        <v>0</v>
      </c>
      <c r="T2114" s="166">
        <v>0</v>
      </c>
      <c r="U2114" s="166">
        <v>0</v>
      </c>
      <c r="V2114" s="166">
        <v>0</v>
      </c>
      <c r="W2114" s="166">
        <v>0</v>
      </c>
      <c r="X2114" s="166">
        <v>0</v>
      </c>
      <c r="Y2114" s="166">
        <v>0</v>
      </c>
      <c r="Z2114" s="166">
        <v>0</v>
      </c>
      <c r="AA2114" s="166">
        <v>0</v>
      </c>
      <c r="AB2114" s="166">
        <v>0</v>
      </c>
      <c r="AC2114" s="166">
        <v>0</v>
      </c>
      <c r="AD2114" s="166">
        <v>0</v>
      </c>
      <c r="AE2114" s="166">
        <v>0</v>
      </c>
      <c r="AF2114" s="166">
        <v>0</v>
      </c>
      <c r="AG2114" s="166">
        <v>0</v>
      </c>
      <c r="AH2114" s="166">
        <v>0</v>
      </c>
      <c r="AI2114" s="166">
        <v>0</v>
      </c>
      <c r="AJ2114" s="166">
        <v>0</v>
      </c>
      <c r="AK2114" s="166">
        <v>0</v>
      </c>
      <c r="AL2114" s="166">
        <v>0</v>
      </c>
      <c r="AM2114" s="166">
        <v>0</v>
      </c>
      <c r="AN2114" s="166">
        <v>0</v>
      </c>
      <c r="AO2114" s="166">
        <v>0</v>
      </c>
      <c r="AP2114" s="166">
        <v>0</v>
      </c>
      <c r="AQ2114" s="166">
        <v>0</v>
      </c>
      <c r="AR2114" s="166">
        <v>0</v>
      </c>
      <c r="AS2114" s="166">
        <v>0</v>
      </c>
      <c r="AT2114" s="166">
        <v>0</v>
      </c>
      <c r="AU2114" s="166">
        <v>0</v>
      </c>
      <c r="AV2114" s="166">
        <v>0</v>
      </c>
      <c r="AW2114" s="166">
        <v>0</v>
      </c>
      <c r="AX2114" s="166">
        <v>0</v>
      </c>
      <c r="AY2114" s="166">
        <v>0</v>
      </c>
      <c r="AZ2114" s="166">
        <v>0</v>
      </c>
      <c r="BA2114" s="166">
        <v>0</v>
      </c>
      <c r="BB2114" s="166">
        <v>0</v>
      </c>
      <c r="BC2114" s="166">
        <v>0</v>
      </c>
      <c r="BD2114" s="166">
        <v>0</v>
      </c>
      <c r="BE2114" s="166">
        <v>0</v>
      </c>
      <c r="BF2114" s="166">
        <v>0</v>
      </c>
      <c r="BG2114" s="166">
        <v>0</v>
      </c>
      <c r="BH2114" s="166">
        <v>0</v>
      </c>
      <c r="BI2114" s="166">
        <v>0</v>
      </c>
      <c r="BJ2114" s="166">
        <v>0</v>
      </c>
      <c r="BK2114" s="166">
        <v>0</v>
      </c>
      <c r="BL2114" s="166">
        <v>0</v>
      </c>
      <c r="BM2114" s="166">
        <v>0</v>
      </c>
      <c r="BN2114" s="166">
        <v>0</v>
      </c>
      <c r="BO2114" s="166">
        <v>0</v>
      </c>
      <c r="BP2114" s="166">
        <v>0</v>
      </c>
      <c r="BQ2114" s="166">
        <v>0</v>
      </c>
      <c r="BR2114" s="166">
        <v>2.2555468603968599E-7</v>
      </c>
      <c r="BS2114" s="166">
        <v>2.2555468603968599E-7</v>
      </c>
      <c r="BT2114" s="168">
        <v>0</v>
      </c>
      <c r="BU2114" s="166">
        <v>0</v>
      </c>
      <c r="BV2114" s="166">
        <v>0</v>
      </c>
      <c r="BW2114" s="166">
        <v>0</v>
      </c>
      <c r="BX2114" s="166">
        <v>0</v>
      </c>
      <c r="BY2114" s="166">
        <v>0</v>
      </c>
      <c r="BZ2114" s="166">
        <v>0</v>
      </c>
      <c r="CA2114" s="166">
        <v>0</v>
      </c>
      <c r="CB2114" s="166">
        <v>0</v>
      </c>
      <c r="CC2114" s="166">
        <v>0</v>
      </c>
      <c r="CD2114" s="166">
        <v>0</v>
      </c>
      <c r="CE2114" s="166">
        <v>0</v>
      </c>
      <c r="CF2114" s="166">
        <v>0</v>
      </c>
      <c r="CG2114" s="166">
        <v>0</v>
      </c>
      <c r="CH2114" s="166">
        <v>0</v>
      </c>
      <c r="CI2114" s="166">
        <v>0</v>
      </c>
      <c r="CJ2114" s="166">
        <v>0</v>
      </c>
      <c r="CK2114" s="166">
        <v>0</v>
      </c>
      <c r="CL2114" s="166">
        <v>0</v>
      </c>
      <c r="CM2114" s="166">
        <v>0</v>
      </c>
      <c r="CN2114" s="166">
        <v>0</v>
      </c>
      <c r="CO2114" s="166">
        <v>0</v>
      </c>
      <c r="CP2114" s="166">
        <v>0</v>
      </c>
      <c r="CQ2114" s="166">
        <v>0</v>
      </c>
      <c r="CR2114" s="166">
        <v>0</v>
      </c>
      <c r="CS2114" s="166">
        <v>0</v>
      </c>
      <c r="CT2114" s="166">
        <v>0</v>
      </c>
      <c r="CU2114" s="166">
        <v>0</v>
      </c>
      <c r="CV2114" s="166">
        <v>0</v>
      </c>
      <c r="CW2114" s="166">
        <v>0</v>
      </c>
      <c r="CX2114" s="166">
        <v>0</v>
      </c>
      <c r="CY2114" s="166">
        <v>0</v>
      </c>
      <c r="CZ2114" s="166">
        <v>0</v>
      </c>
    </row>
    <row r="2115" spans="1:104" x14ac:dyDescent="0.2">
      <c r="A2115" s="167" t="s">
        <v>521</v>
      </c>
    </row>
    <row r="2116" spans="1:104" x14ac:dyDescent="0.2">
      <c r="A2116" s="170" t="s">
        <v>522</v>
      </c>
    </row>
    <row r="2117" spans="1:104" x14ac:dyDescent="0.2">
      <c r="A2117" s="167" t="s">
        <v>523</v>
      </c>
      <c r="B2117" s="166">
        <v>1726622483.9493101</v>
      </c>
      <c r="C2117" s="166">
        <v>1726622483.9493101</v>
      </c>
      <c r="D2117" s="166">
        <v>0</v>
      </c>
      <c r="E2117" s="166">
        <v>0</v>
      </c>
      <c r="F2117" s="166">
        <v>0</v>
      </c>
      <c r="G2117" s="166">
        <v>0</v>
      </c>
      <c r="H2117" s="166">
        <v>0</v>
      </c>
      <c r="I2117" s="166">
        <v>0</v>
      </c>
      <c r="J2117" s="166">
        <v>0</v>
      </c>
      <c r="K2117" s="166">
        <v>0</v>
      </c>
      <c r="L2117" s="166">
        <v>0</v>
      </c>
      <c r="M2117" s="166">
        <v>0</v>
      </c>
      <c r="N2117" s="166">
        <v>0</v>
      </c>
      <c r="O2117" s="166">
        <v>0</v>
      </c>
      <c r="P2117" s="166">
        <v>0</v>
      </c>
      <c r="Q2117" s="166">
        <v>0</v>
      </c>
      <c r="R2117" s="166">
        <v>0</v>
      </c>
      <c r="S2117" s="166">
        <v>0</v>
      </c>
      <c r="T2117" s="166">
        <v>0</v>
      </c>
      <c r="U2117" s="166">
        <v>0</v>
      </c>
      <c r="V2117" s="166">
        <v>0</v>
      </c>
      <c r="W2117" s="166">
        <v>0</v>
      </c>
      <c r="X2117" s="166">
        <v>0</v>
      </c>
      <c r="Y2117" s="166">
        <v>0</v>
      </c>
      <c r="Z2117" s="166">
        <v>0</v>
      </c>
      <c r="AA2117" s="166">
        <v>0</v>
      </c>
      <c r="AB2117" s="166">
        <v>0</v>
      </c>
      <c r="AC2117" s="166">
        <v>0</v>
      </c>
      <c r="AD2117" s="166">
        <v>0</v>
      </c>
      <c r="AE2117" s="166">
        <v>0</v>
      </c>
      <c r="AF2117" s="166">
        <v>0</v>
      </c>
      <c r="AG2117" s="166">
        <v>0</v>
      </c>
      <c r="AH2117" s="166">
        <v>0</v>
      </c>
      <c r="AI2117" s="166">
        <v>0</v>
      </c>
      <c r="AJ2117" s="166">
        <v>0</v>
      </c>
      <c r="AK2117" s="166">
        <v>0</v>
      </c>
      <c r="AL2117" s="166">
        <v>0</v>
      </c>
      <c r="AM2117" s="166">
        <v>0</v>
      </c>
      <c r="AN2117" s="166">
        <v>0</v>
      </c>
      <c r="AO2117" s="166">
        <v>0</v>
      </c>
      <c r="AP2117" s="166">
        <v>0</v>
      </c>
      <c r="AQ2117" s="166">
        <v>0</v>
      </c>
      <c r="AR2117" s="166">
        <v>0</v>
      </c>
      <c r="AS2117" s="166">
        <v>0</v>
      </c>
      <c r="AT2117" s="166">
        <v>0</v>
      </c>
      <c r="AU2117" s="166">
        <v>0</v>
      </c>
      <c r="AV2117" s="166">
        <v>0</v>
      </c>
      <c r="AW2117" s="166">
        <v>0</v>
      </c>
      <c r="AX2117" s="166">
        <v>0</v>
      </c>
      <c r="AY2117" s="166">
        <v>0</v>
      </c>
      <c r="AZ2117" s="166">
        <v>0</v>
      </c>
      <c r="BA2117" s="166">
        <v>0</v>
      </c>
      <c r="BB2117" s="166">
        <v>0</v>
      </c>
      <c r="BC2117" s="166">
        <v>0</v>
      </c>
      <c r="BD2117" s="166">
        <v>0</v>
      </c>
      <c r="BE2117" s="166">
        <v>0</v>
      </c>
      <c r="BF2117" s="166">
        <v>0</v>
      </c>
      <c r="BG2117" s="166">
        <v>0</v>
      </c>
      <c r="BH2117" s="166">
        <v>0</v>
      </c>
      <c r="BI2117" s="166">
        <v>0</v>
      </c>
      <c r="BJ2117" s="166">
        <v>0</v>
      </c>
      <c r="BK2117" s="166">
        <v>0</v>
      </c>
      <c r="BL2117" s="166">
        <v>0</v>
      </c>
      <c r="BM2117" s="166">
        <v>0</v>
      </c>
      <c r="BN2117" s="166">
        <v>0</v>
      </c>
      <c r="BO2117" s="166">
        <v>0</v>
      </c>
      <c r="BP2117" s="166">
        <v>0</v>
      </c>
      <c r="BQ2117" s="166">
        <v>0</v>
      </c>
      <c r="BR2117" s="166">
        <v>1726622483.9493101</v>
      </c>
      <c r="BS2117" s="166">
        <v>1726622483.9493101</v>
      </c>
      <c r="BT2117" s="168">
        <v>0</v>
      </c>
      <c r="BU2117" s="166">
        <v>0</v>
      </c>
      <c r="BV2117" s="166">
        <v>0</v>
      </c>
      <c r="BW2117" s="166">
        <v>0</v>
      </c>
      <c r="BX2117" s="166">
        <v>0</v>
      </c>
      <c r="BY2117" s="166">
        <v>0</v>
      </c>
      <c r="BZ2117" s="166">
        <v>0</v>
      </c>
      <c r="CA2117" s="166">
        <v>0</v>
      </c>
      <c r="CB2117" s="166">
        <v>0</v>
      </c>
      <c r="CC2117" s="166">
        <v>0</v>
      </c>
      <c r="CD2117" s="166">
        <v>0</v>
      </c>
      <c r="CE2117" s="166">
        <v>0</v>
      </c>
      <c r="CF2117" s="166">
        <v>0</v>
      </c>
      <c r="CG2117" s="166">
        <v>0</v>
      </c>
      <c r="CH2117" s="166">
        <v>0</v>
      </c>
      <c r="CI2117" s="166">
        <v>0</v>
      </c>
      <c r="CJ2117" s="166">
        <v>0</v>
      </c>
      <c r="CK2117" s="166">
        <v>0</v>
      </c>
      <c r="CL2117" s="166">
        <v>0</v>
      </c>
      <c r="CM2117" s="166">
        <v>0</v>
      </c>
      <c r="CN2117" s="166">
        <v>0</v>
      </c>
      <c r="CO2117" s="166">
        <v>0</v>
      </c>
      <c r="CP2117" s="166">
        <v>0</v>
      </c>
      <c r="CQ2117" s="166">
        <v>0</v>
      </c>
      <c r="CR2117" s="166">
        <v>0</v>
      </c>
      <c r="CS2117" s="166">
        <v>0</v>
      </c>
      <c r="CT2117" s="166">
        <v>0</v>
      </c>
      <c r="CU2117" s="166">
        <v>0</v>
      </c>
      <c r="CV2117" s="166">
        <v>0</v>
      </c>
      <c r="CW2117" s="166">
        <v>0</v>
      </c>
      <c r="CX2117" s="166">
        <v>0</v>
      </c>
      <c r="CY2117" s="166">
        <v>0</v>
      </c>
      <c r="CZ2117" s="166">
        <v>0</v>
      </c>
    </row>
    <row r="2118" spans="1:104" x14ac:dyDescent="0.2">
      <c r="A2118" s="167" t="s">
        <v>524</v>
      </c>
      <c r="B2118" s="166">
        <v>1726622483.9493101</v>
      </c>
      <c r="C2118" s="166">
        <v>1726622483.9493101</v>
      </c>
      <c r="D2118" s="166">
        <v>0</v>
      </c>
      <c r="E2118" s="166">
        <v>0</v>
      </c>
      <c r="F2118" s="166">
        <v>0</v>
      </c>
      <c r="G2118" s="166">
        <v>0</v>
      </c>
      <c r="H2118" s="166">
        <v>0</v>
      </c>
      <c r="I2118" s="166">
        <v>0</v>
      </c>
      <c r="J2118" s="166">
        <v>0</v>
      </c>
      <c r="K2118" s="166">
        <v>0</v>
      </c>
      <c r="L2118" s="166">
        <v>0</v>
      </c>
      <c r="M2118" s="166">
        <v>0</v>
      </c>
      <c r="N2118" s="166">
        <v>0</v>
      </c>
      <c r="O2118" s="166">
        <v>0</v>
      </c>
      <c r="P2118" s="166">
        <v>0</v>
      </c>
      <c r="Q2118" s="166">
        <v>0</v>
      </c>
      <c r="R2118" s="166">
        <v>0</v>
      </c>
      <c r="S2118" s="166">
        <v>0</v>
      </c>
      <c r="T2118" s="166">
        <v>0</v>
      </c>
      <c r="U2118" s="166">
        <v>0</v>
      </c>
      <c r="V2118" s="166">
        <v>0</v>
      </c>
      <c r="W2118" s="166">
        <v>0</v>
      </c>
      <c r="X2118" s="166">
        <v>0</v>
      </c>
      <c r="Y2118" s="166">
        <v>0</v>
      </c>
      <c r="Z2118" s="166">
        <v>0</v>
      </c>
      <c r="AA2118" s="166">
        <v>0</v>
      </c>
      <c r="AB2118" s="166">
        <v>0</v>
      </c>
      <c r="AC2118" s="166">
        <v>0</v>
      </c>
      <c r="AD2118" s="166">
        <v>0</v>
      </c>
      <c r="AE2118" s="166">
        <v>0</v>
      </c>
      <c r="AF2118" s="166">
        <v>0</v>
      </c>
      <c r="AG2118" s="166">
        <v>0</v>
      </c>
      <c r="AH2118" s="166">
        <v>0</v>
      </c>
      <c r="AI2118" s="166">
        <v>0</v>
      </c>
      <c r="AJ2118" s="166">
        <v>0</v>
      </c>
      <c r="AK2118" s="166">
        <v>0</v>
      </c>
      <c r="AL2118" s="166">
        <v>0</v>
      </c>
      <c r="AM2118" s="166">
        <v>0</v>
      </c>
      <c r="AN2118" s="166">
        <v>0</v>
      </c>
      <c r="AO2118" s="166">
        <v>0</v>
      </c>
      <c r="AP2118" s="166">
        <v>0</v>
      </c>
      <c r="AQ2118" s="166">
        <v>0</v>
      </c>
      <c r="AR2118" s="166">
        <v>0</v>
      </c>
      <c r="AS2118" s="166">
        <v>0</v>
      </c>
      <c r="AT2118" s="166">
        <v>0</v>
      </c>
      <c r="AU2118" s="166">
        <v>0</v>
      </c>
      <c r="AV2118" s="166">
        <v>0</v>
      </c>
      <c r="AW2118" s="166">
        <v>0</v>
      </c>
      <c r="AX2118" s="166">
        <v>0</v>
      </c>
      <c r="AY2118" s="166">
        <v>0</v>
      </c>
      <c r="AZ2118" s="166">
        <v>0</v>
      </c>
      <c r="BA2118" s="166">
        <v>0</v>
      </c>
      <c r="BB2118" s="166">
        <v>0</v>
      </c>
      <c r="BC2118" s="166">
        <v>0</v>
      </c>
      <c r="BD2118" s="166">
        <v>0</v>
      </c>
      <c r="BE2118" s="166">
        <v>0</v>
      </c>
      <c r="BF2118" s="166">
        <v>0</v>
      </c>
      <c r="BG2118" s="166">
        <v>0</v>
      </c>
      <c r="BH2118" s="166">
        <v>0</v>
      </c>
      <c r="BI2118" s="166">
        <v>0</v>
      </c>
      <c r="BJ2118" s="166">
        <v>0</v>
      </c>
      <c r="BK2118" s="166">
        <v>0</v>
      </c>
      <c r="BL2118" s="166">
        <v>0</v>
      </c>
      <c r="BM2118" s="166">
        <v>0</v>
      </c>
      <c r="BN2118" s="166">
        <v>0</v>
      </c>
      <c r="BO2118" s="166">
        <v>0</v>
      </c>
      <c r="BP2118" s="166">
        <v>0</v>
      </c>
      <c r="BQ2118" s="166">
        <v>0</v>
      </c>
      <c r="BR2118" s="166">
        <v>1726622483.9493101</v>
      </c>
      <c r="BS2118" s="166">
        <v>1726622483.9493101</v>
      </c>
      <c r="BT2118" s="168">
        <v>0</v>
      </c>
      <c r="BU2118" s="166">
        <v>0</v>
      </c>
      <c r="BV2118" s="166">
        <v>0</v>
      </c>
      <c r="BW2118" s="166">
        <v>0</v>
      </c>
      <c r="BX2118" s="166">
        <v>0</v>
      </c>
      <c r="BY2118" s="166">
        <v>0</v>
      </c>
      <c r="BZ2118" s="166">
        <v>0</v>
      </c>
      <c r="CA2118" s="166">
        <v>0</v>
      </c>
      <c r="CB2118" s="166">
        <v>0</v>
      </c>
      <c r="CC2118" s="166">
        <v>0</v>
      </c>
      <c r="CD2118" s="166">
        <v>0</v>
      </c>
      <c r="CE2118" s="166">
        <v>0</v>
      </c>
      <c r="CF2118" s="166">
        <v>0</v>
      </c>
      <c r="CG2118" s="166">
        <v>0</v>
      </c>
      <c r="CH2118" s="166">
        <v>0</v>
      </c>
      <c r="CI2118" s="166">
        <v>0</v>
      </c>
      <c r="CJ2118" s="166">
        <v>0</v>
      </c>
      <c r="CK2118" s="166">
        <v>0</v>
      </c>
      <c r="CL2118" s="166">
        <v>0</v>
      </c>
      <c r="CM2118" s="166">
        <v>0</v>
      </c>
      <c r="CN2118" s="166">
        <v>0</v>
      </c>
      <c r="CO2118" s="166">
        <v>0</v>
      </c>
      <c r="CP2118" s="166">
        <v>0</v>
      </c>
      <c r="CQ2118" s="166">
        <v>0</v>
      </c>
      <c r="CR2118" s="166">
        <v>0</v>
      </c>
      <c r="CS2118" s="166">
        <v>0</v>
      </c>
      <c r="CT2118" s="166">
        <v>0</v>
      </c>
      <c r="CU2118" s="166">
        <v>0</v>
      </c>
      <c r="CV2118" s="166">
        <v>0</v>
      </c>
      <c r="CW2118" s="166">
        <v>0</v>
      </c>
      <c r="CX2118" s="166">
        <v>0</v>
      </c>
      <c r="CY2118" s="166">
        <v>0</v>
      </c>
      <c r="CZ2118" s="166">
        <v>0</v>
      </c>
    </row>
    <row r="2119" spans="1:104" x14ac:dyDescent="0.2">
      <c r="A2119" s="167" t="s">
        <v>525</v>
      </c>
      <c r="B2119" s="166">
        <v>-1.4551915228366801E-8</v>
      </c>
      <c r="C2119" s="166">
        <v>-1.4551915228366801E-8</v>
      </c>
      <c r="D2119" s="166">
        <v>0</v>
      </c>
      <c r="E2119" s="166">
        <v>0</v>
      </c>
      <c r="F2119" s="166">
        <v>0</v>
      </c>
      <c r="G2119" s="166">
        <v>0</v>
      </c>
      <c r="H2119" s="166">
        <v>0</v>
      </c>
      <c r="I2119" s="166">
        <v>0</v>
      </c>
      <c r="J2119" s="166">
        <v>0</v>
      </c>
      <c r="K2119" s="166">
        <v>0</v>
      </c>
      <c r="L2119" s="166">
        <v>0</v>
      </c>
      <c r="M2119" s="166">
        <v>0</v>
      </c>
      <c r="N2119" s="166">
        <v>0</v>
      </c>
      <c r="O2119" s="166">
        <v>0</v>
      </c>
      <c r="P2119" s="166">
        <v>0</v>
      </c>
      <c r="Q2119" s="166">
        <v>0</v>
      </c>
      <c r="R2119" s="166">
        <v>0</v>
      </c>
      <c r="S2119" s="166">
        <v>0</v>
      </c>
      <c r="T2119" s="166">
        <v>0</v>
      </c>
      <c r="U2119" s="166">
        <v>0</v>
      </c>
      <c r="V2119" s="166">
        <v>0</v>
      </c>
      <c r="W2119" s="166">
        <v>0</v>
      </c>
      <c r="X2119" s="166">
        <v>0</v>
      </c>
      <c r="Y2119" s="166">
        <v>0</v>
      </c>
      <c r="Z2119" s="166">
        <v>0</v>
      </c>
      <c r="AA2119" s="166">
        <v>0</v>
      </c>
      <c r="AB2119" s="166">
        <v>0</v>
      </c>
      <c r="AC2119" s="166">
        <v>0</v>
      </c>
      <c r="AD2119" s="166">
        <v>0</v>
      </c>
      <c r="AE2119" s="166">
        <v>0</v>
      </c>
      <c r="AF2119" s="166">
        <v>0</v>
      </c>
      <c r="AG2119" s="166">
        <v>0</v>
      </c>
      <c r="AH2119" s="166">
        <v>0</v>
      </c>
      <c r="AI2119" s="166">
        <v>0</v>
      </c>
      <c r="AJ2119" s="166">
        <v>0</v>
      </c>
      <c r="AK2119" s="166">
        <v>0</v>
      </c>
      <c r="AL2119" s="166">
        <v>0</v>
      </c>
      <c r="AM2119" s="166">
        <v>0</v>
      </c>
      <c r="AN2119" s="166">
        <v>0</v>
      </c>
      <c r="AO2119" s="166">
        <v>0</v>
      </c>
      <c r="AP2119" s="166">
        <v>0</v>
      </c>
      <c r="AQ2119" s="166">
        <v>0</v>
      </c>
      <c r="AR2119" s="166">
        <v>0</v>
      </c>
      <c r="AS2119" s="166">
        <v>0</v>
      </c>
      <c r="AT2119" s="166">
        <v>0</v>
      </c>
      <c r="AU2119" s="166">
        <v>0</v>
      </c>
      <c r="AV2119" s="166">
        <v>0</v>
      </c>
      <c r="AW2119" s="166">
        <v>0</v>
      </c>
      <c r="AX2119" s="166">
        <v>0</v>
      </c>
      <c r="AY2119" s="166">
        <v>0</v>
      </c>
      <c r="AZ2119" s="166">
        <v>0</v>
      </c>
      <c r="BA2119" s="166">
        <v>0</v>
      </c>
      <c r="BB2119" s="166">
        <v>0</v>
      </c>
      <c r="BC2119" s="166">
        <v>0</v>
      </c>
      <c r="BD2119" s="166">
        <v>0</v>
      </c>
      <c r="BE2119" s="166">
        <v>0</v>
      </c>
      <c r="BF2119" s="166">
        <v>0</v>
      </c>
      <c r="BG2119" s="166">
        <v>0</v>
      </c>
      <c r="BH2119" s="166">
        <v>0</v>
      </c>
      <c r="BI2119" s="166">
        <v>0</v>
      </c>
      <c r="BJ2119" s="166">
        <v>0</v>
      </c>
      <c r="BK2119" s="166">
        <v>0</v>
      </c>
      <c r="BL2119" s="166">
        <v>0</v>
      </c>
      <c r="BM2119" s="166">
        <v>0</v>
      </c>
      <c r="BN2119" s="166">
        <v>0</v>
      </c>
      <c r="BO2119" s="166">
        <v>0</v>
      </c>
      <c r="BP2119" s="166">
        <v>0</v>
      </c>
      <c r="BQ2119" s="166">
        <v>0</v>
      </c>
      <c r="BR2119" s="166">
        <v>-1.4551915228366801E-8</v>
      </c>
      <c r="BS2119" s="166">
        <v>-1.4551915228366801E-8</v>
      </c>
      <c r="BT2119" s="168">
        <v>0</v>
      </c>
      <c r="BU2119" s="166">
        <v>0</v>
      </c>
      <c r="BV2119" s="166">
        <v>0</v>
      </c>
      <c r="BW2119" s="166">
        <v>0</v>
      </c>
      <c r="BX2119" s="166">
        <v>0</v>
      </c>
      <c r="BY2119" s="166">
        <v>0</v>
      </c>
      <c r="BZ2119" s="166">
        <v>0</v>
      </c>
      <c r="CA2119" s="166">
        <v>0</v>
      </c>
      <c r="CB2119" s="166">
        <v>0</v>
      </c>
      <c r="CC2119" s="166">
        <v>0</v>
      </c>
      <c r="CD2119" s="166">
        <v>0</v>
      </c>
      <c r="CE2119" s="166">
        <v>0</v>
      </c>
      <c r="CF2119" s="166">
        <v>0</v>
      </c>
      <c r="CG2119" s="166">
        <v>0</v>
      </c>
      <c r="CH2119" s="166">
        <v>0</v>
      </c>
      <c r="CI2119" s="166">
        <v>0</v>
      </c>
      <c r="CJ2119" s="166">
        <v>0</v>
      </c>
      <c r="CK2119" s="166">
        <v>0</v>
      </c>
      <c r="CL2119" s="166">
        <v>0</v>
      </c>
      <c r="CM2119" s="166">
        <v>0</v>
      </c>
      <c r="CN2119" s="166">
        <v>0</v>
      </c>
      <c r="CO2119" s="166">
        <v>0</v>
      </c>
      <c r="CP2119" s="166">
        <v>0</v>
      </c>
      <c r="CQ2119" s="166">
        <v>0</v>
      </c>
      <c r="CR2119" s="166">
        <v>0</v>
      </c>
      <c r="CS2119" s="166">
        <v>0</v>
      </c>
      <c r="CT2119" s="166">
        <v>0</v>
      </c>
      <c r="CU2119" s="166">
        <v>0</v>
      </c>
      <c r="CV2119" s="166">
        <v>0</v>
      </c>
      <c r="CW2119" s="166">
        <v>0</v>
      </c>
      <c r="CX2119" s="166">
        <v>0</v>
      </c>
      <c r="CY2119" s="166">
        <v>0</v>
      </c>
      <c r="CZ2119" s="166">
        <v>0</v>
      </c>
    </row>
    <row r="2120" spans="1:104" x14ac:dyDescent="0.2">
      <c r="A2120" s="167" t="s">
        <v>526</v>
      </c>
      <c r="B2120" s="166">
        <v>0</v>
      </c>
      <c r="C2120" s="166">
        <v>0</v>
      </c>
      <c r="D2120" s="166">
        <v>0</v>
      </c>
      <c r="E2120" s="166">
        <v>0</v>
      </c>
      <c r="F2120" s="166">
        <v>0</v>
      </c>
      <c r="G2120" s="166">
        <v>0</v>
      </c>
      <c r="H2120" s="166">
        <v>0</v>
      </c>
      <c r="I2120" s="166">
        <v>0</v>
      </c>
      <c r="J2120" s="166">
        <v>0</v>
      </c>
      <c r="K2120" s="166">
        <v>0</v>
      </c>
      <c r="L2120" s="166">
        <v>0</v>
      </c>
      <c r="M2120" s="166">
        <v>0</v>
      </c>
      <c r="N2120" s="166">
        <v>0</v>
      </c>
      <c r="O2120" s="166">
        <v>0</v>
      </c>
      <c r="P2120" s="166">
        <v>0</v>
      </c>
      <c r="Q2120" s="166">
        <v>0</v>
      </c>
      <c r="R2120" s="166">
        <v>0</v>
      </c>
      <c r="S2120" s="166">
        <v>0</v>
      </c>
      <c r="T2120" s="166">
        <v>0</v>
      </c>
      <c r="U2120" s="166">
        <v>0</v>
      </c>
      <c r="V2120" s="166">
        <v>0</v>
      </c>
      <c r="W2120" s="166">
        <v>0</v>
      </c>
      <c r="X2120" s="166">
        <v>0</v>
      </c>
      <c r="Y2120" s="166">
        <v>0</v>
      </c>
      <c r="Z2120" s="166">
        <v>0</v>
      </c>
      <c r="AA2120" s="166">
        <v>0</v>
      </c>
      <c r="AB2120" s="166">
        <v>0</v>
      </c>
      <c r="AC2120" s="166">
        <v>0</v>
      </c>
      <c r="AD2120" s="166">
        <v>0</v>
      </c>
      <c r="AE2120" s="166">
        <v>0</v>
      </c>
      <c r="AF2120" s="166">
        <v>0</v>
      </c>
      <c r="AG2120" s="166">
        <v>0</v>
      </c>
      <c r="AH2120" s="166">
        <v>0</v>
      </c>
      <c r="AI2120" s="166">
        <v>0</v>
      </c>
      <c r="AJ2120" s="166">
        <v>0</v>
      </c>
      <c r="AK2120" s="166">
        <v>0</v>
      </c>
      <c r="AL2120" s="166">
        <v>0</v>
      </c>
      <c r="AM2120" s="166">
        <v>0</v>
      </c>
      <c r="AN2120" s="166">
        <v>0</v>
      </c>
      <c r="AO2120" s="166">
        <v>0</v>
      </c>
      <c r="AP2120" s="166">
        <v>0</v>
      </c>
      <c r="AQ2120" s="166">
        <v>0</v>
      </c>
      <c r="AR2120" s="166">
        <v>0</v>
      </c>
      <c r="AS2120" s="166">
        <v>0</v>
      </c>
      <c r="AT2120" s="166">
        <v>0</v>
      </c>
      <c r="AU2120" s="166">
        <v>0</v>
      </c>
      <c r="AV2120" s="166">
        <v>0</v>
      </c>
      <c r="AW2120" s="166">
        <v>0</v>
      </c>
      <c r="AX2120" s="166">
        <v>0</v>
      </c>
      <c r="AY2120" s="166">
        <v>0</v>
      </c>
      <c r="AZ2120" s="166">
        <v>0</v>
      </c>
      <c r="BA2120" s="166">
        <v>0</v>
      </c>
      <c r="BB2120" s="166">
        <v>0</v>
      </c>
      <c r="BC2120" s="166">
        <v>0</v>
      </c>
      <c r="BD2120" s="166">
        <v>0</v>
      </c>
      <c r="BE2120" s="166">
        <v>0</v>
      </c>
      <c r="BF2120" s="166">
        <v>0</v>
      </c>
      <c r="BG2120" s="166">
        <v>0</v>
      </c>
      <c r="BH2120" s="166">
        <v>0</v>
      </c>
      <c r="BI2120" s="166">
        <v>0</v>
      </c>
      <c r="BJ2120" s="166">
        <v>0</v>
      </c>
      <c r="BK2120" s="166">
        <v>0</v>
      </c>
      <c r="BL2120" s="166">
        <v>0</v>
      </c>
      <c r="BM2120" s="166">
        <v>0</v>
      </c>
      <c r="BN2120" s="166">
        <v>0</v>
      </c>
      <c r="BO2120" s="166">
        <v>0</v>
      </c>
      <c r="BP2120" s="166">
        <v>0</v>
      </c>
      <c r="BQ2120" s="166">
        <v>0</v>
      </c>
      <c r="BR2120" s="166">
        <v>0</v>
      </c>
      <c r="BS2120" s="166">
        <v>0</v>
      </c>
      <c r="BT2120" s="168">
        <v>0</v>
      </c>
      <c r="BU2120" s="166">
        <v>0</v>
      </c>
      <c r="BV2120" s="166">
        <v>0</v>
      </c>
      <c r="BW2120" s="166">
        <v>0</v>
      </c>
      <c r="BX2120" s="166">
        <v>0</v>
      </c>
      <c r="BY2120" s="166">
        <v>0</v>
      </c>
      <c r="BZ2120" s="166">
        <v>0</v>
      </c>
      <c r="CA2120" s="166">
        <v>0</v>
      </c>
      <c r="CB2120" s="166">
        <v>0</v>
      </c>
      <c r="CC2120" s="166">
        <v>0</v>
      </c>
      <c r="CD2120" s="166">
        <v>0</v>
      </c>
      <c r="CE2120" s="166">
        <v>0</v>
      </c>
      <c r="CF2120" s="166">
        <v>0</v>
      </c>
      <c r="CG2120" s="166">
        <v>0</v>
      </c>
      <c r="CH2120" s="166">
        <v>0</v>
      </c>
      <c r="CI2120" s="166">
        <v>0</v>
      </c>
      <c r="CJ2120" s="166">
        <v>0</v>
      </c>
      <c r="CK2120" s="166">
        <v>0</v>
      </c>
      <c r="CL2120" s="166">
        <v>0</v>
      </c>
      <c r="CM2120" s="166">
        <v>0</v>
      </c>
      <c r="CN2120" s="166">
        <v>0</v>
      </c>
      <c r="CO2120" s="166">
        <v>0</v>
      </c>
      <c r="CP2120" s="166">
        <v>0</v>
      </c>
      <c r="CQ2120" s="166">
        <v>0</v>
      </c>
      <c r="CR2120" s="166">
        <v>0</v>
      </c>
      <c r="CS2120" s="166">
        <v>0</v>
      </c>
      <c r="CT2120" s="166">
        <v>0</v>
      </c>
      <c r="CU2120" s="166">
        <v>0</v>
      </c>
      <c r="CV2120" s="166">
        <v>0</v>
      </c>
      <c r="CW2120" s="166">
        <v>0</v>
      </c>
      <c r="CX2120" s="166">
        <v>0</v>
      </c>
      <c r="CY2120" s="166">
        <v>287382422.76979703</v>
      </c>
      <c r="CZ2120" s="166">
        <v>287382422.76979703</v>
      </c>
    </row>
    <row r="2121" spans="1:104" x14ac:dyDescent="0.2">
      <c r="A2121" s="170" t="s">
        <v>527</v>
      </c>
      <c r="B2121" s="166">
        <v>0</v>
      </c>
      <c r="C2121" s="166">
        <v>0</v>
      </c>
      <c r="D2121" s="166">
        <v>0</v>
      </c>
      <c r="E2121" s="166">
        <v>0</v>
      </c>
      <c r="F2121" s="166">
        <v>0</v>
      </c>
      <c r="G2121" s="166">
        <v>0</v>
      </c>
      <c r="H2121" s="166">
        <v>0</v>
      </c>
      <c r="I2121" s="166">
        <v>0</v>
      </c>
      <c r="J2121" s="166">
        <v>0</v>
      </c>
      <c r="K2121" s="166">
        <v>0</v>
      </c>
      <c r="L2121" s="166">
        <v>0</v>
      </c>
      <c r="M2121" s="166">
        <v>0</v>
      </c>
      <c r="N2121" s="166">
        <v>0</v>
      </c>
      <c r="O2121" s="166">
        <v>0</v>
      </c>
      <c r="P2121" s="166">
        <v>0</v>
      </c>
      <c r="Q2121" s="166">
        <v>0</v>
      </c>
      <c r="R2121" s="166">
        <v>0</v>
      </c>
      <c r="S2121" s="166">
        <v>0</v>
      </c>
      <c r="T2121" s="166">
        <v>0</v>
      </c>
      <c r="U2121" s="166">
        <v>0</v>
      </c>
      <c r="V2121" s="166">
        <v>0</v>
      </c>
      <c r="W2121" s="166">
        <v>0</v>
      </c>
      <c r="X2121" s="166">
        <v>0</v>
      </c>
      <c r="Y2121" s="166">
        <v>0</v>
      </c>
      <c r="Z2121" s="166">
        <v>0</v>
      </c>
      <c r="AA2121" s="166">
        <v>0</v>
      </c>
      <c r="AB2121" s="166">
        <v>0</v>
      </c>
      <c r="AC2121" s="166">
        <v>0</v>
      </c>
      <c r="AD2121" s="166">
        <v>0</v>
      </c>
      <c r="AE2121" s="166">
        <v>0</v>
      </c>
      <c r="AF2121" s="166">
        <v>0</v>
      </c>
      <c r="AG2121" s="166">
        <v>0</v>
      </c>
      <c r="AH2121" s="166">
        <v>0</v>
      </c>
      <c r="AI2121" s="166">
        <v>0</v>
      </c>
      <c r="AJ2121" s="166">
        <v>0</v>
      </c>
      <c r="AK2121" s="166">
        <v>0</v>
      </c>
      <c r="AL2121" s="166">
        <v>0</v>
      </c>
      <c r="AM2121" s="166">
        <v>0</v>
      </c>
      <c r="AN2121" s="166">
        <v>0</v>
      </c>
      <c r="AO2121" s="166">
        <v>0</v>
      </c>
      <c r="AP2121" s="166">
        <v>0</v>
      </c>
      <c r="AQ2121" s="166">
        <v>0</v>
      </c>
      <c r="AR2121" s="166">
        <v>0</v>
      </c>
      <c r="AS2121" s="166">
        <v>0</v>
      </c>
      <c r="AT2121" s="166">
        <v>0</v>
      </c>
      <c r="AU2121" s="166">
        <v>0</v>
      </c>
      <c r="AV2121" s="166">
        <v>0</v>
      </c>
      <c r="AW2121" s="166">
        <v>0</v>
      </c>
      <c r="AX2121" s="166">
        <v>0</v>
      </c>
      <c r="AY2121" s="166">
        <v>0</v>
      </c>
      <c r="AZ2121" s="166">
        <v>0</v>
      </c>
      <c r="BA2121" s="166">
        <v>0</v>
      </c>
      <c r="BB2121" s="166">
        <v>0</v>
      </c>
      <c r="BC2121" s="166">
        <v>0</v>
      </c>
      <c r="BD2121" s="166">
        <v>0</v>
      </c>
      <c r="BE2121" s="166">
        <v>0</v>
      </c>
      <c r="BF2121" s="166">
        <v>0</v>
      </c>
      <c r="BG2121" s="166">
        <v>0</v>
      </c>
      <c r="BH2121" s="166">
        <v>0</v>
      </c>
      <c r="BI2121" s="166">
        <v>0</v>
      </c>
      <c r="BJ2121" s="166">
        <v>0</v>
      </c>
      <c r="BK2121" s="166">
        <v>0</v>
      </c>
      <c r="BL2121" s="166">
        <v>0</v>
      </c>
      <c r="BM2121" s="166">
        <v>0</v>
      </c>
      <c r="BN2121" s="166">
        <v>0</v>
      </c>
      <c r="BO2121" s="166">
        <v>0</v>
      </c>
      <c r="BP2121" s="166">
        <v>0</v>
      </c>
      <c r="BQ2121" s="166">
        <v>0</v>
      </c>
      <c r="BR2121" s="166">
        <v>0</v>
      </c>
      <c r="BS2121" s="166">
        <v>0</v>
      </c>
      <c r="BT2121" s="168">
        <v>0</v>
      </c>
      <c r="BU2121" s="166">
        <v>0</v>
      </c>
      <c r="BV2121" s="166">
        <v>0</v>
      </c>
      <c r="BW2121" s="166">
        <v>0</v>
      </c>
      <c r="BX2121" s="166">
        <v>0</v>
      </c>
      <c r="BY2121" s="166">
        <v>0</v>
      </c>
      <c r="BZ2121" s="166">
        <v>0</v>
      </c>
      <c r="CA2121" s="166">
        <v>0</v>
      </c>
      <c r="CB2121" s="166">
        <v>0</v>
      </c>
      <c r="CC2121" s="166">
        <v>0</v>
      </c>
      <c r="CD2121" s="166">
        <v>0</v>
      </c>
      <c r="CE2121" s="166">
        <v>0</v>
      </c>
      <c r="CF2121" s="166">
        <v>0</v>
      </c>
      <c r="CG2121" s="166">
        <v>0</v>
      </c>
      <c r="CH2121" s="166">
        <v>0</v>
      </c>
      <c r="CI2121" s="166">
        <v>0</v>
      </c>
      <c r="CJ2121" s="166">
        <v>0</v>
      </c>
      <c r="CK2121" s="166">
        <v>0</v>
      </c>
      <c r="CL2121" s="166">
        <v>0</v>
      </c>
      <c r="CM2121" s="166">
        <v>0</v>
      </c>
      <c r="CN2121" s="166">
        <v>0</v>
      </c>
      <c r="CO2121" s="166">
        <v>0</v>
      </c>
      <c r="CP2121" s="166">
        <v>0</v>
      </c>
      <c r="CQ2121" s="166">
        <v>0</v>
      </c>
      <c r="CR2121" s="166">
        <v>0</v>
      </c>
      <c r="CS2121" s="166">
        <v>0</v>
      </c>
      <c r="CT2121" s="166">
        <v>0</v>
      </c>
      <c r="CU2121" s="166">
        <v>0</v>
      </c>
      <c r="CV2121" s="166">
        <v>0</v>
      </c>
      <c r="CW2121" s="166">
        <v>0</v>
      </c>
      <c r="CX2121" s="166">
        <v>0</v>
      </c>
      <c r="CY2121" s="166">
        <v>0</v>
      </c>
      <c r="CZ2121" s="166">
        <v>0</v>
      </c>
    </row>
    <row r="2122" spans="1:104" x14ac:dyDescent="0.2">
      <c r="A2122" s="167" t="s">
        <v>528</v>
      </c>
      <c r="B2122" s="166">
        <v>173438408.90705901</v>
      </c>
      <c r="C2122" s="166">
        <v>173438408.90705901</v>
      </c>
      <c r="D2122" s="166">
        <v>0</v>
      </c>
      <c r="E2122" s="166">
        <v>0</v>
      </c>
      <c r="F2122" s="166">
        <v>0</v>
      </c>
      <c r="G2122" s="166">
        <v>0</v>
      </c>
      <c r="H2122" s="166">
        <v>0</v>
      </c>
      <c r="I2122" s="166">
        <v>0</v>
      </c>
      <c r="J2122" s="166">
        <v>0</v>
      </c>
      <c r="K2122" s="166">
        <v>0</v>
      </c>
      <c r="L2122" s="166">
        <v>0</v>
      </c>
      <c r="M2122" s="166">
        <v>0</v>
      </c>
      <c r="N2122" s="166">
        <v>0</v>
      </c>
      <c r="O2122" s="166">
        <v>0</v>
      </c>
      <c r="P2122" s="166">
        <v>0</v>
      </c>
      <c r="Q2122" s="166">
        <v>0</v>
      </c>
      <c r="R2122" s="166">
        <v>0</v>
      </c>
      <c r="S2122" s="166">
        <v>0</v>
      </c>
      <c r="T2122" s="166">
        <v>0</v>
      </c>
      <c r="U2122" s="166">
        <v>0</v>
      </c>
      <c r="V2122" s="166">
        <v>0</v>
      </c>
      <c r="W2122" s="166">
        <v>0</v>
      </c>
      <c r="X2122" s="166">
        <v>0</v>
      </c>
      <c r="Y2122" s="166">
        <v>0</v>
      </c>
      <c r="Z2122" s="166">
        <v>0</v>
      </c>
      <c r="AA2122" s="166">
        <v>0</v>
      </c>
      <c r="AB2122" s="166">
        <v>0</v>
      </c>
      <c r="AC2122" s="166">
        <v>0</v>
      </c>
      <c r="AD2122" s="166">
        <v>0</v>
      </c>
      <c r="AE2122" s="166">
        <v>0</v>
      </c>
      <c r="AF2122" s="166">
        <v>0</v>
      </c>
      <c r="AG2122" s="166">
        <v>0</v>
      </c>
      <c r="AH2122" s="166">
        <v>0</v>
      </c>
      <c r="AI2122" s="166">
        <v>0</v>
      </c>
      <c r="AJ2122" s="166">
        <v>0</v>
      </c>
      <c r="AK2122" s="166">
        <v>0</v>
      </c>
      <c r="AL2122" s="166">
        <v>0</v>
      </c>
      <c r="AM2122" s="166">
        <v>0</v>
      </c>
      <c r="AN2122" s="166">
        <v>0</v>
      </c>
      <c r="AO2122" s="166">
        <v>0</v>
      </c>
      <c r="AP2122" s="166">
        <v>0</v>
      </c>
      <c r="AQ2122" s="166">
        <v>0</v>
      </c>
      <c r="AR2122" s="166">
        <v>0</v>
      </c>
      <c r="AS2122" s="166">
        <v>0</v>
      </c>
      <c r="AT2122" s="166">
        <v>0</v>
      </c>
      <c r="AU2122" s="166">
        <v>0</v>
      </c>
      <c r="AV2122" s="166">
        <v>0</v>
      </c>
      <c r="AW2122" s="166">
        <v>0</v>
      </c>
      <c r="AX2122" s="166">
        <v>0</v>
      </c>
      <c r="AY2122" s="166">
        <v>0</v>
      </c>
      <c r="AZ2122" s="166">
        <v>0</v>
      </c>
      <c r="BA2122" s="166">
        <v>0</v>
      </c>
      <c r="BB2122" s="166">
        <v>0</v>
      </c>
      <c r="BC2122" s="166">
        <v>0</v>
      </c>
      <c r="BD2122" s="166">
        <v>0</v>
      </c>
      <c r="BE2122" s="166">
        <v>0</v>
      </c>
      <c r="BF2122" s="166">
        <v>0</v>
      </c>
      <c r="BG2122" s="166">
        <v>0</v>
      </c>
      <c r="BH2122" s="166">
        <v>0</v>
      </c>
      <c r="BI2122" s="166">
        <v>0</v>
      </c>
      <c r="BJ2122" s="166">
        <v>0</v>
      </c>
      <c r="BK2122" s="166">
        <v>0</v>
      </c>
      <c r="BL2122" s="166">
        <v>0</v>
      </c>
      <c r="BM2122" s="166">
        <v>0</v>
      </c>
      <c r="BN2122" s="166">
        <v>0</v>
      </c>
      <c r="BO2122" s="166">
        <v>0</v>
      </c>
      <c r="BP2122" s="166">
        <v>0</v>
      </c>
      <c r="BQ2122" s="166">
        <v>0</v>
      </c>
      <c r="BR2122" s="166">
        <v>173438408.90705901</v>
      </c>
      <c r="BS2122" s="166">
        <v>173438408.90705901</v>
      </c>
      <c r="BT2122" s="168">
        <v>0</v>
      </c>
      <c r="BU2122" s="166">
        <v>0</v>
      </c>
      <c r="BV2122" s="166">
        <v>0</v>
      </c>
      <c r="BW2122" s="166">
        <v>0</v>
      </c>
      <c r="BX2122" s="166">
        <v>0</v>
      </c>
      <c r="BY2122" s="166">
        <v>0</v>
      </c>
      <c r="BZ2122" s="166">
        <v>0</v>
      </c>
      <c r="CA2122" s="166">
        <v>0</v>
      </c>
      <c r="CB2122" s="166">
        <v>0</v>
      </c>
      <c r="CC2122" s="166">
        <v>0</v>
      </c>
      <c r="CD2122" s="166">
        <v>0</v>
      </c>
      <c r="CE2122" s="166">
        <v>0</v>
      </c>
      <c r="CF2122" s="166">
        <v>0</v>
      </c>
      <c r="CG2122" s="166">
        <v>0</v>
      </c>
      <c r="CH2122" s="166">
        <v>0</v>
      </c>
      <c r="CI2122" s="166">
        <v>0</v>
      </c>
      <c r="CJ2122" s="166">
        <v>0</v>
      </c>
      <c r="CK2122" s="166">
        <v>0</v>
      </c>
      <c r="CL2122" s="166">
        <v>0</v>
      </c>
      <c r="CM2122" s="166">
        <v>0</v>
      </c>
      <c r="CN2122" s="166">
        <v>0</v>
      </c>
      <c r="CO2122" s="166">
        <v>0</v>
      </c>
      <c r="CP2122" s="166">
        <v>0</v>
      </c>
      <c r="CQ2122" s="166">
        <v>0</v>
      </c>
      <c r="CR2122" s="166">
        <v>0</v>
      </c>
      <c r="CS2122" s="166">
        <v>0</v>
      </c>
      <c r="CT2122" s="166">
        <v>0</v>
      </c>
      <c r="CU2122" s="166">
        <v>0</v>
      </c>
      <c r="CV2122" s="166">
        <v>0</v>
      </c>
      <c r="CW2122" s="166">
        <v>0</v>
      </c>
      <c r="CX2122" s="166">
        <v>0</v>
      </c>
      <c r="CY2122" s="166">
        <v>0</v>
      </c>
      <c r="CZ2122" s="166">
        <v>0</v>
      </c>
    </row>
    <row r="2123" spans="1:104" x14ac:dyDescent="0.2">
      <c r="A2123" s="167" t="s">
        <v>529</v>
      </c>
      <c r="B2123" s="166">
        <v>32127886.629999999</v>
      </c>
      <c r="C2123" s="166">
        <v>32127886.629999999</v>
      </c>
      <c r="D2123" s="166">
        <v>0</v>
      </c>
      <c r="E2123" s="166">
        <v>0</v>
      </c>
      <c r="F2123" s="166">
        <v>0</v>
      </c>
      <c r="G2123" s="166">
        <v>0</v>
      </c>
      <c r="H2123" s="166">
        <v>0</v>
      </c>
      <c r="I2123" s="166">
        <v>0</v>
      </c>
      <c r="J2123" s="166">
        <v>0</v>
      </c>
      <c r="K2123" s="166">
        <v>0</v>
      </c>
      <c r="L2123" s="166">
        <v>0</v>
      </c>
      <c r="M2123" s="166">
        <v>0</v>
      </c>
      <c r="N2123" s="166">
        <v>0</v>
      </c>
      <c r="O2123" s="166">
        <v>0</v>
      </c>
      <c r="P2123" s="166">
        <v>0</v>
      </c>
      <c r="Q2123" s="166">
        <v>0</v>
      </c>
      <c r="R2123" s="166">
        <v>0</v>
      </c>
      <c r="S2123" s="166">
        <v>0</v>
      </c>
      <c r="T2123" s="166">
        <v>0</v>
      </c>
      <c r="U2123" s="166">
        <v>0</v>
      </c>
      <c r="V2123" s="166">
        <v>0</v>
      </c>
      <c r="W2123" s="166">
        <v>0</v>
      </c>
      <c r="X2123" s="166">
        <v>0</v>
      </c>
      <c r="Y2123" s="166">
        <v>0</v>
      </c>
      <c r="Z2123" s="166">
        <v>0</v>
      </c>
      <c r="AA2123" s="166">
        <v>0</v>
      </c>
      <c r="AB2123" s="166">
        <v>0</v>
      </c>
      <c r="AC2123" s="166">
        <v>0</v>
      </c>
      <c r="AD2123" s="166">
        <v>0</v>
      </c>
      <c r="AE2123" s="166">
        <v>0</v>
      </c>
      <c r="AF2123" s="166">
        <v>0</v>
      </c>
      <c r="AG2123" s="166">
        <v>0</v>
      </c>
      <c r="AH2123" s="166">
        <v>0</v>
      </c>
      <c r="AI2123" s="166">
        <v>0</v>
      </c>
      <c r="AJ2123" s="166">
        <v>0</v>
      </c>
      <c r="AK2123" s="166">
        <v>0</v>
      </c>
      <c r="AL2123" s="166">
        <v>0</v>
      </c>
      <c r="AM2123" s="166">
        <v>0</v>
      </c>
      <c r="AN2123" s="166">
        <v>0</v>
      </c>
      <c r="AO2123" s="166">
        <v>0</v>
      </c>
      <c r="AP2123" s="166">
        <v>0</v>
      </c>
      <c r="AQ2123" s="166">
        <v>0</v>
      </c>
      <c r="AR2123" s="166">
        <v>0</v>
      </c>
      <c r="AS2123" s="166">
        <v>0</v>
      </c>
      <c r="AT2123" s="166">
        <v>0</v>
      </c>
      <c r="AU2123" s="166">
        <v>0</v>
      </c>
      <c r="AV2123" s="166">
        <v>0</v>
      </c>
      <c r="AW2123" s="166">
        <v>0</v>
      </c>
      <c r="AX2123" s="166">
        <v>0</v>
      </c>
      <c r="AY2123" s="166">
        <v>0</v>
      </c>
      <c r="AZ2123" s="166">
        <v>0</v>
      </c>
      <c r="BA2123" s="166">
        <v>0</v>
      </c>
      <c r="BB2123" s="166">
        <v>0</v>
      </c>
      <c r="BC2123" s="166">
        <v>0</v>
      </c>
      <c r="BD2123" s="166">
        <v>0</v>
      </c>
      <c r="BE2123" s="166">
        <v>0</v>
      </c>
      <c r="BF2123" s="166">
        <v>0</v>
      </c>
      <c r="BG2123" s="166">
        <v>0</v>
      </c>
      <c r="BH2123" s="166">
        <v>0</v>
      </c>
      <c r="BI2123" s="166">
        <v>0</v>
      </c>
      <c r="BJ2123" s="166">
        <v>0</v>
      </c>
      <c r="BK2123" s="166">
        <v>0</v>
      </c>
      <c r="BL2123" s="166">
        <v>0</v>
      </c>
      <c r="BM2123" s="166">
        <v>0</v>
      </c>
      <c r="BN2123" s="166">
        <v>0</v>
      </c>
      <c r="BO2123" s="166">
        <v>0</v>
      </c>
      <c r="BP2123" s="166">
        <v>0</v>
      </c>
      <c r="BQ2123" s="166">
        <v>0</v>
      </c>
      <c r="BR2123" s="166">
        <v>32127886.629999999</v>
      </c>
      <c r="BS2123" s="166">
        <v>32127886.629999999</v>
      </c>
      <c r="BT2123" s="168">
        <v>0</v>
      </c>
      <c r="BU2123" s="166">
        <v>0</v>
      </c>
      <c r="BV2123" s="166">
        <v>0</v>
      </c>
      <c r="BW2123" s="166">
        <v>0</v>
      </c>
      <c r="BX2123" s="166">
        <v>0</v>
      </c>
      <c r="BY2123" s="166">
        <v>0</v>
      </c>
      <c r="BZ2123" s="166">
        <v>0</v>
      </c>
      <c r="CA2123" s="166">
        <v>0</v>
      </c>
      <c r="CB2123" s="166">
        <v>0</v>
      </c>
      <c r="CC2123" s="166">
        <v>0</v>
      </c>
      <c r="CD2123" s="166">
        <v>0</v>
      </c>
      <c r="CE2123" s="166">
        <v>0</v>
      </c>
      <c r="CF2123" s="166">
        <v>0</v>
      </c>
      <c r="CG2123" s="166">
        <v>0</v>
      </c>
      <c r="CH2123" s="166">
        <v>0</v>
      </c>
      <c r="CI2123" s="166">
        <v>0</v>
      </c>
      <c r="CJ2123" s="166">
        <v>0</v>
      </c>
      <c r="CK2123" s="166">
        <v>0</v>
      </c>
      <c r="CL2123" s="166">
        <v>0</v>
      </c>
      <c r="CM2123" s="166">
        <v>0</v>
      </c>
      <c r="CN2123" s="166">
        <v>0</v>
      </c>
      <c r="CO2123" s="166">
        <v>0</v>
      </c>
      <c r="CP2123" s="166">
        <v>0</v>
      </c>
      <c r="CQ2123" s="166">
        <v>0</v>
      </c>
      <c r="CR2123" s="166">
        <v>0</v>
      </c>
      <c r="CS2123" s="166">
        <v>0</v>
      </c>
      <c r="CT2123" s="166">
        <v>0</v>
      </c>
      <c r="CU2123" s="166">
        <v>0</v>
      </c>
      <c r="CV2123" s="166">
        <v>0</v>
      </c>
      <c r="CW2123" s="166">
        <v>0</v>
      </c>
      <c r="CX2123" s="166">
        <v>0</v>
      </c>
      <c r="CY2123" s="166">
        <v>0</v>
      </c>
      <c r="CZ2123" s="166">
        <v>0</v>
      </c>
    </row>
    <row r="2124" spans="1:104" x14ac:dyDescent="0.2">
      <c r="A2124" s="167" t="s">
        <v>530</v>
      </c>
      <c r="B2124" s="166">
        <v>116021340.36999901</v>
      </c>
      <c r="C2124" s="166">
        <v>116021340.36999901</v>
      </c>
      <c r="D2124" s="166">
        <v>0</v>
      </c>
      <c r="E2124" s="166">
        <v>0</v>
      </c>
      <c r="F2124" s="166">
        <v>0</v>
      </c>
      <c r="G2124" s="166">
        <v>0</v>
      </c>
      <c r="H2124" s="166">
        <v>0</v>
      </c>
      <c r="I2124" s="166">
        <v>0</v>
      </c>
      <c r="J2124" s="166">
        <v>0</v>
      </c>
      <c r="K2124" s="166">
        <v>0</v>
      </c>
      <c r="L2124" s="166">
        <v>0</v>
      </c>
      <c r="M2124" s="166">
        <v>0</v>
      </c>
      <c r="N2124" s="166">
        <v>0</v>
      </c>
      <c r="O2124" s="166">
        <v>0</v>
      </c>
      <c r="P2124" s="166">
        <v>0</v>
      </c>
      <c r="Q2124" s="166">
        <v>0</v>
      </c>
      <c r="R2124" s="166">
        <v>0</v>
      </c>
      <c r="S2124" s="166">
        <v>0</v>
      </c>
      <c r="T2124" s="166">
        <v>0</v>
      </c>
      <c r="U2124" s="166">
        <v>0</v>
      </c>
      <c r="V2124" s="166">
        <v>0</v>
      </c>
      <c r="W2124" s="166">
        <v>0</v>
      </c>
      <c r="X2124" s="166">
        <v>0</v>
      </c>
      <c r="Y2124" s="166">
        <v>0</v>
      </c>
      <c r="Z2124" s="166">
        <v>0</v>
      </c>
      <c r="AA2124" s="166">
        <v>0</v>
      </c>
      <c r="AB2124" s="166">
        <v>0</v>
      </c>
      <c r="AC2124" s="166">
        <v>0</v>
      </c>
      <c r="AD2124" s="166">
        <v>0</v>
      </c>
      <c r="AE2124" s="166">
        <v>0</v>
      </c>
      <c r="AF2124" s="166">
        <v>0</v>
      </c>
      <c r="AG2124" s="166">
        <v>0</v>
      </c>
      <c r="AH2124" s="166">
        <v>0</v>
      </c>
      <c r="AI2124" s="166">
        <v>0</v>
      </c>
      <c r="AJ2124" s="166">
        <v>0</v>
      </c>
      <c r="AK2124" s="166">
        <v>0</v>
      </c>
      <c r="AL2124" s="166">
        <v>0</v>
      </c>
      <c r="AM2124" s="166">
        <v>0</v>
      </c>
      <c r="AN2124" s="166">
        <v>0</v>
      </c>
      <c r="AO2124" s="166">
        <v>0</v>
      </c>
      <c r="AP2124" s="166">
        <v>0</v>
      </c>
      <c r="AQ2124" s="166">
        <v>0</v>
      </c>
      <c r="AR2124" s="166">
        <v>0</v>
      </c>
      <c r="AS2124" s="166">
        <v>0</v>
      </c>
      <c r="AT2124" s="166">
        <v>0</v>
      </c>
      <c r="AU2124" s="166">
        <v>0</v>
      </c>
      <c r="AV2124" s="166">
        <v>0</v>
      </c>
      <c r="AW2124" s="166">
        <v>0</v>
      </c>
      <c r="AX2124" s="166">
        <v>0</v>
      </c>
      <c r="AY2124" s="166">
        <v>0</v>
      </c>
      <c r="AZ2124" s="166">
        <v>0</v>
      </c>
      <c r="BA2124" s="166">
        <v>0</v>
      </c>
      <c r="BB2124" s="166">
        <v>0</v>
      </c>
      <c r="BC2124" s="166">
        <v>0</v>
      </c>
      <c r="BD2124" s="166">
        <v>0</v>
      </c>
      <c r="BE2124" s="166">
        <v>0</v>
      </c>
      <c r="BF2124" s="166">
        <v>0</v>
      </c>
      <c r="BG2124" s="166">
        <v>0</v>
      </c>
      <c r="BH2124" s="166">
        <v>0</v>
      </c>
      <c r="BI2124" s="166">
        <v>0</v>
      </c>
      <c r="BJ2124" s="166">
        <v>0</v>
      </c>
      <c r="BK2124" s="166">
        <v>0</v>
      </c>
      <c r="BL2124" s="166">
        <v>0</v>
      </c>
      <c r="BM2124" s="166">
        <v>0</v>
      </c>
      <c r="BN2124" s="166">
        <v>0</v>
      </c>
      <c r="BO2124" s="166">
        <v>0</v>
      </c>
      <c r="BP2124" s="166">
        <v>0</v>
      </c>
      <c r="BQ2124" s="166">
        <v>0</v>
      </c>
      <c r="BR2124" s="166">
        <v>116021340.36999901</v>
      </c>
      <c r="BS2124" s="166">
        <v>116021340.36999901</v>
      </c>
      <c r="BT2124" s="168">
        <v>0</v>
      </c>
      <c r="BU2124" s="166">
        <v>0</v>
      </c>
      <c r="BV2124" s="166">
        <v>0</v>
      </c>
      <c r="BW2124" s="166">
        <v>0</v>
      </c>
      <c r="BX2124" s="166">
        <v>0</v>
      </c>
      <c r="BY2124" s="166">
        <v>0</v>
      </c>
      <c r="BZ2124" s="166">
        <v>0</v>
      </c>
      <c r="CA2124" s="166">
        <v>0</v>
      </c>
      <c r="CB2124" s="166">
        <v>0</v>
      </c>
      <c r="CC2124" s="166">
        <v>0</v>
      </c>
      <c r="CD2124" s="166">
        <v>0</v>
      </c>
      <c r="CE2124" s="166">
        <v>0</v>
      </c>
      <c r="CF2124" s="166">
        <v>0</v>
      </c>
      <c r="CG2124" s="166">
        <v>0</v>
      </c>
      <c r="CH2124" s="166">
        <v>0</v>
      </c>
      <c r="CI2124" s="166">
        <v>0</v>
      </c>
      <c r="CJ2124" s="166">
        <v>0</v>
      </c>
      <c r="CK2124" s="166">
        <v>0</v>
      </c>
      <c r="CL2124" s="166">
        <v>0</v>
      </c>
      <c r="CM2124" s="166">
        <v>0</v>
      </c>
      <c r="CN2124" s="166">
        <v>0</v>
      </c>
      <c r="CO2124" s="166">
        <v>0</v>
      </c>
      <c r="CP2124" s="166">
        <v>0</v>
      </c>
      <c r="CQ2124" s="166">
        <v>0</v>
      </c>
      <c r="CR2124" s="166">
        <v>0</v>
      </c>
      <c r="CS2124" s="166">
        <v>0</v>
      </c>
      <c r="CT2124" s="166">
        <v>0</v>
      </c>
      <c r="CU2124" s="166">
        <v>0</v>
      </c>
      <c r="CV2124" s="166">
        <v>0</v>
      </c>
      <c r="CW2124" s="166">
        <v>0</v>
      </c>
      <c r="CX2124" s="166">
        <v>0</v>
      </c>
      <c r="CY2124" s="166">
        <v>0</v>
      </c>
      <c r="CZ2124" s="166">
        <v>0</v>
      </c>
    </row>
    <row r="2125" spans="1:104" x14ac:dyDescent="0.2">
      <c r="A2125" s="167" t="s">
        <v>531</v>
      </c>
      <c r="B2125" s="166">
        <v>109677146.006</v>
      </c>
      <c r="C2125" s="166">
        <v>109677146.006</v>
      </c>
      <c r="D2125" s="166">
        <v>0</v>
      </c>
      <c r="E2125" s="166">
        <v>0</v>
      </c>
      <c r="F2125" s="166">
        <v>0</v>
      </c>
      <c r="G2125" s="166">
        <v>0</v>
      </c>
      <c r="H2125" s="166">
        <v>0</v>
      </c>
      <c r="I2125" s="166">
        <v>0</v>
      </c>
      <c r="J2125" s="166">
        <v>0</v>
      </c>
      <c r="K2125" s="166">
        <v>0</v>
      </c>
      <c r="L2125" s="166">
        <v>0</v>
      </c>
      <c r="M2125" s="166">
        <v>0</v>
      </c>
      <c r="N2125" s="166">
        <v>0</v>
      </c>
      <c r="O2125" s="166">
        <v>0</v>
      </c>
      <c r="P2125" s="166">
        <v>0</v>
      </c>
      <c r="Q2125" s="166">
        <v>0</v>
      </c>
      <c r="R2125" s="166">
        <v>0</v>
      </c>
      <c r="S2125" s="166">
        <v>0</v>
      </c>
      <c r="T2125" s="166">
        <v>0</v>
      </c>
      <c r="U2125" s="166">
        <v>0</v>
      </c>
      <c r="V2125" s="166">
        <v>0</v>
      </c>
      <c r="W2125" s="166">
        <v>0</v>
      </c>
      <c r="X2125" s="166">
        <v>0</v>
      </c>
      <c r="Y2125" s="166">
        <v>0</v>
      </c>
      <c r="Z2125" s="166">
        <v>0</v>
      </c>
      <c r="AA2125" s="166">
        <v>0</v>
      </c>
      <c r="AB2125" s="166">
        <v>0</v>
      </c>
      <c r="AC2125" s="166">
        <v>0</v>
      </c>
      <c r="AD2125" s="166">
        <v>0</v>
      </c>
      <c r="AE2125" s="166">
        <v>0</v>
      </c>
      <c r="AF2125" s="166">
        <v>0</v>
      </c>
      <c r="AG2125" s="166">
        <v>0</v>
      </c>
      <c r="AH2125" s="166">
        <v>0</v>
      </c>
      <c r="AI2125" s="166">
        <v>0</v>
      </c>
      <c r="AJ2125" s="166">
        <v>0</v>
      </c>
      <c r="AK2125" s="166">
        <v>0</v>
      </c>
      <c r="AL2125" s="166">
        <v>0</v>
      </c>
      <c r="AM2125" s="166">
        <v>0</v>
      </c>
      <c r="AN2125" s="166">
        <v>0</v>
      </c>
      <c r="AO2125" s="166">
        <v>0</v>
      </c>
      <c r="AP2125" s="166">
        <v>0</v>
      </c>
      <c r="AQ2125" s="166">
        <v>0</v>
      </c>
      <c r="AR2125" s="166">
        <v>0</v>
      </c>
      <c r="AS2125" s="166">
        <v>0</v>
      </c>
      <c r="AT2125" s="166">
        <v>0</v>
      </c>
      <c r="AU2125" s="166">
        <v>0</v>
      </c>
      <c r="AV2125" s="166">
        <v>0</v>
      </c>
      <c r="AW2125" s="166">
        <v>0</v>
      </c>
      <c r="AX2125" s="166">
        <v>0</v>
      </c>
      <c r="AY2125" s="166">
        <v>0</v>
      </c>
      <c r="AZ2125" s="166">
        <v>0</v>
      </c>
      <c r="BA2125" s="166">
        <v>0</v>
      </c>
      <c r="BB2125" s="166">
        <v>0</v>
      </c>
      <c r="BC2125" s="166">
        <v>0</v>
      </c>
      <c r="BD2125" s="166">
        <v>0</v>
      </c>
      <c r="BE2125" s="166">
        <v>0</v>
      </c>
      <c r="BF2125" s="166">
        <v>0</v>
      </c>
      <c r="BG2125" s="166">
        <v>0</v>
      </c>
      <c r="BH2125" s="166">
        <v>0</v>
      </c>
      <c r="BI2125" s="166">
        <v>0</v>
      </c>
      <c r="BJ2125" s="166">
        <v>0</v>
      </c>
      <c r="BK2125" s="166">
        <v>0</v>
      </c>
      <c r="BL2125" s="166">
        <v>0</v>
      </c>
      <c r="BM2125" s="166">
        <v>0</v>
      </c>
      <c r="BN2125" s="166">
        <v>0</v>
      </c>
      <c r="BO2125" s="166">
        <v>0</v>
      </c>
      <c r="BP2125" s="166">
        <v>0</v>
      </c>
      <c r="BQ2125" s="166">
        <v>0</v>
      </c>
      <c r="BR2125" s="166">
        <v>109677146.006</v>
      </c>
      <c r="BS2125" s="166">
        <v>109677146.006</v>
      </c>
      <c r="BT2125" s="168">
        <v>0</v>
      </c>
      <c r="BU2125" s="166">
        <v>0</v>
      </c>
      <c r="BV2125" s="166">
        <v>0</v>
      </c>
      <c r="BW2125" s="166">
        <v>0</v>
      </c>
      <c r="BX2125" s="166">
        <v>0</v>
      </c>
      <c r="BY2125" s="166">
        <v>0</v>
      </c>
      <c r="BZ2125" s="166">
        <v>0</v>
      </c>
      <c r="CA2125" s="166">
        <v>0</v>
      </c>
      <c r="CB2125" s="166">
        <v>0</v>
      </c>
      <c r="CC2125" s="166">
        <v>0</v>
      </c>
      <c r="CD2125" s="166">
        <v>0</v>
      </c>
      <c r="CE2125" s="166">
        <v>0</v>
      </c>
      <c r="CF2125" s="166">
        <v>0</v>
      </c>
      <c r="CG2125" s="166">
        <v>0</v>
      </c>
      <c r="CH2125" s="166">
        <v>0</v>
      </c>
      <c r="CI2125" s="166">
        <v>0</v>
      </c>
      <c r="CJ2125" s="166">
        <v>0</v>
      </c>
      <c r="CK2125" s="166">
        <v>0</v>
      </c>
      <c r="CL2125" s="166">
        <v>0</v>
      </c>
      <c r="CM2125" s="166">
        <v>0</v>
      </c>
      <c r="CN2125" s="166">
        <v>0</v>
      </c>
      <c r="CO2125" s="166">
        <v>0</v>
      </c>
      <c r="CP2125" s="166">
        <v>0</v>
      </c>
      <c r="CQ2125" s="166">
        <v>0</v>
      </c>
      <c r="CR2125" s="166">
        <v>0</v>
      </c>
      <c r="CS2125" s="166">
        <v>0</v>
      </c>
      <c r="CT2125" s="166">
        <v>0</v>
      </c>
      <c r="CU2125" s="166">
        <v>0</v>
      </c>
      <c r="CV2125" s="166">
        <v>0</v>
      </c>
      <c r="CW2125" s="166">
        <v>0</v>
      </c>
      <c r="CX2125" s="166">
        <v>0</v>
      </c>
      <c r="CY2125" s="166">
        <v>0</v>
      </c>
      <c r="CZ2125" s="166">
        <v>0</v>
      </c>
    </row>
    <row r="2126" spans="1:104" x14ac:dyDescent="0.2">
      <c r="A2126" s="167" t="s">
        <v>532</v>
      </c>
      <c r="B2126" s="166">
        <v>188894655.00373</v>
      </c>
      <c r="C2126" s="166">
        <v>188894655.00373</v>
      </c>
      <c r="D2126" s="166">
        <v>0</v>
      </c>
      <c r="E2126" s="166">
        <v>0</v>
      </c>
      <c r="F2126" s="166">
        <v>0</v>
      </c>
      <c r="G2126" s="166">
        <v>0</v>
      </c>
      <c r="H2126" s="166">
        <v>0</v>
      </c>
      <c r="I2126" s="166">
        <v>0</v>
      </c>
      <c r="J2126" s="166">
        <v>0</v>
      </c>
      <c r="K2126" s="166">
        <v>0</v>
      </c>
      <c r="L2126" s="166">
        <v>0</v>
      </c>
      <c r="M2126" s="166">
        <v>0</v>
      </c>
      <c r="N2126" s="166">
        <v>0</v>
      </c>
      <c r="O2126" s="166">
        <v>0</v>
      </c>
      <c r="P2126" s="166">
        <v>0</v>
      </c>
      <c r="Q2126" s="166">
        <v>0</v>
      </c>
      <c r="R2126" s="166">
        <v>0</v>
      </c>
      <c r="S2126" s="166">
        <v>0</v>
      </c>
      <c r="T2126" s="166">
        <v>0</v>
      </c>
      <c r="U2126" s="166">
        <v>0</v>
      </c>
      <c r="V2126" s="166">
        <v>0</v>
      </c>
      <c r="W2126" s="166">
        <v>0</v>
      </c>
      <c r="X2126" s="166">
        <v>0</v>
      </c>
      <c r="Y2126" s="166">
        <v>0</v>
      </c>
      <c r="Z2126" s="166">
        <v>0</v>
      </c>
      <c r="AA2126" s="166">
        <v>0</v>
      </c>
      <c r="AB2126" s="166">
        <v>0</v>
      </c>
      <c r="AC2126" s="166">
        <v>0</v>
      </c>
      <c r="AD2126" s="166">
        <v>0</v>
      </c>
      <c r="AE2126" s="166">
        <v>0</v>
      </c>
      <c r="AF2126" s="166">
        <v>0</v>
      </c>
      <c r="AG2126" s="166">
        <v>0</v>
      </c>
      <c r="AH2126" s="166">
        <v>0</v>
      </c>
      <c r="AI2126" s="166">
        <v>0</v>
      </c>
      <c r="AJ2126" s="166">
        <v>0</v>
      </c>
      <c r="AK2126" s="166">
        <v>0</v>
      </c>
      <c r="AL2126" s="166">
        <v>0</v>
      </c>
      <c r="AM2126" s="166">
        <v>0</v>
      </c>
      <c r="AN2126" s="166">
        <v>0</v>
      </c>
      <c r="AO2126" s="166">
        <v>0</v>
      </c>
      <c r="AP2126" s="166">
        <v>0</v>
      </c>
      <c r="AQ2126" s="166">
        <v>0</v>
      </c>
      <c r="AR2126" s="166">
        <v>0</v>
      </c>
      <c r="AS2126" s="166">
        <v>0</v>
      </c>
      <c r="AT2126" s="166">
        <v>0</v>
      </c>
      <c r="AU2126" s="166">
        <v>0</v>
      </c>
      <c r="AV2126" s="166">
        <v>0</v>
      </c>
      <c r="AW2126" s="166">
        <v>0</v>
      </c>
      <c r="AX2126" s="166">
        <v>0</v>
      </c>
      <c r="AY2126" s="166">
        <v>0</v>
      </c>
      <c r="AZ2126" s="166">
        <v>0</v>
      </c>
      <c r="BA2126" s="166">
        <v>0</v>
      </c>
      <c r="BB2126" s="166">
        <v>0</v>
      </c>
      <c r="BC2126" s="166">
        <v>0</v>
      </c>
      <c r="BD2126" s="166">
        <v>0</v>
      </c>
      <c r="BE2126" s="166">
        <v>0</v>
      </c>
      <c r="BF2126" s="166">
        <v>0</v>
      </c>
      <c r="BG2126" s="166">
        <v>0</v>
      </c>
      <c r="BH2126" s="166">
        <v>0</v>
      </c>
      <c r="BI2126" s="166">
        <v>0</v>
      </c>
      <c r="BJ2126" s="166">
        <v>0</v>
      </c>
      <c r="BK2126" s="166">
        <v>0</v>
      </c>
      <c r="BL2126" s="166">
        <v>0</v>
      </c>
      <c r="BM2126" s="166">
        <v>0</v>
      </c>
      <c r="BN2126" s="166">
        <v>0</v>
      </c>
      <c r="BO2126" s="166">
        <v>0</v>
      </c>
      <c r="BP2126" s="166">
        <v>0</v>
      </c>
      <c r="BQ2126" s="166">
        <v>0</v>
      </c>
      <c r="BR2126" s="166">
        <v>188894655.00373</v>
      </c>
      <c r="BS2126" s="166">
        <v>188894655.00373</v>
      </c>
      <c r="BT2126" s="168">
        <v>0</v>
      </c>
      <c r="BU2126" s="166">
        <v>0</v>
      </c>
      <c r="BV2126" s="166">
        <v>0</v>
      </c>
      <c r="BW2126" s="166">
        <v>0</v>
      </c>
      <c r="BX2126" s="166">
        <v>0</v>
      </c>
      <c r="BY2126" s="166">
        <v>0</v>
      </c>
      <c r="BZ2126" s="166">
        <v>0</v>
      </c>
      <c r="CA2126" s="166">
        <v>0</v>
      </c>
      <c r="CB2126" s="166">
        <v>0</v>
      </c>
      <c r="CC2126" s="166">
        <v>0</v>
      </c>
      <c r="CD2126" s="166">
        <v>0</v>
      </c>
      <c r="CE2126" s="166">
        <v>0</v>
      </c>
      <c r="CF2126" s="166">
        <v>0</v>
      </c>
      <c r="CG2126" s="166">
        <v>0</v>
      </c>
      <c r="CH2126" s="166">
        <v>0</v>
      </c>
      <c r="CI2126" s="166">
        <v>0</v>
      </c>
      <c r="CJ2126" s="166">
        <v>0</v>
      </c>
      <c r="CK2126" s="166">
        <v>0</v>
      </c>
      <c r="CL2126" s="166">
        <v>0</v>
      </c>
      <c r="CM2126" s="166">
        <v>0</v>
      </c>
      <c r="CN2126" s="166">
        <v>0</v>
      </c>
      <c r="CO2126" s="166">
        <v>0</v>
      </c>
      <c r="CP2126" s="166">
        <v>0</v>
      </c>
      <c r="CQ2126" s="166">
        <v>0</v>
      </c>
      <c r="CR2126" s="166">
        <v>0</v>
      </c>
      <c r="CS2126" s="166">
        <v>0</v>
      </c>
      <c r="CT2126" s="166">
        <v>0</v>
      </c>
      <c r="CU2126" s="166">
        <v>0</v>
      </c>
      <c r="CV2126" s="166">
        <v>0</v>
      </c>
      <c r="CW2126" s="166">
        <v>0</v>
      </c>
      <c r="CX2126" s="166">
        <v>0</v>
      </c>
      <c r="CY2126" s="166">
        <v>0</v>
      </c>
      <c r="CZ2126" s="166">
        <v>0</v>
      </c>
    </row>
    <row r="2127" spans="1:104" x14ac:dyDescent="0.2">
      <c r="A2127" s="167" t="s">
        <v>533</v>
      </c>
      <c r="B2127" s="166">
        <v>1914378888.3322501</v>
      </c>
      <c r="C2127" s="166">
        <v>1914378888.3322501</v>
      </c>
      <c r="D2127" s="166">
        <v>0</v>
      </c>
      <c r="E2127" s="166">
        <v>0</v>
      </c>
      <c r="F2127" s="166">
        <v>0</v>
      </c>
      <c r="G2127" s="166">
        <v>0</v>
      </c>
      <c r="H2127" s="166">
        <v>0</v>
      </c>
      <c r="I2127" s="166">
        <v>0</v>
      </c>
      <c r="J2127" s="166">
        <v>0</v>
      </c>
      <c r="K2127" s="166">
        <v>0</v>
      </c>
      <c r="L2127" s="166">
        <v>0</v>
      </c>
      <c r="M2127" s="166">
        <v>0</v>
      </c>
      <c r="N2127" s="166">
        <v>0</v>
      </c>
      <c r="O2127" s="166">
        <v>0</v>
      </c>
      <c r="P2127" s="166">
        <v>0</v>
      </c>
      <c r="Q2127" s="166">
        <v>0</v>
      </c>
      <c r="R2127" s="166">
        <v>0</v>
      </c>
      <c r="S2127" s="166">
        <v>0</v>
      </c>
      <c r="T2127" s="166">
        <v>0</v>
      </c>
      <c r="U2127" s="166">
        <v>0</v>
      </c>
      <c r="V2127" s="166">
        <v>0</v>
      </c>
      <c r="W2127" s="166">
        <v>0</v>
      </c>
      <c r="X2127" s="166">
        <v>0</v>
      </c>
      <c r="Y2127" s="166">
        <v>0</v>
      </c>
      <c r="Z2127" s="166">
        <v>0</v>
      </c>
      <c r="AA2127" s="166">
        <v>0</v>
      </c>
      <c r="AB2127" s="166">
        <v>0</v>
      </c>
      <c r="AC2127" s="166">
        <v>0</v>
      </c>
      <c r="AD2127" s="166">
        <v>0</v>
      </c>
      <c r="AE2127" s="166">
        <v>0</v>
      </c>
      <c r="AF2127" s="166">
        <v>0</v>
      </c>
      <c r="AG2127" s="166">
        <v>0</v>
      </c>
      <c r="AH2127" s="166">
        <v>0</v>
      </c>
      <c r="AI2127" s="166">
        <v>0</v>
      </c>
      <c r="AJ2127" s="166">
        <v>0</v>
      </c>
      <c r="AK2127" s="166">
        <v>0</v>
      </c>
      <c r="AL2127" s="166">
        <v>0</v>
      </c>
      <c r="AM2127" s="166">
        <v>0</v>
      </c>
      <c r="AN2127" s="166">
        <v>0</v>
      </c>
      <c r="AO2127" s="166">
        <v>0</v>
      </c>
      <c r="AP2127" s="166">
        <v>0</v>
      </c>
      <c r="AQ2127" s="166">
        <v>0</v>
      </c>
      <c r="AR2127" s="166">
        <v>0</v>
      </c>
      <c r="AS2127" s="166">
        <v>0</v>
      </c>
      <c r="AT2127" s="166">
        <v>0</v>
      </c>
      <c r="AU2127" s="166">
        <v>0</v>
      </c>
      <c r="AV2127" s="166">
        <v>0</v>
      </c>
      <c r="AW2127" s="166">
        <v>0</v>
      </c>
      <c r="AX2127" s="166">
        <v>0</v>
      </c>
      <c r="AY2127" s="166">
        <v>0</v>
      </c>
      <c r="AZ2127" s="166">
        <v>0</v>
      </c>
      <c r="BA2127" s="166">
        <v>0</v>
      </c>
      <c r="BB2127" s="166">
        <v>0</v>
      </c>
      <c r="BC2127" s="166">
        <v>0</v>
      </c>
      <c r="BD2127" s="166">
        <v>0</v>
      </c>
      <c r="BE2127" s="166">
        <v>0</v>
      </c>
      <c r="BF2127" s="166">
        <v>0</v>
      </c>
      <c r="BG2127" s="166">
        <v>0</v>
      </c>
      <c r="BH2127" s="166">
        <v>0</v>
      </c>
      <c r="BI2127" s="166">
        <v>0</v>
      </c>
      <c r="BJ2127" s="166">
        <v>0</v>
      </c>
      <c r="BK2127" s="166">
        <v>0</v>
      </c>
      <c r="BL2127" s="166">
        <v>0</v>
      </c>
      <c r="BM2127" s="166">
        <v>0</v>
      </c>
      <c r="BN2127" s="166">
        <v>0</v>
      </c>
      <c r="BO2127" s="166">
        <v>0</v>
      </c>
      <c r="BP2127" s="166">
        <v>0</v>
      </c>
      <c r="BQ2127" s="166">
        <v>0</v>
      </c>
      <c r="BR2127" s="166">
        <v>1914378888.3322501</v>
      </c>
      <c r="BS2127" s="166">
        <v>1914378888.3322501</v>
      </c>
      <c r="BT2127" s="168">
        <v>0</v>
      </c>
      <c r="BU2127" s="166">
        <v>0</v>
      </c>
      <c r="BV2127" s="166">
        <v>0</v>
      </c>
      <c r="BW2127" s="166">
        <v>0</v>
      </c>
      <c r="BX2127" s="166">
        <v>0</v>
      </c>
      <c r="BY2127" s="166">
        <v>0</v>
      </c>
      <c r="BZ2127" s="166">
        <v>0</v>
      </c>
      <c r="CA2127" s="166">
        <v>0</v>
      </c>
      <c r="CB2127" s="166">
        <v>0</v>
      </c>
      <c r="CC2127" s="166">
        <v>0</v>
      </c>
      <c r="CD2127" s="166">
        <v>0</v>
      </c>
      <c r="CE2127" s="166">
        <v>0</v>
      </c>
      <c r="CF2127" s="166">
        <v>0</v>
      </c>
      <c r="CG2127" s="166">
        <v>0</v>
      </c>
      <c r="CH2127" s="166">
        <v>0</v>
      </c>
      <c r="CI2127" s="166">
        <v>0</v>
      </c>
      <c r="CJ2127" s="166">
        <v>0</v>
      </c>
      <c r="CK2127" s="166">
        <v>0</v>
      </c>
      <c r="CL2127" s="166">
        <v>0</v>
      </c>
      <c r="CM2127" s="166">
        <v>0</v>
      </c>
      <c r="CN2127" s="166">
        <v>0</v>
      </c>
      <c r="CO2127" s="166">
        <v>0</v>
      </c>
      <c r="CP2127" s="166">
        <v>0</v>
      </c>
      <c r="CQ2127" s="166">
        <v>0</v>
      </c>
      <c r="CR2127" s="166">
        <v>0</v>
      </c>
      <c r="CS2127" s="166">
        <v>0</v>
      </c>
      <c r="CT2127" s="166">
        <v>0</v>
      </c>
      <c r="CU2127" s="166">
        <v>0</v>
      </c>
      <c r="CV2127" s="166">
        <v>0</v>
      </c>
      <c r="CW2127" s="166">
        <v>0</v>
      </c>
      <c r="CX2127" s="166">
        <v>0</v>
      </c>
      <c r="CY2127" s="166">
        <v>0</v>
      </c>
      <c r="CZ2127" s="166">
        <v>0</v>
      </c>
    </row>
    <row r="2128" spans="1:104" x14ac:dyDescent="0.2">
      <c r="A2128" s="167" t="s">
        <v>534</v>
      </c>
      <c r="B2128" s="166">
        <v>2534538325.2490401</v>
      </c>
      <c r="C2128" s="166">
        <v>2534538325.2490401</v>
      </c>
      <c r="D2128" s="166">
        <v>0</v>
      </c>
      <c r="E2128" s="166">
        <v>0</v>
      </c>
      <c r="F2128" s="166">
        <v>0</v>
      </c>
      <c r="G2128" s="166">
        <v>0</v>
      </c>
      <c r="H2128" s="166">
        <v>0</v>
      </c>
      <c r="I2128" s="166">
        <v>0</v>
      </c>
      <c r="J2128" s="166">
        <v>0</v>
      </c>
      <c r="K2128" s="166">
        <v>0</v>
      </c>
      <c r="L2128" s="166">
        <v>0</v>
      </c>
      <c r="M2128" s="166">
        <v>0</v>
      </c>
      <c r="N2128" s="166">
        <v>0</v>
      </c>
      <c r="O2128" s="166">
        <v>0</v>
      </c>
      <c r="P2128" s="166">
        <v>0</v>
      </c>
      <c r="Q2128" s="166">
        <v>0</v>
      </c>
      <c r="R2128" s="166">
        <v>0</v>
      </c>
      <c r="S2128" s="166">
        <v>0</v>
      </c>
      <c r="T2128" s="166">
        <v>0</v>
      </c>
      <c r="U2128" s="166">
        <v>0</v>
      </c>
      <c r="V2128" s="166">
        <v>0</v>
      </c>
      <c r="W2128" s="166">
        <v>0</v>
      </c>
      <c r="X2128" s="166">
        <v>0</v>
      </c>
      <c r="Y2128" s="166">
        <v>0</v>
      </c>
      <c r="Z2128" s="166">
        <v>0</v>
      </c>
      <c r="AA2128" s="166">
        <v>0</v>
      </c>
      <c r="AB2128" s="166">
        <v>0</v>
      </c>
      <c r="AC2128" s="166">
        <v>0</v>
      </c>
      <c r="AD2128" s="166">
        <v>0</v>
      </c>
      <c r="AE2128" s="166">
        <v>0</v>
      </c>
      <c r="AF2128" s="166">
        <v>0</v>
      </c>
      <c r="AG2128" s="166">
        <v>0</v>
      </c>
      <c r="AH2128" s="166">
        <v>0</v>
      </c>
      <c r="AI2128" s="166">
        <v>0</v>
      </c>
      <c r="AJ2128" s="166">
        <v>0</v>
      </c>
      <c r="AK2128" s="166">
        <v>0</v>
      </c>
      <c r="AL2128" s="166">
        <v>0</v>
      </c>
      <c r="AM2128" s="166">
        <v>0</v>
      </c>
      <c r="AN2128" s="166">
        <v>0</v>
      </c>
      <c r="AO2128" s="166">
        <v>0</v>
      </c>
      <c r="AP2128" s="166">
        <v>0</v>
      </c>
      <c r="AQ2128" s="166">
        <v>0</v>
      </c>
      <c r="AR2128" s="166">
        <v>0</v>
      </c>
      <c r="AS2128" s="166">
        <v>0</v>
      </c>
      <c r="AT2128" s="166">
        <v>0</v>
      </c>
      <c r="AU2128" s="166">
        <v>0</v>
      </c>
      <c r="AV2128" s="166">
        <v>0</v>
      </c>
      <c r="AW2128" s="166">
        <v>0</v>
      </c>
      <c r="AX2128" s="166">
        <v>0</v>
      </c>
      <c r="AY2128" s="166">
        <v>0</v>
      </c>
      <c r="AZ2128" s="166">
        <v>0</v>
      </c>
      <c r="BA2128" s="166">
        <v>0</v>
      </c>
      <c r="BB2128" s="166">
        <v>0</v>
      </c>
      <c r="BC2128" s="166">
        <v>0</v>
      </c>
      <c r="BD2128" s="166">
        <v>0</v>
      </c>
      <c r="BE2128" s="166">
        <v>0</v>
      </c>
      <c r="BF2128" s="166">
        <v>0</v>
      </c>
      <c r="BG2128" s="166">
        <v>0</v>
      </c>
      <c r="BH2128" s="166">
        <v>0</v>
      </c>
      <c r="BI2128" s="166">
        <v>0</v>
      </c>
      <c r="BJ2128" s="166">
        <v>0</v>
      </c>
      <c r="BK2128" s="166">
        <v>0</v>
      </c>
      <c r="BL2128" s="166">
        <v>0</v>
      </c>
      <c r="BM2128" s="166">
        <v>0</v>
      </c>
      <c r="BN2128" s="166">
        <v>0</v>
      </c>
      <c r="BO2128" s="166">
        <v>0</v>
      </c>
      <c r="BP2128" s="166">
        <v>0</v>
      </c>
      <c r="BQ2128" s="166">
        <v>0</v>
      </c>
      <c r="BR2128" s="166">
        <v>2534538325.2490401</v>
      </c>
      <c r="BS2128" s="166">
        <v>2534538325.2490401</v>
      </c>
      <c r="BT2128" s="168">
        <v>0</v>
      </c>
      <c r="BU2128" s="166">
        <v>0</v>
      </c>
      <c r="BV2128" s="166">
        <v>0</v>
      </c>
      <c r="BW2128" s="166">
        <v>0</v>
      </c>
      <c r="BX2128" s="166">
        <v>0</v>
      </c>
      <c r="BY2128" s="166">
        <v>0</v>
      </c>
      <c r="BZ2128" s="166">
        <v>0</v>
      </c>
      <c r="CA2128" s="166">
        <v>0</v>
      </c>
      <c r="CB2128" s="166">
        <v>0</v>
      </c>
      <c r="CC2128" s="166">
        <v>0</v>
      </c>
      <c r="CD2128" s="166">
        <v>0</v>
      </c>
      <c r="CE2128" s="166">
        <v>0</v>
      </c>
      <c r="CF2128" s="166">
        <v>0</v>
      </c>
      <c r="CG2128" s="166">
        <v>0</v>
      </c>
      <c r="CH2128" s="166">
        <v>0</v>
      </c>
      <c r="CI2128" s="166">
        <v>0</v>
      </c>
      <c r="CJ2128" s="166">
        <v>0</v>
      </c>
      <c r="CK2128" s="166">
        <v>0</v>
      </c>
      <c r="CL2128" s="166">
        <v>0</v>
      </c>
      <c r="CM2128" s="166">
        <v>0</v>
      </c>
      <c r="CN2128" s="166">
        <v>0</v>
      </c>
      <c r="CO2128" s="166">
        <v>0</v>
      </c>
      <c r="CP2128" s="166">
        <v>0</v>
      </c>
      <c r="CQ2128" s="166">
        <v>0</v>
      </c>
      <c r="CR2128" s="166">
        <v>0</v>
      </c>
      <c r="CS2128" s="166">
        <v>0</v>
      </c>
      <c r="CT2128" s="166">
        <v>0</v>
      </c>
      <c r="CU2128" s="166">
        <v>0</v>
      </c>
      <c r="CV2128" s="166">
        <v>0</v>
      </c>
      <c r="CW2128" s="166">
        <v>0</v>
      </c>
      <c r="CX2128" s="166">
        <v>0</v>
      </c>
      <c r="CY2128" s="166">
        <v>0</v>
      </c>
      <c r="CZ2128" s="166">
        <v>0</v>
      </c>
    </row>
    <row r="2129" spans="1:104" x14ac:dyDescent="0.2">
      <c r="A2129" s="170" t="s">
        <v>535</v>
      </c>
      <c r="B2129" s="166">
        <v>0</v>
      </c>
      <c r="C2129" s="166">
        <v>0</v>
      </c>
      <c r="D2129" s="166">
        <v>0</v>
      </c>
      <c r="E2129" s="166">
        <v>0</v>
      </c>
      <c r="F2129" s="166">
        <v>0</v>
      </c>
      <c r="G2129" s="166">
        <v>0</v>
      </c>
      <c r="H2129" s="166">
        <v>0</v>
      </c>
      <c r="I2129" s="166">
        <v>0</v>
      </c>
      <c r="J2129" s="166">
        <v>0</v>
      </c>
      <c r="K2129" s="166">
        <v>0</v>
      </c>
      <c r="L2129" s="166">
        <v>0</v>
      </c>
      <c r="M2129" s="166">
        <v>0</v>
      </c>
      <c r="N2129" s="166">
        <v>0</v>
      </c>
      <c r="O2129" s="166">
        <v>0</v>
      </c>
      <c r="P2129" s="166">
        <v>0</v>
      </c>
      <c r="Q2129" s="166">
        <v>0</v>
      </c>
      <c r="R2129" s="166">
        <v>0</v>
      </c>
      <c r="S2129" s="166">
        <v>0</v>
      </c>
      <c r="T2129" s="166">
        <v>0</v>
      </c>
      <c r="U2129" s="166">
        <v>0</v>
      </c>
      <c r="V2129" s="166">
        <v>0</v>
      </c>
      <c r="W2129" s="166">
        <v>0</v>
      </c>
      <c r="X2129" s="166">
        <v>0</v>
      </c>
      <c r="Y2129" s="166">
        <v>0</v>
      </c>
      <c r="Z2129" s="166">
        <v>0</v>
      </c>
      <c r="AA2129" s="166">
        <v>0</v>
      </c>
      <c r="AB2129" s="166">
        <v>0</v>
      </c>
      <c r="AC2129" s="166">
        <v>0</v>
      </c>
      <c r="AD2129" s="166">
        <v>0</v>
      </c>
      <c r="AE2129" s="166">
        <v>0</v>
      </c>
      <c r="AF2129" s="166">
        <v>0</v>
      </c>
      <c r="AG2129" s="166">
        <v>0</v>
      </c>
      <c r="AH2129" s="166">
        <v>0</v>
      </c>
      <c r="AI2129" s="166">
        <v>0</v>
      </c>
      <c r="AJ2129" s="166">
        <v>0</v>
      </c>
      <c r="AK2129" s="166">
        <v>0</v>
      </c>
      <c r="AL2129" s="166">
        <v>0</v>
      </c>
      <c r="AM2129" s="166">
        <v>0</v>
      </c>
      <c r="AN2129" s="166">
        <v>0</v>
      </c>
      <c r="AO2129" s="166">
        <v>0</v>
      </c>
      <c r="AP2129" s="166">
        <v>0</v>
      </c>
      <c r="AQ2129" s="166">
        <v>0</v>
      </c>
      <c r="AR2129" s="166">
        <v>0</v>
      </c>
      <c r="AS2129" s="166">
        <v>0</v>
      </c>
      <c r="AT2129" s="166">
        <v>0</v>
      </c>
      <c r="AU2129" s="166">
        <v>0</v>
      </c>
      <c r="AV2129" s="166">
        <v>0</v>
      </c>
      <c r="AW2129" s="166">
        <v>0</v>
      </c>
      <c r="AX2129" s="166">
        <v>0</v>
      </c>
      <c r="AY2129" s="166">
        <v>0</v>
      </c>
      <c r="AZ2129" s="166">
        <v>0</v>
      </c>
      <c r="BA2129" s="166">
        <v>0</v>
      </c>
      <c r="BB2129" s="166">
        <v>0</v>
      </c>
      <c r="BC2129" s="166">
        <v>0</v>
      </c>
      <c r="BD2129" s="166">
        <v>0</v>
      </c>
      <c r="BE2129" s="166">
        <v>0</v>
      </c>
      <c r="BF2129" s="166">
        <v>0</v>
      </c>
      <c r="BG2129" s="166">
        <v>0</v>
      </c>
      <c r="BH2129" s="166">
        <v>0</v>
      </c>
      <c r="BI2129" s="166">
        <v>0</v>
      </c>
      <c r="BJ2129" s="166">
        <v>0</v>
      </c>
      <c r="BK2129" s="166">
        <v>0</v>
      </c>
      <c r="BL2129" s="166">
        <v>0</v>
      </c>
      <c r="BM2129" s="166">
        <v>0</v>
      </c>
      <c r="BN2129" s="166">
        <v>0</v>
      </c>
      <c r="BO2129" s="166">
        <v>0</v>
      </c>
      <c r="BP2129" s="166">
        <v>0</v>
      </c>
      <c r="BQ2129" s="166">
        <v>0</v>
      </c>
      <c r="BR2129" s="166">
        <v>0</v>
      </c>
      <c r="BS2129" s="166">
        <v>0</v>
      </c>
      <c r="BT2129" s="168">
        <v>0</v>
      </c>
      <c r="BU2129" s="166">
        <v>0</v>
      </c>
      <c r="BV2129" s="166">
        <v>0</v>
      </c>
      <c r="BW2129" s="166">
        <v>0</v>
      </c>
      <c r="BX2129" s="166">
        <v>0</v>
      </c>
      <c r="BY2129" s="166">
        <v>0</v>
      </c>
      <c r="BZ2129" s="166">
        <v>0</v>
      </c>
      <c r="CA2129" s="166">
        <v>0</v>
      </c>
      <c r="CB2129" s="166">
        <v>0</v>
      </c>
      <c r="CC2129" s="166">
        <v>0</v>
      </c>
      <c r="CD2129" s="166">
        <v>0</v>
      </c>
      <c r="CE2129" s="166">
        <v>0</v>
      </c>
      <c r="CF2129" s="166">
        <v>0</v>
      </c>
      <c r="CG2129" s="166">
        <v>0</v>
      </c>
      <c r="CH2129" s="166">
        <v>0</v>
      </c>
      <c r="CI2129" s="166">
        <v>0</v>
      </c>
      <c r="CJ2129" s="166">
        <v>0</v>
      </c>
      <c r="CK2129" s="166">
        <v>0</v>
      </c>
      <c r="CL2129" s="166">
        <v>0</v>
      </c>
      <c r="CM2129" s="166">
        <v>0</v>
      </c>
      <c r="CN2129" s="166">
        <v>0</v>
      </c>
      <c r="CO2129" s="166">
        <v>0</v>
      </c>
      <c r="CP2129" s="166">
        <v>0</v>
      </c>
      <c r="CQ2129" s="166">
        <v>0</v>
      </c>
      <c r="CR2129" s="166">
        <v>0</v>
      </c>
      <c r="CS2129" s="166">
        <v>0</v>
      </c>
      <c r="CT2129" s="166">
        <v>0</v>
      </c>
      <c r="CU2129" s="166">
        <v>0</v>
      </c>
      <c r="CV2129" s="166">
        <v>0</v>
      </c>
      <c r="CW2129" s="166">
        <v>0</v>
      </c>
      <c r="CX2129" s="166">
        <v>0</v>
      </c>
      <c r="CY2129" s="166">
        <v>0</v>
      </c>
      <c r="CZ2129" s="166">
        <v>0</v>
      </c>
    </row>
    <row r="2130" spans="1:104" x14ac:dyDescent="0.2">
      <c r="A2130" s="167" t="s">
        <v>536</v>
      </c>
      <c r="B2130" s="166">
        <v>2.91038304567337E-8</v>
      </c>
      <c r="C2130" s="166">
        <v>2.91038304567337E-8</v>
      </c>
      <c r="D2130" s="166">
        <v>0</v>
      </c>
      <c r="E2130" s="166">
        <v>0</v>
      </c>
      <c r="F2130" s="166">
        <v>0</v>
      </c>
      <c r="G2130" s="166">
        <v>0</v>
      </c>
      <c r="H2130" s="166">
        <v>0</v>
      </c>
      <c r="I2130" s="166">
        <v>0</v>
      </c>
      <c r="J2130" s="166">
        <v>0</v>
      </c>
      <c r="K2130" s="166">
        <v>0</v>
      </c>
      <c r="L2130" s="166">
        <v>0</v>
      </c>
      <c r="M2130" s="166">
        <v>0</v>
      </c>
      <c r="N2130" s="166">
        <v>0</v>
      </c>
      <c r="O2130" s="166">
        <v>0</v>
      </c>
      <c r="P2130" s="166">
        <v>0</v>
      </c>
      <c r="Q2130" s="166">
        <v>0</v>
      </c>
      <c r="R2130" s="166">
        <v>0</v>
      </c>
      <c r="S2130" s="166">
        <v>0</v>
      </c>
      <c r="T2130" s="166">
        <v>0</v>
      </c>
      <c r="U2130" s="166">
        <v>0</v>
      </c>
      <c r="V2130" s="166">
        <v>0</v>
      </c>
      <c r="W2130" s="166">
        <v>0</v>
      </c>
      <c r="X2130" s="166">
        <v>0</v>
      </c>
      <c r="Y2130" s="166">
        <v>0</v>
      </c>
      <c r="Z2130" s="166">
        <v>0</v>
      </c>
      <c r="AA2130" s="166">
        <v>0</v>
      </c>
      <c r="AB2130" s="166">
        <v>0</v>
      </c>
      <c r="AC2130" s="166">
        <v>0</v>
      </c>
      <c r="AD2130" s="166">
        <v>0</v>
      </c>
      <c r="AE2130" s="166">
        <v>0</v>
      </c>
      <c r="AF2130" s="166">
        <v>0</v>
      </c>
      <c r="AG2130" s="166">
        <v>0</v>
      </c>
      <c r="AH2130" s="166">
        <v>0</v>
      </c>
      <c r="AI2130" s="166">
        <v>0</v>
      </c>
      <c r="AJ2130" s="166">
        <v>0</v>
      </c>
      <c r="AK2130" s="166">
        <v>0</v>
      </c>
      <c r="AL2130" s="166">
        <v>0</v>
      </c>
      <c r="AM2130" s="166">
        <v>0</v>
      </c>
      <c r="AN2130" s="166">
        <v>0</v>
      </c>
      <c r="AO2130" s="166">
        <v>0</v>
      </c>
      <c r="AP2130" s="166">
        <v>0</v>
      </c>
      <c r="AQ2130" s="166">
        <v>0</v>
      </c>
      <c r="AR2130" s="166">
        <v>0</v>
      </c>
      <c r="AS2130" s="166">
        <v>0</v>
      </c>
      <c r="AT2130" s="166">
        <v>0</v>
      </c>
      <c r="AU2130" s="166">
        <v>0</v>
      </c>
      <c r="AV2130" s="166">
        <v>0</v>
      </c>
      <c r="AW2130" s="166">
        <v>0</v>
      </c>
      <c r="AX2130" s="166">
        <v>0</v>
      </c>
      <c r="AY2130" s="166">
        <v>0</v>
      </c>
      <c r="AZ2130" s="166">
        <v>0</v>
      </c>
      <c r="BA2130" s="166">
        <v>0</v>
      </c>
      <c r="BB2130" s="166">
        <v>0</v>
      </c>
      <c r="BC2130" s="166">
        <v>0</v>
      </c>
      <c r="BD2130" s="166">
        <v>0</v>
      </c>
      <c r="BE2130" s="166">
        <v>0</v>
      </c>
      <c r="BF2130" s="166">
        <v>0</v>
      </c>
      <c r="BG2130" s="166">
        <v>0</v>
      </c>
      <c r="BH2130" s="166">
        <v>0</v>
      </c>
      <c r="BI2130" s="166">
        <v>0</v>
      </c>
      <c r="BJ2130" s="166">
        <v>0</v>
      </c>
      <c r="BK2130" s="166">
        <v>0</v>
      </c>
      <c r="BL2130" s="166">
        <v>0</v>
      </c>
      <c r="BM2130" s="166">
        <v>0</v>
      </c>
      <c r="BN2130" s="166">
        <v>0</v>
      </c>
      <c r="BO2130" s="166">
        <v>0</v>
      </c>
      <c r="BP2130" s="166">
        <v>0</v>
      </c>
      <c r="BQ2130" s="166">
        <v>0</v>
      </c>
      <c r="BR2130" s="166">
        <v>2.91038304567337E-8</v>
      </c>
      <c r="BS2130" s="166">
        <v>2.91038304567337E-8</v>
      </c>
      <c r="BT2130" s="168">
        <v>0</v>
      </c>
      <c r="BU2130" s="166">
        <v>0</v>
      </c>
      <c r="BV2130" s="166">
        <v>0</v>
      </c>
      <c r="BW2130" s="166">
        <v>0</v>
      </c>
      <c r="BX2130" s="166">
        <v>0</v>
      </c>
      <c r="BY2130" s="166">
        <v>0</v>
      </c>
      <c r="BZ2130" s="166">
        <v>0</v>
      </c>
      <c r="CA2130" s="166">
        <v>0</v>
      </c>
      <c r="CB2130" s="166">
        <v>0</v>
      </c>
      <c r="CC2130" s="166">
        <v>0</v>
      </c>
      <c r="CD2130" s="166">
        <v>0</v>
      </c>
      <c r="CE2130" s="166">
        <v>0</v>
      </c>
      <c r="CF2130" s="166">
        <v>0</v>
      </c>
      <c r="CG2130" s="166">
        <v>0</v>
      </c>
      <c r="CH2130" s="166">
        <v>0</v>
      </c>
      <c r="CI2130" s="166">
        <v>0</v>
      </c>
      <c r="CJ2130" s="166">
        <v>0</v>
      </c>
      <c r="CK2130" s="166">
        <v>0</v>
      </c>
      <c r="CL2130" s="166">
        <v>0</v>
      </c>
      <c r="CM2130" s="166">
        <v>0</v>
      </c>
      <c r="CN2130" s="166">
        <v>0</v>
      </c>
      <c r="CO2130" s="166">
        <v>0</v>
      </c>
      <c r="CP2130" s="166">
        <v>0</v>
      </c>
      <c r="CQ2130" s="166">
        <v>0</v>
      </c>
      <c r="CR2130" s="166">
        <v>0</v>
      </c>
      <c r="CS2130" s="166">
        <v>0</v>
      </c>
      <c r="CT2130" s="166">
        <v>0</v>
      </c>
      <c r="CU2130" s="166">
        <v>0</v>
      </c>
      <c r="CV2130" s="166">
        <v>0</v>
      </c>
      <c r="CW2130" s="166">
        <v>0</v>
      </c>
      <c r="CX2130" s="166">
        <v>0</v>
      </c>
      <c r="CY2130" s="166">
        <v>0</v>
      </c>
      <c r="CZ2130" s="166">
        <v>0</v>
      </c>
    </row>
    <row r="2131" spans="1:104" x14ac:dyDescent="0.2">
      <c r="A2131" s="167" t="s">
        <v>537</v>
      </c>
      <c r="B2131" s="166">
        <v>-3.6379788070917101E-9</v>
      </c>
      <c r="C2131" s="166">
        <v>-3.6379788070917101E-9</v>
      </c>
      <c r="D2131" s="166">
        <v>0</v>
      </c>
      <c r="E2131" s="166">
        <v>0</v>
      </c>
      <c r="F2131" s="166">
        <v>0</v>
      </c>
      <c r="G2131" s="166">
        <v>0</v>
      </c>
      <c r="H2131" s="166">
        <v>0</v>
      </c>
      <c r="I2131" s="166">
        <v>0</v>
      </c>
      <c r="J2131" s="166">
        <v>0</v>
      </c>
      <c r="K2131" s="166">
        <v>0</v>
      </c>
      <c r="L2131" s="166">
        <v>0</v>
      </c>
      <c r="M2131" s="166">
        <v>0</v>
      </c>
      <c r="N2131" s="166">
        <v>0</v>
      </c>
      <c r="O2131" s="166">
        <v>0</v>
      </c>
      <c r="P2131" s="166">
        <v>0</v>
      </c>
      <c r="Q2131" s="166">
        <v>0</v>
      </c>
      <c r="R2131" s="166">
        <v>0</v>
      </c>
      <c r="S2131" s="166">
        <v>0</v>
      </c>
      <c r="T2131" s="166">
        <v>0</v>
      </c>
      <c r="U2131" s="166">
        <v>0</v>
      </c>
      <c r="V2131" s="166">
        <v>0</v>
      </c>
      <c r="W2131" s="166">
        <v>0</v>
      </c>
      <c r="X2131" s="166">
        <v>0</v>
      </c>
      <c r="Y2131" s="166">
        <v>0</v>
      </c>
      <c r="Z2131" s="166">
        <v>0</v>
      </c>
      <c r="AA2131" s="166">
        <v>0</v>
      </c>
      <c r="AB2131" s="166">
        <v>0</v>
      </c>
      <c r="AC2131" s="166">
        <v>0</v>
      </c>
      <c r="AD2131" s="166">
        <v>0</v>
      </c>
      <c r="AE2131" s="166">
        <v>0</v>
      </c>
      <c r="AF2131" s="166">
        <v>0</v>
      </c>
      <c r="AG2131" s="166">
        <v>0</v>
      </c>
      <c r="AH2131" s="166">
        <v>0</v>
      </c>
      <c r="AI2131" s="166">
        <v>0</v>
      </c>
      <c r="AJ2131" s="166">
        <v>0</v>
      </c>
      <c r="AK2131" s="166">
        <v>0</v>
      </c>
      <c r="AL2131" s="166">
        <v>0</v>
      </c>
      <c r="AM2131" s="166">
        <v>0</v>
      </c>
      <c r="AN2131" s="166">
        <v>0</v>
      </c>
      <c r="AO2131" s="166">
        <v>0</v>
      </c>
      <c r="AP2131" s="166">
        <v>0</v>
      </c>
      <c r="AQ2131" s="166">
        <v>0</v>
      </c>
      <c r="AR2131" s="166">
        <v>0</v>
      </c>
      <c r="AS2131" s="166">
        <v>0</v>
      </c>
      <c r="AT2131" s="166">
        <v>0</v>
      </c>
      <c r="AU2131" s="166">
        <v>0</v>
      </c>
      <c r="AV2131" s="166">
        <v>0</v>
      </c>
      <c r="AW2131" s="166">
        <v>0</v>
      </c>
      <c r="AX2131" s="166">
        <v>0</v>
      </c>
      <c r="AY2131" s="166">
        <v>0</v>
      </c>
      <c r="AZ2131" s="166">
        <v>0</v>
      </c>
      <c r="BA2131" s="166">
        <v>0</v>
      </c>
      <c r="BB2131" s="166">
        <v>0</v>
      </c>
      <c r="BC2131" s="166">
        <v>0</v>
      </c>
      <c r="BD2131" s="166">
        <v>0</v>
      </c>
      <c r="BE2131" s="166">
        <v>0</v>
      </c>
      <c r="BF2131" s="166">
        <v>0</v>
      </c>
      <c r="BG2131" s="166">
        <v>0</v>
      </c>
      <c r="BH2131" s="166">
        <v>0</v>
      </c>
      <c r="BI2131" s="166">
        <v>0</v>
      </c>
      <c r="BJ2131" s="166">
        <v>0</v>
      </c>
      <c r="BK2131" s="166">
        <v>0</v>
      </c>
      <c r="BL2131" s="166">
        <v>0</v>
      </c>
      <c r="BM2131" s="166">
        <v>0</v>
      </c>
      <c r="BN2131" s="166">
        <v>0</v>
      </c>
      <c r="BO2131" s="166">
        <v>0</v>
      </c>
      <c r="BP2131" s="166">
        <v>0</v>
      </c>
      <c r="BQ2131" s="166">
        <v>0</v>
      </c>
      <c r="BR2131" s="166">
        <v>-3.6379788070917101E-9</v>
      </c>
      <c r="BS2131" s="166">
        <v>-3.6379788070917101E-9</v>
      </c>
      <c r="BT2131" s="168">
        <v>0</v>
      </c>
      <c r="BU2131" s="166">
        <v>0</v>
      </c>
      <c r="BV2131" s="166">
        <v>0</v>
      </c>
      <c r="BW2131" s="166">
        <v>0</v>
      </c>
      <c r="BX2131" s="166">
        <v>0</v>
      </c>
      <c r="BY2131" s="166">
        <v>0</v>
      </c>
      <c r="BZ2131" s="166">
        <v>0</v>
      </c>
      <c r="CA2131" s="166">
        <v>0</v>
      </c>
      <c r="CB2131" s="166">
        <v>0</v>
      </c>
      <c r="CC2131" s="166">
        <v>0</v>
      </c>
      <c r="CD2131" s="166">
        <v>0</v>
      </c>
      <c r="CE2131" s="166">
        <v>0</v>
      </c>
      <c r="CF2131" s="166">
        <v>0</v>
      </c>
      <c r="CG2131" s="166">
        <v>0</v>
      </c>
      <c r="CH2131" s="166">
        <v>0</v>
      </c>
      <c r="CI2131" s="166">
        <v>0</v>
      </c>
      <c r="CJ2131" s="166">
        <v>0</v>
      </c>
      <c r="CK2131" s="166">
        <v>0</v>
      </c>
      <c r="CL2131" s="166">
        <v>0</v>
      </c>
      <c r="CM2131" s="166">
        <v>0</v>
      </c>
      <c r="CN2131" s="166">
        <v>0</v>
      </c>
      <c r="CO2131" s="166">
        <v>0</v>
      </c>
      <c r="CP2131" s="166">
        <v>0</v>
      </c>
      <c r="CQ2131" s="166">
        <v>0</v>
      </c>
      <c r="CR2131" s="166">
        <v>0</v>
      </c>
      <c r="CS2131" s="166">
        <v>0</v>
      </c>
      <c r="CT2131" s="166">
        <v>0</v>
      </c>
      <c r="CU2131" s="166">
        <v>0</v>
      </c>
      <c r="CV2131" s="166">
        <v>0</v>
      </c>
      <c r="CW2131" s="166">
        <v>0</v>
      </c>
      <c r="CX2131" s="166">
        <v>0</v>
      </c>
      <c r="CY2131" s="166">
        <v>0</v>
      </c>
      <c r="CZ2131" s="166">
        <v>0</v>
      </c>
    </row>
    <row r="2132" spans="1:104" x14ac:dyDescent="0.2">
      <c r="A2132" s="167" t="s">
        <v>538</v>
      </c>
      <c r="B2132" s="166">
        <v>-1.3642420526593901E-9</v>
      </c>
      <c r="C2132" s="166">
        <v>-1.3642420526593901E-9</v>
      </c>
      <c r="D2132" s="166">
        <v>0</v>
      </c>
      <c r="E2132" s="166">
        <v>0</v>
      </c>
      <c r="F2132" s="166">
        <v>0</v>
      </c>
      <c r="G2132" s="166">
        <v>0</v>
      </c>
      <c r="H2132" s="166">
        <v>0</v>
      </c>
      <c r="I2132" s="166">
        <v>0</v>
      </c>
      <c r="J2132" s="166">
        <v>0</v>
      </c>
      <c r="K2132" s="166">
        <v>0</v>
      </c>
      <c r="L2132" s="166">
        <v>0</v>
      </c>
      <c r="M2132" s="166">
        <v>0</v>
      </c>
      <c r="N2132" s="166">
        <v>0</v>
      </c>
      <c r="O2132" s="166">
        <v>0</v>
      </c>
      <c r="P2132" s="166">
        <v>0</v>
      </c>
      <c r="Q2132" s="166">
        <v>0</v>
      </c>
      <c r="R2132" s="166">
        <v>0</v>
      </c>
      <c r="S2132" s="166">
        <v>0</v>
      </c>
      <c r="T2132" s="166">
        <v>0</v>
      </c>
      <c r="U2132" s="166">
        <v>0</v>
      </c>
      <c r="V2132" s="166">
        <v>0</v>
      </c>
      <c r="W2132" s="166">
        <v>0</v>
      </c>
      <c r="X2132" s="166">
        <v>0</v>
      </c>
      <c r="Y2132" s="166">
        <v>0</v>
      </c>
      <c r="Z2132" s="166">
        <v>0</v>
      </c>
      <c r="AA2132" s="166">
        <v>0</v>
      </c>
      <c r="AB2132" s="166">
        <v>0</v>
      </c>
      <c r="AC2132" s="166">
        <v>0</v>
      </c>
      <c r="AD2132" s="166">
        <v>0</v>
      </c>
      <c r="AE2132" s="166">
        <v>0</v>
      </c>
      <c r="AF2132" s="166">
        <v>0</v>
      </c>
      <c r="AG2132" s="166">
        <v>0</v>
      </c>
      <c r="AH2132" s="166">
        <v>0</v>
      </c>
      <c r="AI2132" s="166">
        <v>0</v>
      </c>
      <c r="AJ2132" s="166">
        <v>0</v>
      </c>
      <c r="AK2132" s="166">
        <v>0</v>
      </c>
      <c r="AL2132" s="166">
        <v>0</v>
      </c>
      <c r="AM2132" s="166">
        <v>0</v>
      </c>
      <c r="AN2132" s="166">
        <v>0</v>
      </c>
      <c r="AO2132" s="166">
        <v>0</v>
      </c>
      <c r="AP2132" s="166">
        <v>0</v>
      </c>
      <c r="AQ2132" s="166">
        <v>0</v>
      </c>
      <c r="AR2132" s="166">
        <v>0</v>
      </c>
      <c r="AS2132" s="166">
        <v>0</v>
      </c>
      <c r="AT2132" s="166">
        <v>0</v>
      </c>
      <c r="AU2132" s="166">
        <v>0</v>
      </c>
      <c r="AV2132" s="166">
        <v>0</v>
      </c>
      <c r="AW2132" s="166">
        <v>0</v>
      </c>
      <c r="AX2132" s="166">
        <v>0</v>
      </c>
      <c r="AY2132" s="166">
        <v>0</v>
      </c>
      <c r="AZ2132" s="166">
        <v>0</v>
      </c>
      <c r="BA2132" s="166">
        <v>0</v>
      </c>
      <c r="BB2132" s="166">
        <v>0</v>
      </c>
      <c r="BC2132" s="166">
        <v>0</v>
      </c>
      <c r="BD2132" s="166">
        <v>0</v>
      </c>
      <c r="BE2132" s="166">
        <v>0</v>
      </c>
      <c r="BF2132" s="166">
        <v>0</v>
      </c>
      <c r="BG2132" s="166">
        <v>0</v>
      </c>
      <c r="BH2132" s="166">
        <v>0</v>
      </c>
      <c r="BI2132" s="166">
        <v>0</v>
      </c>
      <c r="BJ2132" s="166">
        <v>0</v>
      </c>
      <c r="BK2132" s="166">
        <v>0</v>
      </c>
      <c r="BL2132" s="166">
        <v>0</v>
      </c>
      <c r="BM2132" s="166">
        <v>0</v>
      </c>
      <c r="BN2132" s="166">
        <v>0</v>
      </c>
      <c r="BO2132" s="166">
        <v>0</v>
      </c>
      <c r="BP2132" s="166">
        <v>0</v>
      </c>
      <c r="BQ2132" s="166">
        <v>0</v>
      </c>
      <c r="BR2132" s="166">
        <v>-1.3642420526593901E-9</v>
      </c>
      <c r="BS2132" s="166">
        <v>-1.3642420526593901E-9</v>
      </c>
      <c r="BT2132" s="168">
        <v>0</v>
      </c>
      <c r="BU2132" s="166">
        <v>0</v>
      </c>
      <c r="BV2132" s="166">
        <v>0</v>
      </c>
      <c r="BW2132" s="166">
        <v>0</v>
      </c>
      <c r="BX2132" s="166">
        <v>0</v>
      </c>
      <c r="BY2132" s="166">
        <v>0</v>
      </c>
      <c r="BZ2132" s="166">
        <v>0</v>
      </c>
      <c r="CA2132" s="166">
        <v>0</v>
      </c>
      <c r="CB2132" s="166">
        <v>0</v>
      </c>
      <c r="CC2132" s="166">
        <v>0</v>
      </c>
      <c r="CD2132" s="166">
        <v>0</v>
      </c>
      <c r="CE2132" s="166">
        <v>0</v>
      </c>
      <c r="CF2132" s="166">
        <v>0</v>
      </c>
      <c r="CG2132" s="166">
        <v>0</v>
      </c>
      <c r="CH2132" s="166">
        <v>0</v>
      </c>
      <c r="CI2132" s="166">
        <v>0</v>
      </c>
      <c r="CJ2132" s="166">
        <v>0</v>
      </c>
      <c r="CK2132" s="166">
        <v>0</v>
      </c>
      <c r="CL2132" s="166">
        <v>0</v>
      </c>
      <c r="CM2132" s="166">
        <v>0</v>
      </c>
      <c r="CN2132" s="166">
        <v>0</v>
      </c>
      <c r="CO2132" s="166">
        <v>0</v>
      </c>
      <c r="CP2132" s="166">
        <v>0</v>
      </c>
      <c r="CQ2132" s="166">
        <v>0</v>
      </c>
      <c r="CR2132" s="166">
        <v>0</v>
      </c>
      <c r="CS2132" s="166">
        <v>0</v>
      </c>
      <c r="CT2132" s="166">
        <v>0</v>
      </c>
      <c r="CU2132" s="166">
        <v>0</v>
      </c>
      <c r="CV2132" s="166">
        <v>0</v>
      </c>
      <c r="CW2132" s="166">
        <v>0</v>
      </c>
      <c r="CX2132" s="166">
        <v>0</v>
      </c>
      <c r="CY2132" s="166">
        <v>0</v>
      </c>
      <c r="CZ2132" s="166">
        <v>0</v>
      </c>
    </row>
    <row r="2133" spans="1:104" x14ac:dyDescent="0.2">
      <c r="A2133" s="167" t="s">
        <v>539</v>
      </c>
      <c r="B2133" s="166">
        <v>0</v>
      </c>
      <c r="C2133" s="166">
        <v>0</v>
      </c>
      <c r="D2133" s="166">
        <v>0</v>
      </c>
      <c r="E2133" s="166">
        <v>0</v>
      </c>
      <c r="F2133" s="166">
        <v>0</v>
      </c>
      <c r="G2133" s="166">
        <v>0</v>
      </c>
      <c r="H2133" s="166">
        <v>0</v>
      </c>
      <c r="I2133" s="166">
        <v>0</v>
      </c>
      <c r="J2133" s="166">
        <v>0</v>
      </c>
      <c r="K2133" s="166">
        <v>0</v>
      </c>
      <c r="L2133" s="166">
        <v>0</v>
      </c>
      <c r="M2133" s="166">
        <v>0</v>
      </c>
      <c r="N2133" s="166">
        <v>0</v>
      </c>
      <c r="O2133" s="166">
        <v>0</v>
      </c>
      <c r="P2133" s="166">
        <v>0</v>
      </c>
      <c r="Q2133" s="166">
        <v>0</v>
      </c>
      <c r="R2133" s="166">
        <v>0</v>
      </c>
      <c r="S2133" s="166">
        <v>0</v>
      </c>
      <c r="T2133" s="166">
        <v>0</v>
      </c>
      <c r="U2133" s="166">
        <v>0</v>
      </c>
      <c r="V2133" s="166">
        <v>0</v>
      </c>
      <c r="W2133" s="166">
        <v>0</v>
      </c>
      <c r="X2133" s="166">
        <v>0</v>
      </c>
      <c r="Y2133" s="166">
        <v>0</v>
      </c>
      <c r="Z2133" s="166">
        <v>0</v>
      </c>
      <c r="AA2133" s="166">
        <v>0</v>
      </c>
      <c r="AB2133" s="166">
        <v>0</v>
      </c>
      <c r="AC2133" s="166">
        <v>0</v>
      </c>
      <c r="AD2133" s="166">
        <v>0</v>
      </c>
      <c r="AE2133" s="166">
        <v>0</v>
      </c>
      <c r="AF2133" s="166">
        <v>0</v>
      </c>
      <c r="AG2133" s="166">
        <v>0</v>
      </c>
      <c r="AH2133" s="166">
        <v>0</v>
      </c>
      <c r="AI2133" s="166">
        <v>0</v>
      </c>
      <c r="AJ2133" s="166">
        <v>0</v>
      </c>
      <c r="AK2133" s="166">
        <v>0</v>
      </c>
      <c r="AL2133" s="166">
        <v>0</v>
      </c>
      <c r="AM2133" s="166">
        <v>0</v>
      </c>
      <c r="AN2133" s="166">
        <v>0</v>
      </c>
      <c r="AO2133" s="166">
        <v>0</v>
      </c>
      <c r="AP2133" s="166">
        <v>0</v>
      </c>
      <c r="AQ2133" s="166">
        <v>0</v>
      </c>
      <c r="AR2133" s="166">
        <v>0</v>
      </c>
      <c r="AS2133" s="166">
        <v>0</v>
      </c>
      <c r="AT2133" s="166">
        <v>0</v>
      </c>
      <c r="AU2133" s="166">
        <v>0</v>
      </c>
      <c r="AV2133" s="166">
        <v>0</v>
      </c>
      <c r="AW2133" s="166">
        <v>0</v>
      </c>
      <c r="AX2133" s="166">
        <v>0</v>
      </c>
      <c r="AY2133" s="166">
        <v>0</v>
      </c>
      <c r="AZ2133" s="166">
        <v>0</v>
      </c>
      <c r="BA2133" s="166">
        <v>0</v>
      </c>
      <c r="BB2133" s="166">
        <v>0</v>
      </c>
      <c r="BC2133" s="166">
        <v>0</v>
      </c>
      <c r="BD2133" s="166">
        <v>0</v>
      </c>
      <c r="BE2133" s="166">
        <v>0</v>
      </c>
      <c r="BF2133" s="166">
        <v>0</v>
      </c>
      <c r="BG2133" s="166">
        <v>0</v>
      </c>
      <c r="BH2133" s="166">
        <v>0</v>
      </c>
      <c r="BI2133" s="166">
        <v>0</v>
      </c>
      <c r="BJ2133" s="166">
        <v>0</v>
      </c>
      <c r="BK2133" s="166">
        <v>0</v>
      </c>
      <c r="BL2133" s="166">
        <v>0</v>
      </c>
      <c r="BM2133" s="166">
        <v>0</v>
      </c>
      <c r="BN2133" s="166">
        <v>0</v>
      </c>
      <c r="BO2133" s="166">
        <v>0</v>
      </c>
      <c r="BP2133" s="166">
        <v>0</v>
      </c>
      <c r="BQ2133" s="166">
        <v>0</v>
      </c>
      <c r="BR2133" s="166">
        <v>0</v>
      </c>
      <c r="BS2133" s="166">
        <v>0</v>
      </c>
      <c r="BT2133" s="168">
        <v>0</v>
      </c>
      <c r="BU2133" s="166">
        <v>0</v>
      </c>
      <c r="BV2133" s="166">
        <v>0</v>
      </c>
      <c r="BW2133" s="166">
        <v>0</v>
      </c>
      <c r="BX2133" s="166">
        <v>0</v>
      </c>
      <c r="BY2133" s="166">
        <v>0</v>
      </c>
      <c r="BZ2133" s="166">
        <v>0</v>
      </c>
      <c r="CA2133" s="166">
        <v>0</v>
      </c>
      <c r="CB2133" s="166">
        <v>0</v>
      </c>
      <c r="CC2133" s="166">
        <v>0</v>
      </c>
      <c r="CD2133" s="166">
        <v>0</v>
      </c>
      <c r="CE2133" s="166">
        <v>0</v>
      </c>
      <c r="CF2133" s="166">
        <v>0</v>
      </c>
      <c r="CG2133" s="166">
        <v>0</v>
      </c>
      <c r="CH2133" s="166">
        <v>0</v>
      </c>
      <c r="CI2133" s="166">
        <v>0</v>
      </c>
      <c r="CJ2133" s="166">
        <v>0</v>
      </c>
      <c r="CK2133" s="166">
        <v>0</v>
      </c>
      <c r="CL2133" s="166">
        <v>0</v>
      </c>
      <c r="CM2133" s="166">
        <v>0</v>
      </c>
      <c r="CN2133" s="166">
        <v>0</v>
      </c>
      <c r="CO2133" s="166">
        <v>0</v>
      </c>
      <c r="CP2133" s="166">
        <v>0</v>
      </c>
      <c r="CQ2133" s="166">
        <v>0</v>
      </c>
      <c r="CR2133" s="166">
        <v>0</v>
      </c>
      <c r="CS2133" s="166">
        <v>0</v>
      </c>
      <c r="CT2133" s="166">
        <v>0</v>
      </c>
      <c r="CU2133" s="166">
        <v>0</v>
      </c>
      <c r="CV2133" s="166">
        <v>0</v>
      </c>
      <c r="CW2133" s="166">
        <v>0</v>
      </c>
      <c r="CX2133" s="166">
        <v>0</v>
      </c>
      <c r="CY2133" s="166">
        <v>0</v>
      </c>
      <c r="CZ2133" s="166">
        <v>0</v>
      </c>
    </row>
    <row r="2134" spans="1:104" x14ac:dyDescent="0.2">
      <c r="A2134" s="167" t="s">
        <v>540</v>
      </c>
      <c r="B2134" s="166">
        <v>1.4551915228366801E-8</v>
      </c>
      <c r="C2134" s="166">
        <v>1.4551915228366801E-8</v>
      </c>
      <c r="D2134" s="166">
        <v>0</v>
      </c>
      <c r="E2134" s="166">
        <v>0</v>
      </c>
      <c r="F2134" s="166">
        <v>0</v>
      </c>
      <c r="G2134" s="166">
        <v>0</v>
      </c>
      <c r="H2134" s="166">
        <v>0</v>
      </c>
      <c r="I2134" s="166">
        <v>0</v>
      </c>
      <c r="J2134" s="166">
        <v>0</v>
      </c>
      <c r="K2134" s="166">
        <v>0</v>
      </c>
      <c r="L2134" s="166">
        <v>0</v>
      </c>
      <c r="M2134" s="166">
        <v>0</v>
      </c>
      <c r="N2134" s="166">
        <v>0</v>
      </c>
      <c r="O2134" s="166">
        <v>0</v>
      </c>
      <c r="P2134" s="166">
        <v>0</v>
      </c>
      <c r="Q2134" s="166">
        <v>0</v>
      </c>
      <c r="R2134" s="166">
        <v>0</v>
      </c>
      <c r="S2134" s="166">
        <v>0</v>
      </c>
      <c r="T2134" s="166">
        <v>0</v>
      </c>
      <c r="U2134" s="166">
        <v>0</v>
      </c>
      <c r="V2134" s="166">
        <v>0</v>
      </c>
      <c r="W2134" s="166">
        <v>0</v>
      </c>
      <c r="X2134" s="166">
        <v>0</v>
      </c>
      <c r="Y2134" s="166">
        <v>0</v>
      </c>
      <c r="Z2134" s="166">
        <v>0</v>
      </c>
      <c r="AA2134" s="166">
        <v>0</v>
      </c>
      <c r="AB2134" s="166">
        <v>0</v>
      </c>
      <c r="AC2134" s="166">
        <v>0</v>
      </c>
      <c r="AD2134" s="166">
        <v>0</v>
      </c>
      <c r="AE2134" s="166">
        <v>0</v>
      </c>
      <c r="AF2134" s="166">
        <v>0</v>
      </c>
      <c r="AG2134" s="166">
        <v>0</v>
      </c>
      <c r="AH2134" s="166">
        <v>0</v>
      </c>
      <c r="AI2134" s="166">
        <v>0</v>
      </c>
      <c r="AJ2134" s="166">
        <v>0</v>
      </c>
      <c r="AK2134" s="166">
        <v>0</v>
      </c>
      <c r="AL2134" s="166">
        <v>0</v>
      </c>
      <c r="AM2134" s="166">
        <v>0</v>
      </c>
      <c r="AN2134" s="166">
        <v>0</v>
      </c>
      <c r="AO2134" s="166">
        <v>0</v>
      </c>
      <c r="AP2134" s="166">
        <v>0</v>
      </c>
      <c r="AQ2134" s="166">
        <v>0</v>
      </c>
      <c r="AR2134" s="166">
        <v>0</v>
      </c>
      <c r="AS2134" s="166">
        <v>0</v>
      </c>
      <c r="AT2134" s="166">
        <v>0</v>
      </c>
      <c r="AU2134" s="166">
        <v>0</v>
      </c>
      <c r="AV2134" s="166">
        <v>0</v>
      </c>
      <c r="AW2134" s="166">
        <v>0</v>
      </c>
      <c r="AX2134" s="166">
        <v>0</v>
      </c>
      <c r="AY2134" s="166">
        <v>0</v>
      </c>
      <c r="AZ2134" s="166">
        <v>0</v>
      </c>
      <c r="BA2134" s="166">
        <v>0</v>
      </c>
      <c r="BB2134" s="166">
        <v>0</v>
      </c>
      <c r="BC2134" s="166">
        <v>0</v>
      </c>
      <c r="BD2134" s="166">
        <v>0</v>
      </c>
      <c r="BE2134" s="166">
        <v>0</v>
      </c>
      <c r="BF2134" s="166">
        <v>0</v>
      </c>
      <c r="BG2134" s="166">
        <v>0</v>
      </c>
      <c r="BH2134" s="166">
        <v>0</v>
      </c>
      <c r="BI2134" s="166">
        <v>0</v>
      </c>
      <c r="BJ2134" s="166">
        <v>0</v>
      </c>
      <c r="BK2134" s="166">
        <v>0</v>
      </c>
      <c r="BL2134" s="166">
        <v>0</v>
      </c>
      <c r="BM2134" s="166">
        <v>0</v>
      </c>
      <c r="BN2134" s="166">
        <v>0</v>
      </c>
      <c r="BO2134" s="166">
        <v>0</v>
      </c>
      <c r="BP2134" s="166">
        <v>0</v>
      </c>
      <c r="BQ2134" s="166">
        <v>0</v>
      </c>
      <c r="BR2134" s="166">
        <v>1.4551915228366801E-8</v>
      </c>
      <c r="BS2134" s="166">
        <v>1.4551915228366801E-8</v>
      </c>
      <c r="BT2134" s="168">
        <v>0</v>
      </c>
      <c r="BU2134" s="166">
        <v>0</v>
      </c>
      <c r="BV2134" s="166">
        <v>0</v>
      </c>
      <c r="BW2134" s="166">
        <v>0</v>
      </c>
      <c r="BX2134" s="166">
        <v>0</v>
      </c>
      <c r="BY2134" s="166">
        <v>0</v>
      </c>
      <c r="BZ2134" s="166">
        <v>0</v>
      </c>
      <c r="CA2134" s="166">
        <v>0</v>
      </c>
      <c r="CB2134" s="166">
        <v>0</v>
      </c>
      <c r="CC2134" s="166">
        <v>0</v>
      </c>
      <c r="CD2134" s="166">
        <v>0</v>
      </c>
      <c r="CE2134" s="166">
        <v>0</v>
      </c>
      <c r="CF2134" s="166">
        <v>0</v>
      </c>
      <c r="CG2134" s="166">
        <v>0</v>
      </c>
      <c r="CH2134" s="166">
        <v>0</v>
      </c>
      <c r="CI2134" s="166">
        <v>0</v>
      </c>
      <c r="CJ2134" s="166">
        <v>0</v>
      </c>
      <c r="CK2134" s="166">
        <v>0</v>
      </c>
      <c r="CL2134" s="166">
        <v>0</v>
      </c>
      <c r="CM2134" s="166">
        <v>0</v>
      </c>
      <c r="CN2134" s="166">
        <v>0</v>
      </c>
      <c r="CO2134" s="166">
        <v>0</v>
      </c>
      <c r="CP2134" s="166">
        <v>0</v>
      </c>
      <c r="CQ2134" s="166">
        <v>0</v>
      </c>
      <c r="CR2134" s="166">
        <v>0</v>
      </c>
      <c r="CS2134" s="166">
        <v>0</v>
      </c>
      <c r="CT2134" s="166">
        <v>0</v>
      </c>
      <c r="CU2134" s="166">
        <v>0</v>
      </c>
      <c r="CV2134" s="166">
        <v>0</v>
      </c>
      <c r="CW2134" s="166">
        <v>0</v>
      </c>
      <c r="CX2134" s="166">
        <v>0</v>
      </c>
      <c r="CY2134" s="166">
        <v>0</v>
      </c>
      <c r="CZ2134" s="166">
        <v>0</v>
      </c>
    </row>
    <row r="2135" spans="1:104" x14ac:dyDescent="0.2">
      <c r="A2135" s="167" t="s">
        <v>541</v>
      </c>
      <c r="B2135" s="166">
        <v>0</v>
      </c>
      <c r="C2135" s="166">
        <v>0</v>
      </c>
      <c r="D2135" s="166">
        <v>0</v>
      </c>
      <c r="E2135" s="166">
        <v>0</v>
      </c>
      <c r="F2135" s="166">
        <v>0</v>
      </c>
      <c r="G2135" s="166">
        <v>0</v>
      </c>
      <c r="H2135" s="166">
        <v>0</v>
      </c>
      <c r="I2135" s="166">
        <v>0</v>
      </c>
      <c r="J2135" s="166">
        <v>0</v>
      </c>
      <c r="K2135" s="166">
        <v>0</v>
      </c>
      <c r="L2135" s="166">
        <v>0</v>
      </c>
      <c r="M2135" s="166">
        <v>0</v>
      </c>
      <c r="N2135" s="166">
        <v>0</v>
      </c>
      <c r="O2135" s="166">
        <v>0</v>
      </c>
      <c r="P2135" s="166">
        <v>0</v>
      </c>
      <c r="Q2135" s="166">
        <v>0</v>
      </c>
      <c r="R2135" s="166">
        <v>0</v>
      </c>
      <c r="S2135" s="166">
        <v>0</v>
      </c>
      <c r="T2135" s="166">
        <v>0</v>
      </c>
      <c r="U2135" s="166">
        <v>0</v>
      </c>
      <c r="V2135" s="166">
        <v>0</v>
      </c>
      <c r="W2135" s="166">
        <v>0</v>
      </c>
      <c r="X2135" s="166">
        <v>0</v>
      </c>
      <c r="Y2135" s="166">
        <v>0</v>
      </c>
      <c r="Z2135" s="166">
        <v>0</v>
      </c>
      <c r="AA2135" s="166">
        <v>0</v>
      </c>
      <c r="AB2135" s="166">
        <v>0</v>
      </c>
      <c r="AC2135" s="166">
        <v>0</v>
      </c>
      <c r="AD2135" s="166">
        <v>0</v>
      </c>
      <c r="AE2135" s="166">
        <v>0</v>
      </c>
      <c r="AF2135" s="166">
        <v>0</v>
      </c>
      <c r="AG2135" s="166">
        <v>0</v>
      </c>
      <c r="AH2135" s="166">
        <v>0</v>
      </c>
      <c r="AI2135" s="166">
        <v>0</v>
      </c>
      <c r="AJ2135" s="166">
        <v>0</v>
      </c>
      <c r="AK2135" s="166">
        <v>0</v>
      </c>
      <c r="AL2135" s="166">
        <v>0</v>
      </c>
      <c r="AM2135" s="166">
        <v>0</v>
      </c>
      <c r="AN2135" s="166">
        <v>0</v>
      </c>
      <c r="AO2135" s="166">
        <v>0</v>
      </c>
      <c r="AP2135" s="166">
        <v>0</v>
      </c>
      <c r="AQ2135" s="166">
        <v>0</v>
      </c>
      <c r="AR2135" s="166">
        <v>0</v>
      </c>
      <c r="AS2135" s="166">
        <v>0</v>
      </c>
      <c r="AT2135" s="166">
        <v>0</v>
      </c>
      <c r="AU2135" s="166">
        <v>0</v>
      </c>
      <c r="AV2135" s="166">
        <v>0</v>
      </c>
      <c r="AW2135" s="166">
        <v>0</v>
      </c>
      <c r="AX2135" s="166">
        <v>0</v>
      </c>
      <c r="AY2135" s="166">
        <v>0</v>
      </c>
      <c r="AZ2135" s="166">
        <v>0</v>
      </c>
      <c r="BA2135" s="166">
        <v>0</v>
      </c>
      <c r="BB2135" s="166">
        <v>0</v>
      </c>
      <c r="BC2135" s="166">
        <v>0</v>
      </c>
      <c r="BD2135" s="166">
        <v>0</v>
      </c>
      <c r="BE2135" s="166">
        <v>0</v>
      </c>
      <c r="BF2135" s="166">
        <v>0</v>
      </c>
      <c r="BG2135" s="166">
        <v>0</v>
      </c>
      <c r="BH2135" s="166">
        <v>0</v>
      </c>
      <c r="BI2135" s="166">
        <v>0</v>
      </c>
      <c r="BJ2135" s="166">
        <v>0</v>
      </c>
      <c r="BK2135" s="166">
        <v>0</v>
      </c>
      <c r="BL2135" s="166">
        <v>0</v>
      </c>
      <c r="BM2135" s="166">
        <v>0</v>
      </c>
      <c r="BN2135" s="166">
        <v>0</v>
      </c>
      <c r="BO2135" s="166">
        <v>0</v>
      </c>
      <c r="BP2135" s="166">
        <v>0</v>
      </c>
      <c r="BQ2135" s="166">
        <v>0</v>
      </c>
      <c r="BR2135" s="166">
        <v>0</v>
      </c>
      <c r="BS2135" s="166">
        <v>0</v>
      </c>
      <c r="BT2135" s="168">
        <v>0</v>
      </c>
      <c r="BU2135" s="166">
        <v>0</v>
      </c>
      <c r="BV2135" s="166">
        <v>0</v>
      </c>
      <c r="BW2135" s="166">
        <v>0</v>
      </c>
      <c r="BX2135" s="166">
        <v>0</v>
      </c>
      <c r="BY2135" s="166">
        <v>0</v>
      </c>
      <c r="BZ2135" s="166">
        <v>0</v>
      </c>
      <c r="CA2135" s="166">
        <v>0</v>
      </c>
      <c r="CB2135" s="166">
        <v>0</v>
      </c>
      <c r="CC2135" s="166">
        <v>0</v>
      </c>
      <c r="CD2135" s="166">
        <v>0</v>
      </c>
      <c r="CE2135" s="166">
        <v>0</v>
      </c>
      <c r="CF2135" s="166">
        <v>0</v>
      </c>
      <c r="CG2135" s="166">
        <v>0</v>
      </c>
      <c r="CH2135" s="166">
        <v>0</v>
      </c>
      <c r="CI2135" s="166">
        <v>0</v>
      </c>
      <c r="CJ2135" s="166">
        <v>0</v>
      </c>
      <c r="CK2135" s="166">
        <v>0</v>
      </c>
      <c r="CL2135" s="166">
        <v>0</v>
      </c>
      <c r="CM2135" s="166">
        <v>0</v>
      </c>
      <c r="CN2135" s="166">
        <v>0</v>
      </c>
      <c r="CO2135" s="166">
        <v>0</v>
      </c>
      <c r="CP2135" s="166">
        <v>0</v>
      </c>
      <c r="CQ2135" s="166">
        <v>0</v>
      </c>
      <c r="CR2135" s="166">
        <v>0</v>
      </c>
      <c r="CS2135" s="166">
        <v>0</v>
      </c>
      <c r="CT2135" s="166">
        <v>0</v>
      </c>
      <c r="CU2135" s="166">
        <v>0</v>
      </c>
      <c r="CV2135" s="166">
        <v>0</v>
      </c>
      <c r="CW2135" s="166">
        <v>0</v>
      </c>
      <c r="CX2135" s="166">
        <v>0</v>
      </c>
      <c r="CY2135" s="166">
        <v>0</v>
      </c>
      <c r="CZ2135" s="166">
        <v>0</v>
      </c>
    </row>
    <row r="2136" spans="1:104" x14ac:dyDescent="0.2">
      <c r="A2136" s="167" t="s">
        <v>542</v>
      </c>
      <c r="B2136" s="166">
        <v>0</v>
      </c>
      <c r="C2136" s="166">
        <v>0</v>
      </c>
      <c r="D2136" s="166">
        <v>0</v>
      </c>
      <c r="E2136" s="166">
        <v>0</v>
      </c>
      <c r="F2136" s="166">
        <v>0</v>
      </c>
      <c r="G2136" s="166">
        <v>0</v>
      </c>
      <c r="H2136" s="166">
        <v>0</v>
      </c>
      <c r="I2136" s="166">
        <v>0</v>
      </c>
      <c r="J2136" s="166">
        <v>0</v>
      </c>
      <c r="K2136" s="166">
        <v>0</v>
      </c>
      <c r="L2136" s="166">
        <v>0</v>
      </c>
      <c r="M2136" s="166">
        <v>0</v>
      </c>
      <c r="N2136" s="166">
        <v>0</v>
      </c>
      <c r="O2136" s="166">
        <v>0</v>
      </c>
      <c r="P2136" s="166">
        <v>0</v>
      </c>
      <c r="Q2136" s="166">
        <v>0</v>
      </c>
      <c r="R2136" s="166">
        <v>0</v>
      </c>
      <c r="S2136" s="166">
        <v>0</v>
      </c>
      <c r="T2136" s="166">
        <v>0</v>
      </c>
      <c r="U2136" s="166">
        <v>0</v>
      </c>
      <c r="V2136" s="166">
        <v>0</v>
      </c>
      <c r="W2136" s="166">
        <v>0</v>
      </c>
      <c r="X2136" s="166">
        <v>0</v>
      </c>
      <c r="Y2136" s="166">
        <v>0</v>
      </c>
      <c r="Z2136" s="166">
        <v>0</v>
      </c>
      <c r="AA2136" s="166">
        <v>0</v>
      </c>
      <c r="AB2136" s="166">
        <v>0</v>
      </c>
      <c r="AC2136" s="166">
        <v>0</v>
      </c>
      <c r="AD2136" s="166">
        <v>0</v>
      </c>
      <c r="AE2136" s="166">
        <v>0</v>
      </c>
      <c r="AF2136" s="166">
        <v>0</v>
      </c>
      <c r="AG2136" s="166">
        <v>0</v>
      </c>
      <c r="AH2136" s="166">
        <v>0</v>
      </c>
      <c r="AI2136" s="166">
        <v>0</v>
      </c>
      <c r="AJ2136" s="166">
        <v>0</v>
      </c>
      <c r="AK2136" s="166">
        <v>0</v>
      </c>
      <c r="AL2136" s="166">
        <v>0</v>
      </c>
      <c r="AM2136" s="166">
        <v>0</v>
      </c>
      <c r="AN2136" s="166">
        <v>0</v>
      </c>
      <c r="AO2136" s="166">
        <v>0</v>
      </c>
      <c r="AP2136" s="166">
        <v>0</v>
      </c>
      <c r="AQ2136" s="166">
        <v>0</v>
      </c>
      <c r="AR2136" s="166">
        <v>0</v>
      </c>
      <c r="AS2136" s="166">
        <v>0</v>
      </c>
      <c r="AT2136" s="166">
        <v>0</v>
      </c>
      <c r="AU2136" s="166">
        <v>0</v>
      </c>
      <c r="AV2136" s="166">
        <v>0</v>
      </c>
      <c r="AW2136" s="166">
        <v>0</v>
      </c>
      <c r="AX2136" s="166">
        <v>0</v>
      </c>
      <c r="AY2136" s="166">
        <v>0</v>
      </c>
      <c r="AZ2136" s="166">
        <v>0</v>
      </c>
      <c r="BA2136" s="166">
        <v>0</v>
      </c>
      <c r="BB2136" s="166">
        <v>0</v>
      </c>
      <c r="BC2136" s="166">
        <v>0</v>
      </c>
      <c r="BD2136" s="166">
        <v>0</v>
      </c>
      <c r="BE2136" s="166">
        <v>0</v>
      </c>
      <c r="BF2136" s="166">
        <v>0</v>
      </c>
      <c r="BG2136" s="166">
        <v>0</v>
      </c>
      <c r="BH2136" s="166">
        <v>0</v>
      </c>
      <c r="BI2136" s="166">
        <v>0</v>
      </c>
      <c r="BJ2136" s="166">
        <v>0</v>
      </c>
      <c r="BK2136" s="166">
        <v>0</v>
      </c>
      <c r="BL2136" s="166">
        <v>0</v>
      </c>
      <c r="BM2136" s="166">
        <v>0</v>
      </c>
      <c r="BN2136" s="166">
        <v>0</v>
      </c>
      <c r="BO2136" s="166">
        <v>0</v>
      </c>
      <c r="BP2136" s="166">
        <v>0</v>
      </c>
      <c r="BQ2136" s="166">
        <v>0</v>
      </c>
      <c r="BR2136" s="166">
        <v>0</v>
      </c>
      <c r="BS2136" s="166">
        <v>0</v>
      </c>
      <c r="BT2136" s="168">
        <v>0</v>
      </c>
      <c r="BU2136" s="166">
        <v>0</v>
      </c>
      <c r="BV2136" s="166">
        <v>0</v>
      </c>
      <c r="BW2136" s="166">
        <v>0</v>
      </c>
      <c r="BX2136" s="166">
        <v>0</v>
      </c>
      <c r="BY2136" s="166">
        <v>0</v>
      </c>
      <c r="BZ2136" s="166">
        <v>0</v>
      </c>
      <c r="CA2136" s="166">
        <v>0</v>
      </c>
      <c r="CB2136" s="166">
        <v>0</v>
      </c>
      <c r="CC2136" s="166">
        <v>0</v>
      </c>
      <c r="CD2136" s="166">
        <v>0</v>
      </c>
      <c r="CE2136" s="166">
        <v>0</v>
      </c>
      <c r="CF2136" s="166">
        <v>0</v>
      </c>
      <c r="CG2136" s="166">
        <v>0</v>
      </c>
      <c r="CH2136" s="166">
        <v>0</v>
      </c>
      <c r="CI2136" s="166">
        <v>0</v>
      </c>
      <c r="CJ2136" s="166">
        <v>0</v>
      </c>
      <c r="CK2136" s="166">
        <v>0</v>
      </c>
      <c r="CL2136" s="166">
        <v>0</v>
      </c>
      <c r="CM2136" s="166">
        <v>0</v>
      </c>
      <c r="CN2136" s="166">
        <v>0</v>
      </c>
      <c r="CO2136" s="166">
        <v>0</v>
      </c>
      <c r="CP2136" s="166">
        <v>0</v>
      </c>
      <c r="CQ2136" s="166">
        <v>0</v>
      </c>
      <c r="CR2136" s="166">
        <v>0</v>
      </c>
      <c r="CS2136" s="166">
        <v>0</v>
      </c>
      <c r="CT2136" s="166">
        <v>0</v>
      </c>
      <c r="CU2136" s="166">
        <v>0</v>
      </c>
      <c r="CV2136" s="166">
        <v>0</v>
      </c>
      <c r="CW2136" s="166">
        <v>0</v>
      </c>
      <c r="CX2136" s="166">
        <v>0</v>
      </c>
      <c r="CY2136" s="166">
        <v>0</v>
      </c>
      <c r="CZ2136" s="166">
        <v>0</v>
      </c>
    </row>
    <row r="2137" spans="1:104" x14ac:dyDescent="0.2">
      <c r="A2137" s="170" t="s">
        <v>543</v>
      </c>
      <c r="B2137" s="166">
        <v>0</v>
      </c>
      <c r="C2137" s="166">
        <v>0</v>
      </c>
      <c r="D2137" s="166">
        <v>0</v>
      </c>
      <c r="E2137" s="166">
        <v>0</v>
      </c>
      <c r="F2137" s="166">
        <v>0</v>
      </c>
      <c r="G2137" s="166">
        <v>0</v>
      </c>
      <c r="H2137" s="166">
        <v>0</v>
      </c>
      <c r="I2137" s="166">
        <v>0</v>
      </c>
      <c r="J2137" s="166">
        <v>0</v>
      </c>
      <c r="K2137" s="166">
        <v>0</v>
      </c>
      <c r="L2137" s="166">
        <v>0</v>
      </c>
      <c r="M2137" s="166">
        <v>0</v>
      </c>
      <c r="N2137" s="166">
        <v>0</v>
      </c>
      <c r="O2137" s="166">
        <v>0</v>
      </c>
      <c r="P2137" s="166">
        <v>0</v>
      </c>
      <c r="Q2137" s="166">
        <v>0</v>
      </c>
      <c r="R2137" s="166">
        <v>0</v>
      </c>
      <c r="S2137" s="166">
        <v>0</v>
      </c>
      <c r="T2137" s="166">
        <v>0</v>
      </c>
      <c r="U2137" s="166">
        <v>0</v>
      </c>
      <c r="V2137" s="166">
        <v>0</v>
      </c>
      <c r="W2137" s="166">
        <v>0</v>
      </c>
      <c r="X2137" s="166">
        <v>0</v>
      </c>
      <c r="Y2137" s="166">
        <v>0</v>
      </c>
      <c r="Z2137" s="166">
        <v>0</v>
      </c>
      <c r="AA2137" s="166">
        <v>0</v>
      </c>
      <c r="AB2137" s="166">
        <v>0</v>
      </c>
      <c r="AC2137" s="166">
        <v>0</v>
      </c>
      <c r="AD2137" s="166">
        <v>0</v>
      </c>
      <c r="AE2137" s="166">
        <v>0</v>
      </c>
      <c r="AF2137" s="166">
        <v>0</v>
      </c>
      <c r="AG2137" s="166">
        <v>0</v>
      </c>
      <c r="AH2137" s="166">
        <v>0</v>
      </c>
      <c r="AI2137" s="166">
        <v>0</v>
      </c>
      <c r="AJ2137" s="166">
        <v>0</v>
      </c>
      <c r="AK2137" s="166">
        <v>0</v>
      </c>
      <c r="AL2137" s="166">
        <v>0</v>
      </c>
      <c r="AM2137" s="166">
        <v>0</v>
      </c>
      <c r="AN2137" s="166">
        <v>0</v>
      </c>
      <c r="AO2137" s="166">
        <v>0</v>
      </c>
      <c r="AP2137" s="166">
        <v>0</v>
      </c>
      <c r="AQ2137" s="166">
        <v>0</v>
      </c>
      <c r="AR2137" s="166">
        <v>0</v>
      </c>
      <c r="AS2137" s="166">
        <v>0</v>
      </c>
      <c r="AT2137" s="166">
        <v>0</v>
      </c>
      <c r="AU2137" s="166">
        <v>0</v>
      </c>
      <c r="AV2137" s="166">
        <v>0</v>
      </c>
      <c r="AW2137" s="166">
        <v>0</v>
      </c>
      <c r="AX2137" s="166">
        <v>0</v>
      </c>
      <c r="AY2137" s="166">
        <v>0</v>
      </c>
      <c r="AZ2137" s="166">
        <v>0</v>
      </c>
      <c r="BA2137" s="166">
        <v>0</v>
      </c>
      <c r="BB2137" s="166">
        <v>0</v>
      </c>
      <c r="BC2137" s="166">
        <v>0</v>
      </c>
      <c r="BD2137" s="166">
        <v>0</v>
      </c>
      <c r="BE2137" s="166">
        <v>0</v>
      </c>
      <c r="BF2137" s="166">
        <v>0</v>
      </c>
      <c r="BG2137" s="166">
        <v>0</v>
      </c>
      <c r="BH2137" s="166">
        <v>0</v>
      </c>
      <c r="BI2137" s="166">
        <v>0</v>
      </c>
      <c r="BJ2137" s="166">
        <v>0</v>
      </c>
      <c r="BK2137" s="166">
        <v>0</v>
      </c>
      <c r="BL2137" s="166">
        <v>0</v>
      </c>
      <c r="BM2137" s="166">
        <v>0</v>
      </c>
      <c r="BN2137" s="166">
        <v>0</v>
      </c>
      <c r="BO2137" s="166">
        <v>0</v>
      </c>
      <c r="BP2137" s="166">
        <v>0</v>
      </c>
      <c r="BQ2137" s="166">
        <v>0</v>
      </c>
      <c r="BR2137" s="166">
        <v>0</v>
      </c>
      <c r="BS2137" s="166">
        <v>0</v>
      </c>
      <c r="BT2137" s="168">
        <v>0</v>
      </c>
      <c r="BU2137" s="166">
        <v>0</v>
      </c>
      <c r="BV2137" s="166">
        <v>0</v>
      </c>
      <c r="BW2137" s="166">
        <v>0</v>
      </c>
      <c r="BX2137" s="166">
        <v>0</v>
      </c>
      <c r="BY2137" s="166">
        <v>0</v>
      </c>
      <c r="BZ2137" s="166">
        <v>0</v>
      </c>
      <c r="CA2137" s="166">
        <v>0</v>
      </c>
      <c r="CB2137" s="166">
        <v>0</v>
      </c>
      <c r="CC2137" s="166">
        <v>0</v>
      </c>
      <c r="CD2137" s="166">
        <v>0</v>
      </c>
      <c r="CE2137" s="166">
        <v>0</v>
      </c>
      <c r="CF2137" s="166">
        <v>0</v>
      </c>
      <c r="CG2137" s="166">
        <v>0</v>
      </c>
      <c r="CH2137" s="166">
        <v>0</v>
      </c>
      <c r="CI2137" s="166">
        <v>0</v>
      </c>
      <c r="CJ2137" s="166">
        <v>0</v>
      </c>
      <c r="CK2137" s="166">
        <v>0</v>
      </c>
      <c r="CL2137" s="166">
        <v>0</v>
      </c>
      <c r="CM2137" s="166">
        <v>0</v>
      </c>
      <c r="CN2137" s="166">
        <v>0</v>
      </c>
      <c r="CO2137" s="166">
        <v>0</v>
      </c>
      <c r="CP2137" s="166">
        <v>0</v>
      </c>
      <c r="CQ2137" s="166">
        <v>0</v>
      </c>
      <c r="CR2137" s="166">
        <v>0</v>
      </c>
      <c r="CS2137" s="166">
        <v>0</v>
      </c>
      <c r="CT2137" s="166">
        <v>0</v>
      </c>
      <c r="CU2137" s="166">
        <v>0</v>
      </c>
      <c r="CV2137" s="166">
        <v>0</v>
      </c>
      <c r="CW2137" s="166">
        <v>0</v>
      </c>
      <c r="CX2137" s="166">
        <v>0</v>
      </c>
      <c r="CY2137" s="166">
        <v>0</v>
      </c>
      <c r="CZ2137" s="166">
        <v>0</v>
      </c>
    </row>
    <row r="2138" spans="1:104" x14ac:dyDescent="0.2">
      <c r="A2138" s="177" t="s">
        <v>544</v>
      </c>
      <c r="B2138" s="166">
        <v>-3.6379788070917101E-9</v>
      </c>
      <c r="C2138" s="166">
        <v>-3.6379788070917101E-9</v>
      </c>
      <c r="D2138" s="166">
        <v>0</v>
      </c>
      <c r="E2138" s="166">
        <v>0</v>
      </c>
      <c r="F2138" s="166">
        <v>0</v>
      </c>
      <c r="G2138" s="166">
        <v>0</v>
      </c>
      <c r="H2138" s="166">
        <v>0</v>
      </c>
      <c r="I2138" s="166">
        <v>0</v>
      </c>
      <c r="J2138" s="166">
        <v>0</v>
      </c>
      <c r="K2138" s="166">
        <v>0</v>
      </c>
      <c r="L2138" s="166">
        <v>0</v>
      </c>
      <c r="M2138" s="166">
        <v>0</v>
      </c>
      <c r="N2138" s="166">
        <v>0</v>
      </c>
      <c r="O2138" s="166">
        <v>0</v>
      </c>
      <c r="P2138" s="166">
        <v>0</v>
      </c>
      <c r="Q2138" s="166">
        <v>0</v>
      </c>
      <c r="R2138" s="166">
        <v>0</v>
      </c>
      <c r="S2138" s="166">
        <v>0</v>
      </c>
      <c r="T2138" s="166">
        <v>0</v>
      </c>
      <c r="U2138" s="166">
        <v>0</v>
      </c>
      <c r="V2138" s="166">
        <v>0</v>
      </c>
      <c r="W2138" s="166">
        <v>0</v>
      </c>
      <c r="X2138" s="166">
        <v>0</v>
      </c>
      <c r="Y2138" s="166">
        <v>0</v>
      </c>
      <c r="Z2138" s="166">
        <v>0</v>
      </c>
      <c r="AA2138" s="166">
        <v>0</v>
      </c>
      <c r="AB2138" s="166">
        <v>0</v>
      </c>
      <c r="AC2138" s="166">
        <v>0</v>
      </c>
      <c r="AD2138" s="166">
        <v>0</v>
      </c>
      <c r="AE2138" s="166">
        <v>0</v>
      </c>
      <c r="AF2138" s="166">
        <v>0</v>
      </c>
      <c r="AG2138" s="166">
        <v>0</v>
      </c>
      <c r="AH2138" s="166">
        <v>0</v>
      </c>
      <c r="AI2138" s="166">
        <v>0</v>
      </c>
      <c r="AJ2138" s="166">
        <v>0</v>
      </c>
      <c r="AK2138" s="166">
        <v>0</v>
      </c>
      <c r="AL2138" s="166">
        <v>0</v>
      </c>
      <c r="AM2138" s="166">
        <v>0</v>
      </c>
      <c r="AN2138" s="166">
        <v>0</v>
      </c>
      <c r="AO2138" s="166">
        <v>0</v>
      </c>
      <c r="AP2138" s="166">
        <v>0</v>
      </c>
      <c r="AQ2138" s="166">
        <v>0</v>
      </c>
      <c r="AR2138" s="166">
        <v>0</v>
      </c>
      <c r="AS2138" s="166">
        <v>0</v>
      </c>
      <c r="AT2138" s="166">
        <v>0</v>
      </c>
      <c r="AU2138" s="166">
        <v>0</v>
      </c>
      <c r="AV2138" s="166">
        <v>0</v>
      </c>
      <c r="AW2138" s="166">
        <v>0</v>
      </c>
      <c r="AX2138" s="166">
        <v>0</v>
      </c>
      <c r="AY2138" s="166">
        <v>0</v>
      </c>
      <c r="AZ2138" s="166">
        <v>0</v>
      </c>
      <c r="BA2138" s="166">
        <v>0</v>
      </c>
      <c r="BB2138" s="166">
        <v>0</v>
      </c>
      <c r="BC2138" s="166">
        <v>0</v>
      </c>
      <c r="BD2138" s="166">
        <v>0</v>
      </c>
      <c r="BE2138" s="166">
        <v>0</v>
      </c>
      <c r="BF2138" s="166">
        <v>0</v>
      </c>
      <c r="BG2138" s="166">
        <v>0</v>
      </c>
      <c r="BH2138" s="166">
        <v>0</v>
      </c>
      <c r="BI2138" s="166">
        <v>0</v>
      </c>
      <c r="BJ2138" s="166">
        <v>0</v>
      </c>
      <c r="BK2138" s="166">
        <v>0</v>
      </c>
      <c r="BL2138" s="166">
        <v>0</v>
      </c>
      <c r="BM2138" s="166">
        <v>0</v>
      </c>
      <c r="BN2138" s="166">
        <v>0</v>
      </c>
      <c r="BO2138" s="166">
        <v>0</v>
      </c>
      <c r="BP2138" s="166">
        <v>0</v>
      </c>
      <c r="BQ2138" s="166">
        <v>0</v>
      </c>
      <c r="BR2138" s="166">
        <v>-3.6379788070917101E-9</v>
      </c>
      <c r="BS2138" s="166">
        <v>-3.6379788070917101E-9</v>
      </c>
      <c r="BT2138" s="168">
        <v>0</v>
      </c>
      <c r="BU2138" s="166">
        <v>0</v>
      </c>
      <c r="BV2138" s="166">
        <v>0</v>
      </c>
      <c r="BW2138" s="166">
        <v>0</v>
      </c>
      <c r="BX2138" s="166">
        <v>0</v>
      </c>
      <c r="BY2138" s="166">
        <v>0</v>
      </c>
      <c r="BZ2138" s="166">
        <v>0</v>
      </c>
      <c r="CA2138" s="166">
        <v>0</v>
      </c>
      <c r="CB2138" s="166">
        <v>0</v>
      </c>
      <c r="CC2138" s="166">
        <v>0</v>
      </c>
      <c r="CD2138" s="166">
        <v>0</v>
      </c>
      <c r="CE2138" s="166">
        <v>0</v>
      </c>
      <c r="CF2138" s="166">
        <v>0</v>
      </c>
      <c r="CG2138" s="166">
        <v>0</v>
      </c>
      <c r="CH2138" s="166">
        <v>0</v>
      </c>
      <c r="CI2138" s="166">
        <v>0</v>
      </c>
      <c r="CJ2138" s="166">
        <v>0</v>
      </c>
      <c r="CK2138" s="166">
        <v>0</v>
      </c>
      <c r="CL2138" s="166">
        <v>0</v>
      </c>
      <c r="CM2138" s="166">
        <v>0</v>
      </c>
      <c r="CN2138" s="166">
        <v>0</v>
      </c>
      <c r="CO2138" s="166">
        <v>0</v>
      </c>
      <c r="CP2138" s="166">
        <v>0</v>
      </c>
      <c r="CQ2138" s="166">
        <v>0</v>
      </c>
      <c r="CR2138" s="166">
        <v>0</v>
      </c>
      <c r="CS2138" s="166">
        <v>0</v>
      </c>
      <c r="CT2138" s="166">
        <v>0</v>
      </c>
      <c r="CU2138" s="166">
        <v>0</v>
      </c>
      <c r="CV2138" s="166">
        <v>0</v>
      </c>
      <c r="CW2138" s="166">
        <v>0</v>
      </c>
      <c r="CX2138" s="166">
        <v>0</v>
      </c>
      <c r="CY2138" s="166">
        <v>0</v>
      </c>
      <c r="CZ2138" s="166">
        <v>0</v>
      </c>
    </row>
    <row r="2139" spans="1:104" x14ac:dyDescent="0.2">
      <c r="A2139" s="177" t="s">
        <v>545</v>
      </c>
      <c r="B2139" s="166">
        <v>0</v>
      </c>
      <c r="C2139" s="166">
        <v>0</v>
      </c>
      <c r="D2139" s="166">
        <v>0</v>
      </c>
      <c r="E2139" s="166">
        <v>0</v>
      </c>
      <c r="F2139" s="166">
        <v>0</v>
      </c>
      <c r="G2139" s="166">
        <v>0</v>
      </c>
      <c r="H2139" s="166">
        <v>0</v>
      </c>
      <c r="I2139" s="166">
        <v>0</v>
      </c>
      <c r="J2139" s="166">
        <v>0</v>
      </c>
      <c r="K2139" s="166">
        <v>0</v>
      </c>
      <c r="L2139" s="166">
        <v>0</v>
      </c>
      <c r="M2139" s="166">
        <v>0</v>
      </c>
      <c r="N2139" s="166">
        <v>0</v>
      </c>
      <c r="O2139" s="166">
        <v>0</v>
      </c>
      <c r="P2139" s="166">
        <v>0</v>
      </c>
      <c r="Q2139" s="166">
        <v>0</v>
      </c>
      <c r="R2139" s="166">
        <v>0</v>
      </c>
      <c r="S2139" s="166">
        <v>0</v>
      </c>
      <c r="T2139" s="166">
        <v>0</v>
      </c>
      <c r="U2139" s="166">
        <v>0</v>
      </c>
      <c r="V2139" s="166">
        <v>0</v>
      </c>
      <c r="W2139" s="166">
        <v>0</v>
      </c>
      <c r="X2139" s="166">
        <v>0</v>
      </c>
      <c r="Y2139" s="166">
        <v>0</v>
      </c>
      <c r="Z2139" s="166">
        <v>0</v>
      </c>
      <c r="AA2139" s="166">
        <v>0</v>
      </c>
      <c r="AB2139" s="166">
        <v>0</v>
      </c>
      <c r="AC2139" s="166">
        <v>0</v>
      </c>
      <c r="AD2139" s="166">
        <v>0</v>
      </c>
      <c r="AE2139" s="166">
        <v>0</v>
      </c>
      <c r="AF2139" s="166">
        <v>0</v>
      </c>
      <c r="AG2139" s="166">
        <v>0</v>
      </c>
      <c r="AH2139" s="166">
        <v>0</v>
      </c>
      <c r="AI2139" s="166">
        <v>0</v>
      </c>
      <c r="AJ2139" s="166">
        <v>0</v>
      </c>
      <c r="AK2139" s="166">
        <v>0</v>
      </c>
      <c r="AL2139" s="166">
        <v>0</v>
      </c>
      <c r="AM2139" s="166">
        <v>0</v>
      </c>
      <c r="AN2139" s="166">
        <v>0</v>
      </c>
      <c r="AO2139" s="166">
        <v>0</v>
      </c>
      <c r="AP2139" s="166">
        <v>0</v>
      </c>
      <c r="AQ2139" s="166">
        <v>0</v>
      </c>
      <c r="AR2139" s="166">
        <v>0</v>
      </c>
      <c r="AS2139" s="166">
        <v>0</v>
      </c>
      <c r="AT2139" s="166">
        <v>0</v>
      </c>
      <c r="AU2139" s="166">
        <v>0</v>
      </c>
      <c r="AV2139" s="166">
        <v>0</v>
      </c>
      <c r="AW2139" s="166">
        <v>0</v>
      </c>
      <c r="AX2139" s="166">
        <v>0</v>
      </c>
      <c r="AY2139" s="166">
        <v>0</v>
      </c>
      <c r="AZ2139" s="166">
        <v>0</v>
      </c>
      <c r="BA2139" s="166">
        <v>0</v>
      </c>
      <c r="BB2139" s="166">
        <v>0</v>
      </c>
      <c r="BC2139" s="166">
        <v>0</v>
      </c>
      <c r="BD2139" s="166">
        <v>0</v>
      </c>
      <c r="BE2139" s="166">
        <v>0</v>
      </c>
      <c r="BF2139" s="166">
        <v>0</v>
      </c>
      <c r="BG2139" s="166">
        <v>0</v>
      </c>
      <c r="BH2139" s="166">
        <v>0</v>
      </c>
      <c r="BI2139" s="166">
        <v>0</v>
      </c>
      <c r="BJ2139" s="166">
        <v>0</v>
      </c>
      <c r="BK2139" s="166">
        <v>0</v>
      </c>
      <c r="BL2139" s="166">
        <v>0</v>
      </c>
      <c r="BM2139" s="166">
        <v>0</v>
      </c>
      <c r="BN2139" s="166">
        <v>0</v>
      </c>
      <c r="BO2139" s="166">
        <v>0</v>
      </c>
      <c r="BP2139" s="166">
        <v>0</v>
      </c>
      <c r="BQ2139" s="166">
        <v>0</v>
      </c>
      <c r="BR2139" s="166">
        <v>0</v>
      </c>
      <c r="BS2139" s="166">
        <v>0</v>
      </c>
      <c r="BT2139" s="168">
        <v>0</v>
      </c>
      <c r="BU2139" s="166">
        <v>0</v>
      </c>
      <c r="BV2139" s="166">
        <v>0</v>
      </c>
      <c r="BW2139" s="166">
        <v>0</v>
      </c>
      <c r="BX2139" s="166">
        <v>0</v>
      </c>
      <c r="BY2139" s="166">
        <v>0</v>
      </c>
      <c r="BZ2139" s="166">
        <v>0</v>
      </c>
      <c r="CA2139" s="166">
        <v>0</v>
      </c>
      <c r="CB2139" s="166">
        <v>0</v>
      </c>
      <c r="CC2139" s="166">
        <v>0</v>
      </c>
      <c r="CD2139" s="166">
        <v>0</v>
      </c>
      <c r="CE2139" s="166">
        <v>0</v>
      </c>
      <c r="CF2139" s="166">
        <v>0</v>
      </c>
      <c r="CG2139" s="166">
        <v>0</v>
      </c>
      <c r="CH2139" s="166">
        <v>0</v>
      </c>
      <c r="CI2139" s="166">
        <v>0</v>
      </c>
      <c r="CJ2139" s="166">
        <v>0</v>
      </c>
      <c r="CK2139" s="166">
        <v>0</v>
      </c>
      <c r="CL2139" s="166">
        <v>0</v>
      </c>
      <c r="CM2139" s="166">
        <v>0</v>
      </c>
      <c r="CN2139" s="166">
        <v>0</v>
      </c>
      <c r="CO2139" s="166">
        <v>0</v>
      </c>
      <c r="CP2139" s="166">
        <v>0</v>
      </c>
      <c r="CQ2139" s="166">
        <v>0</v>
      </c>
      <c r="CR2139" s="166">
        <v>0</v>
      </c>
      <c r="CS2139" s="166">
        <v>0</v>
      </c>
      <c r="CT2139" s="166">
        <v>0</v>
      </c>
      <c r="CU2139" s="166">
        <v>0</v>
      </c>
      <c r="CV2139" s="166">
        <v>0</v>
      </c>
      <c r="CW2139" s="166">
        <v>0</v>
      </c>
      <c r="CX2139" s="166">
        <v>0</v>
      </c>
      <c r="CY2139" s="166">
        <v>0</v>
      </c>
      <c r="CZ2139" s="166">
        <v>0</v>
      </c>
    </row>
    <row r="2140" spans="1:104" x14ac:dyDescent="0.2">
      <c r="A2140" s="167" t="s">
        <v>546</v>
      </c>
      <c r="B2140" s="166">
        <v>0</v>
      </c>
      <c r="C2140" s="166">
        <v>0</v>
      </c>
      <c r="D2140" s="166">
        <v>0</v>
      </c>
      <c r="E2140" s="166">
        <v>0</v>
      </c>
      <c r="F2140" s="166">
        <v>0</v>
      </c>
      <c r="G2140" s="166">
        <v>0</v>
      </c>
      <c r="H2140" s="166">
        <v>0</v>
      </c>
      <c r="I2140" s="166">
        <v>0</v>
      </c>
      <c r="J2140" s="166">
        <v>0</v>
      </c>
      <c r="K2140" s="166">
        <v>0</v>
      </c>
      <c r="L2140" s="166">
        <v>0</v>
      </c>
      <c r="M2140" s="166">
        <v>0</v>
      </c>
      <c r="N2140" s="166">
        <v>0</v>
      </c>
      <c r="O2140" s="166">
        <v>0</v>
      </c>
      <c r="P2140" s="166">
        <v>0</v>
      </c>
      <c r="Q2140" s="166">
        <v>0</v>
      </c>
      <c r="R2140" s="166">
        <v>0</v>
      </c>
      <c r="S2140" s="166">
        <v>0</v>
      </c>
      <c r="T2140" s="166">
        <v>0</v>
      </c>
      <c r="U2140" s="166">
        <v>0</v>
      </c>
      <c r="V2140" s="166">
        <v>0</v>
      </c>
      <c r="W2140" s="166">
        <v>0</v>
      </c>
      <c r="X2140" s="166">
        <v>0</v>
      </c>
      <c r="Y2140" s="166">
        <v>0</v>
      </c>
      <c r="Z2140" s="166">
        <v>0</v>
      </c>
      <c r="AA2140" s="166">
        <v>0</v>
      </c>
      <c r="AB2140" s="166">
        <v>0</v>
      </c>
      <c r="AC2140" s="166">
        <v>0</v>
      </c>
      <c r="AD2140" s="166">
        <v>0</v>
      </c>
      <c r="AE2140" s="166">
        <v>0</v>
      </c>
      <c r="AF2140" s="166">
        <v>0</v>
      </c>
      <c r="AG2140" s="166">
        <v>0</v>
      </c>
      <c r="AH2140" s="166">
        <v>0</v>
      </c>
      <c r="AI2140" s="166">
        <v>0</v>
      </c>
      <c r="AJ2140" s="166">
        <v>0</v>
      </c>
      <c r="AK2140" s="166">
        <v>0</v>
      </c>
      <c r="AL2140" s="166">
        <v>0</v>
      </c>
      <c r="AM2140" s="166">
        <v>0</v>
      </c>
      <c r="AN2140" s="166">
        <v>0</v>
      </c>
      <c r="AO2140" s="166">
        <v>0</v>
      </c>
      <c r="AP2140" s="166">
        <v>0</v>
      </c>
      <c r="AQ2140" s="166">
        <v>0</v>
      </c>
      <c r="AR2140" s="166">
        <v>0</v>
      </c>
      <c r="AS2140" s="166">
        <v>0</v>
      </c>
      <c r="AT2140" s="166">
        <v>0</v>
      </c>
      <c r="AU2140" s="166">
        <v>0</v>
      </c>
      <c r="AV2140" s="166">
        <v>0</v>
      </c>
      <c r="AW2140" s="166">
        <v>0</v>
      </c>
      <c r="AX2140" s="166">
        <v>0</v>
      </c>
      <c r="AY2140" s="166">
        <v>0</v>
      </c>
      <c r="AZ2140" s="166">
        <v>0</v>
      </c>
      <c r="BA2140" s="166">
        <v>0</v>
      </c>
      <c r="BB2140" s="166">
        <v>0</v>
      </c>
      <c r="BC2140" s="166">
        <v>0</v>
      </c>
      <c r="BD2140" s="166">
        <v>0</v>
      </c>
      <c r="BE2140" s="166">
        <v>0</v>
      </c>
      <c r="BF2140" s="166">
        <v>0</v>
      </c>
      <c r="BG2140" s="166">
        <v>0</v>
      </c>
      <c r="BH2140" s="166">
        <v>0</v>
      </c>
      <c r="BI2140" s="166">
        <v>0</v>
      </c>
      <c r="BJ2140" s="166">
        <v>0</v>
      </c>
      <c r="BK2140" s="166">
        <v>0</v>
      </c>
      <c r="BL2140" s="166">
        <v>0</v>
      </c>
      <c r="BM2140" s="166">
        <v>0</v>
      </c>
      <c r="BN2140" s="166">
        <v>0</v>
      </c>
      <c r="BO2140" s="166">
        <v>0</v>
      </c>
      <c r="BP2140" s="166">
        <v>0</v>
      </c>
      <c r="BQ2140" s="166">
        <v>0</v>
      </c>
      <c r="BR2140" s="166">
        <v>0</v>
      </c>
      <c r="BS2140" s="166">
        <v>0</v>
      </c>
      <c r="BT2140" s="168">
        <v>0</v>
      </c>
      <c r="BU2140" s="166">
        <v>0</v>
      </c>
      <c r="BV2140" s="166">
        <v>0</v>
      </c>
      <c r="BW2140" s="166">
        <v>0</v>
      </c>
      <c r="BX2140" s="166">
        <v>0</v>
      </c>
      <c r="BY2140" s="166">
        <v>0</v>
      </c>
      <c r="BZ2140" s="166">
        <v>0</v>
      </c>
      <c r="CA2140" s="166">
        <v>0</v>
      </c>
      <c r="CB2140" s="166">
        <v>0</v>
      </c>
      <c r="CC2140" s="166">
        <v>0</v>
      </c>
      <c r="CD2140" s="166">
        <v>0</v>
      </c>
      <c r="CE2140" s="166">
        <v>0</v>
      </c>
      <c r="CF2140" s="166">
        <v>0</v>
      </c>
      <c r="CG2140" s="166">
        <v>0</v>
      </c>
      <c r="CH2140" s="166">
        <v>0</v>
      </c>
      <c r="CI2140" s="166">
        <v>0</v>
      </c>
      <c r="CJ2140" s="166">
        <v>0</v>
      </c>
      <c r="CK2140" s="166">
        <v>0</v>
      </c>
      <c r="CL2140" s="166">
        <v>0</v>
      </c>
      <c r="CM2140" s="166">
        <v>0</v>
      </c>
      <c r="CN2140" s="166">
        <v>0</v>
      </c>
      <c r="CO2140" s="166">
        <v>0</v>
      </c>
      <c r="CP2140" s="166">
        <v>0</v>
      </c>
      <c r="CQ2140" s="166">
        <v>0</v>
      </c>
      <c r="CR2140" s="166">
        <v>0</v>
      </c>
      <c r="CS2140" s="166">
        <v>0</v>
      </c>
      <c r="CT2140" s="166">
        <v>0</v>
      </c>
      <c r="CU2140" s="166">
        <v>0</v>
      </c>
      <c r="CV2140" s="166">
        <v>0</v>
      </c>
      <c r="CW2140" s="166">
        <v>0</v>
      </c>
      <c r="CX2140" s="166">
        <v>0</v>
      </c>
      <c r="CY2140" s="166">
        <v>0</v>
      </c>
      <c r="CZ2140" s="166">
        <v>0</v>
      </c>
    </row>
    <row r="2141" spans="1:104" x14ac:dyDescent="0.2">
      <c r="A2141" s="167" t="s">
        <v>547</v>
      </c>
      <c r="B2141" s="166">
        <v>0</v>
      </c>
      <c r="C2141" s="166">
        <v>0</v>
      </c>
      <c r="D2141" s="166">
        <v>0</v>
      </c>
      <c r="E2141" s="166">
        <v>0</v>
      </c>
      <c r="F2141" s="166">
        <v>0</v>
      </c>
      <c r="G2141" s="166">
        <v>0</v>
      </c>
      <c r="H2141" s="166">
        <v>0</v>
      </c>
      <c r="I2141" s="166">
        <v>0</v>
      </c>
      <c r="J2141" s="166">
        <v>0</v>
      </c>
      <c r="K2141" s="166">
        <v>0</v>
      </c>
      <c r="L2141" s="166">
        <v>0</v>
      </c>
      <c r="M2141" s="166">
        <v>0</v>
      </c>
      <c r="N2141" s="166">
        <v>0</v>
      </c>
      <c r="O2141" s="166">
        <v>0</v>
      </c>
      <c r="P2141" s="166">
        <v>0</v>
      </c>
      <c r="Q2141" s="166">
        <v>0</v>
      </c>
      <c r="R2141" s="166">
        <v>0</v>
      </c>
      <c r="S2141" s="166">
        <v>0</v>
      </c>
      <c r="T2141" s="166">
        <v>0</v>
      </c>
      <c r="U2141" s="166">
        <v>0</v>
      </c>
      <c r="V2141" s="166">
        <v>0</v>
      </c>
      <c r="W2141" s="166">
        <v>0</v>
      </c>
      <c r="X2141" s="166">
        <v>0</v>
      </c>
      <c r="Y2141" s="166">
        <v>0</v>
      </c>
      <c r="Z2141" s="166">
        <v>0</v>
      </c>
      <c r="AA2141" s="166">
        <v>0</v>
      </c>
      <c r="AB2141" s="166">
        <v>0</v>
      </c>
      <c r="AC2141" s="166">
        <v>0</v>
      </c>
      <c r="AD2141" s="166">
        <v>0</v>
      </c>
      <c r="AE2141" s="166">
        <v>0</v>
      </c>
      <c r="AF2141" s="166">
        <v>0</v>
      </c>
      <c r="AG2141" s="166">
        <v>0</v>
      </c>
      <c r="AH2141" s="166">
        <v>0</v>
      </c>
      <c r="AI2141" s="166">
        <v>0</v>
      </c>
      <c r="AJ2141" s="166">
        <v>0</v>
      </c>
      <c r="AK2141" s="166">
        <v>0</v>
      </c>
      <c r="AL2141" s="166">
        <v>0</v>
      </c>
      <c r="AM2141" s="166">
        <v>0</v>
      </c>
      <c r="AN2141" s="166">
        <v>0</v>
      </c>
      <c r="AO2141" s="166">
        <v>0</v>
      </c>
      <c r="AP2141" s="166">
        <v>0</v>
      </c>
      <c r="AQ2141" s="166">
        <v>0</v>
      </c>
      <c r="AR2141" s="166">
        <v>0</v>
      </c>
      <c r="AS2141" s="166">
        <v>0</v>
      </c>
      <c r="AT2141" s="166">
        <v>0</v>
      </c>
      <c r="AU2141" s="166">
        <v>0</v>
      </c>
      <c r="AV2141" s="166">
        <v>0</v>
      </c>
      <c r="AW2141" s="166">
        <v>0</v>
      </c>
      <c r="AX2141" s="166">
        <v>0</v>
      </c>
      <c r="AY2141" s="166">
        <v>0</v>
      </c>
      <c r="AZ2141" s="166">
        <v>0</v>
      </c>
      <c r="BA2141" s="166">
        <v>0</v>
      </c>
      <c r="BB2141" s="166">
        <v>0</v>
      </c>
      <c r="BC2141" s="166">
        <v>0</v>
      </c>
      <c r="BD2141" s="166">
        <v>0</v>
      </c>
      <c r="BE2141" s="166">
        <v>0</v>
      </c>
      <c r="BF2141" s="166">
        <v>0</v>
      </c>
      <c r="BG2141" s="166">
        <v>0</v>
      </c>
      <c r="BH2141" s="166">
        <v>0</v>
      </c>
      <c r="BI2141" s="166">
        <v>0</v>
      </c>
      <c r="BJ2141" s="166">
        <v>0</v>
      </c>
      <c r="BK2141" s="166">
        <v>0</v>
      </c>
      <c r="BL2141" s="166">
        <v>0</v>
      </c>
      <c r="BM2141" s="166">
        <v>0</v>
      </c>
      <c r="BN2141" s="166">
        <v>0</v>
      </c>
      <c r="BO2141" s="166">
        <v>0</v>
      </c>
      <c r="BP2141" s="166">
        <v>0</v>
      </c>
      <c r="BQ2141" s="166">
        <v>0</v>
      </c>
      <c r="BR2141" s="166">
        <v>0</v>
      </c>
      <c r="BS2141" s="166">
        <v>0</v>
      </c>
      <c r="BT2141" s="168">
        <v>0</v>
      </c>
      <c r="BU2141" s="166">
        <v>0</v>
      </c>
      <c r="BV2141" s="166">
        <v>0</v>
      </c>
      <c r="BW2141" s="166">
        <v>0</v>
      </c>
      <c r="BX2141" s="166">
        <v>0</v>
      </c>
      <c r="BY2141" s="166">
        <v>0</v>
      </c>
      <c r="BZ2141" s="166">
        <v>0</v>
      </c>
      <c r="CA2141" s="166">
        <v>0</v>
      </c>
      <c r="CB2141" s="166">
        <v>0</v>
      </c>
      <c r="CC2141" s="166">
        <v>0</v>
      </c>
      <c r="CD2141" s="166">
        <v>0</v>
      </c>
      <c r="CE2141" s="166">
        <v>0</v>
      </c>
      <c r="CF2141" s="166">
        <v>0</v>
      </c>
      <c r="CG2141" s="166">
        <v>0</v>
      </c>
      <c r="CH2141" s="166">
        <v>0</v>
      </c>
      <c r="CI2141" s="166">
        <v>0</v>
      </c>
      <c r="CJ2141" s="166">
        <v>0</v>
      </c>
      <c r="CK2141" s="166">
        <v>0</v>
      </c>
      <c r="CL2141" s="166">
        <v>0</v>
      </c>
      <c r="CM2141" s="166">
        <v>0</v>
      </c>
      <c r="CN2141" s="166">
        <v>0</v>
      </c>
      <c r="CO2141" s="166">
        <v>0</v>
      </c>
      <c r="CP2141" s="166">
        <v>0</v>
      </c>
      <c r="CQ2141" s="166">
        <v>0</v>
      </c>
      <c r="CR2141" s="166">
        <v>0</v>
      </c>
      <c r="CS2141" s="166">
        <v>0</v>
      </c>
      <c r="CT2141" s="166">
        <v>0</v>
      </c>
      <c r="CU2141" s="166">
        <v>0</v>
      </c>
      <c r="CV2141" s="166">
        <v>0</v>
      </c>
      <c r="CW2141" s="166">
        <v>0</v>
      </c>
      <c r="CX2141" s="166">
        <v>0</v>
      </c>
      <c r="CY2141" s="166">
        <v>0</v>
      </c>
      <c r="CZ2141" s="166">
        <v>0</v>
      </c>
    </row>
    <row r="2142" spans="1:104" x14ac:dyDescent="0.2">
      <c r="A2142" s="167" t="s">
        <v>548</v>
      </c>
      <c r="B2142" s="166">
        <v>0</v>
      </c>
      <c r="C2142" s="166">
        <v>0</v>
      </c>
      <c r="D2142" s="166">
        <v>0</v>
      </c>
      <c r="E2142" s="166">
        <v>0</v>
      </c>
      <c r="F2142" s="166">
        <v>0</v>
      </c>
      <c r="G2142" s="166">
        <v>0</v>
      </c>
      <c r="H2142" s="166">
        <v>0</v>
      </c>
      <c r="I2142" s="166">
        <v>0</v>
      </c>
      <c r="J2142" s="166">
        <v>0</v>
      </c>
      <c r="K2142" s="166">
        <v>0</v>
      </c>
      <c r="L2142" s="166">
        <v>0</v>
      </c>
      <c r="M2142" s="166">
        <v>0</v>
      </c>
      <c r="N2142" s="166">
        <v>0</v>
      </c>
      <c r="O2142" s="166">
        <v>0</v>
      </c>
      <c r="P2142" s="166">
        <v>0</v>
      </c>
      <c r="Q2142" s="166">
        <v>0</v>
      </c>
      <c r="R2142" s="166">
        <v>0</v>
      </c>
      <c r="S2142" s="166">
        <v>0</v>
      </c>
      <c r="T2142" s="166">
        <v>0</v>
      </c>
      <c r="U2142" s="166">
        <v>0</v>
      </c>
      <c r="V2142" s="166">
        <v>0</v>
      </c>
      <c r="W2142" s="166">
        <v>0</v>
      </c>
      <c r="X2142" s="166">
        <v>0</v>
      </c>
      <c r="Y2142" s="166">
        <v>0</v>
      </c>
      <c r="Z2142" s="166">
        <v>0</v>
      </c>
      <c r="AA2142" s="166">
        <v>0</v>
      </c>
      <c r="AB2142" s="166">
        <v>0</v>
      </c>
      <c r="AC2142" s="166">
        <v>0</v>
      </c>
      <c r="AD2142" s="166">
        <v>0</v>
      </c>
      <c r="AE2142" s="166">
        <v>0</v>
      </c>
      <c r="AF2142" s="166">
        <v>0</v>
      </c>
      <c r="AG2142" s="166">
        <v>0</v>
      </c>
      <c r="AH2142" s="166">
        <v>0</v>
      </c>
      <c r="AI2142" s="166">
        <v>0</v>
      </c>
      <c r="AJ2142" s="166">
        <v>0</v>
      </c>
      <c r="AK2142" s="166">
        <v>0</v>
      </c>
      <c r="AL2142" s="166">
        <v>0</v>
      </c>
      <c r="AM2142" s="166">
        <v>0</v>
      </c>
      <c r="AN2142" s="166">
        <v>0</v>
      </c>
      <c r="AO2142" s="166">
        <v>0</v>
      </c>
      <c r="AP2142" s="166">
        <v>0</v>
      </c>
      <c r="AQ2142" s="166">
        <v>0</v>
      </c>
      <c r="AR2142" s="166">
        <v>0</v>
      </c>
      <c r="AS2142" s="166">
        <v>0</v>
      </c>
      <c r="AT2142" s="166">
        <v>0</v>
      </c>
      <c r="AU2142" s="166">
        <v>0</v>
      </c>
      <c r="AV2142" s="166">
        <v>0</v>
      </c>
      <c r="AW2142" s="166">
        <v>0</v>
      </c>
      <c r="AX2142" s="166">
        <v>0</v>
      </c>
      <c r="AY2142" s="166">
        <v>0</v>
      </c>
      <c r="AZ2142" s="166">
        <v>0</v>
      </c>
      <c r="BA2142" s="166">
        <v>0</v>
      </c>
      <c r="BB2142" s="166">
        <v>0</v>
      </c>
      <c r="BC2142" s="166">
        <v>0</v>
      </c>
      <c r="BD2142" s="166">
        <v>0</v>
      </c>
      <c r="BE2142" s="166">
        <v>0</v>
      </c>
      <c r="BF2142" s="166">
        <v>0</v>
      </c>
      <c r="BG2142" s="166">
        <v>0</v>
      </c>
      <c r="BH2142" s="166">
        <v>0</v>
      </c>
      <c r="BI2142" s="166">
        <v>0</v>
      </c>
      <c r="BJ2142" s="166">
        <v>0</v>
      </c>
      <c r="BK2142" s="166">
        <v>0</v>
      </c>
      <c r="BL2142" s="166">
        <v>0</v>
      </c>
      <c r="BM2142" s="166">
        <v>0</v>
      </c>
      <c r="BN2142" s="166">
        <v>0</v>
      </c>
      <c r="BO2142" s="166">
        <v>0</v>
      </c>
      <c r="BP2142" s="166">
        <v>0</v>
      </c>
      <c r="BQ2142" s="166">
        <v>0</v>
      </c>
      <c r="BR2142" s="166">
        <v>0</v>
      </c>
      <c r="BS2142" s="166">
        <v>0</v>
      </c>
      <c r="BT2142" s="168">
        <v>0</v>
      </c>
      <c r="BU2142" s="166">
        <v>0</v>
      </c>
      <c r="BV2142" s="166">
        <v>0</v>
      </c>
      <c r="BW2142" s="166">
        <v>0</v>
      </c>
      <c r="BX2142" s="166">
        <v>0</v>
      </c>
      <c r="BY2142" s="166">
        <v>0</v>
      </c>
      <c r="BZ2142" s="166">
        <v>0</v>
      </c>
      <c r="CA2142" s="166">
        <v>0</v>
      </c>
      <c r="CB2142" s="166">
        <v>0</v>
      </c>
      <c r="CC2142" s="166">
        <v>0</v>
      </c>
      <c r="CD2142" s="166">
        <v>0</v>
      </c>
      <c r="CE2142" s="166">
        <v>0</v>
      </c>
      <c r="CF2142" s="166">
        <v>0</v>
      </c>
      <c r="CG2142" s="166">
        <v>0</v>
      </c>
      <c r="CH2142" s="166">
        <v>0</v>
      </c>
      <c r="CI2142" s="166">
        <v>0</v>
      </c>
      <c r="CJ2142" s="166">
        <v>0</v>
      </c>
      <c r="CK2142" s="166">
        <v>0</v>
      </c>
      <c r="CL2142" s="166">
        <v>0</v>
      </c>
      <c r="CM2142" s="166">
        <v>0</v>
      </c>
      <c r="CN2142" s="166">
        <v>0</v>
      </c>
      <c r="CO2142" s="166">
        <v>0</v>
      </c>
      <c r="CP2142" s="166">
        <v>0</v>
      </c>
      <c r="CQ2142" s="166">
        <v>0</v>
      </c>
      <c r="CR2142" s="166">
        <v>0</v>
      </c>
      <c r="CS2142" s="166">
        <v>0</v>
      </c>
      <c r="CT2142" s="166">
        <v>0</v>
      </c>
      <c r="CU2142" s="166">
        <v>0</v>
      </c>
      <c r="CV2142" s="166">
        <v>0</v>
      </c>
      <c r="CW2142" s="166">
        <v>0</v>
      </c>
      <c r="CX2142" s="166">
        <v>0</v>
      </c>
      <c r="CY2142" s="166">
        <v>0</v>
      </c>
      <c r="CZ2142" s="166">
        <v>0</v>
      </c>
    </row>
    <row r="2143" spans="1:104" x14ac:dyDescent="0.2">
      <c r="A2143" s="167" t="s">
        <v>549</v>
      </c>
      <c r="B2143" s="166">
        <v>0</v>
      </c>
      <c r="C2143" s="166">
        <v>0</v>
      </c>
      <c r="D2143" s="166">
        <v>0</v>
      </c>
      <c r="E2143" s="166">
        <v>0</v>
      </c>
      <c r="F2143" s="166">
        <v>0</v>
      </c>
      <c r="G2143" s="166">
        <v>0</v>
      </c>
      <c r="H2143" s="166">
        <v>0</v>
      </c>
      <c r="I2143" s="166">
        <v>0</v>
      </c>
      <c r="J2143" s="166">
        <v>0</v>
      </c>
      <c r="K2143" s="166">
        <v>0</v>
      </c>
      <c r="L2143" s="166">
        <v>0</v>
      </c>
      <c r="M2143" s="166">
        <v>0</v>
      </c>
      <c r="N2143" s="166">
        <v>0</v>
      </c>
      <c r="O2143" s="166">
        <v>0</v>
      </c>
      <c r="P2143" s="166">
        <v>0</v>
      </c>
      <c r="Q2143" s="166">
        <v>0</v>
      </c>
      <c r="R2143" s="166">
        <v>0</v>
      </c>
      <c r="S2143" s="166">
        <v>0</v>
      </c>
      <c r="T2143" s="166">
        <v>0</v>
      </c>
      <c r="U2143" s="166">
        <v>0</v>
      </c>
      <c r="V2143" s="166">
        <v>0</v>
      </c>
      <c r="W2143" s="166">
        <v>0</v>
      </c>
      <c r="X2143" s="166">
        <v>0</v>
      </c>
      <c r="Y2143" s="166">
        <v>0</v>
      </c>
      <c r="Z2143" s="166">
        <v>0</v>
      </c>
      <c r="AA2143" s="166">
        <v>0</v>
      </c>
      <c r="AB2143" s="166">
        <v>0</v>
      </c>
      <c r="AC2143" s="166">
        <v>0</v>
      </c>
      <c r="AD2143" s="166">
        <v>0</v>
      </c>
      <c r="AE2143" s="166">
        <v>0</v>
      </c>
      <c r="AF2143" s="166">
        <v>0</v>
      </c>
      <c r="AG2143" s="166">
        <v>0</v>
      </c>
      <c r="AH2143" s="166">
        <v>0</v>
      </c>
      <c r="AI2143" s="166">
        <v>0</v>
      </c>
      <c r="AJ2143" s="166">
        <v>0</v>
      </c>
      <c r="AK2143" s="166">
        <v>0</v>
      </c>
      <c r="AL2143" s="166">
        <v>0</v>
      </c>
      <c r="AM2143" s="166">
        <v>0</v>
      </c>
      <c r="AN2143" s="166">
        <v>0</v>
      </c>
      <c r="AO2143" s="166">
        <v>0</v>
      </c>
      <c r="AP2143" s="166">
        <v>0</v>
      </c>
      <c r="AQ2143" s="166">
        <v>0</v>
      </c>
      <c r="AR2143" s="166">
        <v>0</v>
      </c>
      <c r="AS2143" s="166">
        <v>0</v>
      </c>
      <c r="AT2143" s="166">
        <v>0</v>
      </c>
      <c r="AU2143" s="166">
        <v>0</v>
      </c>
      <c r="AV2143" s="166">
        <v>0</v>
      </c>
      <c r="AW2143" s="166">
        <v>0</v>
      </c>
      <c r="AX2143" s="166">
        <v>0</v>
      </c>
      <c r="AY2143" s="166">
        <v>0</v>
      </c>
      <c r="AZ2143" s="166">
        <v>0</v>
      </c>
      <c r="BA2143" s="166">
        <v>0</v>
      </c>
      <c r="BB2143" s="166">
        <v>0</v>
      </c>
      <c r="BC2143" s="166">
        <v>0</v>
      </c>
      <c r="BD2143" s="166">
        <v>0</v>
      </c>
      <c r="BE2143" s="166">
        <v>0</v>
      </c>
      <c r="BF2143" s="166">
        <v>0</v>
      </c>
      <c r="BG2143" s="166">
        <v>0</v>
      </c>
      <c r="BH2143" s="166">
        <v>0</v>
      </c>
      <c r="BI2143" s="166">
        <v>0</v>
      </c>
      <c r="BJ2143" s="166">
        <v>0</v>
      </c>
      <c r="BK2143" s="166">
        <v>0</v>
      </c>
      <c r="BL2143" s="166">
        <v>0</v>
      </c>
      <c r="BM2143" s="166">
        <v>0</v>
      </c>
      <c r="BN2143" s="166">
        <v>0</v>
      </c>
      <c r="BO2143" s="166">
        <v>0</v>
      </c>
      <c r="BP2143" s="166">
        <v>0</v>
      </c>
      <c r="BQ2143" s="166">
        <v>0</v>
      </c>
      <c r="BR2143" s="166">
        <v>0</v>
      </c>
      <c r="BS2143" s="166">
        <v>0</v>
      </c>
      <c r="BT2143" s="168">
        <v>0</v>
      </c>
      <c r="BU2143" s="166">
        <v>0</v>
      </c>
      <c r="BV2143" s="166">
        <v>0</v>
      </c>
      <c r="BW2143" s="166">
        <v>0</v>
      </c>
      <c r="BX2143" s="166">
        <v>0</v>
      </c>
      <c r="BY2143" s="166">
        <v>0</v>
      </c>
      <c r="BZ2143" s="166">
        <v>0</v>
      </c>
      <c r="CA2143" s="166">
        <v>0</v>
      </c>
      <c r="CB2143" s="166">
        <v>0</v>
      </c>
      <c r="CC2143" s="166">
        <v>0</v>
      </c>
      <c r="CD2143" s="166">
        <v>0</v>
      </c>
      <c r="CE2143" s="166">
        <v>0</v>
      </c>
      <c r="CF2143" s="166">
        <v>0</v>
      </c>
      <c r="CG2143" s="166">
        <v>0</v>
      </c>
      <c r="CH2143" s="166">
        <v>0</v>
      </c>
      <c r="CI2143" s="166">
        <v>0</v>
      </c>
      <c r="CJ2143" s="166">
        <v>0</v>
      </c>
      <c r="CK2143" s="166">
        <v>0</v>
      </c>
      <c r="CL2143" s="166">
        <v>0</v>
      </c>
      <c r="CM2143" s="166">
        <v>0</v>
      </c>
      <c r="CN2143" s="166">
        <v>0</v>
      </c>
      <c r="CO2143" s="166">
        <v>0</v>
      </c>
      <c r="CP2143" s="166">
        <v>0</v>
      </c>
      <c r="CQ2143" s="166">
        <v>0</v>
      </c>
      <c r="CR2143" s="166">
        <v>0</v>
      </c>
      <c r="CS2143" s="166">
        <v>0</v>
      </c>
      <c r="CT2143" s="166">
        <v>0</v>
      </c>
      <c r="CU2143" s="166">
        <v>0</v>
      </c>
      <c r="CV2143" s="166">
        <v>0</v>
      </c>
      <c r="CW2143" s="166">
        <v>0</v>
      </c>
      <c r="CX2143" s="166">
        <v>0</v>
      </c>
      <c r="CY2143" s="166">
        <v>0</v>
      </c>
      <c r="CZ2143" s="166">
        <v>0</v>
      </c>
    </row>
    <row r="2144" spans="1:104" x14ac:dyDescent="0.2">
      <c r="A2144" s="167" t="s">
        <v>550</v>
      </c>
      <c r="B2144" s="166">
        <v>0</v>
      </c>
      <c r="C2144" s="166">
        <v>0</v>
      </c>
      <c r="D2144" s="166">
        <v>0</v>
      </c>
      <c r="E2144" s="166">
        <v>0</v>
      </c>
      <c r="F2144" s="166">
        <v>0</v>
      </c>
      <c r="G2144" s="166">
        <v>0</v>
      </c>
      <c r="H2144" s="166">
        <v>0</v>
      </c>
      <c r="I2144" s="166">
        <v>0</v>
      </c>
      <c r="J2144" s="166">
        <v>0</v>
      </c>
      <c r="K2144" s="166">
        <v>0</v>
      </c>
      <c r="L2144" s="166">
        <v>0</v>
      </c>
      <c r="M2144" s="166">
        <v>0</v>
      </c>
      <c r="N2144" s="166">
        <v>0</v>
      </c>
      <c r="O2144" s="166">
        <v>0</v>
      </c>
      <c r="P2144" s="166">
        <v>0</v>
      </c>
      <c r="Q2144" s="166">
        <v>0</v>
      </c>
      <c r="R2144" s="166">
        <v>0</v>
      </c>
      <c r="S2144" s="166">
        <v>0</v>
      </c>
      <c r="T2144" s="166">
        <v>0</v>
      </c>
      <c r="U2144" s="166">
        <v>0</v>
      </c>
      <c r="V2144" s="166">
        <v>0</v>
      </c>
      <c r="W2144" s="166">
        <v>0</v>
      </c>
      <c r="X2144" s="166">
        <v>0</v>
      </c>
      <c r="Y2144" s="166">
        <v>0</v>
      </c>
      <c r="Z2144" s="166">
        <v>0</v>
      </c>
      <c r="AA2144" s="166">
        <v>0</v>
      </c>
      <c r="AB2144" s="166">
        <v>0</v>
      </c>
      <c r="AC2144" s="166">
        <v>0</v>
      </c>
      <c r="AD2144" s="166">
        <v>0</v>
      </c>
      <c r="AE2144" s="166">
        <v>0</v>
      </c>
      <c r="AF2144" s="166">
        <v>0</v>
      </c>
      <c r="AG2144" s="166">
        <v>0</v>
      </c>
      <c r="AH2144" s="166">
        <v>0</v>
      </c>
      <c r="AI2144" s="166">
        <v>0</v>
      </c>
      <c r="AJ2144" s="166">
        <v>0</v>
      </c>
      <c r="AK2144" s="166">
        <v>0</v>
      </c>
      <c r="AL2144" s="166">
        <v>0</v>
      </c>
      <c r="AM2144" s="166">
        <v>0</v>
      </c>
      <c r="AN2144" s="166">
        <v>0</v>
      </c>
      <c r="AO2144" s="166">
        <v>0</v>
      </c>
      <c r="AP2144" s="166">
        <v>0</v>
      </c>
      <c r="AQ2144" s="166">
        <v>0</v>
      </c>
      <c r="AR2144" s="166">
        <v>0</v>
      </c>
      <c r="AS2144" s="166">
        <v>0</v>
      </c>
      <c r="AT2144" s="166">
        <v>0</v>
      </c>
      <c r="AU2144" s="166">
        <v>0</v>
      </c>
      <c r="AV2144" s="166">
        <v>0</v>
      </c>
      <c r="AW2144" s="166">
        <v>0</v>
      </c>
      <c r="AX2144" s="166">
        <v>0</v>
      </c>
      <c r="AY2144" s="166">
        <v>0</v>
      </c>
      <c r="AZ2144" s="166">
        <v>0</v>
      </c>
      <c r="BA2144" s="166">
        <v>0</v>
      </c>
      <c r="BB2144" s="166">
        <v>0</v>
      </c>
      <c r="BC2144" s="166">
        <v>0</v>
      </c>
      <c r="BD2144" s="166">
        <v>0</v>
      </c>
      <c r="BE2144" s="166">
        <v>0</v>
      </c>
      <c r="BF2144" s="166">
        <v>0</v>
      </c>
      <c r="BG2144" s="166">
        <v>0</v>
      </c>
      <c r="BH2144" s="166">
        <v>0</v>
      </c>
      <c r="BI2144" s="166">
        <v>0</v>
      </c>
      <c r="BJ2144" s="166">
        <v>0</v>
      </c>
      <c r="BK2144" s="166">
        <v>0</v>
      </c>
      <c r="BL2144" s="166">
        <v>0</v>
      </c>
      <c r="BM2144" s="166">
        <v>0</v>
      </c>
      <c r="BN2144" s="166">
        <v>0</v>
      </c>
      <c r="BO2144" s="166">
        <v>0</v>
      </c>
      <c r="BP2144" s="166">
        <v>0</v>
      </c>
      <c r="BQ2144" s="166">
        <v>0</v>
      </c>
      <c r="BR2144" s="166">
        <v>0</v>
      </c>
      <c r="BS2144" s="166">
        <v>0</v>
      </c>
      <c r="BT2144" s="168">
        <v>0</v>
      </c>
      <c r="BU2144" s="166">
        <v>0</v>
      </c>
      <c r="BV2144" s="166">
        <v>0</v>
      </c>
      <c r="BW2144" s="166">
        <v>0</v>
      </c>
      <c r="BX2144" s="166">
        <v>0</v>
      </c>
      <c r="BY2144" s="166">
        <v>0</v>
      </c>
      <c r="BZ2144" s="166">
        <v>0</v>
      </c>
      <c r="CA2144" s="166">
        <v>0</v>
      </c>
      <c r="CB2144" s="166">
        <v>0</v>
      </c>
      <c r="CC2144" s="166">
        <v>0</v>
      </c>
      <c r="CD2144" s="166">
        <v>0</v>
      </c>
      <c r="CE2144" s="166">
        <v>0</v>
      </c>
      <c r="CF2144" s="166">
        <v>0</v>
      </c>
      <c r="CG2144" s="166">
        <v>0</v>
      </c>
      <c r="CH2144" s="166">
        <v>0</v>
      </c>
      <c r="CI2144" s="166">
        <v>0</v>
      </c>
      <c r="CJ2144" s="166">
        <v>0</v>
      </c>
      <c r="CK2144" s="166">
        <v>0</v>
      </c>
      <c r="CL2144" s="166">
        <v>0</v>
      </c>
      <c r="CM2144" s="166">
        <v>0</v>
      </c>
      <c r="CN2144" s="166">
        <v>0</v>
      </c>
      <c r="CO2144" s="166">
        <v>0</v>
      </c>
      <c r="CP2144" s="166">
        <v>0</v>
      </c>
      <c r="CQ2144" s="166">
        <v>0</v>
      </c>
      <c r="CR2144" s="166">
        <v>0</v>
      </c>
      <c r="CS2144" s="166">
        <v>0</v>
      </c>
      <c r="CT2144" s="166">
        <v>0</v>
      </c>
      <c r="CU2144" s="166">
        <v>0</v>
      </c>
      <c r="CV2144" s="166">
        <v>0</v>
      </c>
      <c r="CW2144" s="166">
        <v>0</v>
      </c>
      <c r="CX2144" s="166">
        <v>0</v>
      </c>
      <c r="CY2144" s="166">
        <v>0</v>
      </c>
      <c r="CZ2144" s="166">
        <v>0</v>
      </c>
    </row>
    <row r="2145" spans="1:104" x14ac:dyDescent="0.2">
      <c r="A2145" s="177" t="s">
        <v>551</v>
      </c>
      <c r="B2145" s="166">
        <v>0</v>
      </c>
      <c r="C2145" s="166">
        <v>0</v>
      </c>
      <c r="D2145" s="166">
        <v>0</v>
      </c>
      <c r="E2145" s="166">
        <v>0</v>
      </c>
      <c r="F2145" s="166">
        <v>0</v>
      </c>
      <c r="G2145" s="166">
        <v>0</v>
      </c>
      <c r="H2145" s="166">
        <v>0</v>
      </c>
      <c r="I2145" s="166">
        <v>0</v>
      </c>
      <c r="J2145" s="166">
        <v>0</v>
      </c>
      <c r="K2145" s="166">
        <v>0</v>
      </c>
      <c r="L2145" s="166">
        <v>0</v>
      </c>
      <c r="M2145" s="166">
        <v>0</v>
      </c>
      <c r="N2145" s="166">
        <v>0</v>
      </c>
      <c r="O2145" s="166">
        <v>0</v>
      </c>
      <c r="P2145" s="166">
        <v>0</v>
      </c>
      <c r="Q2145" s="166">
        <v>0</v>
      </c>
      <c r="R2145" s="166">
        <v>0</v>
      </c>
      <c r="S2145" s="166">
        <v>0</v>
      </c>
      <c r="T2145" s="166">
        <v>0</v>
      </c>
      <c r="U2145" s="166">
        <v>0</v>
      </c>
      <c r="V2145" s="166">
        <v>0</v>
      </c>
      <c r="W2145" s="166">
        <v>0</v>
      </c>
      <c r="X2145" s="166">
        <v>0</v>
      </c>
      <c r="Y2145" s="166">
        <v>0</v>
      </c>
      <c r="Z2145" s="166">
        <v>0</v>
      </c>
      <c r="AA2145" s="166">
        <v>0</v>
      </c>
      <c r="AB2145" s="166">
        <v>0</v>
      </c>
      <c r="AC2145" s="166">
        <v>0</v>
      </c>
      <c r="AD2145" s="166">
        <v>0</v>
      </c>
      <c r="AE2145" s="166">
        <v>0</v>
      </c>
      <c r="AF2145" s="166">
        <v>0</v>
      </c>
      <c r="AG2145" s="166">
        <v>0</v>
      </c>
      <c r="AH2145" s="166">
        <v>0</v>
      </c>
      <c r="AI2145" s="166">
        <v>0</v>
      </c>
      <c r="AJ2145" s="166">
        <v>0</v>
      </c>
      <c r="AK2145" s="166">
        <v>0</v>
      </c>
      <c r="AL2145" s="166">
        <v>0</v>
      </c>
      <c r="AM2145" s="166">
        <v>0</v>
      </c>
      <c r="AN2145" s="166">
        <v>0</v>
      </c>
      <c r="AO2145" s="166">
        <v>0</v>
      </c>
      <c r="AP2145" s="166">
        <v>0</v>
      </c>
      <c r="AQ2145" s="166">
        <v>0</v>
      </c>
      <c r="AR2145" s="166">
        <v>0</v>
      </c>
      <c r="AS2145" s="166">
        <v>0</v>
      </c>
      <c r="AT2145" s="166">
        <v>0</v>
      </c>
      <c r="AU2145" s="166">
        <v>0</v>
      </c>
      <c r="AV2145" s="166">
        <v>0</v>
      </c>
      <c r="AW2145" s="166">
        <v>0</v>
      </c>
      <c r="AX2145" s="166">
        <v>0</v>
      </c>
      <c r="AY2145" s="166">
        <v>0</v>
      </c>
      <c r="AZ2145" s="166">
        <v>0</v>
      </c>
      <c r="BA2145" s="166">
        <v>0</v>
      </c>
      <c r="BB2145" s="166">
        <v>0</v>
      </c>
      <c r="BC2145" s="166">
        <v>0</v>
      </c>
      <c r="BD2145" s="166">
        <v>0</v>
      </c>
      <c r="BE2145" s="166">
        <v>0</v>
      </c>
      <c r="BF2145" s="166">
        <v>0</v>
      </c>
      <c r="BG2145" s="166">
        <v>0</v>
      </c>
      <c r="BH2145" s="166">
        <v>0</v>
      </c>
      <c r="BI2145" s="166">
        <v>0</v>
      </c>
      <c r="BJ2145" s="166">
        <v>0</v>
      </c>
      <c r="BK2145" s="166">
        <v>0</v>
      </c>
      <c r="BL2145" s="166">
        <v>0</v>
      </c>
      <c r="BM2145" s="166">
        <v>0</v>
      </c>
      <c r="BN2145" s="166">
        <v>0</v>
      </c>
      <c r="BO2145" s="166">
        <v>0</v>
      </c>
      <c r="BP2145" s="166">
        <v>0</v>
      </c>
      <c r="BQ2145" s="166">
        <v>0</v>
      </c>
      <c r="BR2145" s="166">
        <v>0</v>
      </c>
      <c r="BS2145" s="166">
        <v>0</v>
      </c>
      <c r="BT2145" s="168">
        <v>0</v>
      </c>
      <c r="BU2145" s="166">
        <v>0</v>
      </c>
      <c r="BV2145" s="166">
        <v>0</v>
      </c>
      <c r="BW2145" s="166">
        <v>0</v>
      </c>
      <c r="BX2145" s="166">
        <v>0</v>
      </c>
      <c r="BY2145" s="166">
        <v>0</v>
      </c>
      <c r="BZ2145" s="166">
        <v>0</v>
      </c>
      <c r="CA2145" s="166">
        <v>0</v>
      </c>
      <c r="CB2145" s="166">
        <v>0</v>
      </c>
      <c r="CC2145" s="166">
        <v>0</v>
      </c>
      <c r="CD2145" s="166">
        <v>0</v>
      </c>
      <c r="CE2145" s="166">
        <v>0</v>
      </c>
      <c r="CF2145" s="166">
        <v>0</v>
      </c>
      <c r="CG2145" s="166">
        <v>0</v>
      </c>
      <c r="CH2145" s="166">
        <v>0</v>
      </c>
      <c r="CI2145" s="166">
        <v>0</v>
      </c>
      <c r="CJ2145" s="166">
        <v>0</v>
      </c>
      <c r="CK2145" s="166">
        <v>0</v>
      </c>
      <c r="CL2145" s="166">
        <v>0</v>
      </c>
      <c r="CM2145" s="166">
        <v>0</v>
      </c>
      <c r="CN2145" s="166">
        <v>0</v>
      </c>
      <c r="CO2145" s="166">
        <v>0</v>
      </c>
      <c r="CP2145" s="166">
        <v>0</v>
      </c>
      <c r="CQ2145" s="166">
        <v>0</v>
      </c>
      <c r="CR2145" s="166">
        <v>0</v>
      </c>
      <c r="CS2145" s="166">
        <v>0</v>
      </c>
      <c r="CT2145" s="166">
        <v>0</v>
      </c>
      <c r="CU2145" s="166">
        <v>0</v>
      </c>
      <c r="CV2145" s="166">
        <v>0</v>
      </c>
      <c r="CW2145" s="166">
        <v>0</v>
      </c>
      <c r="CX2145" s="166">
        <v>0</v>
      </c>
      <c r="CY2145" s="166">
        <v>0</v>
      </c>
      <c r="CZ2145" s="166">
        <v>0</v>
      </c>
    </row>
    <row r="2146" spans="1:104" x14ac:dyDescent="0.2">
      <c r="A2146" s="167" t="s">
        <v>552</v>
      </c>
      <c r="B2146" s="166">
        <v>0</v>
      </c>
      <c r="C2146" s="166">
        <v>0</v>
      </c>
      <c r="D2146" s="166">
        <v>0</v>
      </c>
      <c r="E2146" s="166">
        <v>0</v>
      </c>
      <c r="F2146" s="166">
        <v>0</v>
      </c>
      <c r="G2146" s="166">
        <v>0</v>
      </c>
      <c r="H2146" s="166">
        <v>0</v>
      </c>
      <c r="I2146" s="166">
        <v>0</v>
      </c>
      <c r="J2146" s="166">
        <v>0</v>
      </c>
      <c r="K2146" s="166">
        <v>0</v>
      </c>
      <c r="L2146" s="166">
        <v>0</v>
      </c>
      <c r="M2146" s="166">
        <v>0</v>
      </c>
      <c r="N2146" s="166">
        <v>0</v>
      </c>
      <c r="O2146" s="166">
        <v>0</v>
      </c>
      <c r="P2146" s="166">
        <v>0</v>
      </c>
      <c r="Q2146" s="166">
        <v>0</v>
      </c>
      <c r="R2146" s="166">
        <v>0</v>
      </c>
      <c r="S2146" s="166">
        <v>0</v>
      </c>
      <c r="T2146" s="166">
        <v>0</v>
      </c>
      <c r="U2146" s="166">
        <v>0</v>
      </c>
      <c r="V2146" s="166">
        <v>0</v>
      </c>
      <c r="W2146" s="166">
        <v>0</v>
      </c>
      <c r="X2146" s="166">
        <v>0</v>
      </c>
      <c r="Y2146" s="166">
        <v>0</v>
      </c>
      <c r="Z2146" s="166">
        <v>0</v>
      </c>
      <c r="AA2146" s="166">
        <v>0</v>
      </c>
      <c r="AB2146" s="166">
        <v>0</v>
      </c>
      <c r="AC2146" s="166">
        <v>0</v>
      </c>
      <c r="AD2146" s="166">
        <v>0</v>
      </c>
      <c r="AE2146" s="166">
        <v>0</v>
      </c>
      <c r="AF2146" s="166">
        <v>0</v>
      </c>
      <c r="AG2146" s="166">
        <v>0</v>
      </c>
      <c r="AH2146" s="166">
        <v>0</v>
      </c>
      <c r="AI2146" s="166">
        <v>0</v>
      </c>
      <c r="AJ2146" s="166">
        <v>0</v>
      </c>
      <c r="AK2146" s="166">
        <v>0</v>
      </c>
      <c r="AL2146" s="166">
        <v>0</v>
      </c>
      <c r="AM2146" s="166">
        <v>0</v>
      </c>
      <c r="AN2146" s="166">
        <v>0</v>
      </c>
      <c r="AO2146" s="166">
        <v>0</v>
      </c>
      <c r="AP2146" s="166">
        <v>0</v>
      </c>
      <c r="AQ2146" s="166">
        <v>0</v>
      </c>
      <c r="AR2146" s="166">
        <v>0</v>
      </c>
      <c r="AS2146" s="166">
        <v>0</v>
      </c>
      <c r="AT2146" s="166">
        <v>0</v>
      </c>
      <c r="AU2146" s="166">
        <v>0</v>
      </c>
      <c r="AV2146" s="166">
        <v>0</v>
      </c>
      <c r="AW2146" s="166">
        <v>0</v>
      </c>
      <c r="AX2146" s="166">
        <v>0</v>
      </c>
      <c r="AY2146" s="166">
        <v>0</v>
      </c>
      <c r="AZ2146" s="166">
        <v>0</v>
      </c>
      <c r="BA2146" s="166">
        <v>0</v>
      </c>
      <c r="BB2146" s="166">
        <v>0</v>
      </c>
      <c r="BC2146" s="166">
        <v>0</v>
      </c>
      <c r="BD2146" s="166">
        <v>0</v>
      </c>
      <c r="BE2146" s="166">
        <v>0</v>
      </c>
      <c r="BF2146" s="166">
        <v>0</v>
      </c>
      <c r="BG2146" s="166">
        <v>0</v>
      </c>
      <c r="BH2146" s="166">
        <v>0</v>
      </c>
      <c r="BI2146" s="166">
        <v>0</v>
      </c>
      <c r="BJ2146" s="166">
        <v>0</v>
      </c>
      <c r="BK2146" s="166">
        <v>0</v>
      </c>
      <c r="BL2146" s="166">
        <v>0</v>
      </c>
      <c r="BM2146" s="166">
        <v>0</v>
      </c>
      <c r="BN2146" s="166">
        <v>0</v>
      </c>
      <c r="BO2146" s="166">
        <v>0</v>
      </c>
      <c r="BP2146" s="166">
        <v>0</v>
      </c>
      <c r="BQ2146" s="166">
        <v>0</v>
      </c>
      <c r="BR2146" s="166">
        <v>0</v>
      </c>
      <c r="BS2146" s="166">
        <v>0</v>
      </c>
      <c r="BT2146" s="168">
        <v>0</v>
      </c>
      <c r="BU2146" s="166">
        <v>0</v>
      </c>
      <c r="BV2146" s="166">
        <v>0</v>
      </c>
      <c r="BW2146" s="166">
        <v>0</v>
      </c>
      <c r="BX2146" s="166">
        <v>0</v>
      </c>
      <c r="BY2146" s="166">
        <v>0</v>
      </c>
      <c r="BZ2146" s="166">
        <v>0</v>
      </c>
      <c r="CA2146" s="166">
        <v>0</v>
      </c>
      <c r="CB2146" s="166">
        <v>0</v>
      </c>
      <c r="CC2146" s="166">
        <v>0</v>
      </c>
      <c r="CD2146" s="166">
        <v>0</v>
      </c>
      <c r="CE2146" s="166">
        <v>0</v>
      </c>
      <c r="CF2146" s="166">
        <v>0</v>
      </c>
      <c r="CG2146" s="166">
        <v>0</v>
      </c>
      <c r="CH2146" s="166">
        <v>0</v>
      </c>
      <c r="CI2146" s="166">
        <v>0</v>
      </c>
      <c r="CJ2146" s="166">
        <v>0</v>
      </c>
      <c r="CK2146" s="166">
        <v>0</v>
      </c>
      <c r="CL2146" s="166">
        <v>0</v>
      </c>
      <c r="CM2146" s="166">
        <v>0</v>
      </c>
      <c r="CN2146" s="166">
        <v>0</v>
      </c>
      <c r="CO2146" s="166">
        <v>0</v>
      </c>
      <c r="CP2146" s="166">
        <v>0</v>
      </c>
      <c r="CQ2146" s="166">
        <v>0</v>
      </c>
      <c r="CR2146" s="166">
        <v>0</v>
      </c>
      <c r="CS2146" s="166">
        <v>0</v>
      </c>
      <c r="CT2146" s="166">
        <v>0</v>
      </c>
      <c r="CU2146" s="166">
        <v>0</v>
      </c>
      <c r="CV2146" s="166">
        <v>0</v>
      </c>
      <c r="CW2146" s="166">
        <v>0</v>
      </c>
      <c r="CX2146" s="166">
        <v>0</v>
      </c>
      <c r="CY2146" s="166">
        <v>0</v>
      </c>
      <c r="CZ2146" s="166">
        <v>0</v>
      </c>
    </row>
    <row r="2147" spans="1:104" x14ac:dyDescent="0.2">
      <c r="A2147" s="170" t="s">
        <v>553</v>
      </c>
      <c r="B2147" s="166">
        <v>0</v>
      </c>
      <c r="C2147" s="166">
        <v>0</v>
      </c>
      <c r="D2147" s="166">
        <v>0</v>
      </c>
      <c r="E2147" s="166">
        <v>0</v>
      </c>
      <c r="F2147" s="166">
        <v>0</v>
      </c>
      <c r="G2147" s="166">
        <v>0</v>
      </c>
      <c r="H2147" s="166">
        <v>0</v>
      </c>
      <c r="I2147" s="166">
        <v>0</v>
      </c>
      <c r="J2147" s="166">
        <v>0</v>
      </c>
      <c r="K2147" s="166">
        <v>0</v>
      </c>
      <c r="L2147" s="166">
        <v>0</v>
      </c>
      <c r="M2147" s="166">
        <v>0</v>
      </c>
      <c r="N2147" s="166">
        <v>0</v>
      </c>
      <c r="O2147" s="166">
        <v>0</v>
      </c>
      <c r="P2147" s="166">
        <v>0</v>
      </c>
      <c r="Q2147" s="166">
        <v>0</v>
      </c>
      <c r="R2147" s="166">
        <v>0</v>
      </c>
      <c r="S2147" s="166">
        <v>0</v>
      </c>
      <c r="T2147" s="166">
        <v>0</v>
      </c>
      <c r="U2147" s="166">
        <v>0</v>
      </c>
      <c r="V2147" s="166">
        <v>0</v>
      </c>
      <c r="W2147" s="166">
        <v>0</v>
      </c>
      <c r="X2147" s="166">
        <v>0</v>
      </c>
      <c r="Y2147" s="166">
        <v>0</v>
      </c>
      <c r="Z2147" s="166">
        <v>0</v>
      </c>
      <c r="AA2147" s="166">
        <v>0</v>
      </c>
      <c r="AB2147" s="166">
        <v>0</v>
      </c>
      <c r="AC2147" s="166">
        <v>0</v>
      </c>
      <c r="AD2147" s="166">
        <v>0</v>
      </c>
      <c r="AE2147" s="166">
        <v>0</v>
      </c>
      <c r="AF2147" s="166">
        <v>0</v>
      </c>
      <c r="AG2147" s="166">
        <v>0</v>
      </c>
      <c r="AH2147" s="166">
        <v>0</v>
      </c>
      <c r="AI2147" s="166">
        <v>0</v>
      </c>
      <c r="AJ2147" s="166">
        <v>0</v>
      </c>
      <c r="AK2147" s="166">
        <v>0</v>
      </c>
      <c r="AL2147" s="166">
        <v>0</v>
      </c>
      <c r="AM2147" s="166">
        <v>0</v>
      </c>
      <c r="AN2147" s="166">
        <v>0</v>
      </c>
      <c r="AO2147" s="166">
        <v>0</v>
      </c>
      <c r="AP2147" s="166">
        <v>0</v>
      </c>
      <c r="AQ2147" s="166">
        <v>0</v>
      </c>
      <c r="AR2147" s="166">
        <v>0</v>
      </c>
      <c r="AS2147" s="166">
        <v>0</v>
      </c>
      <c r="AT2147" s="166">
        <v>0</v>
      </c>
      <c r="AU2147" s="166">
        <v>0</v>
      </c>
      <c r="AV2147" s="166">
        <v>0</v>
      </c>
      <c r="AW2147" s="166">
        <v>0</v>
      </c>
      <c r="AX2147" s="166">
        <v>0</v>
      </c>
      <c r="AY2147" s="166">
        <v>0</v>
      </c>
      <c r="AZ2147" s="166">
        <v>0</v>
      </c>
      <c r="BA2147" s="166">
        <v>0</v>
      </c>
      <c r="BB2147" s="166">
        <v>0</v>
      </c>
      <c r="BC2147" s="166">
        <v>0</v>
      </c>
      <c r="BD2147" s="166">
        <v>0</v>
      </c>
      <c r="BE2147" s="166">
        <v>0</v>
      </c>
      <c r="BF2147" s="166">
        <v>0</v>
      </c>
      <c r="BG2147" s="166">
        <v>0</v>
      </c>
      <c r="BH2147" s="166">
        <v>0</v>
      </c>
      <c r="BI2147" s="166">
        <v>0</v>
      </c>
      <c r="BJ2147" s="166">
        <v>0</v>
      </c>
      <c r="BK2147" s="166">
        <v>0</v>
      </c>
      <c r="BL2147" s="166">
        <v>0</v>
      </c>
      <c r="BM2147" s="166">
        <v>0</v>
      </c>
      <c r="BN2147" s="166">
        <v>0</v>
      </c>
      <c r="BO2147" s="166">
        <v>0</v>
      </c>
      <c r="BP2147" s="166">
        <v>0</v>
      </c>
      <c r="BQ2147" s="166">
        <v>0</v>
      </c>
      <c r="BR2147" s="166">
        <v>0</v>
      </c>
      <c r="BS2147" s="166">
        <v>0</v>
      </c>
      <c r="BT2147" s="168">
        <v>0</v>
      </c>
      <c r="BU2147" s="166">
        <v>0</v>
      </c>
      <c r="BV2147" s="166">
        <v>0</v>
      </c>
      <c r="BW2147" s="166">
        <v>0</v>
      </c>
      <c r="BX2147" s="166">
        <v>0</v>
      </c>
      <c r="BY2147" s="166">
        <v>0</v>
      </c>
      <c r="BZ2147" s="166">
        <v>0</v>
      </c>
      <c r="CA2147" s="166">
        <v>0</v>
      </c>
      <c r="CB2147" s="166">
        <v>0</v>
      </c>
      <c r="CC2147" s="166">
        <v>0</v>
      </c>
      <c r="CD2147" s="166">
        <v>0</v>
      </c>
      <c r="CE2147" s="166">
        <v>0</v>
      </c>
      <c r="CF2147" s="166">
        <v>0</v>
      </c>
      <c r="CG2147" s="166">
        <v>0</v>
      </c>
      <c r="CH2147" s="166">
        <v>0</v>
      </c>
      <c r="CI2147" s="166">
        <v>0</v>
      </c>
      <c r="CJ2147" s="166">
        <v>0</v>
      </c>
      <c r="CK2147" s="166">
        <v>0</v>
      </c>
      <c r="CL2147" s="166">
        <v>0</v>
      </c>
      <c r="CM2147" s="166">
        <v>0</v>
      </c>
      <c r="CN2147" s="166">
        <v>0</v>
      </c>
      <c r="CO2147" s="166">
        <v>0</v>
      </c>
      <c r="CP2147" s="166">
        <v>0</v>
      </c>
      <c r="CQ2147" s="166">
        <v>0</v>
      </c>
      <c r="CR2147" s="166">
        <v>0</v>
      </c>
      <c r="CS2147" s="166">
        <v>0</v>
      </c>
      <c r="CT2147" s="166">
        <v>0</v>
      </c>
      <c r="CU2147" s="166">
        <v>0</v>
      </c>
      <c r="CV2147" s="166">
        <v>0</v>
      </c>
      <c r="CW2147" s="166">
        <v>0</v>
      </c>
      <c r="CX2147" s="166">
        <v>0</v>
      </c>
      <c r="CY2147" s="166">
        <v>0</v>
      </c>
      <c r="CZ2147" s="166">
        <v>0</v>
      </c>
    </row>
    <row r="2148" spans="1:104" x14ac:dyDescent="0.2">
      <c r="A2148" s="167" t="s">
        <v>554</v>
      </c>
      <c r="B2148" s="166">
        <v>98364064.682138294</v>
      </c>
      <c r="C2148" s="166">
        <v>98364064.682138294</v>
      </c>
      <c r="D2148" s="166">
        <v>0</v>
      </c>
      <c r="E2148" s="166">
        <v>0</v>
      </c>
      <c r="F2148" s="166">
        <v>0</v>
      </c>
      <c r="G2148" s="166">
        <v>0</v>
      </c>
      <c r="H2148" s="166">
        <v>0</v>
      </c>
      <c r="I2148" s="166">
        <v>0</v>
      </c>
      <c r="J2148" s="166">
        <v>0</v>
      </c>
      <c r="K2148" s="166">
        <v>0</v>
      </c>
      <c r="L2148" s="166">
        <v>0</v>
      </c>
      <c r="M2148" s="166">
        <v>0</v>
      </c>
      <c r="N2148" s="166">
        <v>0</v>
      </c>
      <c r="O2148" s="166">
        <v>0</v>
      </c>
      <c r="P2148" s="166">
        <v>0</v>
      </c>
      <c r="Q2148" s="166">
        <v>0</v>
      </c>
      <c r="R2148" s="166">
        <v>0</v>
      </c>
      <c r="S2148" s="166">
        <v>0</v>
      </c>
      <c r="T2148" s="166">
        <v>0</v>
      </c>
      <c r="U2148" s="166">
        <v>0</v>
      </c>
      <c r="V2148" s="166">
        <v>0</v>
      </c>
      <c r="W2148" s="166">
        <v>0</v>
      </c>
      <c r="X2148" s="166">
        <v>0</v>
      </c>
      <c r="Y2148" s="166">
        <v>0</v>
      </c>
      <c r="Z2148" s="166">
        <v>0</v>
      </c>
      <c r="AA2148" s="166">
        <v>0</v>
      </c>
      <c r="AB2148" s="166">
        <v>0</v>
      </c>
      <c r="AC2148" s="166">
        <v>0</v>
      </c>
      <c r="AD2148" s="166">
        <v>0</v>
      </c>
      <c r="AE2148" s="166">
        <v>0</v>
      </c>
      <c r="AF2148" s="166">
        <v>0</v>
      </c>
      <c r="AG2148" s="166">
        <v>0</v>
      </c>
      <c r="AH2148" s="166">
        <v>0</v>
      </c>
      <c r="AI2148" s="166">
        <v>0</v>
      </c>
      <c r="AJ2148" s="166">
        <v>0</v>
      </c>
      <c r="AK2148" s="166">
        <v>0</v>
      </c>
      <c r="AL2148" s="166">
        <v>0</v>
      </c>
      <c r="AM2148" s="166">
        <v>0</v>
      </c>
      <c r="AN2148" s="166">
        <v>0</v>
      </c>
      <c r="AO2148" s="166">
        <v>0</v>
      </c>
      <c r="AP2148" s="166">
        <v>0</v>
      </c>
      <c r="AQ2148" s="166">
        <v>0</v>
      </c>
      <c r="AR2148" s="166">
        <v>0</v>
      </c>
      <c r="AS2148" s="166">
        <v>0</v>
      </c>
      <c r="AT2148" s="166">
        <v>0</v>
      </c>
      <c r="AU2148" s="166">
        <v>0</v>
      </c>
      <c r="AV2148" s="166">
        <v>0</v>
      </c>
      <c r="AW2148" s="166">
        <v>0</v>
      </c>
      <c r="AX2148" s="166">
        <v>0</v>
      </c>
      <c r="AY2148" s="166">
        <v>0</v>
      </c>
      <c r="AZ2148" s="166">
        <v>0</v>
      </c>
      <c r="BA2148" s="166">
        <v>0</v>
      </c>
      <c r="BB2148" s="166">
        <v>0</v>
      </c>
      <c r="BC2148" s="166">
        <v>0</v>
      </c>
      <c r="BD2148" s="166">
        <v>0</v>
      </c>
      <c r="BE2148" s="166">
        <v>0</v>
      </c>
      <c r="BF2148" s="166">
        <v>0</v>
      </c>
      <c r="BG2148" s="166">
        <v>0</v>
      </c>
      <c r="BH2148" s="166">
        <v>0</v>
      </c>
      <c r="BI2148" s="166">
        <v>0</v>
      </c>
      <c r="BJ2148" s="166">
        <v>0</v>
      </c>
      <c r="BK2148" s="166">
        <v>0</v>
      </c>
      <c r="BL2148" s="166">
        <v>0</v>
      </c>
      <c r="BM2148" s="166">
        <v>0</v>
      </c>
      <c r="BN2148" s="166">
        <v>0</v>
      </c>
      <c r="BO2148" s="166">
        <v>0</v>
      </c>
      <c r="BP2148" s="166">
        <v>0</v>
      </c>
      <c r="BQ2148" s="166">
        <v>0</v>
      </c>
      <c r="BR2148" s="166">
        <v>98364064.682138294</v>
      </c>
      <c r="BS2148" s="166">
        <v>98364064.682138294</v>
      </c>
      <c r="BT2148" s="168">
        <v>0</v>
      </c>
      <c r="BU2148" s="166">
        <v>0</v>
      </c>
      <c r="BV2148" s="166">
        <v>0</v>
      </c>
      <c r="BW2148" s="166">
        <v>0</v>
      </c>
      <c r="BX2148" s="166">
        <v>0</v>
      </c>
      <c r="BY2148" s="166">
        <v>0</v>
      </c>
      <c r="BZ2148" s="166">
        <v>0</v>
      </c>
      <c r="CA2148" s="166">
        <v>0</v>
      </c>
      <c r="CB2148" s="166">
        <v>0</v>
      </c>
      <c r="CC2148" s="166">
        <v>0</v>
      </c>
      <c r="CD2148" s="166">
        <v>0</v>
      </c>
      <c r="CE2148" s="166">
        <v>0</v>
      </c>
      <c r="CF2148" s="166">
        <v>0</v>
      </c>
      <c r="CG2148" s="166">
        <v>0</v>
      </c>
      <c r="CH2148" s="166">
        <v>0</v>
      </c>
      <c r="CI2148" s="166">
        <v>0</v>
      </c>
      <c r="CJ2148" s="166">
        <v>0</v>
      </c>
      <c r="CK2148" s="166">
        <v>0</v>
      </c>
      <c r="CL2148" s="166">
        <v>0</v>
      </c>
      <c r="CM2148" s="166">
        <v>0</v>
      </c>
      <c r="CN2148" s="166">
        <v>0</v>
      </c>
      <c r="CO2148" s="166">
        <v>0</v>
      </c>
      <c r="CP2148" s="166">
        <v>0</v>
      </c>
      <c r="CQ2148" s="166">
        <v>0</v>
      </c>
      <c r="CR2148" s="166">
        <v>0</v>
      </c>
      <c r="CS2148" s="166">
        <v>0</v>
      </c>
      <c r="CT2148" s="166">
        <v>0</v>
      </c>
      <c r="CU2148" s="166">
        <v>0</v>
      </c>
      <c r="CV2148" s="166">
        <v>0</v>
      </c>
      <c r="CW2148" s="166">
        <v>0</v>
      </c>
      <c r="CX2148" s="166">
        <v>0</v>
      </c>
      <c r="CY2148" s="166">
        <v>0</v>
      </c>
      <c r="CZ2148" s="166">
        <v>0</v>
      </c>
    </row>
    <row r="2149" spans="1:104" x14ac:dyDescent="0.2">
      <c r="A2149" s="167" t="s">
        <v>555</v>
      </c>
      <c r="B2149" s="166">
        <v>6573779.4368097596</v>
      </c>
      <c r="C2149" s="166">
        <v>6573779.4368097596</v>
      </c>
      <c r="D2149" s="166">
        <v>0</v>
      </c>
      <c r="E2149" s="166">
        <v>0</v>
      </c>
      <c r="F2149" s="166">
        <v>0</v>
      </c>
      <c r="G2149" s="166">
        <v>0</v>
      </c>
      <c r="H2149" s="166">
        <v>0</v>
      </c>
      <c r="I2149" s="166">
        <v>0</v>
      </c>
      <c r="J2149" s="166">
        <v>0</v>
      </c>
      <c r="K2149" s="166">
        <v>0</v>
      </c>
      <c r="L2149" s="166">
        <v>0</v>
      </c>
      <c r="M2149" s="166">
        <v>0</v>
      </c>
      <c r="N2149" s="166">
        <v>0</v>
      </c>
      <c r="O2149" s="166">
        <v>0</v>
      </c>
      <c r="P2149" s="166">
        <v>0</v>
      </c>
      <c r="Q2149" s="166">
        <v>0</v>
      </c>
      <c r="R2149" s="166">
        <v>0</v>
      </c>
      <c r="S2149" s="166">
        <v>0</v>
      </c>
      <c r="T2149" s="166">
        <v>0</v>
      </c>
      <c r="U2149" s="166">
        <v>0</v>
      </c>
      <c r="V2149" s="166">
        <v>0</v>
      </c>
      <c r="W2149" s="166">
        <v>0</v>
      </c>
      <c r="X2149" s="166">
        <v>0</v>
      </c>
      <c r="Y2149" s="166">
        <v>0</v>
      </c>
      <c r="Z2149" s="166">
        <v>0</v>
      </c>
      <c r="AA2149" s="166">
        <v>0</v>
      </c>
      <c r="AB2149" s="166">
        <v>0</v>
      </c>
      <c r="AC2149" s="166">
        <v>0</v>
      </c>
      <c r="AD2149" s="166">
        <v>0</v>
      </c>
      <c r="AE2149" s="166">
        <v>0</v>
      </c>
      <c r="AF2149" s="166">
        <v>0</v>
      </c>
      <c r="AG2149" s="166">
        <v>0</v>
      </c>
      <c r="AH2149" s="166">
        <v>0</v>
      </c>
      <c r="AI2149" s="166">
        <v>0</v>
      </c>
      <c r="AJ2149" s="166">
        <v>0</v>
      </c>
      <c r="AK2149" s="166">
        <v>0</v>
      </c>
      <c r="AL2149" s="166">
        <v>0</v>
      </c>
      <c r="AM2149" s="166">
        <v>0</v>
      </c>
      <c r="AN2149" s="166">
        <v>0</v>
      </c>
      <c r="AO2149" s="166">
        <v>0</v>
      </c>
      <c r="AP2149" s="166">
        <v>0</v>
      </c>
      <c r="AQ2149" s="166">
        <v>0</v>
      </c>
      <c r="AR2149" s="166">
        <v>0</v>
      </c>
      <c r="AS2149" s="166">
        <v>0</v>
      </c>
      <c r="AT2149" s="166">
        <v>0</v>
      </c>
      <c r="AU2149" s="166">
        <v>0</v>
      </c>
      <c r="AV2149" s="166">
        <v>0</v>
      </c>
      <c r="AW2149" s="166">
        <v>0</v>
      </c>
      <c r="AX2149" s="166">
        <v>0</v>
      </c>
      <c r="AY2149" s="166">
        <v>0</v>
      </c>
      <c r="AZ2149" s="166">
        <v>0</v>
      </c>
      <c r="BA2149" s="166">
        <v>0</v>
      </c>
      <c r="BB2149" s="166">
        <v>0</v>
      </c>
      <c r="BC2149" s="166">
        <v>0</v>
      </c>
      <c r="BD2149" s="166">
        <v>0</v>
      </c>
      <c r="BE2149" s="166">
        <v>0</v>
      </c>
      <c r="BF2149" s="166">
        <v>0</v>
      </c>
      <c r="BG2149" s="166">
        <v>0</v>
      </c>
      <c r="BH2149" s="166">
        <v>0</v>
      </c>
      <c r="BI2149" s="166">
        <v>0</v>
      </c>
      <c r="BJ2149" s="166">
        <v>0</v>
      </c>
      <c r="BK2149" s="166">
        <v>0</v>
      </c>
      <c r="BL2149" s="166">
        <v>0</v>
      </c>
      <c r="BM2149" s="166">
        <v>0</v>
      </c>
      <c r="BN2149" s="166">
        <v>0</v>
      </c>
      <c r="BO2149" s="166">
        <v>0</v>
      </c>
      <c r="BP2149" s="166">
        <v>0</v>
      </c>
      <c r="BQ2149" s="166">
        <v>0</v>
      </c>
      <c r="BR2149" s="166">
        <v>6573779.4368097596</v>
      </c>
      <c r="BS2149" s="166">
        <v>6573779.4368097596</v>
      </c>
      <c r="BT2149" s="168">
        <v>0</v>
      </c>
      <c r="BU2149" s="166">
        <v>0</v>
      </c>
      <c r="BV2149" s="166">
        <v>0</v>
      </c>
      <c r="BW2149" s="166">
        <v>0</v>
      </c>
      <c r="BX2149" s="166">
        <v>0</v>
      </c>
      <c r="BY2149" s="166">
        <v>0</v>
      </c>
      <c r="BZ2149" s="166">
        <v>0</v>
      </c>
      <c r="CA2149" s="166">
        <v>0</v>
      </c>
      <c r="CB2149" s="166">
        <v>0</v>
      </c>
      <c r="CC2149" s="166">
        <v>0</v>
      </c>
      <c r="CD2149" s="166">
        <v>0</v>
      </c>
      <c r="CE2149" s="166">
        <v>0</v>
      </c>
      <c r="CF2149" s="166">
        <v>0</v>
      </c>
      <c r="CG2149" s="166">
        <v>0</v>
      </c>
      <c r="CH2149" s="166">
        <v>0</v>
      </c>
      <c r="CI2149" s="166">
        <v>0</v>
      </c>
      <c r="CJ2149" s="166">
        <v>0</v>
      </c>
      <c r="CK2149" s="166">
        <v>0</v>
      </c>
      <c r="CL2149" s="166">
        <v>0</v>
      </c>
      <c r="CM2149" s="166">
        <v>0</v>
      </c>
      <c r="CN2149" s="166">
        <v>0</v>
      </c>
      <c r="CO2149" s="166">
        <v>0</v>
      </c>
      <c r="CP2149" s="166">
        <v>0</v>
      </c>
      <c r="CQ2149" s="166">
        <v>0</v>
      </c>
      <c r="CR2149" s="166">
        <v>0</v>
      </c>
      <c r="CS2149" s="166">
        <v>0</v>
      </c>
      <c r="CT2149" s="166">
        <v>0</v>
      </c>
      <c r="CU2149" s="166">
        <v>0</v>
      </c>
      <c r="CV2149" s="166">
        <v>0</v>
      </c>
      <c r="CW2149" s="166">
        <v>0</v>
      </c>
      <c r="CX2149" s="166">
        <v>0</v>
      </c>
      <c r="CY2149" s="166">
        <v>0</v>
      </c>
      <c r="CZ2149" s="166">
        <v>0</v>
      </c>
    </row>
    <row r="2150" spans="1:104" x14ac:dyDescent="0.2">
      <c r="A2150" s="167" t="s">
        <v>556</v>
      </c>
      <c r="B2150" s="166">
        <v>3821159.5825586598</v>
      </c>
      <c r="C2150" s="166">
        <v>3821159.5825586598</v>
      </c>
      <c r="D2150" s="166">
        <v>0</v>
      </c>
      <c r="E2150" s="166">
        <v>0</v>
      </c>
      <c r="F2150" s="166">
        <v>0</v>
      </c>
      <c r="G2150" s="166">
        <v>0</v>
      </c>
      <c r="H2150" s="166">
        <v>0</v>
      </c>
      <c r="I2150" s="166">
        <v>0</v>
      </c>
      <c r="J2150" s="166">
        <v>0</v>
      </c>
      <c r="K2150" s="166">
        <v>0</v>
      </c>
      <c r="L2150" s="166">
        <v>0</v>
      </c>
      <c r="M2150" s="166">
        <v>0</v>
      </c>
      <c r="N2150" s="166">
        <v>0</v>
      </c>
      <c r="O2150" s="166">
        <v>0</v>
      </c>
      <c r="P2150" s="166">
        <v>0</v>
      </c>
      <c r="Q2150" s="166">
        <v>0</v>
      </c>
      <c r="R2150" s="166">
        <v>0</v>
      </c>
      <c r="S2150" s="166">
        <v>0</v>
      </c>
      <c r="T2150" s="166">
        <v>0</v>
      </c>
      <c r="U2150" s="166">
        <v>0</v>
      </c>
      <c r="V2150" s="166">
        <v>0</v>
      </c>
      <c r="W2150" s="166">
        <v>0</v>
      </c>
      <c r="X2150" s="166">
        <v>0</v>
      </c>
      <c r="Y2150" s="166">
        <v>0</v>
      </c>
      <c r="Z2150" s="166">
        <v>0</v>
      </c>
      <c r="AA2150" s="166">
        <v>0</v>
      </c>
      <c r="AB2150" s="166">
        <v>0</v>
      </c>
      <c r="AC2150" s="166">
        <v>0</v>
      </c>
      <c r="AD2150" s="166">
        <v>0</v>
      </c>
      <c r="AE2150" s="166">
        <v>0</v>
      </c>
      <c r="AF2150" s="166">
        <v>0</v>
      </c>
      <c r="AG2150" s="166">
        <v>0</v>
      </c>
      <c r="AH2150" s="166">
        <v>0</v>
      </c>
      <c r="AI2150" s="166">
        <v>0</v>
      </c>
      <c r="AJ2150" s="166">
        <v>0</v>
      </c>
      <c r="AK2150" s="166">
        <v>0</v>
      </c>
      <c r="AL2150" s="166">
        <v>0</v>
      </c>
      <c r="AM2150" s="166">
        <v>0</v>
      </c>
      <c r="AN2150" s="166">
        <v>0</v>
      </c>
      <c r="AO2150" s="166">
        <v>0</v>
      </c>
      <c r="AP2150" s="166">
        <v>0</v>
      </c>
      <c r="AQ2150" s="166">
        <v>0</v>
      </c>
      <c r="AR2150" s="166">
        <v>0</v>
      </c>
      <c r="AS2150" s="166">
        <v>0</v>
      </c>
      <c r="AT2150" s="166">
        <v>0</v>
      </c>
      <c r="AU2150" s="166">
        <v>0</v>
      </c>
      <c r="AV2150" s="166">
        <v>0</v>
      </c>
      <c r="AW2150" s="166">
        <v>0</v>
      </c>
      <c r="AX2150" s="166">
        <v>0</v>
      </c>
      <c r="AY2150" s="166">
        <v>0</v>
      </c>
      <c r="AZ2150" s="166">
        <v>0</v>
      </c>
      <c r="BA2150" s="166">
        <v>0</v>
      </c>
      <c r="BB2150" s="166">
        <v>0</v>
      </c>
      <c r="BC2150" s="166">
        <v>0</v>
      </c>
      <c r="BD2150" s="166">
        <v>0</v>
      </c>
      <c r="BE2150" s="166">
        <v>0</v>
      </c>
      <c r="BF2150" s="166">
        <v>0</v>
      </c>
      <c r="BG2150" s="166">
        <v>0</v>
      </c>
      <c r="BH2150" s="166">
        <v>0</v>
      </c>
      <c r="BI2150" s="166">
        <v>0</v>
      </c>
      <c r="BJ2150" s="166">
        <v>0</v>
      </c>
      <c r="BK2150" s="166">
        <v>0</v>
      </c>
      <c r="BL2150" s="166">
        <v>0</v>
      </c>
      <c r="BM2150" s="166">
        <v>0</v>
      </c>
      <c r="BN2150" s="166">
        <v>0</v>
      </c>
      <c r="BO2150" s="166">
        <v>0</v>
      </c>
      <c r="BP2150" s="166">
        <v>0</v>
      </c>
      <c r="BQ2150" s="166">
        <v>0</v>
      </c>
      <c r="BR2150" s="166">
        <v>3821159.5825586598</v>
      </c>
      <c r="BS2150" s="166">
        <v>3821159.5825586598</v>
      </c>
      <c r="BT2150" s="168">
        <v>0</v>
      </c>
      <c r="BU2150" s="166">
        <v>0</v>
      </c>
      <c r="BV2150" s="166">
        <v>0</v>
      </c>
      <c r="BW2150" s="166">
        <v>0</v>
      </c>
      <c r="BX2150" s="166">
        <v>0</v>
      </c>
      <c r="BY2150" s="166">
        <v>0</v>
      </c>
      <c r="BZ2150" s="166">
        <v>0</v>
      </c>
      <c r="CA2150" s="166">
        <v>0</v>
      </c>
      <c r="CB2150" s="166">
        <v>0</v>
      </c>
      <c r="CC2150" s="166">
        <v>0</v>
      </c>
      <c r="CD2150" s="166">
        <v>0</v>
      </c>
      <c r="CE2150" s="166">
        <v>0</v>
      </c>
      <c r="CF2150" s="166">
        <v>0</v>
      </c>
      <c r="CG2150" s="166">
        <v>0</v>
      </c>
      <c r="CH2150" s="166">
        <v>0</v>
      </c>
      <c r="CI2150" s="166">
        <v>0</v>
      </c>
      <c r="CJ2150" s="166">
        <v>0</v>
      </c>
      <c r="CK2150" s="166">
        <v>0</v>
      </c>
      <c r="CL2150" s="166">
        <v>0</v>
      </c>
      <c r="CM2150" s="166">
        <v>0</v>
      </c>
      <c r="CN2150" s="166">
        <v>0</v>
      </c>
      <c r="CO2150" s="166">
        <v>0</v>
      </c>
      <c r="CP2150" s="166">
        <v>0</v>
      </c>
      <c r="CQ2150" s="166">
        <v>0</v>
      </c>
      <c r="CR2150" s="166">
        <v>0</v>
      </c>
      <c r="CS2150" s="166">
        <v>0</v>
      </c>
      <c r="CT2150" s="166">
        <v>0</v>
      </c>
      <c r="CU2150" s="166">
        <v>0</v>
      </c>
      <c r="CV2150" s="166">
        <v>0</v>
      </c>
      <c r="CW2150" s="166">
        <v>0</v>
      </c>
      <c r="CX2150" s="166">
        <v>0</v>
      </c>
      <c r="CY2150" s="166">
        <v>0</v>
      </c>
      <c r="CZ2150" s="166">
        <v>0</v>
      </c>
    </row>
    <row r="2151" spans="1:104" x14ac:dyDescent="0.2">
      <c r="A2151" s="167" t="s">
        <v>557</v>
      </c>
      <c r="B2151" s="166">
        <v>759762.74</v>
      </c>
      <c r="C2151" s="166">
        <v>759762.74</v>
      </c>
      <c r="D2151" s="166">
        <v>0</v>
      </c>
      <c r="E2151" s="166">
        <v>0</v>
      </c>
      <c r="F2151" s="166">
        <v>0</v>
      </c>
      <c r="G2151" s="166">
        <v>0</v>
      </c>
      <c r="H2151" s="166">
        <v>0</v>
      </c>
      <c r="I2151" s="166">
        <v>0</v>
      </c>
      <c r="J2151" s="166">
        <v>0</v>
      </c>
      <c r="K2151" s="166">
        <v>0</v>
      </c>
      <c r="L2151" s="166">
        <v>0</v>
      </c>
      <c r="M2151" s="166">
        <v>0</v>
      </c>
      <c r="N2151" s="166">
        <v>0</v>
      </c>
      <c r="O2151" s="166">
        <v>0</v>
      </c>
      <c r="P2151" s="166">
        <v>0</v>
      </c>
      <c r="Q2151" s="166">
        <v>0</v>
      </c>
      <c r="R2151" s="166">
        <v>0</v>
      </c>
      <c r="S2151" s="166">
        <v>0</v>
      </c>
      <c r="T2151" s="166">
        <v>0</v>
      </c>
      <c r="U2151" s="166">
        <v>0</v>
      </c>
      <c r="V2151" s="166">
        <v>0</v>
      </c>
      <c r="W2151" s="166">
        <v>0</v>
      </c>
      <c r="X2151" s="166">
        <v>0</v>
      </c>
      <c r="Y2151" s="166">
        <v>0</v>
      </c>
      <c r="Z2151" s="166">
        <v>0</v>
      </c>
      <c r="AA2151" s="166">
        <v>0</v>
      </c>
      <c r="AB2151" s="166">
        <v>0</v>
      </c>
      <c r="AC2151" s="166">
        <v>0</v>
      </c>
      <c r="AD2151" s="166">
        <v>0</v>
      </c>
      <c r="AE2151" s="166">
        <v>0</v>
      </c>
      <c r="AF2151" s="166">
        <v>0</v>
      </c>
      <c r="AG2151" s="166">
        <v>0</v>
      </c>
      <c r="AH2151" s="166">
        <v>0</v>
      </c>
      <c r="AI2151" s="166">
        <v>0</v>
      </c>
      <c r="AJ2151" s="166">
        <v>0</v>
      </c>
      <c r="AK2151" s="166">
        <v>0</v>
      </c>
      <c r="AL2151" s="166">
        <v>0</v>
      </c>
      <c r="AM2151" s="166">
        <v>0</v>
      </c>
      <c r="AN2151" s="166">
        <v>0</v>
      </c>
      <c r="AO2151" s="166">
        <v>0</v>
      </c>
      <c r="AP2151" s="166">
        <v>0</v>
      </c>
      <c r="AQ2151" s="166">
        <v>0</v>
      </c>
      <c r="AR2151" s="166">
        <v>0</v>
      </c>
      <c r="AS2151" s="166">
        <v>0</v>
      </c>
      <c r="AT2151" s="166">
        <v>0</v>
      </c>
      <c r="AU2151" s="166">
        <v>0</v>
      </c>
      <c r="AV2151" s="166">
        <v>0</v>
      </c>
      <c r="AW2151" s="166">
        <v>0</v>
      </c>
      <c r="AX2151" s="166">
        <v>0</v>
      </c>
      <c r="AY2151" s="166">
        <v>0</v>
      </c>
      <c r="AZ2151" s="166">
        <v>0</v>
      </c>
      <c r="BA2151" s="166">
        <v>0</v>
      </c>
      <c r="BB2151" s="166">
        <v>0</v>
      </c>
      <c r="BC2151" s="166">
        <v>0</v>
      </c>
      <c r="BD2151" s="166">
        <v>0</v>
      </c>
      <c r="BE2151" s="166">
        <v>0</v>
      </c>
      <c r="BF2151" s="166">
        <v>0</v>
      </c>
      <c r="BG2151" s="166">
        <v>0</v>
      </c>
      <c r="BH2151" s="166">
        <v>0</v>
      </c>
      <c r="BI2151" s="166">
        <v>0</v>
      </c>
      <c r="BJ2151" s="166">
        <v>0</v>
      </c>
      <c r="BK2151" s="166">
        <v>0</v>
      </c>
      <c r="BL2151" s="166">
        <v>0</v>
      </c>
      <c r="BM2151" s="166">
        <v>0</v>
      </c>
      <c r="BN2151" s="166">
        <v>0</v>
      </c>
      <c r="BO2151" s="166">
        <v>0</v>
      </c>
      <c r="BP2151" s="166">
        <v>0</v>
      </c>
      <c r="BQ2151" s="166">
        <v>0</v>
      </c>
      <c r="BR2151" s="166">
        <v>759762.74</v>
      </c>
      <c r="BS2151" s="166">
        <v>759762.74</v>
      </c>
      <c r="BT2151" s="168">
        <v>0</v>
      </c>
      <c r="BU2151" s="166">
        <v>0</v>
      </c>
      <c r="BV2151" s="166">
        <v>0</v>
      </c>
      <c r="BW2151" s="166">
        <v>0</v>
      </c>
      <c r="BX2151" s="166">
        <v>0</v>
      </c>
      <c r="BY2151" s="166">
        <v>0</v>
      </c>
      <c r="BZ2151" s="166">
        <v>0</v>
      </c>
      <c r="CA2151" s="166">
        <v>0</v>
      </c>
      <c r="CB2151" s="166">
        <v>0</v>
      </c>
      <c r="CC2151" s="166">
        <v>0</v>
      </c>
      <c r="CD2151" s="166">
        <v>0</v>
      </c>
      <c r="CE2151" s="166">
        <v>0</v>
      </c>
      <c r="CF2151" s="166">
        <v>0</v>
      </c>
      <c r="CG2151" s="166">
        <v>0</v>
      </c>
      <c r="CH2151" s="166">
        <v>0</v>
      </c>
      <c r="CI2151" s="166">
        <v>0</v>
      </c>
      <c r="CJ2151" s="166">
        <v>0</v>
      </c>
      <c r="CK2151" s="166">
        <v>0</v>
      </c>
      <c r="CL2151" s="166">
        <v>0</v>
      </c>
      <c r="CM2151" s="166">
        <v>0</v>
      </c>
      <c r="CN2151" s="166">
        <v>0</v>
      </c>
      <c r="CO2151" s="166">
        <v>0</v>
      </c>
      <c r="CP2151" s="166">
        <v>0</v>
      </c>
      <c r="CQ2151" s="166">
        <v>0</v>
      </c>
      <c r="CR2151" s="166">
        <v>0</v>
      </c>
      <c r="CS2151" s="166">
        <v>0</v>
      </c>
      <c r="CT2151" s="166">
        <v>0</v>
      </c>
      <c r="CU2151" s="166">
        <v>0</v>
      </c>
      <c r="CV2151" s="166">
        <v>0</v>
      </c>
      <c r="CW2151" s="166">
        <v>0</v>
      </c>
      <c r="CX2151" s="166">
        <v>0</v>
      </c>
      <c r="CY2151" s="166">
        <v>0</v>
      </c>
      <c r="CZ2151" s="166">
        <v>0</v>
      </c>
    </row>
    <row r="2152" spans="1:104" x14ac:dyDescent="0.2">
      <c r="A2152" s="177" t="s">
        <v>558</v>
      </c>
      <c r="B2152" s="166">
        <v>109518766.441506</v>
      </c>
      <c r="C2152" s="166">
        <v>109518766.441506</v>
      </c>
      <c r="D2152" s="166">
        <v>0</v>
      </c>
      <c r="E2152" s="166">
        <v>0</v>
      </c>
      <c r="F2152" s="166">
        <v>0</v>
      </c>
      <c r="G2152" s="166">
        <v>0</v>
      </c>
      <c r="H2152" s="166">
        <v>0</v>
      </c>
      <c r="I2152" s="166">
        <v>0</v>
      </c>
      <c r="J2152" s="166">
        <v>0</v>
      </c>
      <c r="K2152" s="166">
        <v>0</v>
      </c>
      <c r="L2152" s="166">
        <v>0</v>
      </c>
      <c r="M2152" s="166">
        <v>0</v>
      </c>
      <c r="N2152" s="166">
        <v>0</v>
      </c>
      <c r="O2152" s="166">
        <v>0</v>
      </c>
      <c r="P2152" s="166">
        <v>0</v>
      </c>
      <c r="Q2152" s="166">
        <v>0</v>
      </c>
      <c r="R2152" s="166">
        <v>0</v>
      </c>
      <c r="S2152" s="166">
        <v>0</v>
      </c>
      <c r="T2152" s="166">
        <v>0</v>
      </c>
      <c r="U2152" s="166">
        <v>0</v>
      </c>
      <c r="V2152" s="166">
        <v>0</v>
      </c>
      <c r="W2152" s="166">
        <v>0</v>
      </c>
      <c r="X2152" s="166">
        <v>0</v>
      </c>
      <c r="Y2152" s="166">
        <v>0</v>
      </c>
      <c r="Z2152" s="166">
        <v>0</v>
      </c>
      <c r="AA2152" s="166">
        <v>0</v>
      </c>
      <c r="AB2152" s="166">
        <v>0</v>
      </c>
      <c r="AC2152" s="166">
        <v>0</v>
      </c>
      <c r="AD2152" s="166">
        <v>0</v>
      </c>
      <c r="AE2152" s="166">
        <v>0</v>
      </c>
      <c r="AF2152" s="166">
        <v>0</v>
      </c>
      <c r="AG2152" s="166">
        <v>0</v>
      </c>
      <c r="AH2152" s="166">
        <v>0</v>
      </c>
      <c r="AI2152" s="166">
        <v>0</v>
      </c>
      <c r="AJ2152" s="166">
        <v>0</v>
      </c>
      <c r="AK2152" s="166">
        <v>0</v>
      </c>
      <c r="AL2152" s="166">
        <v>0</v>
      </c>
      <c r="AM2152" s="166">
        <v>0</v>
      </c>
      <c r="AN2152" s="166">
        <v>0</v>
      </c>
      <c r="AO2152" s="166">
        <v>0</v>
      </c>
      <c r="AP2152" s="166">
        <v>0</v>
      </c>
      <c r="AQ2152" s="166">
        <v>0</v>
      </c>
      <c r="AR2152" s="166">
        <v>0</v>
      </c>
      <c r="AS2152" s="166">
        <v>0</v>
      </c>
      <c r="AT2152" s="166">
        <v>0</v>
      </c>
      <c r="AU2152" s="166">
        <v>0</v>
      </c>
      <c r="AV2152" s="166">
        <v>0</v>
      </c>
      <c r="AW2152" s="166">
        <v>0</v>
      </c>
      <c r="AX2152" s="166">
        <v>0</v>
      </c>
      <c r="AY2152" s="166">
        <v>0</v>
      </c>
      <c r="AZ2152" s="166">
        <v>0</v>
      </c>
      <c r="BA2152" s="166">
        <v>0</v>
      </c>
      <c r="BB2152" s="166">
        <v>0</v>
      </c>
      <c r="BC2152" s="166">
        <v>0</v>
      </c>
      <c r="BD2152" s="166">
        <v>0</v>
      </c>
      <c r="BE2152" s="166">
        <v>0</v>
      </c>
      <c r="BF2152" s="166">
        <v>0</v>
      </c>
      <c r="BG2152" s="166">
        <v>0</v>
      </c>
      <c r="BH2152" s="166">
        <v>0</v>
      </c>
      <c r="BI2152" s="166">
        <v>0</v>
      </c>
      <c r="BJ2152" s="166">
        <v>0</v>
      </c>
      <c r="BK2152" s="166">
        <v>0</v>
      </c>
      <c r="BL2152" s="166">
        <v>0</v>
      </c>
      <c r="BM2152" s="166">
        <v>0</v>
      </c>
      <c r="BN2152" s="166">
        <v>0</v>
      </c>
      <c r="BO2152" s="166">
        <v>0</v>
      </c>
      <c r="BP2152" s="166">
        <v>0</v>
      </c>
      <c r="BQ2152" s="166">
        <v>0</v>
      </c>
      <c r="BR2152" s="166">
        <v>109518766.441506</v>
      </c>
      <c r="BS2152" s="166">
        <v>109518766.441506</v>
      </c>
      <c r="BT2152" s="168">
        <v>0</v>
      </c>
      <c r="BU2152" s="166">
        <v>0</v>
      </c>
      <c r="BV2152" s="166">
        <v>0</v>
      </c>
      <c r="BW2152" s="166">
        <v>0</v>
      </c>
      <c r="BX2152" s="166">
        <v>0</v>
      </c>
      <c r="BY2152" s="166">
        <v>0</v>
      </c>
      <c r="BZ2152" s="166">
        <v>0</v>
      </c>
      <c r="CA2152" s="166">
        <v>0</v>
      </c>
      <c r="CB2152" s="166">
        <v>0</v>
      </c>
      <c r="CC2152" s="166">
        <v>0</v>
      </c>
      <c r="CD2152" s="166">
        <v>0</v>
      </c>
      <c r="CE2152" s="166">
        <v>0</v>
      </c>
      <c r="CF2152" s="166">
        <v>0</v>
      </c>
      <c r="CG2152" s="166">
        <v>0</v>
      </c>
      <c r="CH2152" s="166">
        <v>0</v>
      </c>
      <c r="CI2152" s="166">
        <v>0</v>
      </c>
      <c r="CJ2152" s="166">
        <v>0</v>
      </c>
      <c r="CK2152" s="166">
        <v>0</v>
      </c>
      <c r="CL2152" s="166">
        <v>0</v>
      </c>
      <c r="CM2152" s="166">
        <v>0</v>
      </c>
      <c r="CN2152" s="166">
        <v>0</v>
      </c>
      <c r="CO2152" s="166">
        <v>0</v>
      </c>
      <c r="CP2152" s="166">
        <v>0</v>
      </c>
      <c r="CQ2152" s="166">
        <v>0</v>
      </c>
      <c r="CR2152" s="166">
        <v>0</v>
      </c>
      <c r="CS2152" s="166">
        <v>0</v>
      </c>
      <c r="CT2152" s="166">
        <v>0</v>
      </c>
      <c r="CU2152" s="166">
        <v>0</v>
      </c>
      <c r="CV2152" s="166">
        <v>0</v>
      </c>
      <c r="CW2152" s="166">
        <v>0</v>
      </c>
      <c r="CX2152" s="166">
        <v>0</v>
      </c>
      <c r="CY2152" s="166">
        <v>0</v>
      </c>
      <c r="CZ2152" s="166">
        <v>0</v>
      </c>
    </row>
    <row r="2153" spans="1:104" x14ac:dyDescent="0.2">
      <c r="A2153" s="167" t="s">
        <v>559</v>
      </c>
      <c r="B2153" s="166">
        <v>0</v>
      </c>
      <c r="C2153" s="166">
        <v>0</v>
      </c>
      <c r="D2153" s="166">
        <v>0</v>
      </c>
      <c r="E2153" s="166">
        <v>0</v>
      </c>
      <c r="F2153" s="166">
        <v>0</v>
      </c>
      <c r="G2153" s="166">
        <v>0</v>
      </c>
      <c r="H2153" s="166">
        <v>0</v>
      </c>
      <c r="I2153" s="166">
        <v>0</v>
      </c>
      <c r="J2153" s="166">
        <v>0</v>
      </c>
      <c r="K2153" s="166">
        <v>0</v>
      </c>
      <c r="L2153" s="166">
        <v>0</v>
      </c>
      <c r="M2153" s="166">
        <v>0</v>
      </c>
      <c r="N2153" s="166">
        <v>0</v>
      </c>
      <c r="O2153" s="166">
        <v>0</v>
      </c>
      <c r="P2153" s="166">
        <v>0</v>
      </c>
      <c r="Q2153" s="166">
        <v>0</v>
      </c>
      <c r="R2153" s="166">
        <v>0</v>
      </c>
      <c r="S2153" s="166">
        <v>0</v>
      </c>
      <c r="T2153" s="166">
        <v>0</v>
      </c>
      <c r="U2153" s="166">
        <v>0</v>
      </c>
      <c r="V2153" s="166">
        <v>0</v>
      </c>
      <c r="W2153" s="166">
        <v>0</v>
      </c>
      <c r="X2153" s="166">
        <v>0</v>
      </c>
      <c r="Y2153" s="166">
        <v>0</v>
      </c>
      <c r="Z2153" s="166">
        <v>0</v>
      </c>
      <c r="AA2153" s="166">
        <v>0</v>
      </c>
      <c r="AB2153" s="166">
        <v>0</v>
      </c>
      <c r="AC2153" s="166">
        <v>0</v>
      </c>
      <c r="AD2153" s="166">
        <v>0</v>
      </c>
      <c r="AE2153" s="166">
        <v>0</v>
      </c>
      <c r="AF2153" s="166">
        <v>0</v>
      </c>
      <c r="AG2153" s="166">
        <v>0</v>
      </c>
      <c r="AH2153" s="166">
        <v>0</v>
      </c>
      <c r="AI2153" s="166">
        <v>0</v>
      </c>
      <c r="AJ2153" s="166">
        <v>0</v>
      </c>
      <c r="AK2153" s="166">
        <v>0</v>
      </c>
      <c r="AL2153" s="166">
        <v>0</v>
      </c>
      <c r="AM2153" s="166">
        <v>0</v>
      </c>
      <c r="AN2153" s="166">
        <v>0</v>
      </c>
      <c r="AO2153" s="166">
        <v>0</v>
      </c>
      <c r="AP2153" s="166">
        <v>0</v>
      </c>
      <c r="AQ2153" s="166">
        <v>0</v>
      </c>
      <c r="AR2153" s="166">
        <v>0</v>
      </c>
      <c r="AS2153" s="166">
        <v>0</v>
      </c>
      <c r="AT2153" s="166">
        <v>0</v>
      </c>
      <c r="AU2153" s="166">
        <v>0</v>
      </c>
      <c r="AV2153" s="166">
        <v>0</v>
      </c>
      <c r="AW2153" s="166">
        <v>0</v>
      </c>
      <c r="AX2153" s="166">
        <v>0</v>
      </c>
      <c r="AY2153" s="166">
        <v>0</v>
      </c>
      <c r="AZ2153" s="166">
        <v>0</v>
      </c>
      <c r="BA2153" s="166">
        <v>0</v>
      </c>
      <c r="BB2153" s="166">
        <v>0</v>
      </c>
      <c r="BC2153" s="166">
        <v>0</v>
      </c>
      <c r="BD2153" s="166">
        <v>0</v>
      </c>
      <c r="BE2153" s="166">
        <v>0</v>
      </c>
      <c r="BF2153" s="166">
        <v>0</v>
      </c>
      <c r="BG2153" s="166">
        <v>0</v>
      </c>
      <c r="BH2153" s="166">
        <v>0</v>
      </c>
      <c r="BI2153" s="166">
        <v>0</v>
      </c>
      <c r="BJ2153" s="166">
        <v>0</v>
      </c>
      <c r="BK2153" s="166">
        <v>0</v>
      </c>
      <c r="BL2153" s="166">
        <v>0</v>
      </c>
      <c r="BM2153" s="166">
        <v>0</v>
      </c>
      <c r="BN2153" s="166">
        <v>0</v>
      </c>
      <c r="BO2153" s="166">
        <v>0</v>
      </c>
      <c r="BP2153" s="166">
        <v>0</v>
      </c>
      <c r="BQ2153" s="166">
        <v>0</v>
      </c>
      <c r="BR2153" s="166">
        <v>0</v>
      </c>
      <c r="BS2153" s="166">
        <v>0</v>
      </c>
      <c r="BT2153" s="168">
        <v>0</v>
      </c>
      <c r="BU2153" s="166">
        <v>0</v>
      </c>
      <c r="BV2153" s="166">
        <v>0</v>
      </c>
      <c r="BW2153" s="166">
        <v>0</v>
      </c>
      <c r="BX2153" s="166">
        <v>0</v>
      </c>
      <c r="BY2153" s="166">
        <v>0</v>
      </c>
      <c r="BZ2153" s="166">
        <v>0</v>
      </c>
      <c r="CA2153" s="166">
        <v>0</v>
      </c>
      <c r="CB2153" s="166">
        <v>0</v>
      </c>
      <c r="CC2153" s="166">
        <v>0</v>
      </c>
      <c r="CD2153" s="166">
        <v>0</v>
      </c>
      <c r="CE2153" s="166">
        <v>0</v>
      </c>
      <c r="CF2153" s="166">
        <v>0</v>
      </c>
      <c r="CG2153" s="166">
        <v>0</v>
      </c>
      <c r="CH2153" s="166">
        <v>0</v>
      </c>
      <c r="CI2153" s="166">
        <v>0</v>
      </c>
      <c r="CJ2153" s="166">
        <v>0</v>
      </c>
      <c r="CK2153" s="166">
        <v>0</v>
      </c>
      <c r="CL2153" s="166">
        <v>0</v>
      </c>
      <c r="CM2153" s="166">
        <v>0</v>
      </c>
      <c r="CN2153" s="166">
        <v>0</v>
      </c>
      <c r="CO2153" s="166">
        <v>0</v>
      </c>
      <c r="CP2153" s="166">
        <v>0</v>
      </c>
      <c r="CQ2153" s="166">
        <v>0</v>
      </c>
      <c r="CR2153" s="166">
        <v>0</v>
      </c>
      <c r="CS2153" s="166">
        <v>0</v>
      </c>
      <c r="CT2153" s="166">
        <v>0</v>
      </c>
      <c r="CU2153" s="166">
        <v>0</v>
      </c>
      <c r="CV2153" s="166">
        <v>0</v>
      </c>
      <c r="CW2153" s="166">
        <v>0</v>
      </c>
      <c r="CX2153" s="166">
        <v>0</v>
      </c>
      <c r="CY2153" s="166">
        <v>0</v>
      </c>
      <c r="CZ2153" s="166">
        <v>0</v>
      </c>
    </row>
    <row r="2154" spans="1:104" x14ac:dyDescent="0.2">
      <c r="A2154" s="167" t="s">
        <v>560</v>
      </c>
      <c r="B2154" s="166">
        <v>25779009.686587401</v>
      </c>
      <c r="C2154" s="166">
        <v>25779009.686587401</v>
      </c>
      <c r="D2154" s="166">
        <v>0</v>
      </c>
      <c r="E2154" s="166">
        <v>0</v>
      </c>
      <c r="F2154" s="166">
        <v>0</v>
      </c>
      <c r="G2154" s="166">
        <v>0</v>
      </c>
      <c r="H2154" s="166">
        <v>0</v>
      </c>
      <c r="I2154" s="166">
        <v>0</v>
      </c>
      <c r="J2154" s="166">
        <v>0</v>
      </c>
      <c r="K2154" s="166">
        <v>0</v>
      </c>
      <c r="L2154" s="166">
        <v>0</v>
      </c>
      <c r="M2154" s="166">
        <v>0</v>
      </c>
      <c r="N2154" s="166">
        <v>0</v>
      </c>
      <c r="O2154" s="166">
        <v>0</v>
      </c>
      <c r="P2154" s="166">
        <v>0</v>
      </c>
      <c r="Q2154" s="166">
        <v>0</v>
      </c>
      <c r="R2154" s="166">
        <v>0</v>
      </c>
      <c r="S2154" s="166">
        <v>0</v>
      </c>
      <c r="T2154" s="166">
        <v>0</v>
      </c>
      <c r="U2154" s="166">
        <v>0</v>
      </c>
      <c r="V2154" s="166">
        <v>0</v>
      </c>
      <c r="W2154" s="166">
        <v>0</v>
      </c>
      <c r="X2154" s="166">
        <v>0</v>
      </c>
      <c r="Y2154" s="166">
        <v>0</v>
      </c>
      <c r="Z2154" s="166">
        <v>0</v>
      </c>
      <c r="AA2154" s="166">
        <v>0</v>
      </c>
      <c r="AB2154" s="166">
        <v>0</v>
      </c>
      <c r="AC2154" s="166">
        <v>0</v>
      </c>
      <c r="AD2154" s="166">
        <v>0</v>
      </c>
      <c r="AE2154" s="166">
        <v>0</v>
      </c>
      <c r="AF2154" s="166">
        <v>0</v>
      </c>
      <c r="AG2154" s="166">
        <v>0</v>
      </c>
      <c r="AH2154" s="166">
        <v>0</v>
      </c>
      <c r="AI2154" s="166">
        <v>0</v>
      </c>
      <c r="AJ2154" s="166">
        <v>0</v>
      </c>
      <c r="AK2154" s="166">
        <v>0</v>
      </c>
      <c r="AL2154" s="166">
        <v>0</v>
      </c>
      <c r="AM2154" s="166">
        <v>0</v>
      </c>
      <c r="AN2154" s="166">
        <v>0</v>
      </c>
      <c r="AO2154" s="166">
        <v>0</v>
      </c>
      <c r="AP2154" s="166">
        <v>0</v>
      </c>
      <c r="AQ2154" s="166">
        <v>0</v>
      </c>
      <c r="AR2154" s="166">
        <v>0</v>
      </c>
      <c r="AS2154" s="166">
        <v>0</v>
      </c>
      <c r="AT2154" s="166">
        <v>0</v>
      </c>
      <c r="AU2154" s="166">
        <v>0</v>
      </c>
      <c r="AV2154" s="166">
        <v>0</v>
      </c>
      <c r="AW2154" s="166">
        <v>0</v>
      </c>
      <c r="AX2154" s="166">
        <v>0</v>
      </c>
      <c r="AY2154" s="166">
        <v>0</v>
      </c>
      <c r="AZ2154" s="166">
        <v>0</v>
      </c>
      <c r="BA2154" s="166">
        <v>0</v>
      </c>
      <c r="BB2154" s="166">
        <v>0</v>
      </c>
      <c r="BC2154" s="166">
        <v>0</v>
      </c>
      <c r="BD2154" s="166">
        <v>0</v>
      </c>
      <c r="BE2154" s="166">
        <v>0</v>
      </c>
      <c r="BF2154" s="166">
        <v>0</v>
      </c>
      <c r="BG2154" s="166">
        <v>0</v>
      </c>
      <c r="BH2154" s="166">
        <v>0</v>
      </c>
      <c r="BI2154" s="166">
        <v>0</v>
      </c>
      <c r="BJ2154" s="166">
        <v>0</v>
      </c>
      <c r="BK2154" s="166">
        <v>0</v>
      </c>
      <c r="BL2154" s="166">
        <v>0</v>
      </c>
      <c r="BM2154" s="166">
        <v>0</v>
      </c>
      <c r="BN2154" s="166">
        <v>0</v>
      </c>
      <c r="BO2154" s="166">
        <v>0</v>
      </c>
      <c r="BP2154" s="166">
        <v>0</v>
      </c>
      <c r="BQ2154" s="166">
        <v>0</v>
      </c>
      <c r="BR2154" s="166">
        <v>25779009.686587401</v>
      </c>
      <c r="BS2154" s="166">
        <v>25779009.686587401</v>
      </c>
      <c r="BT2154" s="168">
        <v>0</v>
      </c>
      <c r="BU2154" s="166">
        <v>0</v>
      </c>
      <c r="BV2154" s="166">
        <v>0</v>
      </c>
      <c r="BW2154" s="166">
        <v>0</v>
      </c>
      <c r="BX2154" s="166">
        <v>0</v>
      </c>
      <c r="BY2154" s="166">
        <v>0</v>
      </c>
      <c r="BZ2154" s="166">
        <v>0</v>
      </c>
      <c r="CA2154" s="166">
        <v>0</v>
      </c>
      <c r="CB2154" s="166">
        <v>0</v>
      </c>
      <c r="CC2154" s="166">
        <v>0</v>
      </c>
      <c r="CD2154" s="166">
        <v>0</v>
      </c>
      <c r="CE2154" s="166">
        <v>0</v>
      </c>
      <c r="CF2154" s="166">
        <v>0</v>
      </c>
      <c r="CG2154" s="166">
        <v>0</v>
      </c>
      <c r="CH2154" s="166">
        <v>0</v>
      </c>
      <c r="CI2154" s="166">
        <v>0</v>
      </c>
      <c r="CJ2154" s="166">
        <v>0</v>
      </c>
      <c r="CK2154" s="166">
        <v>0</v>
      </c>
      <c r="CL2154" s="166">
        <v>0</v>
      </c>
      <c r="CM2154" s="166">
        <v>0</v>
      </c>
      <c r="CN2154" s="166">
        <v>0</v>
      </c>
      <c r="CO2154" s="166">
        <v>0</v>
      </c>
      <c r="CP2154" s="166">
        <v>0</v>
      </c>
      <c r="CQ2154" s="166">
        <v>0</v>
      </c>
      <c r="CR2154" s="166">
        <v>0</v>
      </c>
      <c r="CS2154" s="166">
        <v>0</v>
      </c>
      <c r="CT2154" s="166">
        <v>0</v>
      </c>
      <c r="CU2154" s="166">
        <v>0</v>
      </c>
      <c r="CV2154" s="166">
        <v>0</v>
      </c>
      <c r="CW2154" s="166">
        <v>0</v>
      </c>
      <c r="CX2154" s="166">
        <v>0</v>
      </c>
      <c r="CY2154" s="166">
        <v>0</v>
      </c>
      <c r="CZ2154" s="166">
        <v>0</v>
      </c>
    </row>
    <row r="2155" spans="1:104" x14ac:dyDescent="0.2">
      <c r="A2155" s="167" t="s">
        <v>561</v>
      </c>
      <c r="B2155" s="166">
        <v>7775308.82573028</v>
      </c>
      <c r="C2155" s="166">
        <v>7775308.82573028</v>
      </c>
      <c r="D2155" s="166">
        <v>0</v>
      </c>
      <c r="E2155" s="166">
        <v>0</v>
      </c>
      <c r="F2155" s="166">
        <v>0</v>
      </c>
      <c r="G2155" s="166">
        <v>0</v>
      </c>
      <c r="H2155" s="166">
        <v>0</v>
      </c>
      <c r="I2155" s="166">
        <v>0</v>
      </c>
      <c r="J2155" s="166">
        <v>0</v>
      </c>
      <c r="K2155" s="166">
        <v>0</v>
      </c>
      <c r="L2155" s="166">
        <v>0</v>
      </c>
      <c r="M2155" s="166">
        <v>0</v>
      </c>
      <c r="N2155" s="166">
        <v>0</v>
      </c>
      <c r="O2155" s="166">
        <v>0</v>
      </c>
      <c r="P2155" s="166">
        <v>0</v>
      </c>
      <c r="Q2155" s="166">
        <v>0</v>
      </c>
      <c r="R2155" s="166">
        <v>0</v>
      </c>
      <c r="S2155" s="166">
        <v>0</v>
      </c>
      <c r="T2155" s="166">
        <v>0</v>
      </c>
      <c r="U2155" s="166">
        <v>0</v>
      </c>
      <c r="V2155" s="166">
        <v>0</v>
      </c>
      <c r="W2155" s="166">
        <v>0</v>
      </c>
      <c r="X2155" s="166">
        <v>0</v>
      </c>
      <c r="Y2155" s="166">
        <v>0</v>
      </c>
      <c r="Z2155" s="166">
        <v>0</v>
      </c>
      <c r="AA2155" s="166">
        <v>0</v>
      </c>
      <c r="AB2155" s="166">
        <v>0</v>
      </c>
      <c r="AC2155" s="166">
        <v>0</v>
      </c>
      <c r="AD2155" s="166">
        <v>0</v>
      </c>
      <c r="AE2155" s="166">
        <v>0</v>
      </c>
      <c r="AF2155" s="166">
        <v>0</v>
      </c>
      <c r="AG2155" s="166">
        <v>0</v>
      </c>
      <c r="AH2155" s="166">
        <v>0</v>
      </c>
      <c r="AI2155" s="166">
        <v>0</v>
      </c>
      <c r="AJ2155" s="166">
        <v>0</v>
      </c>
      <c r="AK2155" s="166">
        <v>0</v>
      </c>
      <c r="AL2155" s="166">
        <v>0</v>
      </c>
      <c r="AM2155" s="166">
        <v>0</v>
      </c>
      <c r="AN2155" s="166">
        <v>0</v>
      </c>
      <c r="AO2155" s="166">
        <v>0</v>
      </c>
      <c r="AP2155" s="166">
        <v>0</v>
      </c>
      <c r="AQ2155" s="166">
        <v>0</v>
      </c>
      <c r="AR2155" s="166">
        <v>0</v>
      </c>
      <c r="AS2155" s="166">
        <v>0</v>
      </c>
      <c r="AT2155" s="166">
        <v>0</v>
      </c>
      <c r="AU2155" s="166">
        <v>0</v>
      </c>
      <c r="AV2155" s="166">
        <v>0</v>
      </c>
      <c r="AW2155" s="166">
        <v>0</v>
      </c>
      <c r="AX2155" s="166">
        <v>0</v>
      </c>
      <c r="AY2155" s="166">
        <v>0</v>
      </c>
      <c r="AZ2155" s="166">
        <v>0</v>
      </c>
      <c r="BA2155" s="166">
        <v>0</v>
      </c>
      <c r="BB2155" s="166">
        <v>0</v>
      </c>
      <c r="BC2155" s="166">
        <v>0</v>
      </c>
      <c r="BD2155" s="166">
        <v>0</v>
      </c>
      <c r="BE2155" s="166">
        <v>0</v>
      </c>
      <c r="BF2155" s="166">
        <v>0</v>
      </c>
      <c r="BG2155" s="166">
        <v>0</v>
      </c>
      <c r="BH2155" s="166">
        <v>0</v>
      </c>
      <c r="BI2155" s="166">
        <v>0</v>
      </c>
      <c r="BJ2155" s="166">
        <v>0</v>
      </c>
      <c r="BK2155" s="166">
        <v>0</v>
      </c>
      <c r="BL2155" s="166">
        <v>0</v>
      </c>
      <c r="BM2155" s="166">
        <v>0</v>
      </c>
      <c r="BN2155" s="166">
        <v>0</v>
      </c>
      <c r="BO2155" s="166">
        <v>0</v>
      </c>
      <c r="BP2155" s="166">
        <v>0</v>
      </c>
      <c r="BQ2155" s="166">
        <v>0</v>
      </c>
      <c r="BR2155" s="166">
        <v>7775308.82573028</v>
      </c>
      <c r="BS2155" s="166">
        <v>7775308.82573028</v>
      </c>
      <c r="BT2155" s="168">
        <v>0</v>
      </c>
      <c r="BU2155" s="166">
        <v>0</v>
      </c>
      <c r="BV2155" s="166">
        <v>0</v>
      </c>
      <c r="BW2155" s="166">
        <v>0</v>
      </c>
      <c r="BX2155" s="166">
        <v>0</v>
      </c>
      <c r="BY2155" s="166">
        <v>0</v>
      </c>
      <c r="BZ2155" s="166">
        <v>0</v>
      </c>
      <c r="CA2155" s="166">
        <v>0</v>
      </c>
      <c r="CB2155" s="166">
        <v>0</v>
      </c>
      <c r="CC2155" s="166">
        <v>0</v>
      </c>
      <c r="CD2155" s="166">
        <v>0</v>
      </c>
      <c r="CE2155" s="166">
        <v>0</v>
      </c>
      <c r="CF2155" s="166">
        <v>0</v>
      </c>
      <c r="CG2155" s="166">
        <v>0</v>
      </c>
      <c r="CH2155" s="166">
        <v>0</v>
      </c>
      <c r="CI2155" s="166">
        <v>0</v>
      </c>
      <c r="CJ2155" s="166">
        <v>0</v>
      </c>
      <c r="CK2155" s="166">
        <v>0</v>
      </c>
      <c r="CL2155" s="166">
        <v>0</v>
      </c>
      <c r="CM2155" s="166">
        <v>0</v>
      </c>
      <c r="CN2155" s="166">
        <v>0</v>
      </c>
      <c r="CO2155" s="166">
        <v>0</v>
      </c>
      <c r="CP2155" s="166">
        <v>0</v>
      </c>
      <c r="CQ2155" s="166">
        <v>0</v>
      </c>
      <c r="CR2155" s="166">
        <v>0</v>
      </c>
      <c r="CS2155" s="166">
        <v>0</v>
      </c>
      <c r="CT2155" s="166">
        <v>0</v>
      </c>
      <c r="CU2155" s="166">
        <v>0</v>
      </c>
      <c r="CV2155" s="166">
        <v>0</v>
      </c>
      <c r="CW2155" s="166">
        <v>0</v>
      </c>
      <c r="CX2155" s="166">
        <v>0</v>
      </c>
      <c r="CY2155" s="166">
        <v>0</v>
      </c>
      <c r="CZ2155" s="166">
        <v>0</v>
      </c>
    </row>
    <row r="2156" spans="1:104" x14ac:dyDescent="0.2">
      <c r="A2156" s="167" t="s">
        <v>562</v>
      </c>
      <c r="B2156" s="166">
        <v>6628015.0047757505</v>
      </c>
      <c r="C2156" s="166">
        <v>6628015.0047757505</v>
      </c>
      <c r="D2156" s="166">
        <v>0</v>
      </c>
      <c r="E2156" s="166">
        <v>0</v>
      </c>
      <c r="F2156" s="166">
        <v>0</v>
      </c>
      <c r="G2156" s="166">
        <v>0</v>
      </c>
      <c r="H2156" s="166">
        <v>0</v>
      </c>
      <c r="I2156" s="166">
        <v>0</v>
      </c>
      <c r="J2156" s="166">
        <v>0</v>
      </c>
      <c r="K2156" s="166">
        <v>0</v>
      </c>
      <c r="L2156" s="166">
        <v>0</v>
      </c>
      <c r="M2156" s="166">
        <v>0</v>
      </c>
      <c r="N2156" s="166">
        <v>0</v>
      </c>
      <c r="O2156" s="166">
        <v>0</v>
      </c>
      <c r="P2156" s="166">
        <v>0</v>
      </c>
      <c r="Q2156" s="166">
        <v>0</v>
      </c>
      <c r="R2156" s="166">
        <v>0</v>
      </c>
      <c r="S2156" s="166">
        <v>0</v>
      </c>
      <c r="T2156" s="166">
        <v>0</v>
      </c>
      <c r="U2156" s="166">
        <v>0</v>
      </c>
      <c r="V2156" s="166">
        <v>0</v>
      </c>
      <c r="W2156" s="166">
        <v>0</v>
      </c>
      <c r="X2156" s="166">
        <v>0</v>
      </c>
      <c r="Y2156" s="166">
        <v>0</v>
      </c>
      <c r="Z2156" s="166">
        <v>0</v>
      </c>
      <c r="AA2156" s="166">
        <v>0</v>
      </c>
      <c r="AB2156" s="166">
        <v>0</v>
      </c>
      <c r="AC2156" s="166">
        <v>0</v>
      </c>
      <c r="AD2156" s="166">
        <v>0</v>
      </c>
      <c r="AE2156" s="166">
        <v>0</v>
      </c>
      <c r="AF2156" s="166">
        <v>0</v>
      </c>
      <c r="AG2156" s="166">
        <v>0</v>
      </c>
      <c r="AH2156" s="166">
        <v>0</v>
      </c>
      <c r="AI2156" s="166">
        <v>0</v>
      </c>
      <c r="AJ2156" s="166">
        <v>0</v>
      </c>
      <c r="AK2156" s="166">
        <v>0</v>
      </c>
      <c r="AL2156" s="166">
        <v>0</v>
      </c>
      <c r="AM2156" s="166">
        <v>0</v>
      </c>
      <c r="AN2156" s="166">
        <v>0</v>
      </c>
      <c r="AO2156" s="166">
        <v>0</v>
      </c>
      <c r="AP2156" s="166">
        <v>0</v>
      </c>
      <c r="AQ2156" s="166">
        <v>0</v>
      </c>
      <c r="AR2156" s="166">
        <v>0</v>
      </c>
      <c r="AS2156" s="166">
        <v>0</v>
      </c>
      <c r="AT2156" s="166">
        <v>0</v>
      </c>
      <c r="AU2156" s="166">
        <v>0</v>
      </c>
      <c r="AV2156" s="166">
        <v>0</v>
      </c>
      <c r="AW2156" s="166">
        <v>0</v>
      </c>
      <c r="AX2156" s="166">
        <v>0</v>
      </c>
      <c r="AY2156" s="166">
        <v>0</v>
      </c>
      <c r="AZ2156" s="166">
        <v>0</v>
      </c>
      <c r="BA2156" s="166">
        <v>0</v>
      </c>
      <c r="BB2156" s="166">
        <v>0</v>
      </c>
      <c r="BC2156" s="166">
        <v>0</v>
      </c>
      <c r="BD2156" s="166">
        <v>0</v>
      </c>
      <c r="BE2156" s="166">
        <v>0</v>
      </c>
      <c r="BF2156" s="166">
        <v>0</v>
      </c>
      <c r="BG2156" s="166">
        <v>0</v>
      </c>
      <c r="BH2156" s="166">
        <v>0</v>
      </c>
      <c r="BI2156" s="166">
        <v>0</v>
      </c>
      <c r="BJ2156" s="166">
        <v>0</v>
      </c>
      <c r="BK2156" s="166">
        <v>0</v>
      </c>
      <c r="BL2156" s="166">
        <v>0</v>
      </c>
      <c r="BM2156" s="166">
        <v>0</v>
      </c>
      <c r="BN2156" s="166">
        <v>0</v>
      </c>
      <c r="BO2156" s="166">
        <v>0</v>
      </c>
      <c r="BP2156" s="166">
        <v>0</v>
      </c>
      <c r="BQ2156" s="166">
        <v>0</v>
      </c>
      <c r="BR2156" s="166">
        <v>6628015.0047757505</v>
      </c>
      <c r="BS2156" s="166">
        <v>6628015.0047757505</v>
      </c>
      <c r="BT2156" s="168">
        <v>0</v>
      </c>
      <c r="BU2156" s="166">
        <v>0</v>
      </c>
      <c r="BV2156" s="166">
        <v>0</v>
      </c>
      <c r="BW2156" s="166">
        <v>0</v>
      </c>
      <c r="BX2156" s="166">
        <v>0</v>
      </c>
      <c r="BY2156" s="166">
        <v>0</v>
      </c>
      <c r="BZ2156" s="166">
        <v>0</v>
      </c>
      <c r="CA2156" s="166">
        <v>0</v>
      </c>
      <c r="CB2156" s="166">
        <v>0</v>
      </c>
      <c r="CC2156" s="166">
        <v>0</v>
      </c>
      <c r="CD2156" s="166">
        <v>0</v>
      </c>
      <c r="CE2156" s="166">
        <v>0</v>
      </c>
      <c r="CF2156" s="166">
        <v>0</v>
      </c>
      <c r="CG2156" s="166">
        <v>0</v>
      </c>
      <c r="CH2156" s="166">
        <v>0</v>
      </c>
      <c r="CI2156" s="166">
        <v>0</v>
      </c>
      <c r="CJ2156" s="166">
        <v>0</v>
      </c>
      <c r="CK2156" s="166">
        <v>0</v>
      </c>
      <c r="CL2156" s="166">
        <v>0</v>
      </c>
      <c r="CM2156" s="166">
        <v>0</v>
      </c>
      <c r="CN2156" s="166">
        <v>0</v>
      </c>
      <c r="CO2156" s="166">
        <v>0</v>
      </c>
      <c r="CP2156" s="166">
        <v>0</v>
      </c>
      <c r="CQ2156" s="166">
        <v>0</v>
      </c>
      <c r="CR2156" s="166">
        <v>0</v>
      </c>
      <c r="CS2156" s="166">
        <v>0</v>
      </c>
      <c r="CT2156" s="166">
        <v>0</v>
      </c>
      <c r="CU2156" s="166">
        <v>0</v>
      </c>
      <c r="CV2156" s="166">
        <v>0</v>
      </c>
      <c r="CW2156" s="166">
        <v>0</v>
      </c>
      <c r="CX2156" s="166">
        <v>0</v>
      </c>
      <c r="CY2156" s="166">
        <v>0</v>
      </c>
      <c r="CZ2156" s="166">
        <v>0</v>
      </c>
    </row>
    <row r="2157" spans="1:104" x14ac:dyDescent="0.2">
      <c r="A2157" s="177" t="s">
        <v>563</v>
      </c>
      <c r="B2157" s="166">
        <v>40182333.517093502</v>
      </c>
      <c r="C2157" s="166">
        <v>40182333.517093502</v>
      </c>
      <c r="D2157" s="166">
        <v>0</v>
      </c>
      <c r="E2157" s="166">
        <v>0</v>
      </c>
      <c r="F2157" s="166">
        <v>0</v>
      </c>
      <c r="G2157" s="166">
        <v>0</v>
      </c>
      <c r="H2157" s="166">
        <v>0</v>
      </c>
      <c r="I2157" s="166">
        <v>0</v>
      </c>
      <c r="J2157" s="166">
        <v>0</v>
      </c>
      <c r="K2157" s="166">
        <v>0</v>
      </c>
      <c r="L2157" s="166">
        <v>0</v>
      </c>
      <c r="M2157" s="166">
        <v>0</v>
      </c>
      <c r="N2157" s="166">
        <v>0</v>
      </c>
      <c r="O2157" s="166">
        <v>0</v>
      </c>
      <c r="P2157" s="166">
        <v>0</v>
      </c>
      <c r="Q2157" s="166">
        <v>0</v>
      </c>
      <c r="R2157" s="166">
        <v>0</v>
      </c>
      <c r="S2157" s="166">
        <v>0</v>
      </c>
      <c r="T2157" s="166">
        <v>0</v>
      </c>
      <c r="U2157" s="166">
        <v>0</v>
      </c>
      <c r="V2157" s="166">
        <v>0</v>
      </c>
      <c r="W2157" s="166">
        <v>0</v>
      </c>
      <c r="X2157" s="166">
        <v>0</v>
      </c>
      <c r="Y2157" s="166">
        <v>0</v>
      </c>
      <c r="Z2157" s="166">
        <v>0</v>
      </c>
      <c r="AA2157" s="166">
        <v>0</v>
      </c>
      <c r="AB2157" s="166">
        <v>0</v>
      </c>
      <c r="AC2157" s="166">
        <v>0</v>
      </c>
      <c r="AD2157" s="166">
        <v>0</v>
      </c>
      <c r="AE2157" s="166">
        <v>0</v>
      </c>
      <c r="AF2157" s="166">
        <v>0</v>
      </c>
      <c r="AG2157" s="166">
        <v>0</v>
      </c>
      <c r="AH2157" s="166">
        <v>0</v>
      </c>
      <c r="AI2157" s="166">
        <v>0</v>
      </c>
      <c r="AJ2157" s="166">
        <v>0</v>
      </c>
      <c r="AK2157" s="166">
        <v>0</v>
      </c>
      <c r="AL2157" s="166">
        <v>0</v>
      </c>
      <c r="AM2157" s="166">
        <v>0</v>
      </c>
      <c r="AN2157" s="166">
        <v>0</v>
      </c>
      <c r="AO2157" s="166">
        <v>0</v>
      </c>
      <c r="AP2157" s="166">
        <v>0</v>
      </c>
      <c r="AQ2157" s="166">
        <v>0</v>
      </c>
      <c r="AR2157" s="166">
        <v>0</v>
      </c>
      <c r="AS2157" s="166">
        <v>0</v>
      </c>
      <c r="AT2157" s="166">
        <v>0</v>
      </c>
      <c r="AU2157" s="166">
        <v>0</v>
      </c>
      <c r="AV2157" s="166">
        <v>0</v>
      </c>
      <c r="AW2157" s="166">
        <v>0</v>
      </c>
      <c r="AX2157" s="166">
        <v>0</v>
      </c>
      <c r="AY2157" s="166">
        <v>0</v>
      </c>
      <c r="AZ2157" s="166">
        <v>0</v>
      </c>
      <c r="BA2157" s="166">
        <v>0</v>
      </c>
      <c r="BB2157" s="166">
        <v>0</v>
      </c>
      <c r="BC2157" s="166">
        <v>0</v>
      </c>
      <c r="BD2157" s="166">
        <v>0</v>
      </c>
      <c r="BE2157" s="166">
        <v>0</v>
      </c>
      <c r="BF2157" s="166">
        <v>0</v>
      </c>
      <c r="BG2157" s="166">
        <v>0</v>
      </c>
      <c r="BH2157" s="166">
        <v>0</v>
      </c>
      <c r="BI2157" s="166">
        <v>0</v>
      </c>
      <c r="BJ2157" s="166">
        <v>0</v>
      </c>
      <c r="BK2157" s="166">
        <v>0</v>
      </c>
      <c r="BL2157" s="166">
        <v>0</v>
      </c>
      <c r="BM2157" s="166">
        <v>0</v>
      </c>
      <c r="BN2157" s="166">
        <v>0</v>
      </c>
      <c r="BO2157" s="166">
        <v>0</v>
      </c>
      <c r="BP2157" s="166">
        <v>0</v>
      </c>
      <c r="BQ2157" s="166">
        <v>0</v>
      </c>
      <c r="BR2157" s="166">
        <v>40182333.517093502</v>
      </c>
      <c r="BS2157" s="166">
        <v>40182333.517093502</v>
      </c>
      <c r="BT2157" s="168">
        <v>0</v>
      </c>
      <c r="BU2157" s="166">
        <v>0</v>
      </c>
      <c r="BV2157" s="166">
        <v>0</v>
      </c>
      <c r="BW2157" s="166">
        <v>0</v>
      </c>
      <c r="BX2157" s="166">
        <v>0</v>
      </c>
      <c r="BY2157" s="166">
        <v>0</v>
      </c>
      <c r="BZ2157" s="166">
        <v>0</v>
      </c>
      <c r="CA2157" s="166">
        <v>0</v>
      </c>
      <c r="CB2157" s="166">
        <v>0</v>
      </c>
      <c r="CC2157" s="166">
        <v>0</v>
      </c>
      <c r="CD2157" s="166">
        <v>0</v>
      </c>
      <c r="CE2157" s="166">
        <v>0</v>
      </c>
      <c r="CF2157" s="166">
        <v>0</v>
      </c>
      <c r="CG2157" s="166">
        <v>0</v>
      </c>
      <c r="CH2157" s="166">
        <v>0</v>
      </c>
      <c r="CI2157" s="166">
        <v>0</v>
      </c>
      <c r="CJ2157" s="166">
        <v>0</v>
      </c>
      <c r="CK2157" s="166">
        <v>0</v>
      </c>
      <c r="CL2157" s="166">
        <v>0</v>
      </c>
      <c r="CM2157" s="166">
        <v>0</v>
      </c>
      <c r="CN2157" s="166">
        <v>0</v>
      </c>
      <c r="CO2157" s="166">
        <v>0</v>
      </c>
      <c r="CP2157" s="166">
        <v>0</v>
      </c>
      <c r="CQ2157" s="166">
        <v>0</v>
      </c>
      <c r="CR2157" s="166">
        <v>0</v>
      </c>
      <c r="CS2157" s="166">
        <v>0</v>
      </c>
      <c r="CT2157" s="166">
        <v>0</v>
      </c>
      <c r="CU2157" s="166">
        <v>0</v>
      </c>
      <c r="CV2157" s="166">
        <v>0</v>
      </c>
      <c r="CW2157" s="166">
        <v>0</v>
      </c>
      <c r="CX2157" s="166">
        <v>0</v>
      </c>
      <c r="CY2157" s="166">
        <v>0</v>
      </c>
      <c r="CZ2157" s="166">
        <v>0</v>
      </c>
    </row>
    <row r="2158" spans="1:104" x14ac:dyDescent="0.2">
      <c r="A2158" s="167" t="s">
        <v>564</v>
      </c>
      <c r="B2158" s="166">
        <v>0</v>
      </c>
      <c r="C2158" s="166">
        <v>0</v>
      </c>
      <c r="D2158" s="166">
        <v>0</v>
      </c>
      <c r="E2158" s="166">
        <v>0</v>
      </c>
      <c r="F2158" s="166">
        <v>0</v>
      </c>
      <c r="G2158" s="166">
        <v>0</v>
      </c>
      <c r="H2158" s="166">
        <v>0</v>
      </c>
      <c r="I2158" s="166">
        <v>0</v>
      </c>
      <c r="J2158" s="166">
        <v>0</v>
      </c>
      <c r="K2158" s="166">
        <v>0</v>
      </c>
      <c r="L2158" s="166">
        <v>0</v>
      </c>
      <c r="M2158" s="166">
        <v>0</v>
      </c>
      <c r="N2158" s="166">
        <v>0</v>
      </c>
      <c r="O2158" s="166">
        <v>0</v>
      </c>
      <c r="P2158" s="166">
        <v>0</v>
      </c>
      <c r="Q2158" s="166">
        <v>0</v>
      </c>
      <c r="R2158" s="166">
        <v>0</v>
      </c>
      <c r="S2158" s="166">
        <v>0</v>
      </c>
      <c r="T2158" s="166">
        <v>0</v>
      </c>
      <c r="U2158" s="166">
        <v>0</v>
      </c>
      <c r="V2158" s="166">
        <v>0</v>
      </c>
      <c r="W2158" s="166">
        <v>0</v>
      </c>
      <c r="X2158" s="166">
        <v>0</v>
      </c>
      <c r="Y2158" s="166">
        <v>0</v>
      </c>
      <c r="Z2158" s="166">
        <v>0</v>
      </c>
      <c r="AA2158" s="166">
        <v>0</v>
      </c>
      <c r="AB2158" s="166">
        <v>0</v>
      </c>
      <c r="AC2158" s="166">
        <v>0</v>
      </c>
      <c r="AD2158" s="166">
        <v>0</v>
      </c>
      <c r="AE2158" s="166">
        <v>0</v>
      </c>
      <c r="AF2158" s="166">
        <v>0</v>
      </c>
      <c r="AG2158" s="166">
        <v>0</v>
      </c>
      <c r="AH2158" s="166">
        <v>0</v>
      </c>
      <c r="AI2158" s="166">
        <v>0</v>
      </c>
      <c r="AJ2158" s="166">
        <v>0</v>
      </c>
      <c r="AK2158" s="166">
        <v>0</v>
      </c>
      <c r="AL2158" s="166">
        <v>0</v>
      </c>
      <c r="AM2158" s="166">
        <v>0</v>
      </c>
      <c r="AN2158" s="166">
        <v>0</v>
      </c>
      <c r="AO2158" s="166">
        <v>0</v>
      </c>
      <c r="AP2158" s="166">
        <v>0</v>
      </c>
      <c r="AQ2158" s="166">
        <v>0</v>
      </c>
      <c r="AR2158" s="166">
        <v>0</v>
      </c>
      <c r="AS2158" s="166">
        <v>0</v>
      </c>
      <c r="AT2158" s="166">
        <v>0</v>
      </c>
      <c r="AU2158" s="166">
        <v>0</v>
      </c>
      <c r="AV2158" s="166">
        <v>0</v>
      </c>
      <c r="AW2158" s="166">
        <v>0</v>
      </c>
      <c r="AX2158" s="166">
        <v>0</v>
      </c>
      <c r="AY2158" s="166">
        <v>0</v>
      </c>
      <c r="AZ2158" s="166">
        <v>0</v>
      </c>
      <c r="BA2158" s="166">
        <v>0</v>
      </c>
      <c r="BB2158" s="166">
        <v>0</v>
      </c>
      <c r="BC2158" s="166">
        <v>0</v>
      </c>
      <c r="BD2158" s="166">
        <v>0</v>
      </c>
      <c r="BE2158" s="166">
        <v>0</v>
      </c>
      <c r="BF2158" s="166">
        <v>0</v>
      </c>
      <c r="BG2158" s="166">
        <v>0</v>
      </c>
      <c r="BH2158" s="166">
        <v>0</v>
      </c>
      <c r="BI2158" s="166">
        <v>0</v>
      </c>
      <c r="BJ2158" s="166">
        <v>0</v>
      </c>
      <c r="BK2158" s="166">
        <v>0</v>
      </c>
      <c r="BL2158" s="166">
        <v>0</v>
      </c>
      <c r="BM2158" s="166">
        <v>0</v>
      </c>
      <c r="BN2158" s="166">
        <v>0</v>
      </c>
      <c r="BO2158" s="166">
        <v>0</v>
      </c>
      <c r="BP2158" s="166">
        <v>0</v>
      </c>
      <c r="BQ2158" s="166">
        <v>0</v>
      </c>
      <c r="BR2158" s="166">
        <v>0</v>
      </c>
      <c r="BS2158" s="166">
        <v>0</v>
      </c>
      <c r="BT2158" s="168">
        <v>0</v>
      </c>
      <c r="BU2158" s="166">
        <v>0</v>
      </c>
      <c r="BV2158" s="166">
        <v>0</v>
      </c>
      <c r="BW2158" s="166">
        <v>0</v>
      </c>
      <c r="BX2158" s="166">
        <v>0</v>
      </c>
      <c r="BY2158" s="166">
        <v>0</v>
      </c>
      <c r="BZ2158" s="166">
        <v>0</v>
      </c>
      <c r="CA2158" s="166">
        <v>0</v>
      </c>
      <c r="CB2158" s="166">
        <v>0</v>
      </c>
      <c r="CC2158" s="166">
        <v>0</v>
      </c>
      <c r="CD2158" s="166">
        <v>0</v>
      </c>
      <c r="CE2158" s="166">
        <v>0</v>
      </c>
      <c r="CF2158" s="166">
        <v>0</v>
      </c>
      <c r="CG2158" s="166">
        <v>0</v>
      </c>
      <c r="CH2158" s="166">
        <v>0</v>
      </c>
      <c r="CI2158" s="166">
        <v>0</v>
      </c>
      <c r="CJ2158" s="166">
        <v>0</v>
      </c>
      <c r="CK2158" s="166">
        <v>0</v>
      </c>
      <c r="CL2158" s="166">
        <v>0</v>
      </c>
      <c r="CM2158" s="166">
        <v>0</v>
      </c>
      <c r="CN2158" s="166">
        <v>0</v>
      </c>
      <c r="CO2158" s="166">
        <v>0</v>
      </c>
      <c r="CP2158" s="166">
        <v>0</v>
      </c>
      <c r="CQ2158" s="166">
        <v>0</v>
      </c>
      <c r="CR2158" s="166">
        <v>0</v>
      </c>
      <c r="CS2158" s="166">
        <v>0</v>
      </c>
      <c r="CT2158" s="166">
        <v>0</v>
      </c>
      <c r="CU2158" s="166">
        <v>0</v>
      </c>
      <c r="CV2158" s="166">
        <v>0</v>
      </c>
      <c r="CW2158" s="166">
        <v>0</v>
      </c>
      <c r="CX2158" s="166">
        <v>0</v>
      </c>
      <c r="CY2158" s="166">
        <v>0</v>
      </c>
      <c r="CZ2158" s="166">
        <v>0</v>
      </c>
    </row>
    <row r="2159" spans="1:104" x14ac:dyDescent="0.2">
      <c r="A2159" s="167" t="s">
        <v>565</v>
      </c>
      <c r="B2159" s="166">
        <v>637599.60238032998</v>
      </c>
      <c r="C2159" s="166">
        <v>637599.60238032998</v>
      </c>
      <c r="D2159" s="166">
        <v>0</v>
      </c>
      <c r="E2159" s="166">
        <v>0</v>
      </c>
      <c r="F2159" s="166">
        <v>0</v>
      </c>
      <c r="G2159" s="166">
        <v>0</v>
      </c>
      <c r="H2159" s="166">
        <v>0</v>
      </c>
      <c r="I2159" s="166">
        <v>0</v>
      </c>
      <c r="J2159" s="166">
        <v>0</v>
      </c>
      <c r="K2159" s="166">
        <v>0</v>
      </c>
      <c r="L2159" s="166">
        <v>0</v>
      </c>
      <c r="M2159" s="166">
        <v>0</v>
      </c>
      <c r="N2159" s="166">
        <v>0</v>
      </c>
      <c r="O2159" s="166">
        <v>0</v>
      </c>
      <c r="P2159" s="166">
        <v>0</v>
      </c>
      <c r="Q2159" s="166">
        <v>0</v>
      </c>
      <c r="R2159" s="166">
        <v>0</v>
      </c>
      <c r="S2159" s="166">
        <v>0</v>
      </c>
      <c r="T2159" s="166">
        <v>0</v>
      </c>
      <c r="U2159" s="166">
        <v>0</v>
      </c>
      <c r="V2159" s="166">
        <v>0</v>
      </c>
      <c r="W2159" s="166">
        <v>0</v>
      </c>
      <c r="X2159" s="166">
        <v>0</v>
      </c>
      <c r="Y2159" s="166">
        <v>0</v>
      </c>
      <c r="Z2159" s="166">
        <v>0</v>
      </c>
      <c r="AA2159" s="166">
        <v>0</v>
      </c>
      <c r="AB2159" s="166">
        <v>0</v>
      </c>
      <c r="AC2159" s="166">
        <v>0</v>
      </c>
      <c r="AD2159" s="166">
        <v>0</v>
      </c>
      <c r="AE2159" s="166">
        <v>0</v>
      </c>
      <c r="AF2159" s="166">
        <v>0</v>
      </c>
      <c r="AG2159" s="166">
        <v>0</v>
      </c>
      <c r="AH2159" s="166">
        <v>0</v>
      </c>
      <c r="AI2159" s="166">
        <v>0</v>
      </c>
      <c r="AJ2159" s="166">
        <v>0</v>
      </c>
      <c r="AK2159" s="166">
        <v>0</v>
      </c>
      <c r="AL2159" s="166">
        <v>0</v>
      </c>
      <c r="AM2159" s="166">
        <v>0</v>
      </c>
      <c r="AN2159" s="166">
        <v>0</v>
      </c>
      <c r="AO2159" s="166">
        <v>0</v>
      </c>
      <c r="AP2159" s="166">
        <v>0</v>
      </c>
      <c r="AQ2159" s="166">
        <v>0</v>
      </c>
      <c r="AR2159" s="166">
        <v>0</v>
      </c>
      <c r="AS2159" s="166">
        <v>0</v>
      </c>
      <c r="AT2159" s="166">
        <v>0</v>
      </c>
      <c r="AU2159" s="166">
        <v>0</v>
      </c>
      <c r="AV2159" s="166">
        <v>0</v>
      </c>
      <c r="AW2159" s="166">
        <v>0</v>
      </c>
      <c r="AX2159" s="166">
        <v>0</v>
      </c>
      <c r="AY2159" s="166">
        <v>0</v>
      </c>
      <c r="AZ2159" s="166">
        <v>0</v>
      </c>
      <c r="BA2159" s="166">
        <v>0</v>
      </c>
      <c r="BB2159" s="166">
        <v>0</v>
      </c>
      <c r="BC2159" s="166">
        <v>0</v>
      </c>
      <c r="BD2159" s="166">
        <v>0</v>
      </c>
      <c r="BE2159" s="166">
        <v>0</v>
      </c>
      <c r="BF2159" s="166">
        <v>0</v>
      </c>
      <c r="BG2159" s="166">
        <v>0</v>
      </c>
      <c r="BH2159" s="166">
        <v>0</v>
      </c>
      <c r="BI2159" s="166">
        <v>0</v>
      </c>
      <c r="BJ2159" s="166">
        <v>0</v>
      </c>
      <c r="BK2159" s="166">
        <v>0</v>
      </c>
      <c r="BL2159" s="166">
        <v>0</v>
      </c>
      <c r="BM2159" s="166">
        <v>0</v>
      </c>
      <c r="BN2159" s="166">
        <v>0</v>
      </c>
      <c r="BO2159" s="166">
        <v>0</v>
      </c>
      <c r="BP2159" s="166">
        <v>0</v>
      </c>
      <c r="BQ2159" s="166">
        <v>0</v>
      </c>
      <c r="BR2159" s="166">
        <v>637599.60238032998</v>
      </c>
      <c r="BS2159" s="166">
        <v>637599.60238032998</v>
      </c>
      <c r="BT2159" s="168">
        <v>0</v>
      </c>
      <c r="BU2159" s="166">
        <v>0</v>
      </c>
      <c r="BV2159" s="166">
        <v>0</v>
      </c>
      <c r="BW2159" s="166">
        <v>0</v>
      </c>
      <c r="BX2159" s="166">
        <v>0</v>
      </c>
      <c r="BY2159" s="166">
        <v>0</v>
      </c>
      <c r="BZ2159" s="166">
        <v>0</v>
      </c>
      <c r="CA2159" s="166">
        <v>0</v>
      </c>
      <c r="CB2159" s="166">
        <v>0</v>
      </c>
      <c r="CC2159" s="166">
        <v>0</v>
      </c>
      <c r="CD2159" s="166">
        <v>0</v>
      </c>
      <c r="CE2159" s="166">
        <v>0</v>
      </c>
      <c r="CF2159" s="166">
        <v>0</v>
      </c>
      <c r="CG2159" s="166">
        <v>0</v>
      </c>
      <c r="CH2159" s="166">
        <v>0</v>
      </c>
      <c r="CI2159" s="166">
        <v>0</v>
      </c>
      <c r="CJ2159" s="166">
        <v>0</v>
      </c>
      <c r="CK2159" s="166">
        <v>0</v>
      </c>
      <c r="CL2159" s="166">
        <v>0</v>
      </c>
      <c r="CM2159" s="166">
        <v>0</v>
      </c>
      <c r="CN2159" s="166">
        <v>0</v>
      </c>
      <c r="CO2159" s="166">
        <v>0</v>
      </c>
      <c r="CP2159" s="166">
        <v>0</v>
      </c>
      <c r="CQ2159" s="166">
        <v>0</v>
      </c>
      <c r="CR2159" s="166">
        <v>0</v>
      </c>
      <c r="CS2159" s="166">
        <v>0</v>
      </c>
      <c r="CT2159" s="166">
        <v>0</v>
      </c>
      <c r="CU2159" s="166">
        <v>0</v>
      </c>
      <c r="CV2159" s="166">
        <v>0</v>
      </c>
      <c r="CW2159" s="166">
        <v>0</v>
      </c>
      <c r="CX2159" s="166">
        <v>0</v>
      </c>
      <c r="CY2159" s="166">
        <v>0</v>
      </c>
      <c r="CZ2159" s="166">
        <v>0</v>
      </c>
    </row>
    <row r="2160" spans="1:104" x14ac:dyDescent="0.2">
      <c r="A2160" s="167" t="s">
        <v>566</v>
      </c>
      <c r="B2160" s="166">
        <v>6563.5816980719201</v>
      </c>
      <c r="C2160" s="166">
        <v>6563.5816980719201</v>
      </c>
      <c r="D2160" s="166">
        <v>0</v>
      </c>
      <c r="E2160" s="166">
        <v>0</v>
      </c>
      <c r="F2160" s="166">
        <v>0</v>
      </c>
      <c r="G2160" s="166">
        <v>0</v>
      </c>
      <c r="H2160" s="166">
        <v>0</v>
      </c>
      <c r="I2160" s="166">
        <v>0</v>
      </c>
      <c r="J2160" s="166">
        <v>0</v>
      </c>
      <c r="K2160" s="166">
        <v>0</v>
      </c>
      <c r="L2160" s="166">
        <v>0</v>
      </c>
      <c r="M2160" s="166">
        <v>0</v>
      </c>
      <c r="N2160" s="166">
        <v>0</v>
      </c>
      <c r="O2160" s="166">
        <v>0</v>
      </c>
      <c r="P2160" s="166">
        <v>0</v>
      </c>
      <c r="Q2160" s="166">
        <v>0</v>
      </c>
      <c r="R2160" s="166">
        <v>0</v>
      </c>
      <c r="S2160" s="166">
        <v>0</v>
      </c>
      <c r="T2160" s="166">
        <v>0</v>
      </c>
      <c r="U2160" s="166">
        <v>0</v>
      </c>
      <c r="V2160" s="166">
        <v>0</v>
      </c>
      <c r="W2160" s="166">
        <v>0</v>
      </c>
      <c r="X2160" s="166">
        <v>0</v>
      </c>
      <c r="Y2160" s="166">
        <v>0</v>
      </c>
      <c r="Z2160" s="166">
        <v>0</v>
      </c>
      <c r="AA2160" s="166">
        <v>0</v>
      </c>
      <c r="AB2160" s="166">
        <v>0</v>
      </c>
      <c r="AC2160" s="166">
        <v>0</v>
      </c>
      <c r="AD2160" s="166">
        <v>0</v>
      </c>
      <c r="AE2160" s="166">
        <v>0</v>
      </c>
      <c r="AF2160" s="166">
        <v>0</v>
      </c>
      <c r="AG2160" s="166">
        <v>0</v>
      </c>
      <c r="AH2160" s="166">
        <v>0</v>
      </c>
      <c r="AI2160" s="166">
        <v>0</v>
      </c>
      <c r="AJ2160" s="166">
        <v>0</v>
      </c>
      <c r="AK2160" s="166">
        <v>0</v>
      </c>
      <c r="AL2160" s="166">
        <v>0</v>
      </c>
      <c r="AM2160" s="166">
        <v>0</v>
      </c>
      <c r="AN2160" s="166">
        <v>0</v>
      </c>
      <c r="AO2160" s="166">
        <v>0</v>
      </c>
      <c r="AP2160" s="166">
        <v>0</v>
      </c>
      <c r="AQ2160" s="166">
        <v>0</v>
      </c>
      <c r="AR2160" s="166">
        <v>0</v>
      </c>
      <c r="AS2160" s="166">
        <v>0</v>
      </c>
      <c r="AT2160" s="166">
        <v>0</v>
      </c>
      <c r="AU2160" s="166">
        <v>0</v>
      </c>
      <c r="AV2160" s="166">
        <v>0</v>
      </c>
      <c r="AW2160" s="166">
        <v>0</v>
      </c>
      <c r="AX2160" s="166">
        <v>0</v>
      </c>
      <c r="AY2160" s="166">
        <v>0</v>
      </c>
      <c r="AZ2160" s="166">
        <v>0</v>
      </c>
      <c r="BA2160" s="166">
        <v>0</v>
      </c>
      <c r="BB2160" s="166">
        <v>0</v>
      </c>
      <c r="BC2160" s="166">
        <v>0</v>
      </c>
      <c r="BD2160" s="166">
        <v>0</v>
      </c>
      <c r="BE2160" s="166">
        <v>0</v>
      </c>
      <c r="BF2160" s="166">
        <v>0</v>
      </c>
      <c r="BG2160" s="166">
        <v>0</v>
      </c>
      <c r="BH2160" s="166">
        <v>0</v>
      </c>
      <c r="BI2160" s="166">
        <v>0</v>
      </c>
      <c r="BJ2160" s="166">
        <v>0</v>
      </c>
      <c r="BK2160" s="166">
        <v>0</v>
      </c>
      <c r="BL2160" s="166">
        <v>0</v>
      </c>
      <c r="BM2160" s="166">
        <v>0</v>
      </c>
      <c r="BN2160" s="166">
        <v>0</v>
      </c>
      <c r="BO2160" s="166">
        <v>0</v>
      </c>
      <c r="BP2160" s="166">
        <v>0</v>
      </c>
      <c r="BQ2160" s="166">
        <v>0</v>
      </c>
      <c r="BR2160" s="166">
        <v>6563.5816980719201</v>
      </c>
      <c r="BS2160" s="166">
        <v>6563.5816980719201</v>
      </c>
      <c r="BT2160" s="168">
        <v>0</v>
      </c>
      <c r="BU2160" s="166">
        <v>0</v>
      </c>
      <c r="BV2160" s="166">
        <v>0</v>
      </c>
      <c r="BW2160" s="166">
        <v>0</v>
      </c>
      <c r="BX2160" s="166">
        <v>0</v>
      </c>
      <c r="BY2160" s="166">
        <v>0</v>
      </c>
      <c r="BZ2160" s="166">
        <v>0</v>
      </c>
      <c r="CA2160" s="166">
        <v>0</v>
      </c>
      <c r="CB2160" s="166">
        <v>0</v>
      </c>
      <c r="CC2160" s="166">
        <v>0</v>
      </c>
      <c r="CD2160" s="166">
        <v>0</v>
      </c>
      <c r="CE2160" s="166">
        <v>0</v>
      </c>
      <c r="CF2160" s="166">
        <v>0</v>
      </c>
      <c r="CG2160" s="166">
        <v>0</v>
      </c>
      <c r="CH2160" s="166">
        <v>0</v>
      </c>
      <c r="CI2160" s="166">
        <v>0</v>
      </c>
      <c r="CJ2160" s="166">
        <v>0</v>
      </c>
      <c r="CK2160" s="166">
        <v>0</v>
      </c>
      <c r="CL2160" s="166">
        <v>0</v>
      </c>
      <c r="CM2160" s="166">
        <v>0</v>
      </c>
      <c r="CN2160" s="166">
        <v>0</v>
      </c>
      <c r="CO2160" s="166">
        <v>0</v>
      </c>
      <c r="CP2160" s="166">
        <v>0</v>
      </c>
      <c r="CQ2160" s="166">
        <v>0</v>
      </c>
      <c r="CR2160" s="166">
        <v>0</v>
      </c>
      <c r="CS2160" s="166">
        <v>0</v>
      </c>
      <c r="CT2160" s="166">
        <v>0</v>
      </c>
      <c r="CU2160" s="166">
        <v>0</v>
      </c>
      <c r="CV2160" s="166">
        <v>0</v>
      </c>
      <c r="CW2160" s="166">
        <v>0</v>
      </c>
      <c r="CX2160" s="166">
        <v>0</v>
      </c>
      <c r="CY2160" s="166">
        <v>0</v>
      </c>
      <c r="CZ2160" s="166">
        <v>0</v>
      </c>
    </row>
    <row r="2161" spans="1:104" x14ac:dyDescent="0.2">
      <c r="A2161" s="167" t="s">
        <v>567</v>
      </c>
      <c r="B2161" s="166">
        <v>47348.545739385103</v>
      </c>
      <c r="C2161" s="166">
        <v>47348.545739385103</v>
      </c>
      <c r="D2161" s="166">
        <v>0</v>
      </c>
      <c r="E2161" s="166">
        <v>0</v>
      </c>
      <c r="F2161" s="166">
        <v>0</v>
      </c>
      <c r="G2161" s="166">
        <v>0</v>
      </c>
      <c r="H2161" s="166">
        <v>0</v>
      </c>
      <c r="I2161" s="166">
        <v>0</v>
      </c>
      <c r="J2161" s="166">
        <v>0</v>
      </c>
      <c r="K2161" s="166">
        <v>0</v>
      </c>
      <c r="L2161" s="166">
        <v>0</v>
      </c>
      <c r="M2161" s="166">
        <v>0</v>
      </c>
      <c r="N2161" s="166">
        <v>0</v>
      </c>
      <c r="O2161" s="166">
        <v>0</v>
      </c>
      <c r="P2161" s="166">
        <v>0</v>
      </c>
      <c r="Q2161" s="166">
        <v>0</v>
      </c>
      <c r="R2161" s="166">
        <v>0</v>
      </c>
      <c r="S2161" s="166">
        <v>0</v>
      </c>
      <c r="T2161" s="166">
        <v>0</v>
      </c>
      <c r="U2161" s="166">
        <v>0</v>
      </c>
      <c r="V2161" s="166">
        <v>0</v>
      </c>
      <c r="W2161" s="166">
        <v>0</v>
      </c>
      <c r="X2161" s="166">
        <v>0</v>
      </c>
      <c r="Y2161" s="166">
        <v>0</v>
      </c>
      <c r="Z2161" s="166">
        <v>0</v>
      </c>
      <c r="AA2161" s="166">
        <v>0</v>
      </c>
      <c r="AB2161" s="166">
        <v>0</v>
      </c>
      <c r="AC2161" s="166">
        <v>0</v>
      </c>
      <c r="AD2161" s="166">
        <v>0</v>
      </c>
      <c r="AE2161" s="166">
        <v>0</v>
      </c>
      <c r="AF2161" s="166">
        <v>0</v>
      </c>
      <c r="AG2161" s="166">
        <v>0</v>
      </c>
      <c r="AH2161" s="166">
        <v>0</v>
      </c>
      <c r="AI2161" s="166">
        <v>0</v>
      </c>
      <c r="AJ2161" s="166">
        <v>0</v>
      </c>
      <c r="AK2161" s="166">
        <v>0</v>
      </c>
      <c r="AL2161" s="166">
        <v>0</v>
      </c>
      <c r="AM2161" s="166">
        <v>0</v>
      </c>
      <c r="AN2161" s="166">
        <v>0</v>
      </c>
      <c r="AO2161" s="166">
        <v>0</v>
      </c>
      <c r="AP2161" s="166">
        <v>0</v>
      </c>
      <c r="AQ2161" s="166">
        <v>0</v>
      </c>
      <c r="AR2161" s="166">
        <v>0</v>
      </c>
      <c r="AS2161" s="166">
        <v>0</v>
      </c>
      <c r="AT2161" s="166">
        <v>0</v>
      </c>
      <c r="AU2161" s="166">
        <v>0</v>
      </c>
      <c r="AV2161" s="166">
        <v>0</v>
      </c>
      <c r="AW2161" s="166">
        <v>0</v>
      </c>
      <c r="AX2161" s="166">
        <v>0</v>
      </c>
      <c r="AY2161" s="166">
        <v>0</v>
      </c>
      <c r="AZ2161" s="166">
        <v>0</v>
      </c>
      <c r="BA2161" s="166">
        <v>0</v>
      </c>
      <c r="BB2161" s="166">
        <v>0</v>
      </c>
      <c r="BC2161" s="166">
        <v>0</v>
      </c>
      <c r="BD2161" s="166">
        <v>0</v>
      </c>
      <c r="BE2161" s="166">
        <v>0</v>
      </c>
      <c r="BF2161" s="166">
        <v>0</v>
      </c>
      <c r="BG2161" s="166">
        <v>0</v>
      </c>
      <c r="BH2161" s="166">
        <v>0</v>
      </c>
      <c r="BI2161" s="166">
        <v>0</v>
      </c>
      <c r="BJ2161" s="166">
        <v>0</v>
      </c>
      <c r="BK2161" s="166">
        <v>0</v>
      </c>
      <c r="BL2161" s="166">
        <v>0</v>
      </c>
      <c r="BM2161" s="166">
        <v>0</v>
      </c>
      <c r="BN2161" s="166">
        <v>0</v>
      </c>
      <c r="BO2161" s="166">
        <v>0</v>
      </c>
      <c r="BP2161" s="166">
        <v>0</v>
      </c>
      <c r="BQ2161" s="166">
        <v>0</v>
      </c>
      <c r="BR2161" s="166">
        <v>47348.545739385103</v>
      </c>
      <c r="BS2161" s="166">
        <v>47348.545739385103</v>
      </c>
      <c r="BT2161" s="168">
        <v>0</v>
      </c>
      <c r="BU2161" s="166">
        <v>0</v>
      </c>
      <c r="BV2161" s="166">
        <v>0</v>
      </c>
      <c r="BW2161" s="166">
        <v>0</v>
      </c>
      <c r="BX2161" s="166">
        <v>0</v>
      </c>
      <c r="BY2161" s="166">
        <v>0</v>
      </c>
      <c r="BZ2161" s="166">
        <v>0</v>
      </c>
      <c r="CA2161" s="166">
        <v>0</v>
      </c>
      <c r="CB2161" s="166">
        <v>0</v>
      </c>
      <c r="CC2161" s="166">
        <v>0</v>
      </c>
      <c r="CD2161" s="166">
        <v>0</v>
      </c>
      <c r="CE2161" s="166">
        <v>0</v>
      </c>
      <c r="CF2161" s="166">
        <v>0</v>
      </c>
      <c r="CG2161" s="166">
        <v>0</v>
      </c>
      <c r="CH2161" s="166">
        <v>0</v>
      </c>
      <c r="CI2161" s="166">
        <v>0</v>
      </c>
      <c r="CJ2161" s="166">
        <v>0</v>
      </c>
      <c r="CK2161" s="166">
        <v>0</v>
      </c>
      <c r="CL2161" s="166">
        <v>0</v>
      </c>
      <c r="CM2161" s="166">
        <v>0</v>
      </c>
      <c r="CN2161" s="166">
        <v>0</v>
      </c>
      <c r="CO2161" s="166">
        <v>0</v>
      </c>
      <c r="CP2161" s="166">
        <v>0</v>
      </c>
      <c r="CQ2161" s="166">
        <v>0</v>
      </c>
      <c r="CR2161" s="166">
        <v>0</v>
      </c>
      <c r="CS2161" s="166">
        <v>0</v>
      </c>
      <c r="CT2161" s="166">
        <v>0</v>
      </c>
      <c r="CU2161" s="166">
        <v>0</v>
      </c>
      <c r="CV2161" s="166">
        <v>0</v>
      </c>
      <c r="CW2161" s="166">
        <v>0</v>
      </c>
      <c r="CX2161" s="166">
        <v>0</v>
      </c>
      <c r="CY2161" s="166">
        <v>0</v>
      </c>
      <c r="CZ2161" s="166">
        <v>0</v>
      </c>
    </row>
    <row r="2162" spans="1:104" x14ac:dyDescent="0.2">
      <c r="A2162" s="167" t="s">
        <v>568</v>
      </c>
      <c r="B2162" s="166">
        <v>31165995.794657901</v>
      </c>
      <c r="C2162" s="166">
        <v>31165995.794657901</v>
      </c>
      <c r="D2162" s="166">
        <v>0</v>
      </c>
      <c r="E2162" s="166">
        <v>0</v>
      </c>
      <c r="F2162" s="166">
        <v>0</v>
      </c>
      <c r="G2162" s="166">
        <v>0</v>
      </c>
      <c r="H2162" s="166">
        <v>0</v>
      </c>
      <c r="I2162" s="166">
        <v>0</v>
      </c>
      <c r="J2162" s="166">
        <v>0</v>
      </c>
      <c r="K2162" s="166">
        <v>0</v>
      </c>
      <c r="L2162" s="166">
        <v>0</v>
      </c>
      <c r="M2162" s="166">
        <v>0</v>
      </c>
      <c r="N2162" s="166">
        <v>0</v>
      </c>
      <c r="O2162" s="166">
        <v>0</v>
      </c>
      <c r="P2162" s="166">
        <v>0</v>
      </c>
      <c r="Q2162" s="166">
        <v>0</v>
      </c>
      <c r="R2162" s="166">
        <v>0</v>
      </c>
      <c r="S2162" s="166">
        <v>0</v>
      </c>
      <c r="T2162" s="166">
        <v>0</v>
      </c>
      <c r="U2162" s="166">
        <v>0</v>
      </c>
      <c r="V2162" s="166">
        <v>0</v>
      </c>
      <c r="W2162" s="166">
        <v>0</v>
      </c>
      <c r="X2162" s="166">
        <v>0</v>
      </c>
      <c r="Y2162" s="166">
        <v>0</v>
      </c>
      <c r="Z2162" s="166">
        <v>0</v>
      </c>
      <c r="AA2162" s="166">
        <v>0</v>
      </c>
      <c r="AB2162" s="166">
        <v>0</v>
      </c>
      <c r="AC2162" s="166">
        <v>0</v>
      </c>
      <c r="AD2162" s="166">
        <v>0</v>
      </c>
      <c r="AE2162" s="166">
        <v>0</v>
      </c>
      <c r="AF2162" s="166">
        <v>0</v>
      </c>
      <c r="AG2162" s="166">
        <v>0</v>
      </c>
      <c r="AH2162" s="166">
        <v>0</v>
      </c>
      <c r="AI2162" s="166">
        <v>0</v>
      </c>
      <c r="AJ2162" s="166">
        <v>0</v>
      </c>
      <c r="AK2162" s="166">
        <v>0</v>
      </c>
      <c r="AL2162" s="166">
        <v>0</v>
      </c>
      <c r="AM2162" s="166">
        <v>0</v>
      </c>
      <c r="AN2162" s="166">
        <v>0</v>
      </c>
      <c r="AO2162" s="166">
        <v>0</v>
      </c>
      <c r="AP2162" s="166">
        <v>0</v>
      </c>
      <c r="AQ2162" s="166">
        <v>0</v>
      </c>
      <c r="AR2162" s="166">
        <v>0</v>
      </c>
      <c r="AS2162" s="166">
        <v>0</v>
      </c>
      <c r="AT2162" s="166">
        <v>0</v>
      </c>
      <c r="AU2162" s="166">
        <v>0</v>
      </c>
      <c r="AV2162" s="166">
        <v>0</v>
      </c>
      <c r="AW2162" s="166">
        <v>0</v>
      </c>
      <c r="AX2162" s="166">
        <v>0</v>
      </c>
      <c r="AY2162" s="166">
        <v>0</v>
      </c>
      <c r="AZ2162" s="166">
        <v>0</v>
      </c>
      <c r="BA2162" s="166">
        <v>0</v>
      </c>
      <c r="BB2162" s="166">
        <v>0</v>
      </c>
      <c r="BC2162" s="166">
        <v>0</v>
      </c>
      <c r="BD2162" s="166">
        <v>0</v>
      </c>
      <c r="BE2162" s="166">
        <v>0</v>
      </c>
      <c r="BF2162" s="166">
        <v>0</v>
      </c>
      <c r="BG2162" s="166">
        <v>0</v>
      </c>
      <c r="BH2162" s="166">
        <v>0</v>
      </c>
      <c r="BI2162" s="166">
        <v>0</v>
      </c>
      <c r="BJ2162" s="166">
        <v>0</v>
      </c>
      <c r="BK2162" s="166">
        <v>0</v>
      </c>
      <c r="BL2162" s="166">
        <v>0</v>
      </c>
      <c r="BM2162" s="166">
        <v>0</v>
      </c>
      <c r="BN2162" s="166">
        <v>0</v>
      </c>
      <c r="BO2162" s="166">
        <v>0</v>
      </c>
      <c r="BP2162" s="166">
        <v>0</v>
      </c>
      <c r="BQ2162" s="166">
        <v>0</v>
      </c>
      <c r="BR2162" s="166">
        <v>31165995.794657901</v>
      </c>
      <c r="BS2162" s="166">
        <v>31165995.794657901</v>
      </c>
      <c r="BT2162" s="168">
        <v>0</v>
      </c>
      <c r="BU2162" s="166">
        <v>0</v>
      </c>
      <c r="BV2162" s="166">
        <v>0</v>
      </c>
      <c r="BW2162" s="166">
        <v>0</v>
      </c>
      <c r="BX2162" s="166">
        <v>0</v>
      </c>
      <c r="BY2162" s="166">
        <v>0</v>
      </c>
      <c r="BZ2162" s="166">
        <v>0</v>
      </c>
      <c r="CA2162" s="166">
        <v>0</v>
      </c>
      <c r="CB2162" s="166">
        <v>0</v>
      </c>
      <c r="CC2162" s="166">
        <v>0</v>
      </c>
      <c r="CD2162" s="166">
        <v>0</v>
      </c>
      <c r="CE2162" s="166">
        <v>0</v>
      </c>
      <c r="CF2162" s="166">
        <v>0</v>
      </c>
      <c r="CG2162" s="166">
        <v>0</v>
      </c>
      <c r="CH2162" s="166">
        <v>0</v>
      </c>
      <c r="CI2162" s="166">
        <v>0</v>
      </c>
      <c r="CJ2162" s="166">
        <v>0</v>
      </c>
      <c r="CK2162" s="166">
        <v>0</v>
      </c>
      <c r="CL2162" s="166">
        <v>0</v>
      </c>
      <c r="CM2162" s="166">
        <v>0</v>
      </c>
      <c r="CN2162" s="166">
        <v>0</v>
      </c>
      <c r="CO2162" s="166">
        <v>0</v>
      </c>
      <c r="CP2162" s="166">
        <v>0</v>
      </c>
      <c r="CQ2162" s="166">
        <v>0</v>
      </c>
      <c r="CR2162" s="166">
        <v>0</v>
      </c>
      <c r="CS2162" s="166">
        <v>0</v>
      </c>
      <c r="CT2162" s="166">
        <v>0</v>
      </c>
      <c r="CU2162" s="166">
        <v>0</v>
      </c>
      <c r="CV2162" s="166">
        <v>0</v>
      </c>
      <c r="CW2162" s="166">
        <v>0</v>
      </c>
      <c r="CX2162" s="166">
        <v>0</v>
      </c>
      <c r="CY2162" s="166">
        <v>0</v>
      </c>
      <c r="CZ2162" s="166">
        <v>0</v>
      </c>
    </row>
    <row r="2163" spans="1:104" x14ac:dyDescent="0.2">
      <c r="A2163" s="177" t="s">
        <v>569</v>
      </c>
      <c r="B2163" s="166">
        <v>31857507.524475701</v>
      </c>
      <c r="C2163" s="166">
        <v>31857507.524475701</v>
      </c>
      <c r="D2163" s="166">
        <v>0</v>
      </c>
      <c r="E2163" s="166">
        <v>0</v>
      </c>
      <c r="F2163" s="166">
        <v>0</v>
      </c>
      <c r="G2163" s="166">
        <v>0</v>
      </c>
      <c r="H2163" s="166">
        <v>0</v>
      </c>
      <c r="I2163" s="166">
        <v>0</v>
      </c>
      <c r="J2163" s="166">
        <v>0</v>
      </c>
      <c r="K2163" s="166">
        <v>0</v>
      </c>
      <c r="L2163" s="166">
        <v>0</v>
      </c>
      <c r="M2163" s="166">
        <v>0</v>
      </c>
      <c r="N2163" s="166">
        <v>0</v>
      </c>
      <c r="O2163" s="166">
        <v>0</v>
      </c>
      <c r="P2163" s="166">
        <v>0</v>
      </c>
      <c r="Q2163" s="166">
        <v>0</v>
      </c>
      <c r="R2163" s="166">
        <v>0</v>
      </c>
      <c r="S2163" s="166">
        <v>0</v>
      </c>
      <c r="T2163" s="166">
        <v>0</v>
      </c>
      <c r="U2163" s="166">
        <v>0</v>
      </c>
      <c r="V2163" s="166">
        <v>0</v>
      </c>
      <c r="W2163" s="166">
        <v>0</v>
      </c>
      <c r="X2163" s="166">
        <v>0</v>
      </c>
      <c r="Y2163" s="166">
        <v>0</v>
      </c>
      <c r="Z2163" s="166">
        <v>0</v>
      </c>
      <c r="AA2163" s="166">
        <v>0</v>
      </c>
      <c r="AB2163" s="166">
        <v>0</v>
      </c>
      <c r="AC2163" s="166">
        <v>0</v>
      </c>
      <c r="AD2163" s="166">
        <v>0</v>
      </c>
      <c r="AE2163" s="166">
        <v>0</v>
      </c>
      <c r="AF2163" s="166">
        <v>0</v>
      </c>
      <c r="AG2163" s="166">
        <v>0</v>
      </c>
      <c r="AH2163" s="166">
        <v>0</v>
      </c>
      <c r="AI2163" s="166">
        <v>0</v>
      </c>
      <c r="AJ2163" s="166">
        <v>0</v>
      </c>
      <c r="AK2163" s="166">
        <v>0</v>
      </c>
      <c r="AL2163" s="166">
        <v>0</v>
      </c>
      <c r="AM2163" s="166">
        <v>0</v>
      </c>
      <c r="AN2163" s="166">
        <v>0</v>
      </c>
      <c r="AO2163" s="166">
        <v>0</v>
      </c>
      <c r="AP2163" s="166">
        <v>0</v>
      </c>
      <c r="AQ2163" s="166">
        <v>0</v>
      </c>
      <c r="AR2163" s="166">
        <v>0</v>
      </c>
      <c r="AS2163" s="166">
        <v>0</v>
      </c>
      <c r="AT2163" s="166">
        <v>0</v>
      </c>
      <c r="AU2163" s="166">
        <v>0</v>
      </c>
      <c r="AV2163" s="166">
        <v>0</v>
      </c>
      <c r="AW2163" s="166">
        <v>0</v>
      </c>
      <c r="AX2163" s="166">
        <v>0</v>
      </c>
      <c r="AY2163" s="166">
        <v>0</v>
      </c>
      <c r="AZ2163" s="166">
        <v>0</v>
      </c>
      <c r="BA2163" s="166">
        <v>0</v>
      </c>
      <c r="BB2163" s="166">
        <v>0</v>
      </c>
      <c r="BC2163" s="166">
        <v>0</v>
      </c>
      <c r="BD2163" s="166">
        <v>0</v>
      </c>
      <c r="BE2163" s="166">
        <v>0</v>
      </c>
      <c r="BF2163" s="166">
        <v>0</v>
      </c>
      <c r="BG2163" s="166">
        <v>0</v>
      </c>
      <c r="BH2163" s="166">
        <v>0</v>
      </c>
      <c r="BI2163" s="166">
        <v>0</v>
      </c>
      <c r="BJ2163" s="166">
        <v>0</v>
      </c>
      <c r="BK2163" s="166">
        <v>0</v>
      </c>
      <c r="BL2163" s="166">
        <v>0</v>
      </c>
      <c r="BM2163" s="166">
        <v>0</v>
      </c>
      <c r="BN2163" s="166">
        <v>0</v>
      </c>
      <c r="BO2163" s="166">
        <v>0</v>
      </c>
      <c r="BP2163" s="166">
        <v>0</v>
      </c>
      <c r="BQ2163" s="166">
        <v>0</v>
      </c>
      <c r="BR2163" s="166">
        <v>31857507.524475701</v>
      </c>
      <c r="BS2163" s="166">
        <v>31857507.524475701</v>
      </c>
      <c r="BT2163" s="168">
        <v>0</v>
      </c>
      <c r="BU2163" s="166">
        <v>0</v>
      </c>
      <c r="BV2163" s="166">
        <v>0</v>
      </c>
      <c r="BW2163" s="166">
        <v>0</v>
      </c>
      <c r="BX2163" s="166">
        <v>0</v>
      </c>
      <c r="BY2163" s="166">
        <v>0</v>
      </c>
      <c r="BZ2163" s="166">
        <v>0</v>
      </c>
      <c r="CA2163" s="166">
        <v>0</v>
      </c>
      <c r="CB2163" s="166">
        <v>0</v>
      </c>
      <c r="CC2163" s="166">
        <v>0</v>
      </c>
      <c r="CD2163" s="166">
        <v>0</v>
      </c>
      <c r="CE2163" s="166">
        <v>0</v>
      </c>
      <c r="CF2163" s="166">
        <v>0</v>
      </c>
      <c r="CG2163" s="166">
        <v>0</v>
      </c>
      <c r="CH2163" s="166">
        <v>0</v>
      </c>
      <c r="CI2163" s="166">
        <v>0</v>
      </c>
      <c r="CJ2163" s="166">
        <v>0</v>
      </c>
      <c r="CK2163" s="166">
        <v>0</v>
      </c>
      <c r="CL2163" s="166">
        <v>0</v>
      </c>
      <c r="CM2163" s="166">
        <v>0</v>
      </c>
      <c r="CN2163" s="166">
        <v>0</v>
      </c>
      <c r="CO2163" s="166">
        <v>0</v>
      </c>
      <c r="CP2163" s="166">
        <v>0</v>
      </c>
      <c r="CQ2163" s="166">
        <v>0</v>
      </c>
      <c r="CR2163" s="166">
        <v>0</v>
      </c>
      <c r="CS2163" s="166">
        <v>0</v>
      </c>
      <c r="CT2163" s="166">
        <v>0</v>
      </c>
      <c r="CU2163" s="166">
        <v>0</v>
      </c>
      <c r="CV2163" s="166">
        <v>0</v>
      </c>
      <c r="CW2163" s="166">
        <v>0</v>
      </c>
      <c r="CX2163" s="166">
        <v>0</v>
      </c>
      <c r="CY2163" s="166">
        <v>0</v>
      </c>
      <c r="CZ2163" s="166">
        <v>0</v>
      </c>
    </row>
    <row r="2164" spans="1:104" x14ac:dyDescent="0.2">
      <c r="A2164" s="167" t="s">
        <v>570</v>
      </c>
      <c r="B2164" s="166">
        <v>0</v>
      </c>
      <c r="C2164" s="166">
        <v>0</v>
      </c>
      <c r="D2164" s="166">
        <v>0</v>
      </c>
      <c r="E2164" s="166">
        <v>0</v>
      </c>
      <c r="F2164" s="166">
        <v>0</v>
      </c>
      <c r="G2164" s="166">
        <v>0</v>
      </c>
      <c r="H2164" s="166">
        <v>0</v>
      </c>
      <c r="I2164" s="166">
        <v>0</v>
      </c>
      <c r="J2164" s="166">
        <v>0</v>
      </c>
      <c r="K2164" s="166">
        <v>0</v>
      </c>
      <c r="L2164" s="166">
        <v>0</v>
      </c>
      <c r="M2164" s="166">
        <v>0</v>
      </c>
      <c r="N2164" s="166">
        <v>0</v>
      </c>
      <c r="O2164" s="166">
        <v>0</v>
      </c>
      <c r="P2164" s="166">
        <v>0</v>
      </c>
      <c r="Q2164" s="166">
        <v>0</v>
      </c>
      <c r="R2164" s="166">
        <v>0</v>
      </c>
      <c r="S2164" s="166">
        <v>0</v>
      </c>
      <c r="T2164" s="166">
        <v>0</v>
      </c>
      <c r="U2164" s="166">
        <v>0</v>
      </c>
      <c r="V2164" s="166">
        <v>0</v>
      </c>
      <c r="W2164" s="166">
        <v>0</v>
      </c>
      <c r="X2164" s="166">
        <v>0</v>
      </c>
      <c r="Y2164" s="166">
        <v>0</v>
      </c>
      <c r="Z2164" s="166">
        <v>0</v>
      </c>
      <c r="AA2164" s="166">
        <v>0</v>
      </c>
      <c r="AB2164" s="166">
        <v>0</v>
      </c>
      <c r="AC2164" s="166">
        <v>0</v>
      </c>
      <c r="AD2164" s="166">
        <v>0</v>
      </c>
      <c r="AE2164" s="166">
        <v>0</v>
      </c>
      <c r="AF2164" s="166">
        <v>0</v>
      </c>
      <c r="AG2164" s="166">
        <v>0</v>
      </c>
      <c r="AH2164" s="166">
        <v>0</v>
      </c>
      <c r="AI2164" s="166">
        <v>0</v>
      </c>
      <c r="AJ2164" s="166">
        <v>0</v>
      </c>
      <c r="AK2164" s="166">
        <v>0</v>
      </c>
      <c r="AL2164" s="166">
        <v>0</v>
      </c>
      <c r="AM2164" s="166">
        <v>0</v>
      </c>
      <c r="AN2164" s="166">
        <v>0</v>
      </c>
      <c r="AO2164" s="166">
        <v>0</v>
      </c>
      <c r="AP2164" s="166">
        <v>0</v>
      </c>
      <c r="AQ2164" s="166">
        <v>0</v>
      </c>
      <c r="AR2164" s="166">
        <v>0</v>
      </c>
      <c r="AS2164" s="166">
        <v>0</v>
      </c>
      <c r="AT2164" s="166">
        <v>0</v>
      </c>
      <c r="AU2164" s="166">
        <v>0</v>
      </c>
      <c r="AV2164" s="166">
        <v>0</v>
      </c>
      <c r="AW2164" s="166">
        <v>0</v>
      </c>
      <c r="AX2164" s="166">
        <v>0</v>
      </c>
      <c r="AY2164" s="166">
        <v>0</v>
      </c>
      <c r="AZ2164" s="166">
        <v>0</v>
      </c>
      <c r="BA2164" s="166">
        <v>0</v>
      </c>
      <c r="BB2164" s="166">
        <v>0</v>
      </c>
      <c r="BC2164" s="166">
        <v>0</v>
      </c>
      <c r="BD2164" s="166">
        <v>0</v>
      </c>
      <c r="BE2164" s="166">
        <v>0</v>
      </c>
      <c r="BF2164" s="166">
        <v>0</v>
      </c>
      <c r="BG2164" s="166">
        <v>0</v>
      </c>
      <c r="BH2164" s="166">
        <v>0</v>
      </c>
      <c r="BI2164" s="166">
        <v>0</v>
      </c>
      <c r="BJ2164" s="166">
        <v>0</v>
      </c>
      <c r="BK2164" s="166">
        <v>0</v>
      </c>
      <c r="BL2164" s="166">
        <v>0</v>
      </c>
      <c r="BM2164" s="166">
        <v>0</v>
      </c>
      <c r="BN2164" s="166">
        <v>0</v>
      </c>
      <c r="BO2164" s="166">
        <v>0</v>
      </c>
      <c r="BP2164" s="166">
        <v>0</v>
      </c>
      <c r="BQ2164" s="166">
        <v>0</v>
      </c>
      <c r="BR2164" s="166">
        <v>0</v>
      </c>
      <c r="BS2164" s="166">
        <v>0</v>
      </c>
      <c r="BT2164" s="168">
        <v>0</v>
      </c>
      <c r="BU2164" s="166">
        <v>0</v>
      </c>
      <c r="BV2164" s="166">
        <v>0</v>
      </c>
      <c r="BW2164" s="166">
        <v>0</v>
      </c>
      <c r="BX2164" s="166">
        <v>0</v>
      </c>
      <c r="BY2164" s="166">
        <v>0</v>
      </c>
      <c r="BZ2164" s="166">
        <v>0</v>
      </c>
      <c r="CA2164" s="166">
        <v>0</v>
      </c>
      <c r="CB2164" s="166">
        <v>0</v>
      </c>
      <c r="CC2164" s="166">
        <v>0</v>
      </c>
      <c r="CD2164" s="166">
        <v>0</v>
      </c>
      <c r="CE2164" s="166">
        <v>0</v>
      </c>
      <c r="CF2164" s="166">
        <v>0</v>
      </c>
      <c r="CG2164" s="166">
        <v>0</v>
      </c>
      <c r="CH2164" s="166">
        <v>0</v>
      </c>
      <c r="CI2164" s="166">
        <v>0</v>
      </c>
      <c r="CJ2164" s="166">
        <v>0</v>
      </c>
      <c r="CK2164" s="166">
        <v>0</v>
      </c>
      <c r="CL2164" s="166">
        <v>0</v>
      </c>
      <c r="CM2164" s="166">
        <v>0</v>
      </c>
      <c r="CN2164" s="166">
        <v>0</v>
      </c>
      <c r="CO2164" s="166">
        <v>0</v>
      </c>
      <c r="CP2164" s="166">
        <v>0</v>
      </c>
      <c r="CQ2164" s="166">
        <v>0</v>
      </c>
      <c r="CR2164" s="166">
        <v>0</v>
      </c>
      <c r="CS2164" s="166">
        <v>0</v>
      </c>
      <c r="CT2164" s="166">
        <v>0</v>
      </c>
      <c r="CU2164" s="166">
        <v>0</v>
      </c>
      <c r="CV2164" s="166">
        <v>0</v>
      </c>
      <c r="CW2164" s="166">
        <v>0</v>
      </c>
      <c r="CX2164" s="166">
        <v>0</v>
      </c>
      <c r="CY2164" s="166">
        <v>0</v>
      </c>
      <c r="CZ2164" s="166">
        <v>0</v>
      </c>
    </row>
    <row r="2165" spans="1:104" x14ac:dyDescent="0.2">
      <c r="A2165" s="167" t="s">
        <v>571</v>
      </c>
      <c r="B2165" s="166">
        <v>56957731.443194702</v>
      </c>
      <c r="C2165" s="166">
        <v>56957731.443194702</v>
      </c>
      <c r="D2165" s="166">
        <v>0</v>
      </c>
      <c r="E2165" s="166">
        <v>0</v>
      </c>
      <c r="F2165" s="166">
        <v>0</v>
      </c>
      <c r="G2165" s="166">
        <v>0</v>
      </c>
      <c r="H2165" s="166">
        <v>0</v>
      </c>
      <c r="I2165" s="166">
        <v>0</v>
      </c>
      <c r="J2165" s="166">
        <v>0</v>
      </c>
      <c r="K2165" s="166">
        <v>0</v>
      </c>
      <c r="L2165" s="166">
        <v>0</v>
      </c>
      <c r="M2165" s="166">
        <v>0</v>
      </c>
      <c r="N2165" s="166">
        <v>0</v>
      </c>
      <c r="O2165" s="166">
        <v>0</v>
      </c>
      <c r="P2165" s="166">
        <v>0</v>
      </c>
      <c r="Q2165" s="166">
        <v>0</v>
      </c>
      <c r="R2165" s="166">
        <v>0</v>
      </c>
      <c r="S2165" s="166">
        <v>0</v>
      </c>
      <c r="T2165" s="166">
        <v>0</v>
      </c>
      <c r="U2165" s="166">
        <v>0</v>
      </c>
      <c r="V2165" s="166">
        <v>0</v>
      </c>
      <c r="W2165" s="166">
        <v>0</v>
      </c>
      <c r="X2165" s="166">
        <v>0</v>
      </c>
      <c r="Y2165" s="166">
        <v>0</v>
      </c>
      <c r="Z2165" s="166">
        <v>0</v>
      </c>
      <c r="AA2165" s="166">
        <v>0</v>
      </c>
      <c r="AB2165" s="166">
        <v>0</v>
      </c>
      <c r="AC2165" s="166">
        <v>0</v>
      </c>
      <c r="AD2165" s="166">
        <v>0</v>
      </c>
      <c r="AE2165" s="166">
        <v>0</v>
      </c>
      <c r="AF2165" s="166">
        <v>0</v>
      </c>
      <c r="AG2165" s="166">
        <v>0</v>
      </c>
      <c r="AH2165" s="166">
        <v>0</v>
      </c>
      <c r="AI2165" s="166">
        <v>0</v>
      </c>
      <c r="AJ2165" s="166">
        <v>0</v>
      </c>
      <c r="AK2165" s="166">
        <v>0</v>
      </c>
      <c r="AL2165" s="166">
        <v>0</v>
      </c>
      <c r="AM2165" s="166">
        <v>0</v>
      </c>
      <c r="AN2165" s="166">
        <v>0</v>
      </c>
      <c r="AO2165" s="166">
        <v>0</v>
      </c>
      <c r="AP2165" s="166">
        <v>0</v>
      </c>
      <c r="AQ2165" s="166">
        <v>0</v>
      </c>
      <c r="AR2165" s="166">
        <v>0</v>
      </c>
      <c r="AS2165" s="166">
        <v>0</v>
      </c>
      <c r="AT2165" s="166">
        <v>0</v>
      </c>
      <c r="AU2165" s="166">
        <v>0</v>
      </c>
      <c r="AV2165" s="166">
        <v>0</v>
      </c>
      <c r="AW2165" s="166">
        <v>0</v>
      </c>
      <c r="AX2165" s="166">
        <v>0</v>
      </c>
      <c r="AY2165" s="166">
        <v>0</v>
      </c>
      <c r="AZ2165" s="166">
        <v>0</v>
      </c>
      <c r="BA2165" s="166">
        <v>0</v>
      </c>
      <c r="BB2165" s="166">
        <v>0</v>
      </c>
      <c r="BC2165" s="166">
        <v>0</v>
      </c>
      <c r="BD2165" s="166">
        <v>0</v>
      </c>
      <c r="BE2165" s="166">
        <v>0</v>
      </c>
      <c r="BF2165" s="166">
        <v>0</v>
      </c>
      <c r="BG2165" s="166">
        <v>0</v>
      </c>
      <c r="BH2165" s="166">
        <v>0</v>
      </c>
      <c r="BI2165" s="166">
        <v>0</v>
      </c>
      <c r="BJ2165" s="166">
        <v>0</v>
      </c>
      <c r="BK2165" s="166">
        <v>0</v>
      </c>
      <c r="BL2165" s="166">
        <v>0</v>
      </c>
      <c r="BM2165" s="166">
        <v>0</v>
      </c>
      <c r="BN2165" s="166">
        <v>0</v>
      </c>
      <c r="BO2165" s="166">
        <v>0</v>
      </c>
      <c r="BP2165" s="166">
        <v>0</v>
      </c>
      <c r="BQ2165" s="166">
        <v>0</v>
      </c>
      <c r="BR2165" s="166">
        <v>56957731.443194702</v>
      </c>
      <c r="BS2165" s="166">
        <v>56957731.443194702</v>
      </c>
      <c r="BT2165" s="168">
        <v>0</v>
      </c>
      <c r="BU2165" s="166">
        <v>0</v>
      </c>
      <c r="BV2165" s="166">
        <v>0</v>
      </c>
      <c r="BW2165" s="166">
        <v>0</v>
      </c>
      <c r="BX2165" s="166">
        <v>0</v>
      </c>
      <c r="BY2165" s="166">
        <v>0</v>
      </c>
      <c r="BZ2165" s="166">
        <v>0</v>
      </c>
      <c r="CA2165" s="166">
        <v>0</v>
      </c>
      <c r="CB2165" s="166">
        <v>0</v>
      </c>
      <c r="CC2165" s="166">
        <v>0</v>
      </c>
      <c r="CD2165" s="166">
        <v>0</v>
      </c>
      <c r="CE2165" s="166">
        <v>0</v>
      </c>
      <c r="CF2165" s="166">
        <v>0</v>
      </c>
      <c r="CG2165" s="166">
        <v>0</v>
      </c>
      <c r="CH2165" s="166">
        <v>0</v>
      </c>
      <c r="CI2165" s="166">
        <v>0</v>
      </c>
      <c r="CJ2165" s="166">
        <v>0</v>
      </c>
      <c r="CK2165" s="166">
        <v>0</v>
      </c>
      <c r="CL2165" s="166">
        <v>0</v>
      </c>
      <c r="CM2165" s="166">
        <v>0</v>
      </c>
      <c r="CN2165" s="166">
        <v>0</v>
      </c>
      <c r="CO2165" s="166">
        <v>0</v>
      </c>
      <c r="CP2165" s="166">
        <v>0</v>
      </c>
      <c r="CQ2165" s="166">
        <v>0</v>
      </c>
      <c r="CR2165" s="166">
        <v>0</v>
      </c>
      <c r="CS2165" s="166">
        <v>0</v>
      </c>
      <c r="CT2165" s="166">
        <v>0</v>
      </c>
      <c r="CU2165" s="166">
        <v>0</v>
      </c>
      <c r="CV2165" s="166">
        <v>0</v>
      </c>
      <c r="CW2165" s="166">
        <v>0</v>
      </c>
      <c r="CX2165" s="166">
        <v>0</v>
      </c>
      <c r="CY2165" s="166">
        <v>0</v>
      </c>
      <c r="CZ2165" s="166">
        <v>0</v>
      </c>
    </row>
    <row r="2166" spans="1:104" x14ac:dyDescent="0.2">
      <c r="A2166" s="167" t="s">
        <v>572</v>
      </c>
      <c r="B2166" s="166">
        <v>25574129.9023607</v>
      </c>
      <c r="C2166" s="166">
        <v>25574129.9023607</v>
      </c>
      <c r="D2166" s="166">
        <v>0</v>
      </c>
      <c r="E2166" s="166">
        <v>0</v>
      </c>
      <c r="F2166" s="166">
        <v>0</v>
      </c>
      <c r="G2166" s="166">
        <v>0</v>
      </c>
      <c r="H2166" s="166">
        <v>0</v>
      </c>
      <c r="I2166" s="166">
        <v>0</v>
      </c>
      <c r="J2166" s="166">
        <v>0</v>
      </c>
      <c r="K2166" s="166">
        <v>0</v>
      </c>
      <c r="L2166" s="166">
        <v>0</v>
      </c>
      <c r="M2166" s="166">
        <v>0</v>
      </c>
      <c r="N2166" s="166">
        <v>0</v>
      </c>
      <c r="O2166" s="166">
        <v>0</v>
      </c>
      <c r="P2166" s="166">
        <v>0</v>
      </c>
      <c r="Q2166" s="166">
        <v>0</v>
      </c>
      <c r="R2166" s="166">
        <v>0</v>
      </c>
      <c r="S2166" s="166">
        <v>0</v>
      </c>
      <c r="T2166" s="166">
        <v>0</v>
      </c>
      <c r="U2166" s="166">
        <v>0</v>
      </c>
      <c r="V2166" s="166">
        <v>0</v>
      </c>
      <c r="W2166" s="166">
        <v>0</v>
      </c>
      <c r="X2166" s="166">
        <v>0</v>
      </c>
      <c r="Y2166" s="166">
        <v>0</v>
      </c>
      <c r="Z2166" s="166">
        <v>0</v>
      </c>
      <c r="AA2166" s="166">
        <v>0</v>
      </c>
      <c r="AB2166" s="166">
        <v>0</v>
      </c>
      <c r="AC2166" s="166">
        <v>0</v>
      </c>
      <c r="AD2166" s="166">
        <v>0</v>
      </c>
      <c r="AE2166" s="166">
        <v>0</v>
      </c>
      <c r="AF2166" s="166">
        <v>0</v>
      </c>
      <c r="AG2166" s="166">
        <v>0</v>
      </c>
      <c r="AH2166" s="166">
        <v>0</v>
      </c>
      <c r="AI2166" s="166">
        <v>0</v>
      </c>
      <c r="AJ2166" s="166">
        <v>0</v>
      </c>
      <c r="AK2166" s="166">
        <v>0</v>
      </c>
      <c r="AL2166" s="166">
        <v>0</v>
      </c>
      <c r="AM2166" s="166">
        <v>0</v>
      </c>
      <c r="AN2166" s="166">
        <v>0</v>
      </c>
      <c r="AO2166" s="166">
        <v>0</v>
      </c>
      <c r="AP2166" s="166">
        <v>0</v>
      </c>
      <c r="AQ2166" s="166">
        <v>0</v>
      </c>
      <c r="AR2166" s="166">
        <v>0</v>
      </c>
      <c r="AS2166" s="166">
        <v>0</v>
      </c>
      <c r="AT2166" s="166">
        <v>0</v>
      </c>
      <c r="AU2166" s="166">
        <v>0</v>
      </c>
      <c r="AV2166" s="166">
        <v>0</v>
      </c>
      <c r="AW2166" s="166">
        <v>0</v>
      </c>
      <c r="AX2166" s="166">
        <v>0</v>
      </c>
      <c r="AY2166" s="166">
        <v>0</v>
      </c>
      <c r="AZ2166" s="166">
        <v>0</v>
      </c>
      <c r="BA2166" s="166">
        <v>0</v>
      </c>
      <c r="BB2166" s="166">
        <v>0</v>
      </c>
      <c r="BC2166" s="166">
        <v>0</v>
      </c>
      <c r="BD2166" s="166">
        <v>0</v>
      </c>
      <c r="BE2166" s="166">
        <v>0</v>
      </c>
      <c r="BF2166" s="166">
        <v>0</v>
      </c>
      <c r="BG2166" s="166">
        <v>0</v>
      </c>
      <c r="BH2166" s="166">
        <v>0</v>
      </c>
      <c r="BI2166" s="166">
        <v>0</v>
      </c>
      <c r="BJ2166" s="166">
        <v>0</v>
      </c>
      <c r="BK2166" s="166">
        <v>0</v>
      </c>
      <c r="BL2166" s="166">
        <v>0</v>
      </c>
      <c r="BM2166" s="166">
        <v>0</v>
      </c>
      <c r="BN2166" s="166">
        <v>0</v>
      </c>
      <c r="BO2166" s="166">
        <v>0</v>
      </c>
      <c r="BP2166" s="166">
        <v>0</v>
      </c>
      <c r="BQ2166" s="166">
        <v>0</v>
      </c>
      <c r="BR2166" s="166">
        <v>25574129.9023607</v>
      </c>
      <c r="BS2166" s="166">
        <v>25574129.9023607</v>
      </c>
      <c r="BT2166" s="168">
        <v>0</v>
      </c>
      <c r="BU2166" s="166">
        <v>0</v>
      </c>
      <c r="BV2166" s="166">
        <v>0</v>
      </c>
      <c r="BW2166" s="166">
        <v>0</v>
      </c>
      <c r="BX2166" s="166">
        <v>0</v>
      </c>
      <c r="BY2166" s="166">
        <v>0</v>
      </c>
      <c r="BZ2166" s="166">
        <v>0</v>
      </c>
      <c r="CA2166" s="166">
        <v>0</v>
      </c>
      <c r="CB2166" s="166">
        <v>0</v>
      </c>
      <c r="CC2166" s="166">
        <v>0</v>
      </c>
      <c r="CD2166" s="166">
        <v>0</v>
      </c>
      <c r="CE2166" s="166">
        <v>0</v>
      </c>
      <c r="CF2166" s="166">
        <v>0</v>
      </c>
      <c r="CG2166" s="166">
        <v>0</v>
      </c>
      <c r="CH2166" s="166">
        <v>0</v>
      </c>
      <c r="CI2166" s="166">
        <v>0</v>
      </c>
      <c r="CJ2166" s="166">
        <v>0</v>
      </c>
      <c r="CK2166" s="166">
        <v>0</v>
      </c>
      <c r="CL2166" s="166">
        <v>0</v>
      </c>
      <c r="CM2166" s="166">
        <v>0</v>
      </c>
      <c r="CN2166" s="166">
        <v>0</v>
      </c>
      <c r="CO2166" s="166">
        <v>0</v>
      </c>
      <c r="CP2166" s="166">
        <v>0</v>
      </c>
      <c r="CQ2166" s="166">
        <v>0</v>
      </c>
      <c r="CR2166" s="166">
        <v>0</v>
      </c>
      <c r="CS2166" s="166">
        <v>0</v>
      </c>
      <c r="CT2166" s="166">
        <v>0</v>
      </c>
      <c r="CU2166" s="166">
        <v>0</v>
      </c>
      <c r="CV2166" s="166">
        <v>0</v>
      </c>
      <c r="CW2166" s="166">
        <v>0</v>
      </c>
      <c r="CX2166" s="166">
        <v>0</v>
      </c>
      <c r="CY2166" s="166">
        <v>0</v>
      </c>
      <c r="CZ2166" s="166">
        <v>0</v>
      </c>
    </row>
    <row r="2167" spans="1:104" x14ac:dyDescent="0.2">
      <c r="A2167" s="167" t="s">
        <v>573</v>
      </c>
      <c r="B2167" s="166">
        <v>9511925.6029465292</v>
      </c>
      <c r="C2167" s="166">
        <v>9511925.6029465292</v>
      </c>
      <c r="D2167" s="166">
        <v>0</v>
      </c>
      <c r="E2167" s="166">
        <v>0</v>
      </c>
      <c r="F2167" s="166">
        <v>0</v>
      </c>
      <c r="G2167" s="166">
        <v>0</v>
      </c>
      <c r="H2167" s="166">
        <v>0</v>
      </c>
      <c r="I2167" s="166">
        <v>0</v>
      </c>
      <c r="J2167" s="166">
        <v>0</v>
      </c>
      <c r="K2167" s="166">
        <v>0</v>
      </c>
      <c r="L2167" s="166">
        <v>0</v>
      </c>
      <c r="M2167" s="166">
        <v>0</v>
      </c>
      <c r="N2167" s="166">
        <v>0</v>
      </c>
      <c r="O2167" s="166">
        <v>0</v>
      </c>
      <c r="P2167" s="166">
        <v>0</v>
      </c>
      <c r="Q2167" s="166">
        <v>0</v>
      </c>
      <c r="R2167" s="166">
        <v>0</v>
      </c>
      <c r="S2167" s="166">
        <v>0</v>
      </c>
      <c r="T2167" s="166">
        <v>0</v>
      </c>
      <c r="U2167" s="166">
        <v>0</v>
      </c>
      <c r="V2167" s="166">
        <v>0</v>
      </c>
      <c r="W2167" s="166">
        <v>0</v>
      </c>
      <c r="X2167" s="166">
        <v>0</v>
      </c>
      <c r="Y2167" s="166">
        <v>0</v>
      </c>
      <c r="Z2167" s="166">
        <v>0</v>
      </c>
      <c r="AA2167" s="166">
        <v>0</v>
      </c>
      <c r="AB2167" s="166">
        <v>0</v>
      </c>
      <c r="AC2167" s="166">
        <v>0</v>
      </c>
      <c r="AD2167" s="166">
        <v>0</v>
      </c>
      <c r="AE2167" s="166">
        <v>0</v>
      </c>
      <c r="AF2167" s="166">
        <v>0</v>
      </c>
      <c r="AG2167" s="166">
        <v>0</v>
      </c>
      <c r="AH2167" s="166">
        <v>0</v>
      </c>
      <c r="AI2167" s="166">
        <v>0</v>
      </c>
      <c r="AJ2167" s="166">
        <v>0</v>
      </c>
      <c r="AK2167" s="166">
        <v>0</v>
      </c>
      <c r="AL2167" s="166">
        <v>0</v>
      </c>
      <c r="AM2167" s="166">
        <v>0</v>
      </c>
      <c r="AN2167" s="166">
        <v>0</v>
      </c>
      <c r="AO2167" s="166">
        <v>0</v>
      </c>
      <c r="AP2167" s="166">
        <v>0</v>
      </c>
      <c r="AQ2167" s="166">
        <v>0</v>
      </c>
      <c r="AR2167" s="166">
        <v>0</v>
      </c>
      <c r="AS2167" s="166">
        <v>0</v>
      </c>
      <c r="AT2167" s="166">
        <v>0</v>
      </c>
      <c r="AU2167" s="166">
        <v>0</v>
      </c>
      <c r="AV2167" s="166">
        <v>0</v>
      </c>
      <c r="AW2167" s="166">
        <v>0</v>
      </c>
      <c r="AX2167" s="166">
        <v>0</v>
      </c>
      <c r="AY2167" s="166">
        <v>0</v>
      </c>
      <c r="AZ2167" s="166">
        <v>0</v>
      </c>
      <c r="BA2167" s="166">
        <v>0</v>
      </c>
      <c r="BB2167" s="166">
        <v>0</v>
      </c>
      <c r="BC2167" s="166">
        <v>0</v>
      </c>
      <c r="BD2167" s="166">
        <v>0</v>
      </c>
      <c r="BE2167" s="166">
        <v>0</v>
      </c>
      <c r="BF2167" s="166">
        <v>0</v>
      </c>
      <c r="BG2167" s="166">
        <v>0</v>
      </c>
      <c r="BH2167" s="166">
        <v>0</v>
      </c>
      <c r="BI2167" s="166">
        <v>0</v>
      </c>
      <c r="BJ2167" s="166">
        <v>0</v>
      </c>
      <c r="BK2167" s="166">
        <v>0</v>
      </c>
      <c r="BL2167" s="166">
        <v>0</v>
      </c>
      <c r="BM2167" s="166">
        <v>0</v>
      </c>
      <c r="BN2167" s="166">
        <v>0</v>
      </c>
      <c r="BO2167" s="166">
        <v>0</v>
      </c>
      <c r="BP2167" s="166">
        <v>0</v>
      </c>
      <c r="BQ2167" s="166">
        <v>0</v>
      </c>
      <c r="BR2167" s="166">
        <v>9511925.6029465292</v>
      </c>
      <c r="BS2167" s="166">
        <v>9511925.6029465292</v>
      </c>
      <c r="BT2167" s="168">
        <v>0</v>
      </c>
      <c r="BU2167" s="166">
        <v>0</v>
      </c>
      <c r="BV2167" s="166">
        <v>0</v>
      </c>
      <c r="BW2167" s="166">
        <v>0</v>
      </c>
      <c r="BX2167" s="166">
        <v>0</v>
      </c>
      <c r="BY2167" s="166">
        <v>0</v>
      </c>
      <c r="BZ2167" s="166">
        <v>0</v>
      </c>
      <c r="CA2167" s="166">
        <v>0</v>
      </c>
      <c r="CB2167" s="166">
        <v>0</v>
      </c>
      <c r="CC2167" s="166">
        <v>0</v>
      </c>
      <c r="CD2167" s="166">
        <v>0</v>
      </c>
      <c r="CE2167" s="166">
        <v>0</v>
      </c>
      <c r="CF2167" s="166">
        <v>0</v>
      </c>
      <c r="CG2167" s="166">
        <v>0</v>
      </c>
      <c r="CH2167" s="166">
        <v>0</v>
      </c>
      <c r="CI2167" s="166">
        <v>0</v>
      </c>
      <c r="CJ2167" s="166">
        <v>0</v>
      </c>
      <c r="CK2167" s="166">
        <v>0</v>
      </c>
      <c r="CL2167" s="166">
        <v>0</v>
      </c>
      <c r="CM2167" s="166">
        <v>0</v>
      </c>
      <c r="CN2167" s="166">
        <v>0</v>
      </c>
      <c r="CO2167" s="166">
        <v>0</v>
      </c>
      <c r="CP2167" s="166">
        <v>0</v>
      </c>
      <c r="CQ2167" s="166">
        <v>0</v>
      </c>
      <c r="CR2167" s="166">
        <v>0</v>
      </c>
      <c r="CS2167" s="166">
        <v>0</v>
      </c>
      <c r="CT2167" s="166">
        <v>0</v>
      </c>
      <c r="CU2167" s="166">
        <v>0</v>
      </c>
      <c r="CV2167" s="166">
        <v>0</v>
      </c>
      <c r="CW2167" s="166">
        <v>0</v>
      </c>
      <c r="CX2167" s="166">
        <v>0</v>
      </c>
      <c r="CY2167" s="166">
        <v>0</v>
      </c>
      <c r="CZ2167" s="166">
        <v>0</v>
      </c>
    </row>
    <row r="2168" spans="1:104" x14ac:dyDescent="0.2">
      <c r="A2168" s="167" t="s">
        <v>574</v>
      </c>
      <c r="B2168" s="166">
        <v>3108266.7508556601</v>
      </c>
      <c r="C2168" s="166">
        <v>3108266.7508556601</v>
      </c>
      <c r="D2168" s="166">
        <v>0</v>
      </c>
      <c r="E2168" s="166">
        <v>0</v>
      </c>
      <c r="F2168" s="166">
        <v>0</v>
      </c>
      <c r="G2168" s="166">
        <v>0</v>
      </c>
      <c r="H2168" s="166">
        <v>0</v>
      </c>
      <c r="I2168" s="166">
        <v>0</v>
      </c>
      <c r="J2168" s="166">
        <v>0</v>
      </c>
      <c r="K2168" s="166">
        <v>0</v>
      </c>
      <c r="L2168" s="166">
        <v>0</v>
      </c>
      <c r="M2168" s="166">
        <v>0</v>
      </c>
      <c r="N2168" s="166">
        <v>0</v>
      </c>
      <c r="O2168" s="166">
        <v>0</v>
      </c>
      <c r="P2168" s="166">
        <v>0</v>
      </c>
      <c r="Q2168" s="166">
        <v>0</v>
      </c>
      <c r="R2168" s="166">
        <v>0</v>
      </c>
      <c r="S2168" s="166">
        <v>0</v>
      </c>
      <c r="T2168" s="166">
        <v>0</v>
      </c>
      <c r="U2168" s="166">
        <v>0</v>
      </c>
      <c r="V2168" s="166">
        <v>0</v>
      </c>
      <c r="W2168" s="166">
        <v>0</v>
      </c>
      <c r="X2168" s="166">
        <v>0</v>
      </c>
      <c r="Y2168" s="166">
        <v>0</v>
      </c>
      <c r="Z2168" s="166">
        <v>0</v>
      </c>
      <c r="AA2168" s="166">
        <v>0</v>
      </c>
      <c r="AB2168" s="166">
        <v>0</v>
      </c>
      <c r="AC2168" s="166">
        <v>0</v>
      </c>
      <c r="AD2168" s="166">
        <v>0</v>
      </c>
      <c r="AE2168" s="166">
        <v>0</v>
      </c>
      <c r="AF2168" s="166">
        <v>0</v>
      </c>
      <c r="AG2168" s="166">
        <v>0</v>
      </c>
      <c r="AH2168" s="166">
        <v>0</v>
      </c>
      <c r="AI2168" s="166">
        <v>0</v>
      </c>
      <c r="AJ2168" s="166">
        <v>0</v>
      </c>
      <c r="AK2168" s="166">
        <v>0</v>
      </c>
      <c r="AL2168" s="166">
        <v>0</v>
      </c>
      <c r="AM2168" s="166">
        <v>0</v>
      </c>
      <c r="AN2168" s="166">
        <v>0</v>
      </c>
      <c r="AO2168" s="166">
        <v>0</v>
      </c>
      <c r="AP2168" s="166">
        <v>0</v>
      </c>
      <c r="AQ2168" s="166">
        <v>0</v>
      </c>
      <c r="AR2168" s="166">
        <v>0</v>
      </c>
      <c r="AS2168" s="166">
        <v>0</v>
      </c>
      <c r="AT2168" s="166">
        <v>0</v>
      </c>
      <c r="AU2168" s="166">
        <v>0</v>
      </c>
      <c r="AV2168" s="166">
        <v>0</v>
      </c>
      <c r="AW2168" s="166">
        <v>0</v>
      </c>
      <c r="AX2168" s="166">
        <v>0</v>
      </c>
      <c r="AY2168" s="166">
        <v>0</v>
      </c>
      <c r="AZ2168" s="166">
        <v>0</v>
      </c>
      <c r="BA2168" s="166">
        <v>0</v>
      </c>
      <c r="BB2168" s="166">
        <v>0</v>
      </c>
      <c r="BC2168" s="166">
        <v>0</v>
      </c>
      <c r="BD2168" s="166">
        <v>0</v>
      </c>
      <c r="BE2168" s="166">
        <v>0</v>
      </c>
      <c r="BF2168" s="166">
        <v>0</v>
      </c>
      <c r="BG2168" s="166">
        <v>0</v>
      </c>
      <c r="BH2168" s="166">
        <v>0</v>
      </c>
      <c r="BI2168" s="166">
        <v>0</v>
      </c>
      <c r="BJ2168" s="166">
        <v>0</v>
      </c>
      <c r="BK2168" s="166">
        <v>0</v>
      </c>
      <c r="BL2168" s="166">
        <v>0</v>
      </c>
      <c r="BM2168" s="166">
        <v>0</v>
      </c>
      <c r="BN2168" s="166">
        <v>0</v>
      </c>
      <c r="BO2168" s="166">
        <v>0</v>
      </c>
      <c r="BP2168" s="166">
        <v>0</v>
      </c>
      <c r="BQ2168" s="166">
        <v>0</v>
      </c>
      <c r="BR2168" s="166">
        <v>3108266.7508556601</v>
      </c>
      <c r="BS2168" s="166">
        <v>3108266.7508556601</v>
      </c>
      <c r="BT2168" s="168">
        <v>0</v>
      </c>
      <c r="BU2168" s="166">
        <v>0</v>
      </c>
      <c r="BV2168" s="166">
        <v>0</v>
      </c>
      <c r="BW2168" s="166">
        <v>0</v>
      </c>
      <c r="BX2168" s="166">
        <v>0</v>
      </c>
      <c r="BY2168" s="166">
        <v>0</v>
      </c>
      <c r="BZ2168" s="166">
        <v>0</v>
      </c>
      <c r="CA2168" s="166">
        <v>0</v>
      </c>
      <c r="CB2168" s="166">
        <v>0</v>
      </c>
      <c r="CC2168" s="166">
        <v>0</v>
      </c>
      <c r="CD2168" s="166">
        <v>0</v>
      </c>
      <c r="CE2168" s="166">
        <v>0</v>
      </c>
      <c r="CF2168" s="166">
        <v>0</v>
      </c>
      <c r="CG2168" s="166">
        <v>0</v>
      </c>
      <c r="CH2168" s="166">
        <v>0</v>
      </c>
      <c r="CI2168" s="166">
        <v>0</v>
      </c>
      <c r="CJ2168" s="166">
        <v>0</v>
      </c>
      <c r="CK2168" s="166">
        <v>0</v>
      </c>
      <c r="CL2168" s="166">
        <v>0</v>
      </c>
      <c r="CM2168" s="166">
        <v>0</v>
      </c>
      <c r="CN2168" s="166">
        <v>0</v>
      </c>
      <c r="CO2168" s="166">
        <v>0</v>
      </c>
      <c r="CP2168" s="166">
        <v>0</v>
      </c>
      <c r="CQ2168" s="166">
        <v>0</v>
      </c>
      <c r="CR2168" s="166">
        <v>0</v>
      </c>
      <c r="CS2168" s="166">
        <v>0</v>
      </c>
      <c r="CT2168" s="166">
        <v>0</v>
      </c>
      <c r="CU2168" s="166">
        <v>0</v>
      </c>
      <c r="CV2168" s="166">
        <v>0</v>
      </c>
      <c r="CW2168" s="166">
        <v>0</v>
      </c>
      <c r="CX2168" s="166">
        <v>0</v>
      </c>
      <c r="CY2168" s="166">
        <v>0</v>
      </c>
      <c r="CZ2168" s="166">
        <v>0</v>
      </c>
    </row>
    <row r="2169" spans="1:104" x14ac:dyDescent="0.2">
      <c r="A2169" s="167" t="s">
        <v>575</v>
      </c>
      <c r="B2169" s="166">
        <v>19953473.412223101</v>
      </c>
      <c r="C2169" s="166">
        <v>19953473.412223101</v>
      </c>
      <c r="D2169" s="166">
        <v>0</v>
      </c>
      <c r="E2169" s="166">
        <v>0</v>
      </c>
      <c r="F2169" s="166">
        <v>0</v>
      </c>
      <c r="G2169" s="166">
        <v>0</v>
      </c>
      <c r="H2169" s="166">
        <v>0</v>
      </c>
      <c r="I2169" s="166">
        <v>0</v>
      </c>
      <c r="J2169" s="166">
        <v>0</v>
      </c>
      <c r="K2169" s="166">
        <v>0</v>
      </c>
      <c r="L2169" s="166">
        <v>0</v>
      </c>
      <c r="M2169" s="166">
        <v>0</v>
      </c>
      <c r="N2169" s="166">
        <v>0</v>
      </c>
      <c r="O2169" s="166">
        <v>0</v>
      </c>
      <c r="P2169" s="166">
        <v>0</v>
      </c>
      <c r="Q2169" s="166">
        <v>0</v>
      </c>
      <c r="R2169" s="166">
        <v>0</v>
      </c>
      <c r="S2169" s="166">
        <v>0</v>
      </c>
      <c r="T2169" s="166">
        <v>0</v>
      </c>
      <c r="U2169" s="166">
        <v>0</v>
      </c>
      <c r="V2169" s="166">
        <v>0</v>
      </c>
      <c r="W2169" s="166">
        <v>0</v>
      </c>
      <c r="X2169" s="166">
        <v>0</v>
      </c>
      <c r="Y2169" s="166">
        <v>0</v>
      </c>
      <c r="Z2169" s="166">
        <v>0</v>
      </c>
      <c r="AA2169" s="166">
        <v>0</v>
      </c>
      <c r="AB2169" s="166">
        <v>0</v>
      </c>
      <c r="AC2169" s="166">
        <v>0</v>
      </c>
      <c r="AD2169" s="166">
        <v>0</v>
      </c>
      <c r="AE2169" s="166">
        <v>0</v>
      </c>
      <c r="AF2169" s="166">
        <v>0</v>
      </c>
      <c r="AG2169" s="166">
        <v>0</v>
      </c>
      <c r="AH2169" s="166">
        <v>0</v>
      </c>
      <c r="AI2169" s="166">
        <v>0</v>
      </c>
      <c r="AJ2169" s="166">
        <v>0</v>
      </c>
      <c r="AK2169" s="166">
        <v>0</v>
      </c>
      <c r="AL2169" s="166">
        <v>0</v>
      </c>
      <c r="AM2169" s="166">
        <v>0</v>
      </c>
      <c r="AN2169" s="166">
        <v>0</v>
      </c>
      <c r="AO2169" s="166">
        <v>0</v>
      </c>
      <c r="AP2169" s="166">
        <v>0</v>
      </c>
      <c r="AQ2169" s="166">
        <v>0</v>
      </c>
      <c r="AR2169" s="166">
        <v>0</v>
      </c>
      <c r="AS2169" s="166">
        <v>0</v>
      </c>
      <c r="AT2169" s="166">
        <v>0</v>
      </c>
      <c r="AU2169" s="166">
        <v>0</v>
      </c>
      <c r="AV2169" s="166">
        <v>0</v>
      </c>
      <c r="AW2169" s="166">
        <v>0</v>
      </c>
      <c r="AX2169" s="166">
        <v>0</v>
      </c>
      <c r="AY2169" s="166">
        <v>0</v>
      </c>
      <c r="AZ2169" s="166">
        <v>0</v>
      </c>
      <c r="BA2169" s="166">
        <v>0</v>
      </c>
      <c r="BB2169" s="166">
        <v>0</v>
      </c>
      <c r="BC2169" s="166">
        <v>0</v>
      </c>
      <c r="BD2169" s="166">
        <v>0</v>
      </c>
      <c r="BE2169" s="166">
        <v>0</v>
      </c>
      <c r="BF2169" s="166">
        <v>0</v>
      </c>
      <c r="BG2169" s="166">
        <v>0</v>
      </c>
      <c r="BH2169" s="166">
        <v>0</v>
      </c>
      <c r="BI2169" s="166">
        <v>0</v>
      </c>
      <c r="BJ2169" s="166">
        <v>0</v>
      </c>
      <c r="BK2169" s="166">
        <v>0</v>
      </c>
      <c r="BL2169" s="166">
        <v>0</v>
      </c>
      <c r="BM2169" s="166">
        <v>0</v>
      </c>
      <c r="BN2169" s="166">
        <v>0</v>
      </c>
      <c r="BO2169" s="166">
        <v>0</v>
      </c>
      <c r="BP2169" s="166">
        <v>0</v>
      </c>
      <c r="BQ2169" s="166">
        <v>0</v>
      </c>
      <c r="BR2169" s="166">
        <v>19953473.412223101</v>
      </c>
      <c r="BS2169" s="166">
        <v>19953473.412223101</v>
      </c>
      <c r="BT2169" s="168">
        <v>0</v>
      </c>
      <c r="BU2169" s="166">
        <v>0</v>
      </c>
      <c r="BV2169" s="166">
        <v>0</v>
      </c>
      <c r="BW2169" s="166">
        <v>0</v>
      </c>
      <c r="BX2169" s="166">
        <v>0</v>
      </c>
      <c r="BY2169" s="166">
        <v>0</v>
      </c>
      <c r="BZ2169" s="166">
        <v>0</v>
      </c>
      <c r="CA2169" s="166">
        <v>0</v>
      </c>
      <c r="CB2169" s="166">
        <v>0</v>
      </c>
      <c r="CC2169" s="166">
        <v>0</v>
      </c>
      <c r="CD2169" s="166">
        <v>0</v>
      </c>
      <c r="CE2169" s="166">
        <v>0</v>
      </c>
      <c r="CF2169" s="166">
        <v>0</v>
      </c>
      <c r="CG2169" s="166">
        <v>0</v>
      </c>
      <c r="CH2169" s="166">
        <v>0</v>
      </c>
      <c r="CI2169" s="166">
        <v>0</v>
      </c>
      <c r="CJ2169" s="166">
        <v>0</v>
      </c>
      <c r="CK2169" s="166">
        <v>0</v>
      </c>
      <c r="CL2169" s="166">
        <v>0</v>
      </c>
      <c r="CM2169" s="166">
        <v>0</v>
      </c>
      <c r="CN2169" s="166">
        <v>0</v>
      </c>
      <c r="CO2169" s="166">
        <v>0</v>
      </c>
      <c r="CP2169" s="166">
        <v>0</v>
      </c>
      <c r="CQ2169" s="166">
        <v>0</v>
      </c>
      <c r="CR2169" s="166">
        <v>0</v>
      </c>
      <c r="CS2169" s="166">
        <v>0</v>
      </c>
      <c r="CT2169" s="166">
        <v>0</v>
      </c>
      <c r="CU2169" s="166">
        <v>0</v>
      </c>
      <c r="CV2169" s="166">
        <v>0</v>
      </c>
      <c r="CW2169" s="166">
        <v>0</v>
      </c>
      <c r="CX2169" s="166">
        <v>0</v>
      </c>
      <c r="CY2169" s="166">
        <v>0</v>
      </c>
      <c r="CZ2169" s="166">
        <v>0</v>
      </c>
    </row>
    <row r="2170" spans="1:104" x14ac:dyDescent="0.2">
      <c r="A2170" s="167" t="s">
        <v>576</v>
      </c>
      <c r="B2170" s="166">
        <v>0</v>
      </c>
      <c r="C2170" s="166">
        <v>0</v>
      </c>
      <c r="D2170" s="166">
        <v>0</v>
      </c>
      <c r="E2170" s="166">
        <v>0</v>
      </c>
      <c r="F2170" s="166">
        <v>0</v>
      </c>
      <c r="G2170" s="166">
        <v>0</v>
      </c>
      <c r="H2170" s="166">
        <v>0</v>
      </c>
      <c r="I2170" s="166">
        <v>0</v>
      </c>
      <c r="J2170" s="166">
        <v>0</v>
      </c>
      <c r="K2170" s="166">
        <v>0</v>
      </c>
      <c r="L2170" s="166">
        <v>0</v>
      </c>
      <c r="M2170" s="166">
        <v>0</v>
      </c>
      <c r="N2170" s="166">
        <v>0</v>
      </c>
      <c r="O2170" s="166">
        <v>0</v>
      </c>
      <c r="P2170" s="166">
        <v>0</v>
      </c>
      <c r="Q2170" s="166">
        <v>0</v>
      </c>
      <c r="R2170" s="166">
        <v>0</v>
      </c>
      <c r="S2170" s="166">
        <v>0</v>
      </c>
      <c r="T2170" s="166">
        <v>0</v>
      </c>
      <c r="U2170" s="166">
        <v>0</v>
      </c>
      <c r="V2170" s="166">
        <v>0</v>
      </c>
      <c r="W2170" s="166">
        <v>0</v>
      </c>
      <c r="X2170" s="166">
        <v>0</v>
      </c>
      <c r="Y2170" s="166">
        <v>0</v>
      </c>
      <c r="Z2170" s="166">
        <v>0</v>
      </c>
      <c r="AA2170" s="166">
        <v>0</v>
      </c>
      <c r="AB2170" s="166">
        <v>0</v>
      </c>
      <c r="AC2170" s="166">
        <v>0</v>
      </c>
      <c r="AD2170" s="166">
        <v>0</v>
      </c>
      <c r="AE2170" s="166">
        <v>0</v>
      </c>
      <c r="AF2170" s="166">
        <v>0</v>
      </c>
      <c r="AG2170" s="166">
        <v>0</v>
      </c>
      <c r="AH2170" s="166">
        <v>0</v>
      </c>
      <c r="AI2170" s="166">
        <v>0</v>
      </c>
      <c r="AJ2170" s="166">
        <v>0</v>
      </c>
      <c r="AK2170" s="166">
        <v>0</v>
      </c>
      <c r="AL2170" s="166">
        <v>0</v>
      </c>
      <c r="AM2170" s="166">
        <v>0</v>
      </c>
      <c r="AN2170" s="166">
        <v>0</v>
      </c>
      <c r="AO2170" s="166">
        <v>0</v>
      </c>
      <c r="AP2170" s="166">
        <v>0</v>
      </c>
      <c r="AQ2170" s="166">
        <v>0</v>
      </c>
      <c r="AR2170" s="166">
        <v>0</v>
      </c>
      <c r="AS2170" s="166">
        <v>0</v>
      </c>
      <c r="AT2170" s="166">
        <v>0</v>
      </c>
      <c r="AU2170" s="166">
        <v>0</v>
      </c>
      <c r="AV2170" s="166">
        <v>0</v>
      </c>
      <c r="AW2170" s="166">
        <v>0</v>
      </c>
      <c r="AX2170" s="166">
        <v>0</v>
      </c>
      <c r="AY2170" s="166">
        <v>0</v>
      </c>
      <c r="AZ2170" s="166">
        <v>0</v>
      </c>
      <c r="BA2170" s="166">
        <v>0</v>
      </c>
      <c r="BB2170" s="166">
        <v>0</v>
      </c>
      <c r="BC2170" s="166">
        <v>0</v>
      </c>
      <c r="BD2170" s="166">
        <v>0</v>
      </c>
      <c r="BE2170" s="166">
        <v>0</v>
      </c>
      <c r="BF2170" s="166">
        <v>0</v>
      </c>
      <c r="BG2170" s="166">
        <v>0</v>
      </c>
      <c r="BH2170" s="166">
        <v>0</v>
      </c>
      <c r="BI2170" s="166">
        <v>0</v>
      </c>
      <c r="BJ2170" s="166">
        <v>0</v>
      </c>
      <c r="BK2170" s="166">
        <v>0</v>
      </c>
      <c r="BL2170" s="166">
        <v>0</v>
      </c>
      <c r="BM2170" s="166">
        <v>0</v>
      </c>
      <c r="BN2170" s="166">
        <v>0</v>
      </c>
      <c r="BO2170" s="166">
        <v>0</v>
      </c>
      <c r="BP2170" s="166">
        <v>0</v>
      </c>
      <c r="BQ2170" s="166">
        <v>0</v>
      </c>
      <c r="BR2170" s="166">
        <v>0</v>
      </c>
      <c r="BS2170" s="166">
        <v>0</v>
      </c>
      <c r="BT2170" s="168">
        <v>0</v>
      </c>
      <c r="BU2170" s="166">
        <v>0</v>
      </c>
      <c r="BV2170" s="166">
        <v>0</v>
      </c>
      <c r="BW2170" s="166">
        <v>0</v>
      </c>
      <c r="BX2170" s="166">
        <v>0</v>
      </c>
      <c r="BY2170" s="166">
        <v>0</v>
      </c>
      <c r="BZ2170" s="166">
        <v>0</v>
      </c>
      <c r="CA2170" s="166">
        <v>0</v>
      </c>
      <c r="CB2170" s="166">
        <v>0</v>
      </c>
      <c r="CC2170" s="166">
        <v>0</v>
      </c>
      <c r="CD2170" s="166">
        <v>0</v>
      </c>
      <c r="CE2170" s="166">
        <v>0</v>
      </c>
      <c r="CF2170" s="166">
        <v>0</v>
      </c>
      <c r="CG2170" s="166">
        <v>0</v>
      </c>
      <c r="CH2170" s="166">
        <v>0</v>
      </c>
      <c r="CI2170" s="166">
        <v>0</v>
      </c>
      <c r="CJ2170" s="166">
        <v>0</v>
      </c>
      <c r="CK2170" s="166">
        <v>0</v>
      </c>
      <c r="CL2170" s="166">
        <v>0</v>
      </c>
      <c r="CM2170" s="166">
        <v>0</v>
      </c>
      <c r="CN2170" s="166">
        <v>0</v>
      </c>
      <c r="CO2170" s="166">
        <v>0</v>
      </c>
      <c r="CP2170" s="166">
        <v>0</v>
      </c>
      <c r="CQ2170" s="166">
        <v>0</v>
      </c>
      <c r="CR2170" s="166">
        <v>0</v>
      </c>
      <c r="CS2170" s="166">
        <v>0</v>
      </c>
      <c r="CT2170" s="166">
        <v>0</v>
      </c>
      <c r="CU2170" s="166">
        <v>0</v>
      </c>
      <c r="CV2170" s="166">
        <v>0</v>
      </c>
      <c r="CW2170" s="166">
        <v>0</v>
      </c>
      <c r="CX2170" s="166">
        <v>0</v>
      </c>
      <c r="CY2170" s="166">
        <v>0</v>
      </c>
      <c r="CZ2170" s="166">
        <v>0</v>
      </c>
    </row>
    <row r="2171" spans="1:104" x14ac:dyDescent="0.2">
      <c r="A2171" s="177" t="s">
        <v>577</v>
      </c>
      <c r="B2171" s="166">
        <v>115105527.11158</v>
      </c>
      <c r="C2171" s="166">
        <v>115105527.11158</v>
      </c>
      <c r="D2171" s="166">
        <v>0</v>
      </c>
      <c r="E2171" s="166">
        <v>0</v>
      </c>
      <c r="F2171" s="166">
        <v>0</v>
      </c>
      <c r="G2171" s="166">
        <v>0</v>
      </c>
      <c r="H2171" s="166">
        <v>0</v>
      </c>
      <c r="I2171" s="166">
        <v>0</v>
      </c>
      <c r="J2171" s="166">
        <v>0</v>
      </c>
      <c r="K2171" s="166">
        <v>0</v>
      </c>
      <c r="L2171" s="166">
        <v>0</v>
      </c>
      <c r="M2171" s="166">
        <v>0</v>
      </c>
      <c r="N2171" s="166">
        <v>0</v>
      </c>
      <c r="O2171" s="166">
        <v>0</v>
      </c>
      <c r="P2171" s="166">
        <v>0</v>
      </c>
      <c r="Q2171" s="166">
        <v>0</v>
      </c>
      <c r="R2171" s="166">
        <v>0</v>
      </c>
      <c r="S2171" s="166">
        <v>0</v>
      </c>
      <c r="T2171" s="166">
        <v>0</v>
      </c>
      <c r="U2171" s="166">
        <v>0</v>
      </c>
      <c r="V2171" s="166">
        <v>0</v>
      </c>
      <c r="W2171" s="166">
        <v>0</v>
      </c>
      <c r="X2171" s="166">
        <v>0</v>
      </c>
      <c r="Y2171" s="166">
        <v>0</v>
      </c>
      <c r="Z2171" s="166">
        <v>0</v>
      </c>
      <c r="AA2171" s="166">
        <v>0</v>
      </c>
      <c r="AB2171" s="166">
        <v>0</v>
      </c>
      <c r="AC2171" s="166">
        <v>0</v>
      </c>
      <c r="AD2171" s="166">
        <v>0</v>
      </c>
      <c r="AE2171" s="166">
        <v>0</v>
      </c>
      <c r="AF2171" s="166">
        <v>0</v>
      </c>
      <c r="AG2171" s="166">
        <v>0</v>
      </c>
      <c r="AH2171" s="166">
        <v>0</v>
      </c>
      <c r="AI2171" s="166">
        <v>0</v>
      </c>
      <c r="AJ2171" s="166">
        <v>0</v>
      </c>
      <c r="AK2171" s="166">
        <v>0</v>
      </c>
      <c r="AL2171" s="166">
        <v>0</v>
      </c>
      <c r="AM2171" s="166">
        <v>0</v>
      </c>
      <c r="AN2171" s="166">
        <v>0</v>
      </c>
      <c r="AO2171" s="166">
        <v>0</v>
      </c>
      <c r="AP2171" s="166">
        <v>0</v>
      </c>
      <c r="AQ2171" s="166">
        <v>0</v>
      </c>
      <c r="AR2171" s="166">
        <v>0</v>
      </c>
      <c r="AS2171" s="166">
        <v>0</v>
      </c>
      <c r="AT2171" s="166">
        <v>0</v>
      </c>
      <c r="AU2171" s="166">
        <v>0</v>
      </c>
      <c r="AV2171" s="166">
        <v>0</v>
      </c>
      <c r="AW2171" s="166">
        <v>0</v>
      </c>
      <c r="AX2171" s="166">
        <v>0</v>
      </c>
      <c r="AY2171" s="166">
        <v>0</v>
      </c>
      <c r="AZ2171" s="166">
        <v>0</v>
      </c>
      <c r="BA2171" s="166">
        <v>0</v>
      </c>
      <c r="BB2171" s="166">
        <v>0</v>
      </c>
      <c r="BC2171" s="166">
        <v>0</v>
      </c>
      <c r="BD2171" s="166">
        <v>0</v>
      </c>
      <c r="BE2171" s="166">
        <v>0</v>
      </c>
      <c r="BF2171" s="166">
        <v>0</v>
      </c>
      <c r="BG2171" s="166">
        <v>0</v>
      </c>
      <c r="BH2171" s="166">
        <v>0</v>
      </c>
      <c r="BI2171" s="166">
        <v>0</v>
      </c>
      <c r="BJ2171" s="166">
        <v>0</v>
      </c>
      <c r="BK2171" s="166">
        <v>0</v>
      </c>
      <c r="BL2171" s="166">
        <v>0</v>
      </c>
      <c r="BM2171" s="166">
        <v>0</v>
      </c>
      <c r="BN2171" s="166">
        <v>0</v>
      </c>
      <c r="BO2171" s="166">
        <v>0</v>
      </c>
      <c r="BP2171" s="166">
        <v>0</v>
      </c>
      <c r="BQ2171" s="166">
        <v>0</v>
      </c>
      <c r="BR2171" s="166">
        <v>115105527.11158</v>
      </c>
      <c r="BS2171" s="166">
        <v>115105527.11158</v>
      </c>
      <c r="BT2171" s="168">
        <v>0</v>
      </c>
      <c r="BU2171" s="166">
        <v>0</v>
      </c>
      <c r="BV2171" s="166">
        <v>0</v>
      </c>
      <c r="BW2171" s="166">
        <v>0</v>
      </c>
      <c r="BX2171" s="166">
        <v>0</v>
      </c>
      <c r="BY2171" s="166">
        <v>0</v>
      </c>
      <c r="BZ2171" s="166">
        <v>0</v>
      </c>
      <c r="CA2171" s="166">
        <v>0</v>
      </c>
      <c r="CB2171" s="166">
        <v>0</v>
      </c>
      <c r="CC2171" s="166">
        <v>0</v>
      </c>
      <c r="CD2171" s="166">
        <v>0</v>
      </c>
      <c r="CE2171" s="166">
        <v>0</v>
      </c>
      <c r="CF2171" s="166">
        <v>0</v>
      </c>
      <c r="CG2171" s="166">
        <v>0</v>
      </c>
      <c r="CH2171" s="166">
        <v>0</v>
      </c>
      <c r="CI2171" s="166">
        <v>0</v>
      </c>
      <c r="CJ2171" s="166">
        <v>0</v>
      </c>
      <c r="CK2171" s="166">
        <v>0</v>
      </c>
      <c r="CL2171" s="166">
        <v>0</v>
      </c>
      <c r="CM2171" s="166">
        <v>0</v>
      </c>
      <c r="CN2171" s="166">
        <v>0</v>
      </c>
      <c r="CO2171" s="166">
        <v>0</v>
      </c>
      <c r="CP2171" s="166">
        <v>0</v>
      </c>
      <c r="CQ2171" s="166">
        <v>0</v>
      </c>
      <c r="CR2171" s="166">
        <v>0</v>
      </c>
      <c r="CS2171" s="166">
        <v>0</v>
      </c>
      <c r="CT2171" s="166">
        <v>0</v>
      </c>
      <c r="CU2171" s="166">
        <v>0</v>
      </c>
      <c r="CV2171" s="166">
        <v>0</v>
      </c>
      <c r="CW2171" s="166">
        <v>0</v>
      </c>
      <c r="CX2171" s="166">
        <v>0</v>
      </c>
      <c r="CY2171" s="166">
        <v>0</v>
      </c>
      <c r="CZ2171" s="166">
        <v>0</v>
      </c>
    </row>
    <row r="2172" spans="1:104" x14ac:dyDescent="0.2">
      <c r="A2172" s="167" t="s">
        <v>578</v>
      </c>
      <c r="B2172" s="166">
        <v>0</v>
      </c>
      <c r="C2172" s="166">
        <v>0</v>
      </c>
      <c r="D2172" s="166">
        <v>0</v>
      </c>
      <c r="E2172" s="166">
        <v>0</v>
      </c>
      <c r="F2172" s="166">
        <v>0</v>
      </c>
      <c r="G2172" s="166">
        <v>0</v>
      </c>
      <c r="H2172" s="166">
        <v>0</v>
      </c>
      <c r="I2172" s="166">
        <v>0</v>
      </c>
      <c r="J2172" s="166">
        <v>0</v>
      </c>
      <c r="K2172" s="166">
        <v>0</v>
      </c>
      <c r="L2172" s="166">
        <v>0</v>
      </c>
      <c r="M2172" s="166">
        <v>0</v>
      </c>
      <c r="N2172" s="166">
        <v>0</v>
      </c>
      <c r="O2172" s="166">
        <v>0</v>
      </c>
      <c r="P2172" s="166">
        <v>0</v>
      </c>
      <c r="Q2172" s="166">
        <v>0</v>
      </c>
      <c r="R2172" s="166">
        <v>0</v>
      </c>
      <c r="S2172" s="166">
        <v>0</v>
      </c>
      <c r="T2172" s="166">
        <v>0</v>
      </c>
      <c r="U2172" s="166">
        <v>0</v>
      </c>
      <c r="V2172" s="166">
        <v>0</v>
      </c>
      <c r="W2172" s="166">
        <v>0</v>
      </c>
      <c r="X2172" s="166">
        <v>0</v>
      </c>
      <c r="Y2172" s="166">
        <v>0</v>
      </c>
      <c r="Z2172" s="166">
        <v>0</v>
      </c>
      <c r="AA2172" s="166">
        <v>0</v>
      </c>
      <c r="AB2172" s="166">
        <v>0</v>
      </c>
      <c r="AC2172" s="166">
        <v>0</v>
      </c>
      <c r="AD2172" s="166">
        <v>0</v>
      </c>
      <c r="AE2172" s="166">
        <v>0</v>
      </c>
      <c r="AF2172" s="166">
        <v>0</v>
      </c>
      <c r="AG2172" s="166">
        <v>0</v>
      </c>
      <c r="AH2172" s="166">
        <v>0</v>
      </c>
      <c r="AI2172" s="166">
        <v>0</v>
      </c>
      <c r="AJ2172" s="166">
        <v>0</v>
      </c>
      <c r="AK2172" s="166">
        <v>0</v>
      </c>
      <c r="AL2172" s="166">
        <v>0</v>
      </c>
      <c r="AM2172" s="166">
        <v>0</v>
      </c>
      <c r="AN2172" s="166">
        <v>0</v>
      </c>
      <c r="AO2172" s="166">
        <v>0</v>
      </c>
      <c r="AP2172" s="166">
        <v>0</v>
      </c>
      <c r="AQ2172" s="166">
        <v>0</v>
      </c>
      <c r="AR2172" s="166">
        <v>0</v>
      </c>
      <c r="AS2172" s="166">
        <v>0</v>
      </c>
      <c r="AT2172" s="166">
        <v>0</v>
      </c>
      <c r="AU2172" s="166">
        <v>0</v>
      </c>
      <c r="AV2172" s="166">
        <v>0</v>
      </c>
      <c r="AW2172" s="166">
        <v>0</v>
      </c>
      <c r="AX2172" s="166">
        <v>0</v>
      </c>
      <c r="AY2172" s="166">
        <v>0</v>
      </c>
      <c r="AZ2172" s="166">
        <v>0</v>
      </c>
      <c r="BA2172" s="166">
        <v>0</v>
      </c>
      <c r="BB2172" s="166">
        <v>0</v>
      </c>
      <c r="BC2172" s="166">
        <v>0</v>
      </c>
      <c r="BD2172" s="166">
        <v>0</v>
      </c>
      <c r="BE2172" s="166">
        <v>0</v>
      </c>
      <c r="BF2172" s="166">
        <v>0</v>
      </c>
      <c r="BG2172" s="166">
        <v>0</v>
      </c>
      <c r="BH2172" s="166">
        <v>0</v>
      </c>
      <c r="BI2172" s="166">
        <v>0</v>
      </c>
      <c r="BJ2172" s="166">
        <v>0</v>
      </c>
      <c r="BK2172" s="166">
        <v>0</v>
      </c>
      <c r="BL2172" s="166">
        <v>0</v>
      </c>
      <c r="BM2172" s="166">
        <v>0</v>
      </c>
      <c r="BN2172" s="166">
        <v>0</v>
      </c>
      <c r="BO2172" s="166">
        <v>0</v>
      </c>
      <c r="BP2172" s="166">
        <v>0</v>
      </c>
      <c r="BQ2172" s="166">
        <v>0</v>
      </c>
      <c r="BR2172" s="166">
        <v>0</v>
      </c>
      <c r="BS2172" s="166">
        <v>0</v>
      </c>
      <c r="BT2172" s="168">
        <v>0</v>
      </c>
      <c r="BU2172" s="166">
        <v>0</v>
      </c>
      <c r="BV2172" s="166">
        <v>0</v>
      </c>
      <c r="BW2172" s="166">
        <v>0</v>
      </c>
      <c r="BX2172" s="166">
        <v>0</v>
      </c>
      <c r="BY2172" s="166">
        <v>0</v>
      </c>
      <c r="BZ2172" s="166">
        <v>0</v>
      </c>
      <c r="CA2172" s="166">
        <v>0</v>
      </c>
      <c r="CB2172" s="166">
        <v>0</v>
      </c>
      <c r="CC2172" s="166">
        <v>0</v>
      </c>
      <c r="CD2172" s="166">
        <v>0</v>
      </c>
      <c r="CE2172" s="166">
        <v>0</v>
      </c>
      <c r="CF2172" s="166">
        <v>0</v>
      </c>
      <c r="CG2172" s="166">
        <v>0</v>
      </c>
      <c r="CH2172" s="166">
        <v>0</v>
      </c>
      <c r="CI2172" s="166">
        <v>0</v>
      </c>
      <c r="CJ2172" s="166">
        <v>0</v>
      </c>
      <c r="CK2172" s="166">
        <v>0</v>
      </c>
      <c r="CL2172" s="166">
        <v>0</v>
      </c>
      <c r="CM2172" s="166">
        <v>0</v>
      </c>
      <c r="CN2172" s="166">
        <v>0</v>
      </c>
      <c r="CO2172" s="166">
        <v>0</v>
      </c>
      <c r="CP2172" s="166">
        <v>0</v>
      </c>
      <c r="CQ2172" s="166">
        <v>0</v>
      </c>
      <c r="CR2172" s="166">
        <v>0</v>
      </c>
      <c r="CS2172" s="166">
        <v>0</v>
      </c>
      <c r="CT2172" s="166">
        <v>0</v>
      </c>
      <c r="CU2172" s="166">
        <v>0</v>
      </c>
      <c r="CV2172" s="166">
        <v>0</v>
      </c>
      <c r="CW2172" s="166">
        <v>0</v>
      </c>
      <c r="CX2172" s="166">
        <v>0</v>
      </c>
      <c r="CY2172" s="166">
        <v>0</v>
      </c>
      <c r="CZ2172" s="166">
        <v>0</v>
      </c>
    </row>
    <row r="2173" spans="1:104" x14ac:dyDescent="0.2">
      <c r="A2173" s="167" t="s">
        <v>579</v>
      </c>
      <c r="B2173" s="166">
        <v>88002.159999999902</v>
      </c>
      <c r="C2173" s="166">
        <v>88002.159999999902</v>
      </c>
      <c r="D2173" s="166">
        <v>0</v>
      </c>
      <c r="E2173" s="166">
        <v>0</v>
      </c>
      <c r="F2173" s="166">
        <v>0</v>
      </c>
      <c r="G2173" s="166">
        <v>0</v>
      </c>
      <c r="H2173" s="166">
        <v>0</v>
      </c>
      <c r="I2173" s="166">
        <v>0</v>
      </c>
      <c r="J2173" s="166">
        <v>0</v>
      </c>
      <c r="K2173" s="166">
        <v>0</v>
      </c>
      <c r="L2173" s="166">
        <v>0</v>
      </c>
      <c r="M2173" s="166">
        <v>0</v>
      </c>
      <c r="N2173" s="166">
        <v>0</v>
      </c>
      <c r="O2173" s="166">
        <v>0</v>
      </c>
      <c r="P2173" s="166">
        <v>0</v>
      </c>
      <c r="Q2173" s="166">
        <v>0</v>
      </c>
      <c r="R2173" s="166">
        <v>0</v>
      </c>
      <c r="S2173" s="166">
        <v>0</v>
      </c>
      <c r="T2173" s="166">
        <v>0</v>
      </c>
      <c r="U2173" s="166">
        <v>0</v>
      </c>
      <c r="V2173" s="166">
        <v>0</v>
      </c>
      <c r="W2173" s="166">
        <v>0</v>
      </c>
      <c r="X2173" s="166">
        <v>0</v>
      </c>
      <c r="Y2173" s="166">
        <v>0</v>
      </c>
      <c r="Z2173" s="166">
        <v>0</v>
      </c>
      <c r="AA2173" s="166">
        <v>0</v>
      </c>
      <c r="AB2173" s="166">
        <v>0</v>
      </c>
      <c r="AC2173" s="166">
        <v>0</v>
      </c>
      <c r="AD2173" s="166">
        <v>0</v>
      </c>
      <c r="AE2173" s="166">
        <v>0</v>
      </c>
      <c r="AF2173" s="166">
        <v>0</v>
      </c>
      <c r="AG2173" s="166">
        <v>0</v>
      </c>
      <c r="AH2173" s="166">
        <v>0</v>
      </c>
      <c r="AI2173" s="166">
        <v>0</v>
      </c>
      <c r="AJ2173" s="166">
        <v>0</v>
      </c>
      <c r="AK2173" s="166">
        <v>0</v>
      </c>
      <c r="AL2173" s="166">
        <v>0</v>
      </c>
      <c r="AM2173" s="166">
        <v>0</v>
      </c>
      <c r="AN2173" s="166">
        <v>0</v>
      </c>
      <c r="AO2173" s="166">
        <v>0</v>
      </c>
      <c r="AP2173" s="166">
        <v>0</v>
      </c>
      <c r="AQ2173" s="166">
        <v>0</v>
      </c>
      <c r="AR2173" s="166">
        <v>0</v>
      </c>
      <c r="AS2173" s="166">
        <v>0</v>
      </c>
      <c r="AT2173" s="166">
        <v>0</v>
      </c>
      <c r="AU2173" s="166">
        <v>0</v>
      </c>
      <c r="AV2173" s="166">
        <v>0</v>
      </c>
      <c r="AW2173" s="166">
        <v>0</v>
      </c>
      <c r="AX2173" s="166">
        <v>0</v>
      </c>
      <c r="AY2173" s="166">
        <v>0</v>
      </c>
      <c r="AZ2173" s="166">
        <v>0</v>
      </c>
      <c r="BA2173" s="166">
        <v>0</v>
      </c>
      <c r="BB2173" s="166">
        <v>0</v>
      </c>
      <c r="BC2173" s="166">
        <v>0</v>
      </c>
      <c r="BD2173" s="166">
        <v>0</v>
      </c>
      <c r="BE2173" s="166">
        <v>0</v>
      </c>
      <c r="BF2173" s="166">
        <v>0</v>
      </c>
      <c r="BG2173" s="166">
        <v>0</v>
      </c>
      <c r="BH2173" s="166">
        <v>0</v>
      </c>
      <c r="BI2173" s="166">
        <v>0</v>
      </c>
      <c r="BJ2173" s="166">
        <v>0</v>
      </c>
      <c r="BK2173" s="166">
        <v>0</v>
      </c>
      <c r="BL2173" s="166">
        <v>0</v>
      </c>
      <c r="BM2173" s="166">
        <v>0</v>
      </c>
      <c r="BN2173" s="166">
        <v>0</v>
      </c>
      <c r="BO2173" s="166">
        <v>0</v>
      </c>
      <c r="BP2173" s="166">
        <v>0</v>
      </c>
      <c r="BQ2173" s="166">
        <v>0</v>
      </c>
      <c r="BR2173" s="166">
        <v>88002.159999999902</v>
      </c>
      <c r="BS2173" s="166">
        <v>88002.159999999902</v>
      </c>
      <c r="BT2173" s="168">
        <v>0</v>
      </c>
      <c r="BU2173" s="166">
        <v>0</v>
      </c>
      <c r="BV2173" s="166">
        <v>0</v>
      </c>
      <c r="BW2173" s="166">
        <v>0</v>
      </c>
      <c r="BX2173" s="166">
        <v>0</v>
      </c>
      <c r="BY2173" s="166">
        <v>0</v>
      </c>
      <c r="BZ2173" s="166">
        <v>0</v>
      </c>
      <c r="CA2173" s="166">
        <v>0</v>
      </c>
      <c r="CB2173" s="166">
        <v>0</v>
      </c>
      <c r="CC2173" s="166">
        <v>0</v>
      </c>
      <c r="CD2173" s="166">
        <v>0</v>
      </c>
      <c r="CE2173" s="166">
        <v>0</v>
      </c>
      <c r="CF2173" s="166">
        <v>0</v>
      </c>
      <c r="CG2173" s="166">
        <v>0</v>
      </c>
      <c r="CH2173" s="166">
        <v>0</v>
      </c>
      <c r="CI2173" s="166">
        <v>0</v>
      </c>
      <c r="CJ2173" s="166">
        <v>0</v>
      </c>
      <c r="CK2173" s="166">
        <v>0</v>
      </c>
      <c r="CL2173" s="166">
        <v>0</v>
      </c>
      <c r="CM2173" s="166">
        <v>0</v>
      </c>
      <c r="CN2173" s="166">
        <v>0</v>
      </c>
      <c r="CO2173" s="166">
        <v>0</v>
      </c>
      <c r="CP2173" s="166">
        <v>0</v>
      </c>
      <c r="CQ2173" s="166">
        <v>0</v>
      </c>
      <c r="CR2173" s="166">
        <v>0</v>
      </c>
      <c r="CS2173" s="166">
        <v>0</v>
      </c>
      <c r="CT2173" s="166">
        <v>0</v>
      </c>
      <c r="CU2173" s="166">
        <v>0</v>
      </c>
      <c r="CV2173" s="166">
        <v>0</v>
      </c>
      <c r="CW2173" s="166">
        <v>0</v>
      </c>
      <c r="CX2173" s="166">
        <v>0</v>
      </c>
      <c r="CY2173" s="166">
        <v>0</v>
      </c>
      <c r="CZ2173" s="166">
        <v>0</v>
      </c>
    </row>
    <row r="2174" spans="1:104" x14ac:dyDescent="0.2">
      <c r="A2174" s="167" t="s">
        <v>580</v>
      </c>
      <c r="B2174" s="166">
        <v>815195.22</v>
      </c>
      <c r="C2174" s="166">
        <v>815195.22</v>
      </c>
      <c r="D2174" s="166">
        <v>0</v>
      </c>
      <c r="E2174" s="166">
        <v>0</v>
      </c>
      <c r="F2174" s="166">
        <v>0</v>
      </c>
      <c r="G2174" s="166">
        <v>0</v>
      </c>
      <c r="H2174" s="166">
        <v>0</v>
      </c>
      <c r="I2174" s="166">
        <v>0</v>
      </c>
      <c r="J2174" s="166">
        <v>0</v>
      </c>
      <c r="K2174" s="166">
        <v>0</v>
      </c>
      <c r="L2174" s="166">
        <v>0</v>
      </c>
      <c r="M2174" s="166">
        <v>0</v>
      </c>
      <c r="N2174" s="166">
        <v>0</v>
      </c>
      <c r="O2174" s="166">
        <v>0</v>
      </c>
      <c r="P2174" s="166">
        <v>0</v>
      </c>
      <c r="Q2174" s="166">
        <v>0</v>
      </c>
      <c r="R2174" s="166">
        <v>0</v>
      </c>
      <c r="S2174" s="166">
        <v>0</v>
      </c>
      <c r="T2174" s="166">
        <v>0</v>
      </c>
      <c r="U2174" s="166">
        <v>0</v>
      </c>
      <c r="V2174" s="166">
        <v>0</v>
      </c>
      <c r="W2174" s="166">
        <v>0</v>
      </c>
      <c r="X2174" s="166">
        <v>0</v>
      </c>
      <c r="Y2174" s="166">
        <v>0</v>
      </c>
      <c r="Z2174" s="166">
        <v>0</v>
      </c>
      <c r="AA2174" s="166">
        <v>0</v>
      </c>
      <c r="AB2174" s="166">
        <v>0</v>
      </c>
      <c r="AC2174" s="166">
        <v>0</v>
      </c>
      <c r="AD2174" s="166">
        <v>0</v>
      </c>
      <c r="AE2174" s="166">
        <v>0</v>
      </c>
      <c r="AF2174" s="166">
        <v>0</v>
      </c>
      <c r="AG2174" s="166">
        <v>0</v>
      </c>
      <c r="AH2174" s="166">
        <v>0</v>
      </c>
      <c r="AI2174" s="166">
        <v>0</v>
      </c>
      <c r="AJ2174" s="166">
        <v>0</v>
      </c>
      <c r="AK2174" s="166">
        <v>0</v>
      </c>
      <c r="AL2174" s="166">
        <v>0</v>
      </c>
      <c r="AM2174" s="166">
        <v>0</v>
      </c>
      <c r="AN2174" s="166">
        <v>0</v>
      </c>
      <c r="AO2174" s="166">
        <v>0</v>
      </c>
      <c r="AP2174" s="166">
        <v>0</v>
      </c>
      <c r="AQ2174" s="166">
        <v>0</v>
      </c>
      <c r="AR2174" s="166">
        <v>0</v>
      </c>
      <c r="AS2174" s="166">
        <v>0</v>
      </c>
      <c r="AT2174" s="166">
        <v>0</v>
      </c>
      <c r="AU2174" s="166">
        <v>0</v>
      </c>
      <c r="AV2174" s="166">
        <v>0</v>
      </c>
      <c r="AW2174" s="166">
        <v>0</v>
      </c>
      <c r="AX2174" s="166">
        <v>0</v>
      </c>
      <c r="AY2174" s="166">
        <v>0</v>
      </c>
      <c r="AZ2174" s="166">
        <v>0</v>
      </c>
      <c r="BA2174" s="166">
        <v>0</v>
      </c>
      <c r="BB2174" s="166">
        <v>0</v>
      </c>
      <c r="BC2174" s="166">
        <v>0</v>
      </c>
      <c r="BD2174" s="166">
        <v>0</v>
      </c>
      <c r="BE2174" s="166">
        <v>0</v>
      </c>
      <c r="BF2174" s="166">
        <v>0</v>
      </c>
      <c r="BG2174" s="166">
        <v>0</v>
      </c>
      <c r="BH2174" s="166">
        <v>0</v>
      </c>
      <c r="BI2174" s="166">
        <v>0</v>
      </c>
      <c r="BJ2174" s="166">
        <v>0</v>
      </c>
      <c r="BK2174" s="166">
        <v>0</v>
      </c>
      <c r="BL2174" s="166">
        <v>0</v>
      </c>
      <c r="BM2174" s="166">
        <v>0</v>
      </c>
      <c r="BN2174" s="166">
        <v>0</v>
      </c>
      <c r="BO2174" s="166">
        <v>0</v>
      </c>
      <c r="BP2174" s="166">
        <v>0</v>
      </c>
      <c r="BQ2174" s="166">
        <v>0</v>
      </c>
      <c r="BR2174" s="166">
        <v>815195.22</v>
      </c>
      <c r="BS2174" s="166">
        <v>815195.22</v>
      </c>
      <c r="BT2174" s="168">
        <v>0</v>
      </c>
      <c r="BU2174" s="166">
        <v>0</v>
      </c>
      <c r="BV2174" s="166">
        <v>0</v>
      </c>
      <c r="BW2174" s="166">
        <v>0</v>
      </c>
      <c r="BX2174" s="166">
        <v>0</v>
      </c>
      <c r="BY2174" s="166">
        <v>0</v>
      </c>
      <c r="BZ2174" s="166">
        <v>0</v>
      </c>
      <c r="CA2174" s="166">
        <v>0</v>
      </c>
      <c r="CB2174" s="166">
        <v>0</v>
      </c>
      <c r="CC2174" s="166">
        <v>0</v>
      </c>
      <c r="CD2174" s="166">
        <v>0</v>
      </c>
      <c r="CE2174" s="166">
        <v>0</v>
      </c>
      <c r="CF2174" s="166">
        <v>0</v>
      </c>
      <c r="CG2174" s="166">
        <v>0</v>
      </c>
      <c r="CH2174" s="166">
        <v>0</v>
      </c>
      <c r="CI2174" s="166">
        <v>0</v>
      </c>
      <c r="CJ2174" s="166">
        <v>0</v>
      </c>
      <c r="CK2174" s="166">
        <v>0</v>
      </c>
      <c r="CL2174" s="166">
        <v>0</v>
      </c>
      <c r="CM2174" s="166">
        <v>0</v>
      </c>
      <c r="CN2174" s="166">
        <v>0</v>
      </c>
      <c r="CO2174" s="166">
        <v>0</v>
      </c>
      <c r="CP2174" s="166">
        <v>0</v>
      </c>
      <c r="CQ2174" s="166">
        <v>0</v>
      </c>
      <c r="CR2174" s="166">
        <v>0</v>
      </c>
      <c r="CS2174" s="166">
        <v>0</v>
      </c>
      <c r="CT2174" s="166">
        <v>0</v>
      </c>
      <c r="CU2174" s="166">
        <v>0</v>
      </c>
      <c r="CV2174" s="166">
        <v>0</v>
      </c>
      <c r="CW2174" s="166">
        <v>0</v>
      </c>
      <c r="CX2174" s="166">
        <v>0</v>
      </c>
      <c r="CY2174" s="166">
        <v>0</v>
      </c>
      <c r="CZ2174" s="166">
        <v>0</v>
      </c>
    </row>
    <row r="2175" spans="1:104" x14ac:dyDescent="0.2">
      <c r="A2175" s="167" t="s">
        <v>581</v>
      </c>
      <c r="B2175" s="166">
        <v>53908068.119999997</v>
      </c>
      <c r="C2175" s="166">
        <v>53908068.119999997</v>
      </c>
      <c r="D2175" s="166">
        <v>0</v>
      </c>
      <c r="E2175" s="166">
        <v>0</v>
      </c>
      <c r="F2175" s="166">
        <v>0</v>
      </c>
      <c r="G2175" s="166">
        <v>0</v>
      </c>
      <c r="H2175" s="166">
        <v>0</v>
      </c>
      <c r="I2175" s="166">
        <v>0</v>
      </c>
      <c r="J2175" s="166">
        <v>0</v>
      </c>
      <c r="K2175" s="166">
        <v>0</v>
      </c>
      <c r="L2175" s="166">
        <v>0</v>
      </c>
      <c r="M2175" s="166">
        <v>0</v>
      </c>
      <c r="N2175" s="166">
        <v>0</v>
      </c>
      <c r="O2175" s="166">
        <v>0</v>
      </c>
      <c r="P2175" s="166">
        <v>0</v>
      </c>
      <c r="Q2175" s="166">
        <v>0</v>
      </c>
      <c r="R2175" s="166">
        <v>0</v>
      </c>
      <c r="S2175" s="166">
        <v>0</v>
      </c>
      <c r="T2175" s="166">
        <v>0</v>
      </c>
      <c r="U2175" s="166">
        <v>0</v>
      </c>
      <c r="V2175" s="166">
        <v>0</v>
      </c>
      <c r="W2175" s="166">
        <v>0</v>
      </c>
      <c r="X2175" s="166">
        <v>0</v>
      </c>
      <c r="Y2175" s="166">
        <v>0</v>
      </c>
      <c r="Z2175" s="166">
        <v>0</v>
      </c>
      <c r="AA2175" s="166">
        <v>0</v>
      </c>
      <c r="AB2175" s="166">
        <v>0</v>
      </c>
      <c r="AC2175" s="166">
        <v>0</v>
      </c>
      <c r="AD2175" s="166">
        <v>0</v>
      </c>
      <c r="AE2175" s="166">
        <v>0</v>
      </c>
      <c r="AF2175" s="166">
        <v>0</v>
      </c>
      <c r="AG2175" s="166">
        <v>0</v>
      </c>
      <c r="AH2175" s="166">
        <v>0</v>
      </c>
      <c r="AI2175" s="166">
        <v>0</v>
      </c>
      <c r="AJ2175" s="166">
        <v>0</v>
      </c>
      <c r="AK2175" s="166">
        <v>0</v>
      </c>
      <c r="AL2175" s="166">
        <v>0</v>
      </c>
      <c r="AM2175" s="166">
        <v>0</v>
      </c>
      <c r="AN2175" s="166">
        <v>0</v>
      </c>
      <c r="AO2175" s="166">
        <v>0</v>
      </c>
      <c r="AP2175" s="166">
        <v>0</v>
      </c>
      <c r="AQ2175" s="166">
        <v>0</v>
      </c>
      <c r="AR2175" s="166">
        <v>0</v>
      </c>
      <c r="AS2175" s="166">
        <v>0</v>
      </c>
      <c r="AT2175" s="166">
        <v>0</v>
      </c>
      <c r="AU2175" s="166">
        <v>0</v>
      </c>
      <c r="AV2175" s="166">
        <v>0</v>
      </c>
      <c r="AW2175" s="166">
        <v>0</v>
      </c>
      <c r="AX2175" s="166">
        <v>0</v>
      </c>
      <c r="AY2175" s="166">
        <v>0</v>
      </c>
      <c r="AZ2175" s="166">
        <v>0</v>
      </c>
      <c r="BA2175" s="166">
        <v>0</v>
      </c>
      <c r="BB2175" s="166">
        <v>0</v>
      </c>
      <c r="BC2175" s="166">
        <v>0</v>
      </c>
      <c r="BD2175" s="166">
        <v>0</v>
      </c>
      <c r="BE2175" s="166">
        <v>0</v>
      </c>
      <c r="BF2175" s="166">
        <v>0</v>
      </c>
      <c r="BG2175" s="166">
        <v>0</v>
      </c>
      <c r="BH2175" s="166">
        <v>0</v>
      </c>
      <c r="BI2175" s="166">
        <v>0</v>
      </c>
      <c r="BJ2175" s="166">
        <v>0</v>
      </c>
      <c r="BK2175" s="166">
        <v>0</v>
      </c>
      <c r="BL2175" s="166">
        <v>0</v>
      </c>
      <c r="BM2175" s="166">
        <v>0</v>
      </c>
      <c r="BN2175" s="166">
        <v>0</v>
      </c>
      <c r="BO2175" s="166">
        <v>0</v>
      </c>
      <c r="BP2175" s="166">
        <v>0</v>
      </c>
      <c r="BQ2175" s="166">
        <v>0</v>
      </c>
      <c r="BR2175" s="166">
        <v>53908068.119999997</v>
      </c>
      <c r="BS2175" s="166">
        <v>53908068.119999997</v>
      </c>
      <c r="BT2175" s="168">
        <v>0</v>
      </c>
      <c r="BU2175" s="166">
        <v>0</v>
      </c>
      <c r="BV2175" s="166">
        <v>0</v>
      </c>
      <c r="BW2175" s="166">
        <v>0</v>
      </c>
      <c r="BX2175" s="166">
        <v>0</v>
      </c>
      <c r="BY2175" s="166">
        <v>0</v>
      </c>
      <c r="BZ2175" s="166">
        <v>0</v>
      </c>
      <c r="CA2175" s="166">
        <v>0</v>
      </c>
      <c r="CB2175" s="166">
        <v>0</v>
      </c>
      <c r="CC2175" s="166">
        <v>0</v>
      </c>
      <c r="CD2175" s="166">
        <v>0</v>
      </c>
      <c r="CE2175" s="166">
        <v>0</v>
      </c>
      <c r="CF2175" s="166">
        <v>0</v>
      </c>
      <c r="CG2175" s="166">
        <v>0</v>
      </c>
      <c r="CH2175" s="166">
        <v>0</v>
      </c>
      <c r="CI2175" s="166">
        <v>0</v>
      </c>
      <c r="CJ2175" s="166">
        <v>0</v>
      </c>
      <c r="CK2175" s="166">
        <v>0</v>
      </c>
      <c r="CL2175" s="166">
        <v>0</v>
      </c>
      <c r="CM2175" s="166">
        <v>0</v>
      </c>
      <c r="CN2175" s="166">
        <v>0</v>
      </c>
      <c r="CO2175" s="166">
        <v>0</v>
      </c>
      <c r="CP2175" s="166">
        <v>0</v>
      </c>
      <c r="CQ2175" s="166">
        <v>0</v>
      </c>
      <c r="CR2175" s="166">
        <v>0</v>
      </c>
      <c r="CS2175" s="166">
        <v>0</v>
      </c>
      <c r="CT2175" s="166">
        <v>0</v>
      </c>
      <c r="CU2175" s="166">
        <v>0</v>
      </c>
      <c r="CV2175" s="166">
        <v>0</v>
      </c>
      <c r="CW2175" s="166">
        <v>0</v>
      </c>
      <c r="CX2175" s="166">
        <v>0</v>
      </c>
      <c r="CY2175" s="166">
        <v>0</v>
      </c>
      <c r="CZ2175" s="166">
        <v>0</v>
      </c>
    </row>
    <row r="2176" spans="1:104" x14ac:dyDescent="0.2">
      <c r="A2176" s="167" t="s">
        <v>582</v>
      </c>
      <c r="B2176" s="166">
        <v>35601863.825999998</v>
      </c>
      <c r="C2176" s="166">
        <v>35601863.825999998</v>
      </c>
      <c r="D2176" s="166">
        <v>0</v>
      </c>
      <c r="E2176" s="166">
        <v>0</v>
      </c>
      <c r="F2176" s="166">
        <v>0</v>
      </c>
      <c r="G2176" s="166">
        <v>0</v>
      </c>
      <c r="H2176" s="166">
        <v>0</v>
      </c>
      <c r="I2176" s="166">
        <v>0</v>
      </c>
      <c r="J2176" s="166">
        <v>0</v>
      </c>
      <c r="K2176" s="166">
        <v>0</v>
      </c>
      <c r="L2176" s="166">
        <v>0</v>
      </c>
      <c r="M2176" s="166">
        <v>0</v>
      </c>
      <c r="N2176" s="166">
        <v>0</v>
      </c>
      <c r="O2176" s="166">
        <v>0</v>
      </c>
      <c r="P2176" s="166">
        <v>0</v>
      </c>
      <c r="Q2176" s="166">
        <v>0</v>
      </c>
      <c r="R2176" s="166">
        <v>0</v>
      </c>
      <c r="S2176" s="166">
        <v>0</v>
      </c>
      <c r="T2176" s="166">
        <v>0</v>
      </c>
      <c r="U2176" s="166">
        <v>0</v>
      </c>
      <c r="V2176" s="166">
        <v>0</v>
      </c>
      <c r="W2176" s="166">
        <v>0</v>
      </c>
      <c r="X2176" s="166">
        <v>0</v>
      </c>
      <c r="Y2176" s="166">
        <v>0</v>
      </c>
      <c r="Z2176" s="166">
        <v>0</v>
      </c>
      <c r="AA2176" s="166">
        <v>0</v>
      </c>
      <c r="AB2176" s="166">
        <v>0</v>
      </c>
      <c r="AC2176" s="166">
        <v>0</v>
      </c>
      <c r="AD2176" s="166">
        <v>0</v>
      </c>
      <c r="AE2176" s="166">
        <v>0</v>
      </c>
      <c r="AF2176" s="166">
        <v>0</v>
      </c>
      <c r="AG2176" s="166">
        <v>0</v>
      </c>
      <c r="AH2176" s="166">
        <v>0</v>
      </c>
      <c r="AI2176" s="166">
        <v>0</v>
      </c>
      <c r="AJ2176" s="166">
        <v>0</v>
      </c>
      <c r="AK2176" s="166">
        <v>0</v>
      </c>
      <c r="AL2176" s="166">
        <v>0</v>
      </c>
      <c r="AM2176" s="166">
        <v>0</v>
      </c>
      <c r="AN2176" s="166">
        <v>0</v>
      </c>
      <c r="AO2176" s="166">
        <v>0</v>
      </c>
      <c r="AP2176" s="166">
        <v>0</v>
      </c>
      <c r="AQ2176" s="166">
        <v>0</v>
      </c>
      <c r="AR2176" s="166">
        <v>0</v>
      </c>
      <c r="AS2176" s="166">
        <v>0</v>
      </c>
      <c r="AT2176" s="166">
        <v>0</v>
      </c>
      <c r="AU2176" s="166">
        <v>0</v>
      </c>
      <c r="AV2176" s="166">
        <v>0</v>
      </c>
      <c r="AW2176" s="166">
        <v>0</v>
      </c>
      <c r="AX2176" s="166">
        <v>0</v>
      </c>
      <c r="AY2176" s="166">
        <v>0</v>
      </c>
      <c r="AZ2176" s="166">
        <v>0</v>
      </c>
      <c r="BA2176" s="166">
        <v>0</v>
      </c>
      <c r="BB2176" s="166">
        <v>0</v>
      </c>
      <c r="BC2176" s="166">
        <v>0</v>
      </c>
      <c r="BD2176" s="166">
        <v>0</v>
      </c>
      <c r="BE2176" s="166">
        <v>0</v>
      </c>
      <c r="BF2176" s="166">
        <v>0</v>
      </c>
      <c r="BG2176" s="166">
        <v>0</v>
      </c>
      <c r="BH2176" s="166">
        <v>0</v>
      </c>
      <c r="BI2176" s="166">
        <v>0</v>
      </c>
      <c r="BJ2176" s="166">
        <v>0</v>
      </c>
      <c r="BK2176" s="166">
        <v>0</v>
      </c>
      <c r="BL2176" s="166">
        <v>0</v>
      </c>
      <c r="BM2176" s="166">
        <v>0</v>
      </c>
      <c r="BN2176" s="166">
        <v>0</v>
      </c>
      <c r="BO2176" s="166">
        <v>0</v>
      </c>
      <c r="BP2176" s="166">
        <v>0</v>
      </c>
      <c r="BQ2176" s="166">
        <v>0</v>
      </c>
      <c r="BR2176" s="166">
        <v>35601863.825999998</v>
      </c>
      <c r="BS2176" s="166">
        <v>35601863.825999998</v>
      </c>
      <c r="BT2176" s="168">
        <v>0</v>
      </c>
      <c r="BU2176" s="166">
        <v>0</v>
      </c>
      <c r="BV2176" s="166">
        <v>0</v>
      </c>
      <c r="BW2176" s="166">
        <v>0</v>
      </c>
      <c r="BX2176" s="166">
        <v>0</v>
      </c>
      <c r="BY2176" s="166">
        <v>0</v>
      </c>
      <c r="BZ2176" s="166">
        <v>0</v>
      </c>
      <c r="CA2176" s="166">
        <v>0</v>
      </c>
      <c r="CB2176" s="166">
        <v>0</v>
      </c>
      <c r="CC2176" s="166">
        <v>0</v>
      </c>
      <c r="CD2176" s="166">
        <v>0</v>
      </c>
      <c r="CE2176" s="166">
        <v>0</v>
      </c>
      <c r="CF2176" s="166">
        <v>0</v>
      </c>
      <c r="CG2176" s="166">
        <v>0</v>
      </c>
      <c r="CH2176" s="166">
        <v>0</v>
      </c>
      <c r="CI2176" s="166">
        <v>0</v>
      </c>
      <c r="CJ2176" s="166">
        <v>0</v>
      </c>
      <c r="CK2176" s="166">
        <v>0</v>
      </c>
      <c r="CL2176" s="166">
        <v>0</v>
      </c>
      <c r="CM2176" s="166">
        <v>0</v>
      </c>
      <c r="CN2176" s="166">
        <v>0</v>
      </c>
      <c r="CO2176" s="166">
        <v>0</v>
      </c>
      <c r="CP2176" s="166">
        <v>0</v>
      </c>
      <c r="CQ2176" s="166">
        <v>0</v>
      </c>
      <c r="CR2176" s="166">
        <v>0</v>
      </c>
      <c r="CS2176" s="166">
        <v>0</v>
      </c>
      <c r="CT2176" s="166">
        <v>0</v>
      </c>
      <c r="CU2176" s="166">
        <v>0</v>
      </c>
      <c r="CV2176" s="166">
        <v>0</v>
      </c>
      <c r="CW2176" s="166">
        <v>0</v>
      </c>
      <c r="CX2176" s="166">
        <v>0</v>
      </c>
      <c r="CY2176" s="166">
        <v>0</v>
      </c>
      <c r="CZ2176" s="166">
        <v>0</v>
      </c>
    </row>
    <row r="2177" spans="1:104" x14ac:dyDescent="0.2">
      <c r="A2177" s="167" t="s">
        <v>583</v>
      </c>
      <c r="B2177" s="166">
        <v>0</v>
      </c>
      <c r="C2177" s="166">
        <v>0</v>
      </c>
      <c r="D2177" s="166">
        <v>0</v>
      </c>
      <c r="E2177" s="166">
        <v>0</v>
      </c>
      <c r="F2177" s="166">
        <v>0</v>
      </c>
      <c r="G2177" s="166">
        <v>0</v>
      </c>
      <c r="H2177" s="166">
        <v>0</v>
      </c>
      <c r="I2177" s="166">
        <v>0</v>
      </c>
      <c r="J2177" s="166">
        <v>0</v>
      </c>
      <c r="K2177" s="166">
        <v>0</v>
      </c>
      <c r="L2177" s="166">
        <v>0</v>
      </c>
      <c r="M2177" s="166">
        <v>0</v>
      </c>
      <c r="N2177" s="166">
        <v>0</v>
      </c>
      <c r="O2177" s="166">
        <v>0</v>
      </c>
      <c r="P2177" s="166">
        <v>0</v>
      </c>
      <c r="Q2177" s="166">
        <v>0</v>
      </c>
      <c r="R2177" s="166">
        <v>0</v>
      </c>
      <c r="S2177" s="166">
        <v>0</v>
      </c>
      <c r="T2177" s="166">
        <v>0</v>
      </c>
      <c r="U2177" s="166">
        <v>0</v>
      </c>
      <c r="V2177" s="166">
        <v>0</v>
      </c>
      <c r="W2177" s="166">
        <v>0</v>
      </c>
      <c r="X2177" s="166">
        <v>0</v>
      </c>
      <c r="Y2177" s="166">
        <v>0</v>
      </c>
      <c r="Z2177" s="166">
        <v>0</v>
      </c>
      <c r="AA2177" s="166">
        <v>0</v>
      </c>
      <c r="AB2177" s="166">
        <v>0</v>
      </c>
      <c r="AC2177" s="166">
        <v>0</v>
      </c>
      <c r="AD2177" s="166">
        <v>0</v>
      </c>
      <c r="AE2177" s="166">
        <v>0</v>
      </c>
      <c r="AF2177" s="166">
        <v>0</v>
      </c>
      <c r="AG2177" s="166">
        <v>0</v>
      </c>
      <c r="AH2177" s="166">
        <v>0</v>
      </c>
      <c r="AI2177" s="166">
        <v>0</v>
      </c>
      <c r="AJ2177" s="166">
        <v>0</v>
      </c>
      <c r="AK2177" s="166">
        <v>0</v>
      </c>
      <c r="AL2177" s="166">
        <v>0</v>
      </c>
      <c r="AM2177" s="166">
        <v>0</v>
      </c>
      <c r="AN2177" s="166">
        <v>0</v>
      </c>
      <c r="AO2177" s="166">
        <v>0</v>
      </c>
      <c r="AP2177" s="166">
        <v>0</v>
      </c>
      <c r="AQ2177" s="166">
        <v>0</v>
      </c>
      <c r="AR2177" s="166">
        <v>0</v>
      </c>
      <c r="AS2177" s="166">
        <v>0</v>
      </c>
      <c r="AT2177" s="166">
        <v>0</v>
      </c>
      <c r="AU2177" s="166">
        <v>0</v>
      </c>
      <c r="AV2177" s="166">
        <v>0</v>
      </c>
      <c r="AW2177" s="166">
        <v>0</v>
      </c>
      <c r="AX2177" s="166">
        <v>0</v>
      </c>
      <c r="AY2177" s="166">
        <v>0</v>
      </c>
      <c r="AZ2177" s="166">
        <v>0</v>
      </c>
      <c r="BA2177" s="166">
        <v>0</v>
      </c>
      <c r="BB2177" s="166">
        <v>0</v>
      </c>
      <c r="BC2177" s="166">
        <v>0</v>
      </c>
      <c r="BD2177" s="166">
        <v>0</v>
      </c>
      <c r="BE2177" s="166">
        <v>0</v>
      </c>
      <c r="BF2177" s="166">
        <v>0</v>
      </c>
      <c r="BG2177" s="166">
        <v>0</v>
      </c>
      <c r="BH2177" s="166">
        <v>0</v>
      </c>
      <c r="BI2177" s="166">
        <v>0</v>
      </c>
      <c r="BJ2177" s="166">
        <v>0</v>
      </c>
      <c r="BK2177" s="166">
        <v>0</v>
      </c>
      <c r="BL2177" s="166">
        <v>0</v>
      </c>
      <c r="BM2177" s="166">
        <v>0</v>
      </c>
      <c r="BN2177" s="166">
        <v>0</v>
      </c>
      <c r="BO2177" s="166">
        <v>0</v>
      </c>
      <c r="BP2177" s="166">
        <v>0</v>
      </c>
      <c r="BQ2177" s="166">
        <v>0</v>
      </c>
      <c r="BR2177" s="166">
        <v>0</v>
      </c>
      <c r="BS2177" s="166">
        <v>0</v>
      </c>
      <c r="BT2177" s="168">
        <v>0</v>
      </c>
      <c r="BU2177" s="166">
        <v>0</v>
      </c>
      <c r="BV2177" s="166">
        <v>0</v>
      </c>
      <c r="BW2177" s="166">
        <v>0</v>
      </c>
      <c r="BX2177" s="166">
        <v>0</v>
      </c>
      <c r="BY2177" s="166">
        <v>0</v>
      </c>
      <c r="BZ2177" s="166">
        <v>0</v>
      </c>
      <c r="CA2177" s="166">
        <v>0</v>
      </c>
      <c r="CB2177" s="166">
        <v>0</v>
      </c>
      <c r="CC2177" s="166">
        <v>0</v>
      </c>
      <c r="CD2177" s="166">
        <v>0</v>
      </c>
      <c r="CE2177" s="166">
        <v>0</v>
      </c>
      <c r="CF2177" s="166">
        <v>0</v>
      </c>
      <c r="CG2177" s="166">
        <v>0</v>
      </c>
      <c r="CH2177" s="166">
        <v>0</v>
      </c>
      <c r="CI2177" s="166">
        <v>0</v>
      </c>
      <c r="CJ2177" s="166">
        <v>0</v>
      </c>
      <c r="CK2177" s="166">
        <v>0</v>
      </c>
      <c r="CL2177" s="166">
        <v>0</v>
      </c>
      <c r="CM2177" s="166">
        <v>0</v>
      </c>
      <c r="CN2177" s="166">
        <v>0</v>
      </c>
      <c r="CO2177" s="166">
        <v>0</v>
      </c>
      <c r="CP2177" s="166">
        <v>0</v>
      </c>
      <c r="CQ2177" s="166">
        <v>0</v>
      </c>
      <c r="CR2177" s="166">
        <v>0</v>
      </c>
      <c r="CS2177" s="166">
        <v>0</v>
      </c>
      <c r="CT2177" s="166">
        <v>0</v>
      </c>
      <c r="CU2177" s="166">
        <v>0</v>
      </c>
      <c r="CV2177" s="166">
        <v>0</v>
      </c>
      <c r="CW2177" s="166">
        <v>0</v>
      </c>
      <c r="CX2177" s="166">
        <v>0</v>
      </c>
      <c r="CY2177" s="166">
        <v>0</v>
      </c>
      <c r="CZ2177" s="166">
        <v>0</v>
      </c>
    </row>
    <row r="2178" spans="1:104" x14ac:dyDescent="0.2">
      <c r="A2178" s="177" t="s">
        <v>584</v>
      </c>
      <c r="B2178" s="166">
        <v>90413129.325999901</v>
      </c>
      <c r="C2178" s="166">
        <v>90413129.325999901</v>
      </c>
      <c r="D2178" s="166">
        <v>0</v>
      </c>
      <c r="E2178" s="166">
        <v>0</v>
      </c>
      <c r="F2178" s="166">
        <v>0</v>
      </c>
      <c r="G2178" s="166">
        <v>0</v>
      </c>
      <c r="H2178" s="166">
        <v>0</v>
      </c>
      <c r="I2178" s="166">
        <v>0</v>
      </c>
      <c r="J2178" s="166">
        <v>0</v>
      </c>
      <c r="K2178" s="166">
        <v>0</v>
      </c>
      <c r="L2178" s="166">
        <v>0</v>
      </c>
      <c r="M2178" s="166">
        <v>0</v>
      </c>
      <c r="N2178" s="166">
        <v>0</v>
      </c>
      <c r="O2178" s="166">
        <v>0</v>
      </c>
      <c r="P2178" s="166">
        <v>0</v>
      </c>
      <c r="Q2178" s="166">
        <v>0</v>
      </c>
      <c r="R2178" s="166">
        <v>0</v>
      </c>
      <c r="S2178" s="166">
        <v>0</v>
      </c>
      <c r="T2178" s="166">
        <v>0</v>
      </c>
      <c r="U2178" s="166">
        <v>0</v>
      </c>
      <c r="V2178" s="166">
        <v>0</v>
      </c>
      <c r="W2178" s="166">
        <v>0</v>
      </c>
      <c r="X2178" s="166">
        <v>0</v>
      </c>
      <c r="Y2178" s="166">
        <v>0</v>
      </c>
      <c r="Z2178" s="166">
        <v>0</v>
      </c>
      <c r="AA2178" s="166">
        <v>0</v>
      </c>
      <c r="AB2178" s="166">
        <v>0</v>
      </c>
      <c r="AC2178" s="166">
        <v>0</v>
      </c>
      <c r="AD2178" s="166">
        <v>0</v>
      </c>
      <c r="AE2178" s="166">
        <v>0</v>
      </c>
      <c r="AF2178" s="166">
        <v>0</v>
      </c>
      <c r="AG2178" s="166">
        <v>0</v>
      </c>
      <c r="AH2178" s="166">
        <v>0</v>
      </c>
      <c r="AI2178" s="166">
        <v>0</v>
      </c>
      <c r="AJ2178" s="166">
        <v>0</v>
      </c>
      <c r="AK2178" s="166">
        <v>0</v>
      </c>
      <c r="AL2178" s="166">
        <v>0</v>
      </c>
      <c r="AM2178" s="166">
        <v>0</v>
      </c>
      <c r="AN2178" s="166">
        <v>0</v>
      </c>
      <c r="AO2178" s="166">
        <v>0</v>
      </c>
      <c r="AP2178" s="166">
        <v>0</v>
      </c>
      <c r="AQ2178" s="166">
        <v>0</v>
      </c>
      <c r="AR2178" s="166">
        <v>0</v>
      </c>
      <c r="AS2178" s="166">
        <v>0</v>
      </c>
      <c r="AT2178" s="166">
        <v>0</v>
      </c>
      <c r="AU2178" s="166">
        <v>0</v>
      </c>
      <c r="AV2178" s="166">
        <v>0</v>
      </c>
      <c r="AW2178" s="166">
        <v>0</v>
      </c>
      <c r="AX2178" s="166">
        <v>0</v>
      </c>
      <c r="AY2178" s="166">
        <v>0</v>
      </c>
      <c r="AZ2178" s="166">
        <v>0</v>
      </c>
      <c r="BA2178" s="166">
        <v>0</v>
      </c>
      <c r="BB2178" s="166">
        <v>0</v>
      </c>
      <c r="BC2178" s="166">
        <v>0</v>
      </c>
      <c r="BD2178" s="166">
        <v>0</v>
      </c>
      <c r="BE2178" s="166">
        <v>0</v>
      </c>
      <c r="BF2178" s="166">
        <v>0</v>
      </c>
      <c r="BG2178" s="166">
        <v>0</v>
      </c>
      <c r="BH2178" s="166">
        <v>0</v>
      </c>
      <c r="BI2178" s="166">
        <v>0</v>
      </c>
      <c r="BJ2178" s="166">
        <v>0</v>
      </c>
      <c r="BK2178" s="166">
        <v>0</v>
      </c>
      <c r="BL2178" s="166">
        <v>0</v>
      </c>
      <c r="BM2178" s="166">
        <v>0</v>
      </c>
      <c r="BN2178" s="166">
        <v>0</v>
      </c>
      <c r="BO2178" s="166">
        <v>0</v>
      </c>
      <c r="BP2178" s="166">
        <v>0</v>
      </c>
      <c r="BQ2178" s="166">
        <v>0</v>
      </c>
      <c r="BR2178" s="166">
        <v>90413129.325999901</v>
      </c>
      <c r="BS2178" s="166">
        <v>90413129.325999901</v>
      </c>
      <c r="BT2178" s="168">
        <v>0</v>
      </c>
      <c r="BU2178" s="166">
        <v>0</v>
      </c>
      <c r="BV2178" s="166">
        <v>0</v>
      </c>
      <c r="BW2178" s="166">
        <v>0</v>
      </c>
      <c r="BX2178" s="166">
        <v>0</v>
      </c>
      <c r="BY2178" s="166">
        <v>0</v>
      </c>
      <c r="BZ2178" s="166">
        <v>0</v>
      </c>
      <c r="CA2178" s="166">
        <v>0</v>
      </c>
      <c r="CB2178" s="166">
        <v>0</v>
      </c>
      <c r="CC2178" s="166">
        <v>0</v>
      </c>
      <c r="CD2178" s="166">
        <v>0</v>
      </c>
      <c r="CE2178" s="166">
        <v>0</v>
      </c>
      <c r="CF2178" s="166">
        <v>0</v>
      </c>
      <c r="CG2178" s="166">
        <v>0</v>
      </c>
      <c r="CH2178" s="166">
        <v>0</v>
      </c>
      <c r="CI2178" s="166">
        <v>0</v>
      </c>
      <c r="CJ2178" s="166">
        <v>0</v>
      </c>
      <c r="CK2178" s="166">
        <v>0</v>
      </c>
      <c r="CL2178" s="166">
        <v>0</v>
      </c>
      <c r="CM2178" s="166">
        <v>0</v>
      </c>
      <c r="CN2178" s="166">
        <v>0</v>
      </c>
      <c r="CO2178" s="166">
        <v>0</v>
      </c>
      <c r="CP2178" s="166">
        <v>0</v>
      </c>
      <c r="CQ2178" s="166">
        <v>0</v>
      </c>
      <c r="CR2178" s="166">
        <v>0</v>
      </c>
      <c r="CS2178" s="166">
        <v>0</v>
      </c>
      <c r="CT2178" s="166">
        <v>0</v>
      </c>
      <c r="CU2178" s="166">
        <v>0</v>
      </c>
      <c r="CV2178" s="166">
        <v>0</v>
      </c>
      <c r="CW2178" s="166">
        <v>0</v>
      </c>
      <c r="CX2178" s="166">
        <v>0</v>
      </c>
      <c r="CY2178" s="166">
        <v>0</v>
      </c>
      <c r="CZ2178" s="166">
        <v>0</v>
      </c>
    </row>
    <row r="2179" spans="1:104" x14ac:dyDescent="0.2">
      <c r="A2179" s="167" t="s">
        <v>585</v>
      </c>
      <c r="B2179" s="166">
        <v>0</v>
      </c>
      <c r="C2179" s="166">
        <v>0</v>
      </c>
      <c r="D2179" s="166">
        <v>0</v>
      </c>
      <c r="E2179" s="166">
        <v>0</v>
      </c>
      <c r="F2179" s="166">
        <v>0</v>
      </c>
      <c r="G2179" s="166">
        <v>0</v>
      </c>
      <c r="H2179" s="166">
        <v>0</v>
      </c>
      <c r="I2179" s="166">
        <v>0</v>
      </c>
      <c r="J2179" s="166">
        <v>0</v>
      </c>
      <c r="K2179" s="166">
        <v>0</v>
      </c>
      <c r="L2179" s="166">
        <v>0</v>
      </c>
      <c r="M2179" s="166">
        <v>0</v>
      </c>
      <c r="N2179" s="166">
        <v>0</v>
      </c>
      <c r="O2179" s="166">
        <v>0</v>
      </c>
      <c r="P2179" s="166">
        <v>0</v>
      </c>
      <c r="Q2179" s="166">
        <v>0</v>
      </c>
      <c r="R2179" s="166">
        <v>0</v>
      </c>
      <c r="S2179" s="166">
        <v>0</v>
      </c>
      <c r="T2179" s="166">
        <v>0</v>
      </c>
      <c r="U2179" s="166">
        <v>0</v>
      </c>
      <c r="V2179" s="166">
        <v>0</v>
      </c>
      <c r="W2179" s="166">
        <v>0</v>
      </c>
      <c r="X2179" s="166">
        <v>0</v>
      </c>
      <c r="Y2179" s="166">
        <v>0</v>
      </c>
      <c r="Z2179" s="166">
        <v>0</v>
      </c>
      <c r="AA2179" s="166">
        <v>0</v>
      </c>
      <c r="AB2179" s="166">
        <v>0</v>
      </c>
      <c r="AC2179" s="166">
        <v>0</v>
      </c>
      <c r="AD2179" s="166">
        <v>0</v>
      </c>
      <c r="AE2179" s="166">
        <v>0</v>
      </c>
      <c r="AF2179" s="166">
        <v>0</v>
      </c>
      <c r="AG2179" s="166">
        <v>0</v>
      </c>
      <c r="AH2179" s="166">
        <v>0</v>
      </c>
      <c r="AI2179" s="166">
        <v>0</v>
      </c>
      <c r="AJ2179" s="166">
        <v>0</v>
      </c>
      <c r="AK2179" s="166">
        <v>0</v>
      </c>
      <c r="AL2179" s="166">
        <v>0</v>
      </c>
      <c r="AM2179" s="166">
        <v>0</v>
      </c>
      <c r="AN2179" s="166">
        <v>0</v>
      </c>
      <c r="AO2179" s="166">
        <v>0</v>
      </c>
      <c r="AP2179" s="166">
        <v>0</v>
      </c>
      <c r="AQ2179" s="166">
        <v>0</v>
      </c>
      <c r="AR2179" s="166">
        <v>0</v>
      </c>
      <c r="AS2179" s="166">
        <v>0</v>
      </c>
      <c r="AT2179" s="166">
        <v>0</v>
      </c>
      <c r="AU2179" s="166">
        <v>0</v>
      </c>
      <c r="AV2179" s="166">
        <v>0</v>
      </c>
      <c r="AW2179" s="166">
        <v>0</v>
      </c>
      <c r="AX2179" s="166">
        <v>0</v>
      </c>
      <c r="AY2179" s="166">
        <v>0</v>
      </c>
      <c r="AZ2179" s="166">
        <v>0</v>
      </c>
      <c r="BA2179" s="166">
        <v>0</v>
      </c>
      <c r="BB2179" s="166">
        <v>0</v>
      </c>
      <c r="BC2179" s="166">
        <v>0</v>
      </c>
      <c r="BD2179" s="166">
        <v>0</v>
      </c>
      <c r="BE2179" s="166">
        <v>0</v>
      </c>
      <c r="BF2179" s="166">
        <v>0</v>
      </c>
      <c r="BG2179" s="166">
        <v>0</v>
      </c>
      <c r="BH2179" s="166">
        <v>0</v>
      </c>
      <c r="BI2179" s="166">
        <v>0</v>
      </c>
      <c r="BJ2179" s="166">
        <v>0</v>
      </c>
      <c r="BK2179" s="166">
        <v>0</v>
      </c>
      <c r="BL2179" s="166">
        <v>0</v>
      </c>
      <c r="BM2179" s="166">
        <v>0</v>
      </c>
      <c r="BN2179" s="166">
        <v>0</v>
      </c>
      <c r="BO2179" s="166">
        <v>0</v>
      </c>
      <c r="BP2179" s="166">
        <v>0</v>
      </c>
      <c r="BQ2179" s="166">
        <v>0</v>
      </c>
      <c r="BR2179" s="166">
        <v>0</v>
      </c>
      <c r="BS2179" s="166">
        <v>0</v>
      </c>
      <c r="BT2179" s="168">
        <v>0</v>
      </c>
      <c r="BU2179" s="166">
        <v>0</v>
      </c>
      <c r="BV2179" s="166">
        <v>0</v>
      </c>
      <c r="BW2179" s="166">
        <v>0</v>
      </c>
      <c r="BX2179" s="166">
        <v>0</v>
      </c>
      <c r="BY2179" s="166">
        <v>0</v>
      </c>
      <c r="BZ2179" s="166">
        <v>0</v>
      </c>
      <c r="CA2179" s="166">
        <v>0</v>
      </c>
      <c r="CB2179" s="166">
        <v>0</v>
      </c>
      <c r="CC2179" s="166">
        <v>0</v>
      </c>
      <c r="CD2179" s="166">
        <v>0</v>
      </c>
      <c r="CE2179" s="166">
        <v>0</v>
      </c>
      <c r="CF2179" s="166">
        <v>0</v>
      </c>
      <c r="CG2179" s="166">
        <v>0</v>
      </c>
      <c r="CH2179" s="166">
        <v>0</v>
      </c>
      <c r="CI2179" s="166">
        <v>0</v>
      </c>
      <c r="CJ2179" s="166">
        <v>0</v>
      </c>
      <c r="CK2179" s="166">
        <v>0</v>
      </c>
      <c r="CL2179" s="166">
        <v>0</v>
      </c>
      <c r="CM2179" s="166">
        <v>0</v>
      </c>
      <c r="CN2179" s="166">
        <v>0</v>
      </c>
      <c r="CO2179" s="166">
        <v>0</v>
      </c>
      <c r="CP2179" s="166">
        <v>0</v>
      </c>
      <c r="CQ2179" s="166">
        <v>0</v>
      </c>
      <c r="CR2179" s="166">
        <v>0</v>
      </c>
      <c r="CS2179" s="166">
        <v>0</v>
      </c>
      <c r="CT2179" s="166">
        <v>0</v>
      </c>
      <c r="CU2179" s="166">
        <v>0</v>
      </c>
      <c r="CV2179" s="166">
        <v>0</v>
      </c>
      <c r="CW2179" s="166">
        <v>0</v>
      </c>
      <c r="CX2179" s="166">
        <v>0</v>
      </c>
      <c r="CY2179" s="166">
        <v>0</v>
      </c>
      <c r="CZ2179" s="166">
        <v>0</v>
      </c>
    </row>
    <row r="2180" spans="1:104" x14ac:dyDescent="0.2">
      <c r="A2180" s="177" t="s">
        <v>586</v>
      </c>
      <c r="B2180" s="166">
        <v>10493572.1299999</v>
      </c>
      <c r="C2180" s="166">
        <v>10493572.1299999</v>
      </c>
      <c r="D2180" s="166">
        <v>0</v>
      </c>
      <c r="E2180" s="166">
        <v>0</v>
      </c>
      <c r="F2180" s="166">
        <v>0</v>
      </c>
      <c r="G2180" s="166">
        <v>0</v>
      </c>
      <c r="H2180" s="166">
        <v>0</v>
      </c>
      <c r="I2180" s="166">
        <v>0</v>
      </c>
      <c r="J2180" s="166">
        <v>0</v>
      </c>
      <c r="K2180" s="166">
        <v>0</v>
      </c>
      <c r="L2180" s="166">
        <v>0</v>
      </c>
      <c r="M2180" s="166">
        <v>0</v>
      </c>
      <c r="N2180" s="166">
        <v>0</v>
      </c>
      <c r="O2180" s="166">
        <v>0</v>
      </c>
      <c r="P2180" s="166">
        <v>0</v>
      </c>
      <c r="Q2180" s="166">
        <v>0</v>
      </c>
      <c r="R2180" s="166">
        <v>0</v>
      </c>
      <c r="S2180" s="166">
        <v>0</v>
      </c>
      <c r="T2180" s="166">
        <v>0</v>
      </c>
      <c r="U2180" s="166">
        <v>0</v>
      </c>
      <c r="V2180" s="166">
        <v>0</v>
      </c>
      <c r="W2180" s="166">
        <v>0</v>
      </c>
      <c r="X2180" s="166">
        <v>0</v>
      </c>
      <c r="Y2180" s="166">
        <v>0</v>
      </c>
      <c r="Z2180" s="166">
        <v>0</v>
      </c>
      <c r="AA2180" s="166">
        <v>0</v>
      </c>
      <c r="AB2180" s="166">
        <v>0</v>
      </c>
      <c r="AC2180" s="166">
        <v>0</v>
      </c>
      <c r="AD2180" s="166">
        <v>0</v>
      </c>
      <c r="AE2180" s="166">
        <v>0</v>
      </c>
      <c r="AF2180" s="166">
        <v>0</v>
      </c>
      <c r="AG2180" s="166">
        <v>0</v>
      </c>
      <c r="AH2180" s="166">
        <v>0</v>
      </c>
      <c r="AI2180" s="166">
        <v>0</v>
      </c>
      <c r="AJ2180" s="166">
        <v>0</v>
      </c>
      <c r="AK2180" s="166">
        <v>0</v>
      </c>
      <c r="AL2180" s="166">
        <v>0</v>
      </c>
      <c r="AM2180" s="166">
        <v>0</v>
      </c>
      <c r="AN2180" s="166">
        <v>0</v>
      </c>
      <c r="AO2180" s="166">
        <v>0</v>
      </c>
      <c r="AP2180" s="166">
        <v>0</v>
      </c>
      <c r="AQ2180" s="166">
        <v>0</v>
      </c>
      <c r="AR2180" s="166">
        <v>0</v>
      </c>
      <c r="AS2180" s="166">
        <v>0</v>
      </c>
      <c r="AT2180" s="166">
        <v>0</v>
      </c>
      <c r="AU2180" s="166">
        <v>0</v>
      </c>
      <c r="AV2180" s="166">
        <v>0</v>
      </c>
      <c r="AW2180" s="166">
        <v>0</v>
      </c>
      <c r="AX2180" s="166">
        <v>0</v>
      </c>
      <c r="AY2180" s="166">
        <v>0</v>
      </c>
      <c r="AZ2180" s="166">
        <v>0</v>
      </c>
      <c r="BA2180" s="166">
        <v>0</v>
      </c>
      <c r="BB2180" s="166">
        <v>0</v>
      </c>
      <c r="BC2180" s="166">
        <v>0</v>
      </c>
      <c r="BD2180" s="166">
        <v>0</v>
      </c>
      <c r="BE2180" s="166">
        <v>0</v>
      </c>
      <c r="BF2180" s="166">
        <v>0</v>
      </c>
      <c r="BG2180" s="166">
        <v>0</v>
      </c>
      <c r="BH2180" s="166">
        <v>0</v>
      </c>
      <c r="BI2180" s="166">
        <v>0</v>
      </c>
      <c r="BJ2180" s="166">
        <v>0</v>
      </c>
      <c r="BK2180" s="166">
        <v>0</v>
      </c>
      <c r="BL2180" s="166">
        <v>0</v>
      </c>
      <c r="BM2180" s="166">
        <v>0</v>
      </c>
      <c r="BN2180" s="166">
        <v>0</v>
      </c>
      <c r="BO2180" s="166">
        <v>0</v>
      </c>
      <c r="BP2180" s="166">
        <v>0</v>
      </c>
      <c r="BQ2180" s="166">
        <v>0</v>
      </c>
      <c r="BR2180" s="166">
        <v>10493572.1299999</v>
      </c>
      <c r="BS2180" s="166">
        <v>10493572.1299999</v>
      </c>
      <c r="BT2180" s="168">
        <v>0</v>
      </c>
      <c r="BU2180" s="166">
        <v>0</v>
      </c>
      <c r="BV2180" s="166">
        <v>0</v>
      </c>
      <c r="BW2180" s="166">
        <v>0</v>
      </c>
      <c r="BX2180" s="166">
        <v>0</v>
      </c>
      <c r="BY2180" s="166">
        <v>0</v>
      </c>
      <c r="BZ2180" s="166">
        <v>0</v>
      </c>
      <c r="CA2180" s="166">
        <v>0</v>
      </c>
      <c r="CB2180" s="166">
        <v>0</v>
      </c>
      <c r="CC2180" s="166">
        <v>0</v>
      </c>
      <c r="CD2180" s="166">
        <v>0</v>
      </c>
      <c r="CE2180" s="166">
        <v>0</v>
      </c>
      <c r="CF2180" s="166">
        <v>0</v>
      </c>
      <c r="CG2180" s="166">
        <v>0</v>
      </c>
      <c r="CH2180" s="166">
        <v>0</v>
      </c>
      <c r="CI2180" s="166">
        <v>0</v>
      </c>
      <c r="CJ2180" s="166">
        <v>0</v>
      </c>
      <c r="CK2180" s="166">
        <v>0</v>
      </c>
      <c r="CL2180" s="166">
        <v>0</v>
      </c>
      <c r="CM2180" s="166">
        <v>0</v>
      </c>
      <c r="CN2180" s="166">
        <v>0</v>
      </c>
      <c r="CO2180" s="166">
        <v>0</v>
      </c>
      <c r="CP2180" s="166">
        <v>0</v>
      </c>
      <c r="CQ2180" s="166">
        <v>0</v>
      </c>
      <c r="CR2180" s="166">
        <v>0</v>
      </c>
      <c r="CS2180" s="166">
        <v>0</v>
      </c>
      <c r="CT2180" s="166">
        <v>0</v>
      </c>
      <c r="CU2180" s="166">
        <v>0</v>
      </c>
      <c r="CV2180" s="166">
        <v>0</v>
      </c>
      <c r="CW2180" s="166">
        <v>0</v>
      </c>
      <c r="CX2180" s="166">
        <v>0</v>
      </c>
      <c r="CY2180" s="166">
        <v>0</v>
      </c>
      <c r="CZ2180" s="166">
        <v>0</v>
      </c>
    </row>
    <row r="2181" spans="1:104" x14ac:dyDescent="0.2">
      <c r="A2181" s="167" t="s">
        <v>587</v>
      </c>
      <c r="B2181" s="166">
        <v>0</v>
      </c>
      <c r="C2181" s="166">
        <v>0</v>
      </c>
      <c r="D2181" s="166">
        <v>0</v>
      </c>
      <c r="E2181" s="166">
        <v>0</v>
      </c>
      <c r="F2181" s="166">
        <v>0</v>
      </c>
      <c r="G2181" s="166">
        <v>0</v>
      </c>
      <c r="H2181" s="166">
        <v>0</v>
      </c>
      <c r="I2181" s="166">
        <v>0</v>
      </c>
      <c r="J2181" s="166">
        <v>0</v>
      </c>
      <c r="K2181" s="166">
        <v>0</v>
      </c>
      <c r="L2181" s="166">
        <v>0</v>
      </c>
      <c r="M2181" s="166">
        <v>0</v>
      </c>
      <c r="N2181" s="166">
        <v>0</v>
      </c>
      <c r="O2181" s="166">
        <v>0</v>
      </c>
      <c r="P2181" s="166">
        <v>0</v>
      </c>
      <c r="Q2181" s="166">
        <v>0</v>
      </c>
      <c r="R2181" s="166">
        <v>0</v>
      </c>
      <c r="S2181" s="166">
        <v>0</v>
      </c>
      <c r="T2181" s="166">
        <v>0</v>
      </c>
      <c r="U2181" s="166">
        <v>0</v>
      </c>
      <c r="V2181" s="166">
        <v>0</v>
      </c>
      <c r="W2181" s="166">
        <v>0</v>
      </c>
      <c r="X2181" s="166">
        <v>0</v>
      </c>
      <c r="Y2181" s="166">
        <v>0</v>
      </c>
      <c r="Z2181" s="166">
        <v>0</v>
      </c>
      <c r="AA2181" s="166">
        <v>0</v>
      </c>
      <c r="AB2181" s="166">
        <v>0</v>
      </c>
      <c r="AC2181" s="166">
        <v>0</v>
      </c>
      <c r="AD2181" s="166">
        <v>0</v>
      </c>
      <c r="AE2181" s="166">
        <v>0</v>
      </c>
      <c r="AF2181" s="166">
        <v>0</v>
      </c>
      <c r="AG2181" s="166">
        <v>0</v>
      </c>
      <c r="AH2181" s="166">
        <v>0</v>
      </c>
      <c r="AI2181" s="166">
        <v>0</v>
      </c>
      <c r="AJ2181" s="166">
        <v>0</v>
      </c>
      <c r="AK2181" s="166">
        <v>0</v>
      </c>
      <c r="AL2181" s="166">
        <v>0</v>
      </c>
      <c r="AM2181" s="166">
        <v>0</v>
      </c>
      <c r="AN2181" s="166">
        <v>0</v>
      </c>
      <c r="AO2181" s="166">
        <v>0</v>
      </c>
      <c r="AP2181" s="166">
        <v>0</v>
      </c>
      <c r="AQ2181" s="166">
        <v>0</v>
      </c>
      <c r="AR2181" s="166">
        <v>0</v>
      </c>
      <c r="AS2181" s="166">
        <v>0</v>
      </c>
      <c r="AT2181" s="166">
        <v>0</v>
      </c>
      <c r="AU2181" s="166">
        <v>0</v>
      </c>
      <c r="AV2181" s="166">
        <v>0</v>
      </c>
      <c r="AW2181" s="166">
        <v>0</v>
      </c>
      <c r="AX2181" s="166">
        <v>0</v>
      </c>
      <c r="AY2181" s="166">
        <v>0</v>
      </c>
      <c r="AZ2181" s="166">
        <v>0</v>
      </c>
      <c r="BA2181" s="166">
        <v>0</v>
      </c>
      <c r="BB2181" s="166">
        <v>0</v>
      </c>
      <c r="BC2181" s="166">
        <v>0</v>
      </c>
      <c r="BD2181" s="166">
        <v>0</v>
      </c>
      <c r="BE2181" s="166">
        <v>0</v>
      </c>
      <c r="BF2181" s="166">
        <v>0</v>
      </c>
      <c r="BG2181" s="166">
        <v>0</v>
      </c>
      <c r="BH2181" s="166">
        <v>0</v>
      </c>
      <c r="BI2181" s="166">
        <v>0</v>
      </c>
      <c r="BJ2181" s="166">
        <v>0</v>
      </c>
      <c r="BK2181" s="166">
        <v>0</v>
      </c>
      <c r="BL2181" s="166">
        <v>0</v>
      </c>
      <c r="BM2181" s="166">
        <v>0</v>
      </c>
      <c r="BN2181" s="166">
        <v>0</v>
      </c>
      <c r="BO2181" s="166">
        <v>0</v>
      </c>
      <c r="BP2181" s="166">
        <v>0</v>
      </c>
      <c r="BQ2181" s="166">
        <v>0</v>
      </c>
      <c r="BR2181" s="166">
        <v>0</v>
      </c>
      <c r="BS2181" s="166">
        <v>0</v>
      </c>
      <c r="BT2181" s="168">
        <v>0</v>
      </c>
      <c r="BU2181" s="166">
        <v>0</v>
      </c>
      <c r="BV2181" s="166">
        <v>0</v>
      </c>
      <c r="BW2181" s="166">
        <v>0</v>
      </c>
      <c r="BX2181" s="166">
        <v>0</v>
      </c>
      <c r="BY2181" s="166">
        <v>0</v>
      </c>
      <c r="BZ2181" s="166">
        <v>0</v>
      </c>
      <c r="CA2181" s="166">
        <v>0</v>
      </c>
      <c r="CB2181" s="166">
        <v>0</v>
      </c>
      <c r="CC2181" s="166">
        <v>0</v>
      </c>
      <c r="CD2181" s="166">
        <v>0</v>
      </c>
      <c r="CE2181" s="166">
        <v>0</v>
      </c>
      <c r="CF2181" s="166">
        <v>0</v>
      </c>
      <c r="CG2181" s="166">
        <v>0</v>
      </c>
      <c r="CH2181" s="166">
        <v>0</v>
      </c>
      <c r="CI2181" s="166">
        <v>0</v>
      </c>
      <c r="CJ2181" s="166">
        <v>0</v>
      </c>
      <c r="CK2181" s="166">
        <v>0</v>
      </c>
      <c r="CL2181" s="166">
        <v>0</v>
      </c>
      <c r="CM2181" s="166">
        <v>0</v>
      </c>
      <c r="CN2181" s="166">
        <v>0</v>
      </c>
      <c r="CO2181" s="166">
        <v>0</v>
      </c>
      <c r="CP2181" s="166">
        <v>0</v>
      </c>
      <c r="CQ2181" s="166">
        <v>0</v>
      </c>
      <c r="CR2181" s="166">
        <v>0</v>
      </c>
      <c r="CS2181" s="166">
        <v>0</v>
      </c>
      <c r="CT2181" s="166">
        <v>0</v>
      </c>
      <c r="CU2181" s="166">
        <v>0</v>
      </c>
      <c r="CV2181" s="166">
        <v>0</v>
      </c>
      <c r="CW2181" s="166">
        <v>0</v>
      </c>
      <c r="CX2181" s="166">
        <v>0</v>
      </c>
      <c r="CY2181" s="166">
        <v>0</v>
      </c>
      <c r="CZ2181" s="166">
        <v>0</v>
      </c>
    </row>
    <row r="2182" spans="1:104" x14ac:dyDescent="0.2">
      <c r="A2182" s="167" t="s">
        <v>588</v>
      </c>
      <c r="B2182" s="166">
        <v>8770444.5500000007</v>
      </c>
      <c r="C2182" s="166">
        <v>8770444.5500000007</v>
      </c>
      <c r="D2182" s="166">
        <v>0</v>
      </c>
      <c r="E2182" s="166">
        <v>0</v>
      </c>
      <c r="F2182" s="166">
        <v>0</v>
      </c>
      <c r="G2182" s="166">
        <v>0</v>
      </c>
      <c r="H2182" s="166">
        <v>0</v>
      </c>
      <c r="I2182" s="166">
        <v>0</v>
      </c>
      <c r="J2182" s="166">
        <v>0</v>
      </c>
      <c r="K2182" s="166">
        <v>0</v>
      </c>
      <c r="L2182" s="166">
        <v>0</v>
      </c>
      <c r="M2182" s="166">
        <v>0</v>
      </c>
      <c r="N2182" s="166">
        <v>0</v>
      </c>
      <c r="O2182" s="166">
        <v>0</v>
      </c>
      <c r="P2182" s="166">
        <v>0</v>
      </c>
      <c r="Q2182" s="166">
        <v>0</v>
      </c>
      <c r="R2182" s="166">
        <v>0</v>
      </c>
      <c r="S2182" s="166">
        <v>0</v>
      </c>
      <c r="T2182" s="166">
        <v>0</v>
      </c>
      <c r="U2182" s="166">
        <v>0</v>
      </c>
      <c r="V2182" s="166">
        <v>0</v>
      </c>
      <c r="W2182" s="166">
        <v>0</v>
      </c>
      <c r="X2182" s="166">
        <v>0</v>
      </c>
      <c r="Y2182" s="166">
        <v>0</v>
      </c>
      <c r="Z2182" s="166">
        <v>0</v>
      </c>
      <c r="AA2182" s="166">
        <v>0</v>
      </c>
      <c r="AB2182" s="166">
        <v>0</v>
      </c>
      <c r="AC2182" s="166">
        <v>0</v>
      </c>
      <c r="AD2182" s="166">
        <v>0</v>
      </c>
      <c r="AE2182" s="166">
        <v>0</v>
      </c>
      <c r="AF2182" s="166">
        <v>0</v>
      </c>
      <c r="AG2182" s="166">
        <v>0</v>
      </c>
      <c r="AH2182" s="166">
        <v>0</v>
      </c>
      <c r="AI2182" s="166">
        <v>0</v>
      </c>
      <c r="AJ2182" s="166">
        <v>0</v>
      </c>
      <c r="AK2182" s="166">
        <v>0</v>
      </c>
      <c r="AL2182" s="166">
        <v>0</v>
      </c>
      <c r="AM2182" s="166">
        <v>0</v>
      </c>
      <c r="AN2182" s="166">
        <v>0</v>
      </c>
      <c r="AO2182" s="166">
        <v>0</v>
      </c>
      <c r="AP2182" s="166">
        <v>0</v>
      </c>
      <c r="AQ2182" s="166">
        <v>0</v>
      </c>
      <c r="AR2182" s="166">
        <v>0</v>
      </c>
      <c r="AS2182" s="166">
        <v>0</v>
      </c>
      <c r="AT2182" s="166">
        <v>0</v>
      </c>
      <c r="AU2182" s="166">
        <v>0</v>
      </c>
      <c r="AV2182" s="166">
        <v>0</v>
      </c>
      <c r="AW2182" s="166">
        <v>0</v>
      </c>
      <c r="AX2182" s="166">
        <v>0</v>
      </c>
      <c r="AY2182" s="166">
        <v>0</v>
      </c>
      <c r="AZ2182" s="166">
        <v>0</v>
      </c>
      <c r="BA2182" s="166">
        <v>0</v>
      </c>
      <c r="BB2182" s="166">
        <v>0</v>
      </c>
      <c r="BC2182" s="166">
        <v>0</v>
      </c>
      <c r="BD2182" s="166">
        <v>0</v>
      </c>
      <c r="BE2182" s="166">
        <v>0</v>
      </c>
      <c r="BF2182" s="166">
        <v>0</v>
      </c>
      <c r="BG2182" s="166">
        <v>0</v>
      </c>
      <c r="BH2182" s="166">
        <v>0</v>
      </c>
      <c r="BI2182" s="166">
        <v>0</v>
      </c>
      <c r="BJ2182" s="166">
        <v>0</v>
      </c>
      <c r="BK2182" s="166">
        <v>0</v>
      </c>
      <c r="BL2182" s="166">
        <v>0</v>
      </c>
      <c r="BM2182" s="166">
        <v>0</v>
      </c>
      <c r="BN2182" s="166">
        <v>0</v>
      </c>
      <c r="BO2182" s="166">
        <v>0</v>
      </c>
      <c r="BP2182" s="166">
        <v>0</v>
      </c>
      <c r="BQ2182" s="166">
        <v>0</v>
      </c>
      <c r="BR2182" s="166">
        <v>8770444.5500000007</v>
      </c>
      <c r="BS2182" s="166">
        <v>8770444.5500000007</v>
      </c>
      <c r="BT2182" s="168">
        <v>0</v>
      </c>
      <c r="BU2182" s="166">
        <v>0</v>
      </c>
      <c r="BV2182" s="166">
        <v>0</v>
      </c>
      <c r="BW2182" s="166">
        <v>0</v>
      </c>
      <c r="BX2182" s="166">
        <v>0</v>
      </c>
      <c r="BY2182" s="166">
        <v>0</v>
      </c>
      <c r="BZ2182" s="166">
        <v>0</v>
      </c>
      <c r="CA2182" s="166">
        <v>0</v>
      </c>
      <c r="CB2182" s="166">
        <v>0</v>
      </c>
      <c r="CC2182" s="166">
        <v>0</v>
      </c>
      <c r="CD2182" s="166">
        <v>0</v>
      </c>
      <c r="CE2182" s="166">
        <v>0</v>
      </c>
      <c r="CF2182" s="166">
        <v>0</v>
      </c>
      <c r="CG2182" s="166">
        <v>0</v>
      </c>
      <c r="CH2182" s="166">
        <v>0</v>
      </c>
      <c r="CI2182" s="166">
        <v>0</v>
      </c>
      <c r="CJ2182" s="166">
        <v>0</v>
      </c>
      <c r="CK2182" s="166">
        <v>0</v>
      </c>
      <c r="CL2182" s="166">
        <v>0</v>
      </c>
      <c r="CM2182" s="166">
        <v>0</v>
      </c>
      <c r="CN2182" s="166">
        <v>0</v>
      </c>
      <c r="CO2182" s="166">
        <v>0</v>
      </c>
      <c r="CP2182" s="166">
        <v>0</v>
      </c>
      <c r="CQ2182" s="166">
        <v>0</v>
      </c>
      <c r="CR2182" s="166">
        <v>0</v>
      </c>
      <c r="CS2182" s="166">
        <v>0</v>
      </c>
      <c r="CT2182" s="166">
        <v>0</v>
      </c>
      <c r="CU2182" s="166">
        <v>0</v>
      </c>
      <c r="CV2182" s="166">
        <v>0</v>
      </c>
      <c r="CW2182" s="166">
        <v>0</v>
      </c>
      <c r="CX2182" s="166">
        <v>0</v>
      </c>
      <c r="CY2182" s="166">
        <v>0</v>
      </c>
      <c r="CZ2182" s="166">
        <v>0</v>
      </c>
    </row>
    <row r="2183" spans="1:104" x14ac:dyDescent="0.2">
      <c r="A2183" s="167" t="s">
        <v>589</v>
      </c>
      <c r="B2183" s="166">
        <v>0</v>
      </c>
      <c r="C2183" s="166">
        <v>0</v>
      </c>
      <c r="D2183" s="166">
        <v>0</v>
      </c>
      <c r="E2183" s="166">
        <v>0</v>
      </c>
      <c r="F2183" s="166">
        <v>0</v>
      </c>
      <c r="G2183" s="166">
        <v>0</v>
      </c>
      <c r="H2183" s="166">
        <v>0</v>
      </c>
      <c r="I2183" s="166">
        <v>0</v>
      </c>
      <c r="J2183" s="166">
        <v>0</v>
      </c>
      <c r="K2183" s="166">
        <v>0</v>
      </c>
      <c r="L2183" s="166">
        <v>0</v>
      </c>
      <c r="M2183" s="166">
        <v>0</v>
      </c>
      <c r="N2183" s="166">
        <v>0</v>
      </c>
      <c r="O2183" s="166">
        <v>0</v>
      </c>
      <c r="P2183" s="166">
        <v>0</v>
      </c>
      <c r="Q2183" s="166">
        <v>0</v>
      </c>
      <c r="R2183" s="166">
        <v>0</v>
      </c>
      <c r="S2183" s="166">
        <v>0</v>
      </c>
      <c r="T2183" s="166">
        <v>0</v>
      </c>
      <c r="U2183" s="166">
        <v>0</v>
      </c>
      <c r="V2183" s="166">
        <v>0</v>
      </c>
      <c r="W2183" s="166">
        <v>0</v>
      </c>
      <c r="X2183" s="166">
        <v>0</v>
      </c>
      <c r="Y2183" s="166">
        <v>0</v>
      </c>
      <c r="Z2183" s="166">
        <v>0</v>
      </c>
      <c r="AA2183" s="166">
        <v>0</v>
      </c>
      <c r="AB2183" s="166">
        <v>0</v>
      </c>
      <c r="AC2183" s="166">
        <v>0</v>
      </c>
      <c r="AD2183" s="166">
        <v>0</v>
      </c>
      <c r="AE2183" s="166">
        <v>0</v>
      </c>
      <c r="AF2183" s="166">
        <v>0</v>
      </c>
      <c r="AG2183" s="166">
        <v>0</v>
      </c>
      <c r="AH2183" s="166">
        <v>0</v>
      </c>
      <c r="AI2183" s="166">
        <v>0</v>
      </c>
      <c r="AJ2183" s="166">
        <v>0</v>
      </c>
      <c r="AK2183" s="166">
        <v>0</v>
      </c>
      <c r="AL2183" s="166">
        <v>0</v>
      </c>
      <c r="AM2183" s="166">
        <v>0</v>
      </c>
      <c r="AN2183" s="166">
        <v>0</v>
      </c>
      <c r="AO2183" s="166">
        <v>0</v>
      </c>
      <c r="AP2183" s="166">
        <v>0</v>
      </c>
      <c r="AQ2183" s="166">
        <v>0</v>
      </c>
      <c r="AR2183" s="166">
        <v>0</v>
      </c>
      <c r="AS2183" s="166">
        <v>0</v>
      </c>
      <c r="AT2183" s="166">
        <v>0</v>
      </c>
      <c r="AU2183" s="166">
        <v>0</v>
      </c>
      <c r="AV2183" s="166">
        <v>0</v>
      </c>
      <c r="AW2183" s="166">
        <v>0</v>
      </c>
      <c r="AX2183" s="166">
        <v>0</v>
      </c>
      <c r="AY2183" s="166">
        <v>0</v>
      </c>
      <c r="AZ2183" s="166">
        <v>0</v>
      </c>
      <c r="BA2183" s="166">
        <v>0</v>
      </c>
      <c r="BB2183" s="166">
        <v>0</v>
      </c>
      <c r="BC2183" s="166">
        <v>0</v>
      </c>
      <c r="BD2183" s="166">
        <v>0</v>
      </c>
      <c r="BE2183" s="166">
        <v>0</v>
      </c>
      <c r="BF2183" s="166">
        <v>0</v>
      </c>
      <c r="BG2183" s="166">
        <v>0</v>
      </c>
      <c r="BH2183" s="166">
        <v>0</v>
      </c>
      <c r="BI2183" s="166">
        <v>0</v>
      </c>
      <c r="BJ2183" s="166">
        <v>0</v>
      </c>
      <c r="BK2183" s="166">
        <v>0</v>
      </c>
      <c r="BL2183" s="166">
        <v>0</v>
      </c>
      <c r="BM2183" s="166">
        <v>0</v>
      </c>
      <c r="BN2183" s="166">
        <v>0</v>
      </c>
      <c r="BO2183" s="166">
        <v>0</v>
      </c>
      <c r="BP2183" s="166">
        <v>0</v>
      </c>
      <c r="BQ2183" s="166">
        <v>0</v>
      </c>
      <c r="BR2183" s="166">
        <v>0</v>
      </c>
      <c r="BS2183" s="166">
        <v>0</v>
      </c>
      <c r="BT2183" s="168">
        <v>0</v>
      </c>
      <c r="BU2183" s="166">
        <v>0</v>
      </c>
      <c r="BV2183" s="166">
        <v>0</v>
      </c>
      <c r="BW2183" s="166">
        <v>0</v>
      </c>
      <c r="BX2183" s="166">
        <v>0</v>
      </c>
      <c r="BY2183" s="166">
        <v>0</v>
      </c>
      <c r="BZ2183" s="166">
        <v>0</v>
      </c>
      <c r="CA2183" s="166">
        <v>0</v>
      </c>
      <c r="CB2183" s="166">
        <v>0</v>
      </c>
      <c r="CC2183" s="166">
        <v>0</v>
      </c>
      <c r="CD2183" s="166">
        <v>0</v>
      </c>
      <c r="CE2183" s="166">
        <v>0</v>
      </c>
      <c r="CF2183" s="166">
        <v>0</v>
      </c>
      <c r="CG2183" s="166">
        <v>0</v>
      </c>
      <c r="CH2183" s="166">
        <v>0</v>
      </c>
      <c r="CI2183" s="166">
        <v>0</v>
      </c>
      <c r="CJ2183" s="166">
        <v>0</v>
      </c>
      <c r="CK2183" s="166">
        <v>0</v>
      </c>
      <c r="CL2183" s="166">
        <v>0</v>
      </c>
      <c r="CM2183" s="166">
        <v>0</v>
      </c>
      <c r="CN2183" s="166">
        <v>0</v>
      </c>
      <c r="CO2183" s="166">
        <v>0</v>
      </c>
      <c r="CP2183" s="166">
        <v>0</v>
      </c>
      <c r="CQ2183" s="166">
        <v>0</v>
      </c>
      <c r="CR2183" s="166">
        <v>0</v>
      </c>
      <c r="CS2183" s="166">
        <v>0</v>
      </c>
      <c r="CT2183" s="166">
        <v>0</v>
      </c>
      <c r="CU2183" s="166">
        <v>0</v>
      </c>
      <c r="CV2183" s="166">
        <v>0</v>
      </c>
      <c r="CW2183" s="166">
        <v>0</v>
      </c>
      <c r="CX2183" s="166">
        <v>0</v>
      </c>
      <c r="CY2183" s="166">
        <v>0</v>
      </c>
      <c r="CZ2183" s="166">
        <v>0</v>
      </c>
    </row>
    <row r="2184" spans="1:104" x14ac:dyDescent="0.2">
      <c r="A2184" s="177" t="s">
        <v>590</v>
      </c>
      <c r="B2184" s="166">
        <v>8770444.5500000007</v>
      </c>
      <c r="C2184" s="166">
        <v>8770444.5500000007</v>
      </c>
      <c r="D2184" s="166">
        <v>0</v>
      </c>
      <c r="E2184" s="166">
        <v>0</v>
      </c>
      <c r="F2184" s="166">
        <v>0</v>
      </c>
      <c r="G2184" s="166">
        <v>0</v>
      </c>
      <c r="H2184" s="166">
        <v>0</v>
      </c>
      <c r="I2184" s="166">
        <v>0</v>
      </c>
      <c r="J2184" s="166">
        <v>0</v>
      </c>
      <c r="K2184" s="166">
        <v>0</v>
      </c>
      <c r="L2184" s="166">
        <v>0</v>
      </c>
      <c r="M2184" s="166">
        <v>0</v>
      </c>
      <c r="N2184" s="166">
        <v>0</v>
      </c>
      <c r="O2184" s="166">
        <v>0</v>
      </c>
      <c r="P2184" s="166">
        <v>0</v>
      </c>
      <c r="Q2184" s="166">
        <v>0</v>
      </c>
      <c r="R2184" s="166">
        <v>0</v>
      </c>
      <c r="S2184" s="166">
        <v>0</v>
      </c>
      <c r="T2184" s="166">
        <v>0</v>
      </c>
      <c r="U2184" s="166">
        <v>0</v>
      </c>
      <c r="V2184" s="166">
        <v>0</v>
      </c>
      <c r="W2184" s="166">
        <v>0</v>
      </c>
      <c r="X2184" s="166">
        <v>0</v>
      </c>
      <c r="Y2184" s="166">
        <v>0</v>
      </c>
      <c r="Z2184" s="166">
        <v>0</v>
      </c>
      <c r="AA2184" s="166">
        <v>0</v>
      </c>
      <c r="AB2184" s="166">
        <v>0</v>
      </c>
      <c r="AC2184" s="166">
        <v>0</v>
      </c>
      <c r="AD2184" s="166">
        <v>0</v>
      </c>
      <c r="AE2184" s="166">
        <v>0</v>
      </c>
      <c r="AF2184" s="166">
        <v>0</v>
      </c>
      <c r="AG2184" s="166">
        <v>0</v>
      </c>
      <c r="AH2184" s="166">
        <v>0</v>
      </c>
      <c r="AI2184" s="166">
        <v>0</v>
      </c>
      <c r="AJ2184" s="166">
        <v>0</v>
      </c>
      <c r="AK2184" s="166">
        <v>0</v>
      </c>
      <c r="AL2184" s="166">
        <v>0</v>
      </c>
      <c r="AM2184" s="166">
        <v>0</v>
      </c>
      <c r="AN2184" s="166">
        <v>0</v>
      </c>
      <c r="AO2184" s="166">
        <v>0</v>
      </c>
      <c r="AP2184" s="166">
        <v>0</v>
      </c>
      <c r="AQ2184" s="166">
        <v>0</v>
      </c>
      <c r="AR2184" s="166">
        <v>0</v>
      </c>
      <c r="AS2184" s="166">
        <v>0</v>
      </c>
      <c r="AT2184" s="166">
        <v>0</v>
      </c>
      <c r="AU2184" s="166">
        <v>0</v>
      </c>
      <c r="AV2184" s="166">
        <v>0</v>
      </c>
      <c r="AW2184" s="166">
        <v>0</v>
      </c>
      <c r="AX2184" s="166">
        <v>0</v>
      </c>
      <c r="AY2184" s="166">
        <v>0</v>
      </c>
      <c r="AZ2184" s="166">
        <v>0</v>
      </c>
      <c r="BA2184" s="166">
        <v>0</v>
      </c>
      <c r="BB2184" s="166">
        <v>0</v>
      </c>
      <c r="BC2184" s="166">
        <v>0</v>
      </c>
      <c r="BD2184" s="166">
        <v>0</v>
      </c>
      <c r="BE2184" s="166">
        <v>0</v>
      </c>
      <c r="BF2184" s="166">
        <v>0</v>
      </c>
      <c r="BG2184" s="166">
        <v>0</v>
      </c>
      <c r="BH2184" s="166">
        <v>0</v>
      </c>
      <c r="BI2184" s="166">
        <v>0</v>
      </c>
      <c r="BJ2184" s="166">
        <v>0</v>
      </c>
      <c r="BK2184" s="166">
        <v>0</v>
      </c>
      <c r="BL2184" s="166">
        <v>0</v>
      </c>
      <c r="BM2184" s="166">
        <v>0</v>
      </c>
      <c r="BN2184" s="166">
        <v>0</v>
      </c>
      <c r="BO2184" s="166">
        <v>0</v>
      </c>
      <c r="BP2184" s="166">
        <v>0</v>
      </c>
      <c r="BQ2184" s="166">
        <v>0</v>
      </c>
      <c r="BR2184" s="166">
        <v>8770444.5500000007</v>
      </c>
      <c r="BS2184" s="166">
        <v>8770444.5500000007</v>
      </c>
      <c r="BT2184" s="168">
        <v>0</v>
      </c>
      <c r="BU2184" s="166">
        <v>0</v>
      </c>
      <c r="BV2184" s="166">
        <v>0</v>
      </c>
      <c r="BW2184" s="166">
        <v>0</v>
      </c>
      <c r="BX2184" s="166">
        <v>0</v>
      </c>
      <c r="BY2184" s="166">
        <v>0</v>
      </c>
      <c r="BZ2184" s="166">
        <v>0</v>
      </c>
      <c r="CA2184" s="166">
        <v>0</v>
      </c>
      <c r="CB2184" s="166">
        <v>0</v>
      </c>
      <c r="CC2184" s="166">
        <v>0</v>
      </c>
      <c r="CD2184" s="166">
        <v>0</v>
      </c>
      <c r="CE2184" s="166">
        <v>0</v>
      </c>
      <c r="CF2184" s="166">
        <v>0</v>
      </c>
      <c r="CG2184" s="166">
        <v>0</v>
      </c>
      <c r="CH2184" s="166">
        <v>0</v>
      </c>
      <c r="CI2184" s="166">
        <v>0</v>
      </c>
      <c r="CJ2184" s="166">
        <v>0</v>
      </c>
      <c r="CK2184" s="166">
        <v>0</v>
      </c>
      <c r="CL2184" s="166">
        <v>0</v>
      </c>
      <c r="CM2184" s="166">
        <v>0</v>
      </c>
      <c r="CN2184" s="166">
        <v>0</v>
      </c>
      <c r="CO2184" s="166">
        <v>0</v>
      </c>
      <c r="CP2184" s="166">
        <v>0</v>
      </c>
      <c r="CQ2184" s="166">
        <v>0</v>
      </c>
      <c r="CR2184" s="166">
        <v>0</v>
      </c>
      <c r="CS2184" s="166">
        <v>0</v>
      </c>
      <c r="CT2184" s="166">
        <v>0</v>
      </c>
      <c r="CU2184" s="166">
        <v>0</v>
      </c>
      <c r="CV2184" s="166">
        <v>0</v>
      </c>
      <c r="CW2184" s="166">
        <v>0</v>
      </c>
      <c r="CX2184" s="166">
        <v>0</v>
      </c>
      <c r="CY2184" s="166">
        <v>0</v>
      </c>
      <c r="CZ2184" s="166">
        <v>0</v>
      </c>
    </row>
    <row r="2185" spans="1:104" x14ac:dyDescent="0.2">
      <c r="A2185" s="167" t="s">
        <v>591</v>
      </c>
      <c r="B2185" s="166">
        <v>0</v>
      </c>
      <c r="C2185" s="166">
        <v>0</v>
      </c>
      <c r="D2185" s="166">
        <v>0</v>
      </c>
      <c r="E2185" s="166">
        <v>0</v>
      </c>
      <c r="F2185" s="166">
        <v>0</v>
      </c>
      <c r="G2185" s="166">
        <v>0</v>
      </c>
      <c r="H2185" s="166">
        <v>0</v>
      </c>
      <c r="I2185" s="166">
        <v>0</v>
      </c>
      <c r="J2185" s="166">
        <v>0</v>
      </c>
      <c r="K2185" s="166">
        <v>0</v>
      </c>
      <c r="L2185" s="166">
        <v>0</v>
      </c>
      <c r="M2185" s="166">
        <v>0</v>
      </c>
      <c r="N2185" s="166">
        <v>0</v>
      </c>
      <c r="O2185" s="166">
        <v>0</v>
      </c>
      <c r="P2185" s="166">
        <v>0</v>
      </c>
      <c r="Q2185" s="166">
        <v>0</v>
      </c>
      <c r="R2185" s="166">
        <v>0</v>
      </c>
      <c r="S2185" s="166">
        <v>0</v>
      </c>
      <c r="T2185" s="166">
        <v>0</v>
      </c>
      <c r="U2185" s="166">
        <v>0</v>
      </c>
      <c r="V2185" s="166">
        <v>0</v>
      </c>
      <c r="W2185" s="166">
        <v>0</v>
      </c>
      <c r="X2185" s="166">
        <v>0</v>
      </c>
      <c r="Y2185" s="166">
        <v>0</v>
      </c>
      <c r="Z2185" s="166">
        <v>0</v>
      </c>
      <c r="AA2185" s="166">
        <v>0</v>
      </c>
      <c r="AB2185" s="166">
        <v>0</v>
      </c>
      <c r="AC2185" s="166">
        <v>0</v>
      </c>
      <c r="AD2185" s="166">
        <v>0</v>
      </c>
      <c r="AE2185" s="166">
        <v>0</v>
      </c>
      <c r="AF2185" s="166">
        <v>0</v>
      </c>
      <c r="AG2185" s="166">
        <v>0</v>
      </c>
      <c r="AH2185" s="166">
        <v>0</v>
      </c>
      <c r="AI2185" s="166">
        <v>0</v>
      </c>
      <c r="AJ2185" s="166">
        <v>0</v>
      </c>
      <c r="AK2185" s="166">
        <v>0</v>
      </c>
      <c r="AL2185" s="166">
        <v>0</v>
      </c>
      <c r="AM2185" s="166">
        <v>0</v>
      </c>
      <c r="AN2185" s="166">
        <v>0</v>
      </c>
      <c r="AO2185" s="166">
        <v>0</v>
      </c>
      <c r="AP2185" s="166">
        <v>0</v>
      </c>
      <c r="AQ2185" s="166">
        <v>0</v>
      </c>
      <c r="AR2185" s="166">
        <v>0</v>
      </c>
      <c r="AS2185" s="166">
        <v>0</v>
      </c>
      <c r="AT2185" s="166">
        <v>0</v>
      </c>
      <c r="AU2185" s="166">
        <v>0</v>
      </c>
      <c r="AV2185" s="166">
        <v>0</v>
      </c>
      <c r="AW2185" s="166">
        <v>0</v>
      </c>
      <c r="AX2185" s="166">
        <v>0</v>
      </c>
      <c r="AY2185" s="166">
        <v>0</v>
      </c>
      <c r="AZ2185" s="166">
        <v>0</v>
      </c>
      <c r="BA2185" s="166">
        <v>0</v>
      </c>
      <c r="BB2185" s="166">
        <v>0</v>
      </c>
      <c r="BC2185" s="166">
        <v>0</v>
      </c>
      <c r="BD2185" s="166">
        <v>0</v>
      </c>
      <c r="BE2185" s="166">
        <v>0</v>
      </c>
      <c r="BF2185" s="166">
        <v>0</v>
      </c>
      <c r="BG2185" s="166">
        <v>0</v>
      </c>
      <c r="BH2185" s="166">
        <v>0</v>
      </c>
      <c r="BI2185" s="166">
        <v>0</v>
      </c>
      <c r="BJ2185" s="166">
        <v>0</v>
      </c>
      <c r="BK2185" s="166">
        <v>0</v>
      </c>
      <c r="BL2185" s="166">
        <v>0</v>
      </c>
      <c r="BM2185" s="166">
        <v>0</v>
      </c>
      <c r="BN2185" s="166">
        <v>0</v>
      </c>
      <c r="BO2185" s="166">
        <v>0</v>
      </c>
      <c r="BP2185" s="166">
        <v>0</v>
      </c>
      <c r="BQ2185" s="166">
        <v>0</v>
      </c>
      <c r="BR2185" s="166">
        <v>0</v>
      </c>
      <c r="BS2185" s="166">
        <v>0</v>
      </c>
      <c r="BT2185" s="168">
        <v>0</v>
      </c>
      <c r="BU2185" s="166">
        <v>0</v>
      </c>
      <c r="BV2185" s="166">
        <v>0</v>
      </c>
      <c r="BW2185" s="166">
        <v>0</v>
      </c>
      <c r="BX2185" s="166">
        <v>0</v>
      </c>
      <c r="BY2185" s="166">
        <v>0</v>
      </c>
      <c r="BZ2185" s="166">
        <v>0</v>
      </c>
      <c r="CA2185" s="166">
        <v>0</v>
      </c>
      <c r="CB2185" s="166">
        <v>0</v>
      </c>
      <c r="CC2185" s="166">
        <v>0</v>
      </c>
      <c r="CD2185" s="166">
        <v>0</v>
      </c>
      <c r="CE2185" s="166">
        <v>0</v>
      </c>
      <c r="CF2185" s="166">
        <v>0</v>
      </c>
      <c r="CG2185" s="166">
        <v>0</v>
      </c>
      <c r="CH2185" s="166">
        <v>0</v>
      </c>
      <c r="CI2185" s="166">
        <v>0</v>
      </c>
      <c r="CJ2185" s="166">
        <v>0</v>
      </c>
      <c r="CK2185" s="166">
        <v>0</v>
      </c>
      <c r="CL2185" s="166">
        <v>0</v>
      </c>
      <c r="CM2185" s="166">
        <v>0</v>
      </c>
      <c r="CN2185" s="166">
        <v>0</v>
      </c>
      <c r="CO2185" s="166">
        <v>0</v>
      </c>
      <c r="CP2185" s="166">
        <v>0</v>
      </c>
      <c r="CQ2185" s="166">
        <v>0</v>
      </c>
      <c r="CR2185" s="166">
        <v>0</v>
      </c>
      <c r="CS2185" s="166">
        <v>0</v>
      </c>
      <c r="CT2185" s="166">
        <v>0</v>
      </c>
      <c r="CU2185" s="166">
        <v>0</v>
      </c>
      <c r="CV2185" s="166">
        <v>0</v>
      </c>
      <c r="CW2185" s="166">
        <v>0</v>
      </c>
      <c r="CX2185" s="166">
        <v>0</v>
      </c>
      <c r="CY2185" s="166">
        <v>0</v>
      </c>
      <c r="CZ2185" s="166">
        <v>0</v>
      </c>
    </row>
    <row r="2186" spans="1:104" x14ac:dyDescent="0.2">
      <c r="A2186" s="167" t="s">
        <v>592</v>
      </c>
      <c r="B2186" s="166">
        <v>0</v>
      </c>
      <c r="C2186" s="166">
        <v>0</v>
      </c>
      <c r="D2186" s="166">
        <v>0</v>
      </c>
      <c r="E2186" s="166">
        <v>0</v>
      </c>
      <c r="F2186" s="166">
        <v>0</v>
      </c>
      <c r="G2186" s="166">
        <v>0</v>
      </c>
      <c r="H2186" s="166">
        <v>0</v>
      </c>
      <c r="I2186" s="166">
        <v>0</v>
      </c>
      <c r="J2186" s="166">
        <v>0</v>
      </c>
      <c r="K2186" s="166">
        <v>0</v>
      </c>
      <c r="L2186" s="166">
        <v>0</v>
      </c>
      <c r="M2186" s="166">
        <v>0</v>
      </c>
      <c r="N2186" s="166">
        <v>0</v>
      </c>
      <c r="O2186" s="166">
        <v>0</v>
      </c>
      <c r="P2186" s="166">
        <v>0</v>
      </c>
      <c r="Q2186" s="166">
        <v>0</v>
      </c>
      <c r="R2186" s="166">
        <v>0</v>
      </c>
      <c r="S2186" s="166">
        <v>0</v>
      </c>
      <c r="T2186" s="166">
        <v>0</v>
      </c>
      <c r="U2186" s="166">
        <v>0</v>
      </c>
      <c r="V2186" s="166">
        <v>0</v>
      </c>
      <c r="W2186" s="166">
        <v>0</v>
      </c>
      <c r="X2186" s="166">
        <v>0</v>
      </c>
      <c r="Y2186" s="166">
        <v>0</v>
      </c>
      <c r="Z2186" s="166">
        <v>0</v>
      </c>
      <c r="AA2186" s="166">
        <v>0</v>
      </c>
      <c r="AB2186" s="166">
        <v>0</v>
      </c>
      <c r="AC2186" s="166">
        <v>0</v>
      </c>
      <c r="AD2186" s="166">
        <v>0</v>
      </c>
      <c r="AE2186" s="166">
        <v>0</v>
      </c>
      <c r="AF2186" s="166">
        <v>0</v>
      </c>
      <c r="AG2186" s="166">
        <v>0</v>
      </c>
      <c r="AH2186" s="166">
        <v>0</v>
      </c>
      <c r="AI2186" s="166">
        <v>0</v>
      </c>
      <c r="AJ2186" s="166">
        <v>0</v>
      </c>
      <c r="AK2186" s="166">
        <v>0</v>
      </c>
      <c r="AL2186" s="166">
        <v>0</v>
      </c>
      <c r="AM2186" s="166">
        <v>0</v>
      </c>
      <c r="AN2186" s="166">
        <v>0</v>
      </c>
      <c r="AO2186" s="166">
        <v>0</v>
      </c>
      <c r="AP2186" s="166">
        <v>0</v>
      </c>
      <c r="AQ2186" s="166">
        <v>0</v>
      </c>
      <c r="AR2186" s="166">
        <v>0</v>
      </c>
      <c r="AS2186" s="166">
        <v>0</v>
      </c>
      <c r="AT2186" s="166">
        <v>0</v>
      </c>
      <c r="AU2186" s="166">
        <v>0</v>
      </c>
      <c r="AV2186" s="166">
        <v>0</v>
      </c>
      <c r="AW2186" s="166">
        <v>0</v>
      </c>
      <c r="AX2186" s="166">
        <v>0</v>
      </c>
      <c r="AY2186" s="166">
        <v>0</v>
      </c>
      <c r="AZ2186" s="166">
        <v>0</v>
      </c>
      <c r="BA2186" s="166">
        <v>0</v>
      </c>
      <c r="BB2186" s="166">
        <v>0</v>
      </c>
      <c r="BC2186" s="166">
        <v>0</v>
      </c>
      <c r="BD2186" s="166">
        <v>0</v>
      </c>
      <c r="BE2186" s="166">
        <v>0</v>
      </c>
      <c r="BF2186" s="166">
        <v>0</v>
      </c>
      <c r="BG2186" s="166">
        <v>0</v>
      </c>
      <c r="BH2186" s="166">
        <v>0</v>
      </c>
      <c r="BI2186" s="166">
        <v>0</v>
      </c>
      <c r="BJ2186" s="166">
        <v>0</v>
      </c>
      <c r="BK2186" s="166">
        <v>0</v>
      </c>
      <c r="BL2186" s="166">
        <v>0</v>
      </c>
      <c r="BM2186" s="166">
        <v>0</v>
      </c>
      <c r="BN2186" s="166">
        <v>0</v>
      </c>
      <c r="BO2186" s="166">
        <v>0</v>
      </c>
      <c r="BP2186" s="166">
        <v>0</v>
      </c>
      <c r="BQ2186" s="166">
        <v>0</v>
      </c>
      <c r="BR2186" s="166">
        <v>0</v>
      </c>
      <c r="BS2186" s="166">
        <v>0</v>
      </c>
      <c r="BT2186" s="168">
        <v>0</v>
      </c>
      <c r="BU2186" s="166">
        <v>0</v>
      </c>
      <c r="BV2186" s="166">
        <v>0</v>
      </c>
      <c r="BW2186" s="166">
        <v>0</v>
      </c>
      <c r="BX2186" s="166">
        <v>0</v>
      </c>
      <c r="BY2186" s="166">
        <v>0</v>
      </c>
      <c r="BZ2186" s="166">
        <v>0</v>
      </c>
      <c r="CA2186" s="166">
        <v>0</v>
      </c>
      <c r="CB2186" s="166">
        <v>0</v>
      </c>
      <c r="CC2186" s="166">
        <v>0</v>
      </c>
      <c r="CD2186" s="166">
        <v>0</v>
      </c>
      <c r="CE2186" s="166">
        <v>0</v>
      </c>
      <c r="CF2186" s="166">
        <v>0</v>
      </c>
      <c r="CG2186" s="166">
        <v>0</v>
      </c>
      <c r="CH2186" s="166">
        <v>0</v>
      </c>
      <c r="CI2186" s="166">
        <v>0</v>
      </c>
      <c r="CJ2186" s="166">
        <v>0</v>
      </c>
      <c r="CK2186" s="166">
        <v>0</v>
      </c>
      <c r="CL2186" s="166">
        <v>0</v>
      </c>
      <c r="CM2186" s="166">
        <v>0</v>
      </c>
      <c r="CN2186" s="166">
        <v>0</v>
      </c>
      <c r="CO2186" s="166">
        <v>0</v>
      </c>
      <c r="CP2186" s="166">
        <v>0</v>
      </c>
      <c r="CQ2186" s="166">
        <v>0</v>
      </c>
      <c r="CR2186" s="166">
        <v>0</v>
      </c>
      <c r="CS2186" s="166">
        <v>0</v>
      </c>
      <c r="CT2186" s="166">
        <v>0</v>
      </c>
      <c r="CU2186" s="166">
        <v>0</v>
      </c>
      <c r="CV2186" s="166">
        <v>0</v>
      </c>
      <c r="CW2186" s="166">
        <v>0</v>
      </c>
      <c r="CX2186" s="166">
        <v>0</v>
      </c>
      <c r="CY2186" s="166">
        <v>0</v>
      </c>
      <c r="CZ2186" s="166">
        <v>0</v>
      </c>
    </row>
    <row r="2187" spans="1:104" x14ac:dyDescent="0.2">
      <c r="A2187" s="167" t="s">
        <v>593</v>
      </c>
      <c r="B2187" s="166">
        <v>0</v>
      </c>
      <c r="C2187" s="166">
        <v>0</v>
      </c>
      <c r="D2187" s="166">
        <v>0</v>
      </c>
      <c r="E2187" s="166">
        <v>0</v>
      </c>
      <c r="F2187" s="166">
        <v>0</v>
      </c>
      <c r="G2187" s="166">
        <v>0</v>
      </c>
      <c r="H2187" s="166">
        <v>0</v>
      </c>
      <c r="I2187" s="166">
        <v>0</v>
      </c>
      <c r="J2187" s="166">
        <v>0</v>
      </c>
      <c r="K2187" s="166">
        <v>0</v>
      </c>
      <c r="L2187" s="166">
        <v>0</v>
      </c>
      <c r="M2187" s="166">
        <v>0</v>
      </c>
      <c r="N2187" s="166">
        <v>0</v>
      </c>
      <c r="O2187" s="166">
        <v>0</v>
      </c>
      <c r="P2187" s="166">
        <v>0</v>
      </c>
      <c r="Q2187" s="166">
        <v>0</v>
      </c>
      <c r="R2187" s="166">
        <v>0</v>
      </c>
      <c r="S2187" s="166">
        <v>0</v>
      </c>
      <c r="T2187" s="166">
        <v>0</v>
      </c>
      <c r="U2187" s="166">
        <v>0</v>
      </c>
      <c r="V2187" s="166">
        <v>0</v>
      </c>
      <c r="W2187" s="166">
        <v>0</v>
      </c>
      <c r="X2187" s="166">
        <v>0</v>
      </c>
      <c r="Y2187" s="166">
        <v>0</v>
      </c>
      <c r="Z2187" s="166">
        <v>0</v>
      </c>
      <c r="AA2187" s="166">
        <v>0</v>
      </c>
      <c r="AB2187" s="166">
        <v>0</v>
      </c>
      <c r="AC2187" s="166">
        <v>0</v>
      </c>
      <c r="AD2187" s="166">
        <v>0</v>
      </c>
      <c r="AE2187" s="166">
        <v>0</v>
      </c>
      <c r="AF2187" s="166">
        <v>0</v>
      </c>
      <c r="AG2187" s="166">
        <v>0</v>
      </c>
      <c r="AH2187" s="166">
        <v>0</v>
      </c>
      <c r="AI2187" s="166">
        <v>0</v>
      </c>
      <c r="AJ2187" s="166">
        <v>0</v>
      </c>
      <c r="AK2187" s="166">
        <v>0</v>
      </c>
      <c r="AL2187" s="166">
        <v>0</v>
      </c>
      <c r="AM2187" s="166">
        <v>0</v>
      </c>
      <c r="AN2187" s="166">
        <v>0</v>
      </c>
      <c r="AO2187" s="166">
        <v>0</v>
      </c>
      <c r="AP2187" s="166">
        <v>0</v>
      </c>
      <c r="AQ2187" s="166">
        <v>0</v>
      </c>
      <c r="AR2187" s="166">
        <v>0</v>
      </c>
      <c r="AS2187" s="166">
        <v>0</v>
      </c>
      <c r="AT2187" s="166">
        <v>0</v>
      </c>
      <c r="AU2187" s="166">
        <v>0</v>
      </c>
      <c r="AV2187" s="166">
        <v>0</v>
      </c>
      <c r="AW2187" s="166">
        <v>0</v>
      </c>
      <c r="AX2187" s="166">
        <v>0</v>
      </c>
      <c r="AY2187" s="166">
        <v>0</v>
      </c>
      <c r="AZ2187" s="166">
        <v>0</v>
      </c>
      <c r="BA2187" s="166">
        <v>0</v>
      </c>
      <c r="BB2187" s="166">
        <v>0</v>
      </c>
      <c r="BC2187" s="166">
        <v>0</v>
      </c>
      <c r="BD2187" s="166">
        <v>0</v>
      </c>
      <c r="BE2187" s="166">
        <v>0</v>
      </c>
      <c r="BF2187" s="166">
        <v>0</v>
      </c>
      <c r="BG2187" s="166">
        <v>0</v>
      </c>
      <c r="BH2187" s="166">
        <v>0</v>
      </c>
      <c r="BI2187" s="166">
        <v>0</v>
      </c>
      <c r="BJ2187" s="166">
        <v>0</v>
      </c>
      <c r="BK2187" s="166">
        <v>0</v>
      </c>
      <c r="BL2187" s="166">
        <v>0</v>
      </c>
      <c r="BM2187" s="166">
        <v>0</v>
      </c>
      <c r="BN2187" s="166">
        <v>0</v>
      </c>
      <c r="BO2187" s="166">
        <v>0</v>
      </c>
      <c r="BP2187" s="166">
        <v>0</v>
      </c>
      <c r="BQ2187" s="166">
        <v>0</v>
      </c>
      <c r="BR2187" s="166">
        <v>0</v>
      </c>
      <c r="BS2187" s="166">
        <v>0</v>
      </c>
      <c r="BT2187" s="168">
        <v>0</v>
      </c>
      <c r="BU2187" s="166">
        <v>0</v>
      </c>
      <c r="BV2187" s="166">
        <v>0</v>
      </c>
      <c r="BW2187" s="166">
        <v>0</v>
      </c>
      <c r="BX2187" s="166">
        <v>0</v>
      </c>
      <c r="BY2187" s="166">
        <v>0</v>
      </c>
      <c r="BZ2187" s="166">
        <v>0</v>
      </c>
      <c r="CA2187" s="166">
        <v>0</v>
      </c>
      <c r="CB2187" s="166">
        <v>0</v>
      </c>
      <c r="CC2187" s="166">
        <v>0</v>
      </c>
      <c r="CD2187" s="166">
        <v>0</v>
      </c>
      <c r="CE2187" s="166">
        <v>0</v>
      </c>
      <c r="CF2187" s="166">
        <v>0</v>
      </c>
      <c r="CG2187" s="166">
        <v>0</v>
      </c>
      <c r="CH2187" s="166">
        <v>0</v>
      </c>
      <c r="CI2187" s="166">
        <v>0</v>
      </c>
      <c r="CJ2187" s="166">
        <v>0</v>
      </c>
      <c r="CK2187" s="166">
        <v>0</v>
      </c>
      <c r="CL2187" s="166">
        <v>0</v>
      </c>
      <c r="CM2187" s="166">
        <v>0</v>
      </c>
      <c r="CN2187" s="166">
        <v>0</v>
      </c>
      <c r="CO2187" s="166">
        <v>0</v>
      </c>
      <c r="CP2187" s="166">
        <v>0</v>
      </c>
      <c r="CQ2187" s="166">
        <v>0</v>
      </c>
      <c r="CR2187" s="166">
        <v>0</v>
      </c>
      <c r="CS2187" s="166">
        <v>0</v>
      </c>
      <c r="CT2187" s="166">
        <v>0</v>
      </c>
      <c r="CU2187" s="166">
        <v>0</v>
      </c>
      <c r="CV2187" s="166">
        <v>0</v>
      </c>
      <c r="CW2187" s="166">
        <v>0</v>
      </c>
      <c r="CX2187" s="166">
        <v>0</v>
      </c>
      <c r="CY2187" s="166">
        <v>0</v>
      </c>
      <c r="CZ2187" s="166">
        <v>0</v>
      </c>
    </row>
    <row r="2188" spans="1:104" x14ac:dyDescent="0.2">
      <c r="A2188" s="167" t="s">
        <v>594</v>
      </c>
      <c r="B2188" s="166">
        <v>0</v>
      </c>
      <c r="C2188" s="166">
        <v>0</v>
      </c>
      <c r="D2188" s="166">
        <v>0</v>
      </c>
      <c r="E2188" s="166">
        <v>0</v>
      </c>
      <c r="F2188" s="166">
        <v>0</v>
      </c>
      <c r="G2188" s="166">
        <v>0</v>
      </c>
      <c r="H2188" s="166">
        <v>0</v>
      </c>
      <c r="I2188" s="166">
        <v>0</v>
      </c>
      <c r="J2188" s="166">
        <v>0</v>
      </c>
      <c r="K2188" s="166">
        <v>0</v>
      </c>
      <c r="L2188" s="166">
        <v>0</v>
      </c>
      <c r="M2188" s="166">
        <v>0</v>
      </c>
      <c r="N2188" s="166">
        <v>0</v>
      </c>
      <c r="O2188" s="166">
        <v>0</v>
      </c>
      <c r="P2188" s="166">
        <v>0</v>
      </c>
      <c r="Q2188" s="166">
        <v>0</v>
      </c>
      <c r="R2188" s="166">
        <v>0</v>
      </c>
      <c r="S2188" s="166">
        <v>0</v>
      </c>
      <c r="T2188" s="166">
        <v>0</v>
      </c>
      <c r="U2188" s="166">
        <v>0</v>
      </c>
      <c r="V2188" s="166">
        <v>0</v>
      </c>
      <c r="W2188" s="166">
        <v>0</v>
      </c>
      <c r="X2188" s="166">
        <v>0</v>
      </c>
      <c r="Y2188" s="166">
        <v>0</v>
      </c>
      <c r="Z2188" s="166">
        <v>0</v>
      </c>
      <c r="AA2188" s="166">
        <v>0</v>
      </c>
      <c r="AB2188" s="166">
        <v>0</v>
      </c>
      <c r="AC2188" s="166">
        <v>0</v>
      </c>
      <c r="AD2188" s="166">
        <v>0</v>
      </c>
      <c r="AE2188" s="166">
        <v>0</v>
      </c>
      <c r="AF2188" s="166">
        <v>0</v>
      </c>
      <c r="AG2188" s="166">
        <v>0</v>
      </c>
      <c r="AH2188" s="166">
        <v>0</v>
      </c>
      <c r="AI2188" s="166">
        <v>0</v>
      </c>
      <c r="AJ2188" s="166">
        <v>0</v>
      </c>
      <c r="AK2188" s="166">
        <v>0</v>
      </c>
      <c r="AL2188" s="166">
        <v>0</v>
      </c>
      <c r="AM2188" s="166">
        <v>0</v>
      </c>
      <c r="AN2188" s="166">
        <v>0</v>
      </c>
      <c r="AO2188" s="166">
        <v>0</v>
      </c>
      <c r="AP2188" s="166">
        <v>0</v>
      </c>
      <c r="AQ2188" s="166">
        <v>0</v>
      </c>
      <c r="AR2188" s="166">
        <v>0</v>
      </c>
      <c r="AS2188" s="166">
        <v>0</v>
      </c>
      <c r="AT2188" s="166">
        <v>0</v>
      </c>
      <c r="AU2188" s="166">
        <v>0</v>
      </c>
      <c r="AV2188" s="166">
        <v>0</v>
      </c>
      <c r="AW2188" s="166">
        <v>0</v>
      </c>
      <c r="AX2188" s="166">
        <v>0</v>
      </c>
      <c r="AY2188" s="166">
        <v>0</v>
      </c>
      <c r="AZ2188" s="166">
        <v>0</v>
      </c>
      <c r="BA2188" s="166">
        <v>0</v>
      </c>
      <c r="BB2188" s="166">
        <v>0</v>
      </c>
      <c r="BC2188" s="166">
        <v>0</v>
      </c>
      <c r="BD2188" s="166">
        <v>0</v>
      </c>
      <c r="BE2188" s="166">
        <v>0</v>
      </c>
      <c r="BF2188" s="166">
        <v>0</v>
      </c>
      <c r="BG2188" s="166">
        <v>0</v>
      </c>
      <c r="BH2188" s="166">
        <v>0</v>
      </c>
      <c r="BI2188" s="166">
        <v>0</v>
      </c>
      <c r="BJ2188" s="166">
        <v>0</v>
      </c>
      <c r="BK2188" s="166">
        <v>0</v>
      </c>
      <c r="BL2188" s="166">
        <v>0</v>
      </c>
      <c r="BM2188" s="166">
        <v>0</v>
      </c>
      <c r="BN2188" s="166">
        <v>0</v>
      </c>
      <c r="BO2188" s="166">
        <v>0</v>
      </c>
      <c r="BP2188" s="166">
        <v>0</v>
      </c>
      <c r="BQ2188" s="166">
        <v>0</v>
      </c>
      <c r="BR2188" s="166">
        <v>0</v>
      </c>
      <c r="BS2188" s="166">
        <v>0</v>
      </c>
      <c r="BT2188" s="168">
        <v>0</v>
      </c>
      <c r="BU2188" s="166">
        <v>0</v>
      </c>
      <c r="BV2188" s="166">
        <v>0</v>
      </c>
      <c r="BW2188" s="166">
        <v>0</v>
      </c>
      <c r="BX2188" s="166">
        <v>0</v>
      </c>
      <c r="BY2188" s="166">
        <v>0</v>
      </c>
      <c r="BZ2188" s="166">
        <v>0</v>
      </c>
      <c r="CA2188" s="166">
        <v>0</v>
      </c>
      <c r="CB2188" s="166">
        <v>0</v>
      </c>
      <c r="CC2188" s="166">
        <v>0</v>
      </c>
      <c r="CD2188" s="166">
        <v>0</v>
      </c>
      <c r="CE2188" s="166">
        <v>0</v>
      </c>
      <c r="CF2188" s="166">
        <v>0</v>
      </c>
      <c r="CG2188" s="166">
        <v>0</v>
      </c>
      <c r="CH2188" s="166">
        <v>0</v>
      </c>
      <c r="CI2188" s="166">
        <v>0</v>
      </c>
      <c r="CJ2188" s="166">
        <v>0</v>
      </c>
      <c r="CK2188" s="166">
        <v>0</v>
      </c>
      <c r="CL2188" s="166">
        <v>0</v>
      </c>
      <c r="CM2188" s="166">
        <v>0</v>
      </c>
      <c r="CN2188" s="166">
        <v>0</v>
      </c>
      <c r="CO2188" s="166">
        <v>0</v>
      </c>
      <c r="CP2188" s="166">
        <v>0</v>
      </c>
      <c r="CQ2188" s="166">
        <v>0</v>
      </c>
      <c r="CR2188" s="166">
        <v>0</v>
      </c>
      <c r="CS2188" s="166">
        <v>0</v>
      </c>
      <c r="CT2188" s="166">
        <v>0</v>
      </c>
      <c r="CU2188" s="166">
        <v>0</v>
      </c>
      <c r="CV2188" s="166">
        <v>0</v>
      </c>
      <c r="CW2188" s="166">
        <v>0</v>
      </c>
      <c r="CX2188" s="166">
        <v>0</v>
      </c>
      <c r="CY2188" s="166">
        <v>0</v>
      </c>
      <c r="CZ2188" s="166">
        <v>0</v>
      </c>
    </row>
    <row r="2189" spans="1:104" x14ac:dyDescent="0.2">
      <c r="A2189" s="167" t="s">
        <v>595</v>
      </c>
      <c r="B2189" s="166">
        <v>30897889.009999901</v>
      </c>
      <c r="C2189" s="166">
        <v>30897889.009999901</v>
      </c>
      <c r="D2189" s="166">
        <v>0</v>
      </c>
      <c r="E2189" s="166">
        <v>0</v>
      </c>
      <c r="F2189" s="166">
        <v>0</v>
      </c>
      <c r="G2189" s="166">
        <v>0</v>
      </c>
      <c r="H2189" s="166">
        <v>0</v>
      </c>
      <c r="I2189" s="166">
        <v>0</v>
      </c>
      <c r="J2189" s="166">
        <v>0</v>
      </c>
      <c r="K2189" s="166">
        <v>0</v>
      </c>
      <c r="L2189" s="166">
        <v>0</v>
      </c>
      <c r="M2189" s="166">
        <v>0</v>
      </c>
      <c r="N2189" s="166">
        <v>0</v>
      </c>
      <c r="O2189" s="166">
        <v>0</v>
      </c>
      <c r="P2189" s="166">
        <v>0</v>
      </c>
      <c r="Q2189" s="166">
        <v>0</v>
      </c>
      <c r="R2189" s="166">
        <v>0</v>
      </c>
      <c r="S2189" s="166">
        <v>0</v>
      </c>
      <c r="T2189" s="166">
        <v>0</v>
      </c>
      <c r="U2189" s="166">
        <v>0</v>
      </c>
      <c r="V2189" s="166">
        <v>0</v>
      </c>
      <c r="W2189" s="166">
        <v>0</v>
      </c>
      <c r="X2189" s="166">
        <v>0</v>
      </c>
      <c r="Y2189" s="166">
        <v>0</v>
      </c>
      <c r="Z2189" s="166">
        <v>0</v>
      </c>
      <c r="AA2189" s="166">
        <v>0</v>
      </c>
      <c r="AB2189" s="166">
        <v>0</v>
      </c>
      <c r="AC2189" s="166">
        <v>0</v>
      </c>
      <c r="AD2189" s="166">
        <v>0</v>
      </c>
      <c r="AE2189" s="166">
        <v>0</v>
      </c>
      <c r="AF2189" s="166">
        <v>0</v>
      </c>
      <c r="AG2189" s="166">
        <v>0</v>
      </c>
      <c r="AH2189" s="166">
        <v>0</v>
      </c>
      <c r="AI2189" s="166">
        <v>0</v>
      </c>
      <c r="AJ2189" s="166">
        <v>0</v>
      </c>
      <c r="AK2189" s="166">
        <v>0</v>
      </c>
      <c r="AL2189" s="166">
        <v>0</v>
      </c>
      <c r="AM2189" s="166">
        <v>0</v>
      </c>
      <c r="AN2189" s="166">
        <v>0</v>
      </c>
      <c r="AO2189" s="166">
        <v>0</v>
      </c>
      <c r="AP2189" s="166">
        <v>0</v>
      </c>
      <c r="AQ2189" s="166">
        <v>0</v>
      </c>
      <c r="AR2189" s="166">
        <v>0</v>
      </c>
      <c r="AS2189" s="166">
        <v>0</v>
      </c>
      <c r="AT2189" s="166">
        <v>0</v>
      </c>
      <c r="AU2189" s="166">
        <v>0</v>
      </c>
      <c r="AV2189" s="166">
        <v>0</v>
      </c>
      <c r="AW2189" s="166">
        <v>0</v>
      </c>
      <c r="AX2189" s="166">
        <v>0</v>
      </c>
      <c r="AY2189" s="166">
        <v>0</v>
      </c>
      <c r="AZ2189" s="166">
        <v>0</v>
      </c>
      <c r="BA2189" s="166">
        <v>0</v>
      </c>
      <c r="BB2189" s="166">
        <v>0</v>
      </c>
      <c r="BC2189" s="166">
        <v>0</v>
      </c>
      <c r="BD2189" s="166">
        <v>0</v>
      </c>
      <c r="BE2189" s="166">
        <v>0</v>
      </c>
      <c r="BF2189" s="166">
        <v>0</v>
      </c>
      <c r="BG2189" s="166">
        <v>0</v>
      </c>
      <c r="BH2189" s="166">
        <v>0</v>
      </c>
      <c r="BI2189" s="166">
        <v>0</v>
      </c>
      <c r="BJ2189" s="166">
        <v>0</v>
      </c>
      <c r="BK2189" s="166">
        <v>0</v>
      </c>
      <c r="BL2189" s="166">
        <v>0</v>
      </c>
      <c r="BM2189" s="166">
        <v>0</v>
      </c>
      <c r="BN2189" s="166">
        <v>0</v>
      </c>
      <c r="BO2189" s="166">
        <v>0</v>
      </c>
      <c r="BP2189" s="166">
        <v>0</v>
      </c>
      <c r="BQ2189" s="166">
        <v>0</v>
      </c>
      <c r="BR2189" s="166">
        <v>30897889.009999901</v>
      </c>
      <c r="BS2189" s="166">
        <v>30897889.009999901</v>
      </c>
      <c r="BT2189" s="168">
        <v>0</v>
      </c>
      <c r="BU2189" s="166">
        <v>0</v>
      </c>
      <c r="BV2189" s="166">
        <v>0</v>
      </c>
      <c r="BW2189" s="166">
        <v>0</v>
      </c>
      <c r="BX2189" s="166">
        <v>0</v>
      </c>
      <c r="BY2189" s="166">
        <v>0</v>
      </c>
      <c r="BZ2189" s="166">
        <v>0</v>
      </c>
      <c r="CA2189" s="166">
        <v>0</v>
      </c>
      <c r="CB2189" s="166">
        <v>0</v>
      </c>
      <c r="CC2189" s="166">
        <v>0</v>
      </c>
      <c r="CD2189" s="166">
        <v>0</v>
      </c>
      <c r="CE2189" s="166">
        <v>0</v>
      </c>
      <c r="CF2189" s="166">
        <v>0</v>
      </c>
      <c r="CG2189" s="166">
        <v>0</v>
      </c>
      <c r="CH2189" s="166">
        <v>0</v>
      </c>
      <c r="CI2189" s="166">
        <v>0</v>
      </c>
      <c r="CJ2189" s="166">
        <v>0</v>
      </c>
      <c r="CK2189" s="166">
        <v>0</v>
      </c>
      <c r="CL2189" s="166">
        <v>0</v>
      </c>
      <c r="CM2189" s="166">
        <v>0</v>
      </c>
      <c r="CN2189" s="166">
        <v>0</v>
      </c>
      <c r="CO2189" s="166">
        <v>0</v>
      </c>
      <c r="CP2189" s="166">
        <v>0</v>
      </c>
      <c r="CQ2189" s="166">
        <v>0</v>
      </c>
      <c r="CR2189" s="166">
        <v>0</v>
      </c>
      <c r="CS2189" s="166">
        <v>0</v>
      </c>
      <c r="CT2189" s="166">
        <v>0</v>
      </c>
      <c r="CU2189" s="166">
        <v>0</v>
      </c>
      <c r="CV2189" s="166">
        <v>0</v>
      </c>
      <c r="CW2189" s="166">
        <v>0</v>
      </c>
      <c r="CX2189" s="166">
        <v>0</v>
      </c>
      <c r="CY2189" s="166">
        <v>0</v>
      </c>
      <c r="CZ2189" s="166">
        <v>0</v>
      </c>
    </row>
    <row r="2190" spans="1:104" x14ac:dyDescent="0.2">
      <c r="A2190" s="167" t="s">
        <v>596</v>
      </c>
      <c r="B2190" s="166">
        <v>157940444.31373</v>
      </c>
      <c r="C2190" s="166">
        <v>157940444.31373</v>
      </c>
      <c r="D2190" s="166">
        <v>0</v>
      </c>
      <c r="E2190" s="166">
        <v>0</v>
      </c>
      <c r="F2190" s="166">
        <v>0</v>
      </c>
      <c r="G2190" s="166">
        <v>0</v>
      </c>
      <c r="H2190" s="166">
        <v>0</v>
      </c>
      <c r="I2190" s="166">
        <v>0</v>
      </c>
      <c r="J2190" s="166">
        <v>0</v>
      </c>
      <c r="K2190" s="166">
        <v>0</v>
      </c>
      <c r="L2190" s="166">
        <v>0</v>
      </c>
      <c r="M2190" s="166">
        <v>0</v>
      </c>
      <c r="N2190" s="166">
        <v>0</v>
      </c>
      <c r="O2190" s="166">
        <v>0</v>
      </c>
      <c r="P2190" s="166">
        <v>0</v>
      </c>
      <c r="Q2190" s="166">
        <v>0</v>
      </c>
      <c r="R2190" s="166">
        <v>0</v>
      </c>
      <c r="S2190" s="166">
        <v>0</v>
      </c>
      <c r="T2190" s="166">
        <v>0</v>
      </c>
      <c r="U2190" s="166">
        <v>0</v>
      </c>
      <c r="V2190" s="166">
        <v>0</v>
      </c>
      <c r="W2190" s="166">
        <v>0</v>
      </c>
      <c r="X2190" s="166">
        <v>0</v>
      </c>
      <c r="Y2190" s="166">
        <v>0</v>
      </c>
      <c r="Z2190" s="166">
        <v>0</v>
      </c>
      <c r="AA2190" s="166">
        <v>0</v>
      </c>
      <c r="AB2190" s="166">
        <v>0</v>
      </c>
      <c r="AC2190" s="166">
        <v>0</v>
      </c>
      <c r="AD2190" s="166">
        <v>0</v>
      </c>
      <c r="AE2190" s="166">
        <v>0</v>
      </c>
      <c r="AF2190" s="166">
        <v>0</v>
      </c>
      <c r="AG2190" s="166">
        <v>0</v>
      </c>
      <c r="AH2190" s="166">
        <v>0</v>
      </c>
      <c r="AI2190" s="166">
        <v>0</v>
      </c>
      <c r="AJ2190" s="166">
        <v>0</v>
      </c>
      <c r="AK2190" s="166">
        <v>0</v>
      </c>
      <c r="AL2190" s="166">
        <v>0</v>
      </c>
      <c r="AM2190" s="166">
        <v>0</v>
      </c>
      <c r="AN2190" s="166">
        <v>0</v>
      </c>
      <c r="AO2190" s="166">
        <v>0</v>
      </c>
      <c r="AP2190" s="166">
        <v>0</v>
      </c>
      <c r="AQ2190" s="166">
        <v>0</v>
      </c>
      <c r="AR2190" s="166">
        <v>0</v>
      </c>
      <c r="AS2190" s="166">
        <v>0</v>
      </c>
      <c r="AT2190" s="166">
        <v>0</v>
      </c>
      <c r="AU2190" s="166">
        <v>0</v>
      </c>
      <c r="AV2190" s="166">
        <v>0</v>
      </c>
      <c r="AW2190" s="166">
        <v>0</v>
      </c>
      <c r="AX2190" s="166">
        <v>0</v>
      </c>
      <c r="AY2190" s="166">
        <v>0</v>
      </c>
      <c r="AZ2190" s="166">
        <v>0</v>
      </c>
      <c r="BA2190" s="166">
        <v>0</v>
      </c>
      <c r="BB2190" s="166">
        <v>0</v>
      </c>
      <c r="BC2190" s="166">
        <v>0</v>
      </c>
      <c r="BD2190" s="166">
        <v>0</v>
      </c>
      <c r="BE2190" s="166">
        <v>0</v>
      </c>
      <c r="BF2190" s="166">
        <v>0</v>
      </c>
      <c r="BG2190" s="166">
        <v>0</v>
      </c>
      <c r="BH2190" s="166">
        <v>0</v>
      </c>
      <c r="BI2190" s="166">
        <v>0</v>
      </c>
      <c r="BJ2190" s="166">
        <v>0</v>
      </c>
      <c r="BK2190" s="166">
        <v>0</v>
      </c>
      <c r="BL2190" s="166">
        <v>0</v>
      </c>
      <c r="BM2190" s="166">
        <v>0</v>
      </c>
      <c r="BN2190" s="166">
        <v>0</v>
      </c>
      <c r="BO2190" s="166">
        <v>0</v>
      </c>
      <c r="BP2190" s="166">
        <v>0</v>
      </c>
      <c r="BQ2190" s="166">
        <v>0</v>
      </c>
      <c r="BR2190" s="166">
        <v>157940444.31373</v>
      </c>
      <c r="BS2190" s="166">
        <v>157940444.31373</v>
      </c>
      <c r="BT2190" s="168">
        <v>0</v>
      </c>
      <c r="BU2190" s="166">
        <v>0</v>
      </c>
      <c r="BV2190" s="166">
        <v>0</v>
      </c>
      <c r="BW2190" s="166">
        <v>0</v>
      </c>
      <c r="BX2190" s="166">
        <v>0</v>
      </c>
      <c r="BY2190" s="166">
        <v>0</v>
      </c>
      <c r="BZ2190" s="166">
        <v>0</v>
      </c>
      <c r="CA2190" s="166">
        <v>0</v>
      </c>
      <c r="CB2190" s="166">
        <v>0</v>
      </c>
      <c r="CC2190" s="166">
        <v>0</v>
      </c>
      <c r="CD2190" s="166">
        <v>0</v>
      </c>
      <c r="CE2190" s="166">
        <v>0</v>
      </c>
      <c r="CF2190" s="166">
        <v>0</v>
      </c>
      <c r="CG2190" s="166">
        <v>0</v>
      </c>
      <c r="CH2190" s="166">
        <v>0</v>
      </c>
      <c r="CI2190" s="166">
        <v>0</v>
      </c>
      <c r="CJ2190" s="166">
        <v>0</v>
      </c>
      <c r="CK2190" s="166">
        <v>0</v>
      </c>
      <c r="CL2190" s="166">
        <v>0</v>
      </c>
      <c r="CM2190" s="166">
        <v>0</v>
      </c>
      <c r="CN2190" s="166">
        <v>0</v>
      </c>
      <c r="CO2190" s="166">
        <v>0</v>
      </c>
      <c r="CP2190" s="166">
        <v>0</v>
      </c>
      <c r="CQ2190" s="166">
        <v>0</v>
      </c>
      <c r="CR2190" s="166">
        <v>0</v>
      </c>
      <c r="CS2190" s="166">
        <v>0</v>
      </c>
      <c r="CT2190" s="166">
        <v>0</v>
      </c>
      <c r="CU2190" s="166">
        <v>0</v>
      </c>
      <c r="CV2190" s="166">
        <v>0</v>
      </c>
      <c r="CW2190" s="166">
        <v>0</v>
      </c>
      <c r="CX2190" s="166">
        <v>0</v>
      </c>
      <c r="CY2190" s="166">
        <v>0</v>
      </c>
      <c r="CZ2190" s="166">
        <v>0</v>
      </c>
    </row>
    <row r="2191" spans="1:104" x14ac:dyDescent="0.2">
      <c r="A2191" s="167" t="s">
        <v>597</v>
      </c>
      <c r="B2191" s="166">
        <v>0</v>
      </c>
      <c r="C2191" s="166">
        <v>0</v>
      </c>
      <c r="D2191" s="166">
        <v>0</v>
      </c>
      <c r="E2191" s="166">
        <v>0</v>
      </c>
      <c r="F2191" s="166">
        <v>0</v>
      </c>
      <c r="G2191" s="166">
        <v>0</v>
      </c>
      <c r="H2191" s="166">
        <v>0</v>
      </c>
      <c r="I2191" s="166">
        <v>0</v>
      </c>
      <c r="J2191" s="166">
        <v>0</v>
      </c>
      <c r="K2191" s="166">
        <v>0</v>
      </c>
      <c r="L2191" s="166">
        <v>0</v>
      </c>
      <c r="M2191" s="166">
        <v>0</v>
      </c>
      <c r="N2191" s="166">
        <v>0</v>
      </c>
      <c r="O2191" s="166">
        <v>0</v>
      </c>
      <c r="P2191" s="166">
        <v>0</v>
      </c>
      <c r="Q2191" s="166">
        <v>0</v>
      </c>
      <c r="R2191" s="166">
        <v>0</v>
      </c>
      <c r="S2191" s="166">
        <v>0</v>
      </c>
      <c r="T2191" s="166">
        <v>0</v>
      </c>
      <c r="U2191" s="166">
        <v>0</v>
      </c>
      <c r="V2191" s="166">
        <v>0</v>
      </c>
      <c r="W2191" s="166">
        <v>0</v>
      </c>
      <c r="X2191" s="166">
        <v>0</v>
      </c>
      <c r="Y2191" s="166">
        <v>0</v>
      </c>
      <c r="Z2191" s="166">
        <v>0</v>
      </c>
      <c r="AA2191" s="166">
        <v>0</v>
      </c>
      <c r="AB2191" s="166">
        <v>0</v>
      </c>
      <c r="AC2191" s="166">
        <v>0</v>
      </c>
      <c r="AD2191" s="166">
        <v>0</v>
      </c>
      <c r="AE2191" s="166">
        <v>0</v>
      </c>
      <c r="AF2191" s="166">
        <v>0</v>
      </c>
      <c r="AG2191" s="166">
        <v>0</v>
      </c>
      <c r="AH2191" s="166">
        <v>0</v>
      </c>
      <c r="AI2191" s="166">
        <v>0</v>
      </c>
      <c r="AJ2191" s="166">
        <v>0</v>
      </c>
      <c r="AK2191" s="166">
        <v>0</v>
      </c>
      <c r="AL2191" s="166">
        <v>0</v>
      </c>
      <c r="AM2191" s="166">
        <v>0</v>
      </c>
      <c r="AN2191" s="166">
        <v>0</v>
      </c>
      <c r="AO2191" s="166">
        <v>0</v>
      </c>
      <c r="AP2191" s="166">
        <v>0</v>
      </c>
      <c r="AQ2191" s="166">
        <v>0</v>
      </c>
      <c r="AR2191" s="166">
        <v>0</v>
      </c>
      <c r="AS2191" s="166">
        <v>0</v>
      </c>
      <c r="AT2191" s="166">
        <v>0</v>
      </c>
      <c r="AU2191" s="166">
        <v>0</v>
      </c>
      <c r="AV2191" s="166">
        <v>0</v>
      </c>
      <c r="AW2191" s="166">
        <v>0</v>
      </c>
      <c r="AX2191" s="166">
        <v>0</v>
      </c>
      <c r="AY2191" s="166">
        <v>0</v>
      </c>
      <c r="AZ2191" s="166">
        <v>0</v>
      </c>
      <c r="BA2191" s="166">
        <v>0</v>
      </c>
      <c r="BB2191" s="166">
        <v>0</v>
      </c>
      <c r="BC2191" s="166">
        <v>0</v>
      </c>
      <c r="BD2191" s="166">
        <v>0</v>
      </c>
      <c r="BE2191" s="166">
        <v>0</v>
      </c>
      <c r="BF2191" s="166">
        <v>0</v>
      </c>
      <c r="BG2191" s="166">
        <v>0</v>
      </c>
      <c r="BH2191" s="166">
        <v>0</v>
      </c>
      <c r="BI2191" s="166">
        <v>0</v>
      </c>
      <c r="BJ2191" s="166">
        <v>0</v>
      </c>
      <c r="BK2191" s="166">
        <v>0</v>
      </c>
      <c r="BL2191" s="166">
        <v>0</v>
      </c>
      <c r="BM2191" s="166">
        <v>0</v>
      </c>
      <c r="BN2191" s="166">
        <v>0</v>
      </c>
      <c r="BO2191" s="166">
        <v>0</v>
      </c>
      <c r="BP2191" s="166">
        <v>0</v>
      </c>
      <c r="BQ2191" s="166">
        <v>0</v>
      </c>
      <c r="BR2191" s="166">
        <v>0</v>
      </c>
      <c r="BS2191" s="166">
        <v>0</v>
      </c>
      <c r="BT2191" s="168">
        <v>0</v>
      </c>
      <c r="BU2191" s="166">
        <v>0</v>
      </c>
      <c r="BV2191" s="166">
        <v>0</v>
      </c>
      <c r="BW2191" s="166">
        <v>0</v>
      </c>
      <c r="BX2191" s="166">
        <v>0</v>
      </c>
      <c r="BY2191" s="166">
        <v>0</v>
      </c>
      <c r="BZ2191" s="166">
        <v>0</v>
      </c>
      <c r="CA2191" s="166">
        <v>0</v>
      </c>
      <c r="CB2191" s="166">
        <v>0</v>
      </c>
      <c r="CC2191" s="166">
        <v>0</v>
      </c>
      <c r="CD2191" s="166">
        <v>0</v>
      </c>
      <c r="CE2191" s="166">
        <v>0</v>
      </c>
      <c r="CF2191" s="166">
        <v>0</v>
      </c>
      <c r="CG2191" s="166">
        <v>0</v>
      </c>
      <c r="CH2191" s="166">
        <v>0</v>
      </c>
      <c r="CI2191" s="166">
        <v>0</v>
      </c>
      <c r="CJ2191" s="166">
        <v>0</v>
      </c>
      <c r="CK2191" s="166">
        <v>0</v>
      </c>
      <c r="CL2191" s="166">
        <v>0</v>
      </c>
      <c r="CM2191" s="166">
        <v>0</v>
      </c>
      <c r="CN2191" s="166">
        <v>0</v>
      </c>
      <c r="CO2191" s="166">
        <v>0</v>
      </c>
      <c r="CP2191" s="166">
        <v>0</v>
      </c>
      <c r="CQ2191" s="166">
        <v>0</v>
      </c>
      <c r="CR2191" s="166">
        <v>0</v>
      </c>
      <c r="CS2191" s="166">
        <v>0</v>
      </c>
      <c r="CT2191" s="166">
        <v>0</v>
      </c>
      <c r="CU2191" s="166">
        <v>0</v>
      </c>
      <c r="CV2191" s="166">
        <v>0</v>
      </c>
      <c r="CW2191" s="166">
        <v>0</v>
      </c>
      <c r="CX2191" s="166">
        <v>0</v>
      </c>
      <c r="CY2191" s="166">
        <v>0</v>
      </c>
      <c r="CZ2191" s="166">
        <v>0</v>
      </c>
    </row>
    <row r="2192" spans="1:104" x14ac:dyDescent="0.2">
      <c r="A2192" s="167" t="s">
        <v>598</v>
      </c>
      <c r="B2192" s="166">
        <v>0</v>
      </c>
      <c r="C2192" s="166">
        <v>0</v>
      </c>
      <c r="D2192" s="166">
        <v>0</v>
      </c>
      <c r="E2192" s="166">
        <v>0</v>
      </c>
      <c r="F2192" s="166">
        <v>0</v>
      </c>
      <c r="G2192" s="166">
        <v>0</v>
      </c>
      <c r="H2192" s="166">
        <v>0</v>
      </c>
      <c r="I2192" s="166">
        <v>0</v>
      </c>
      <c r="J2192" s="166">
        <v>0</v>
      </c>
      <c r="K2192" s="166">
        <v>0</v>
      </c>
      <c r="L2192" s="166">
        <v>0</v>
      </c>
      <c r="M2192" s="166">
        <v>0</v>
      </c>
      <c r="N2192" s="166">
        <v>0</v>
      </c>
      <c r="O2192" s="166">
        <v>0</v>
      </c>
      <c r="P2192" s="166">
        <v>0</v>
      </c>
      <c r="Q2192" s="166">
        <v>0</v>
      </c>
      <c r="R2192" s="166">
        <v>0</v>
      </c>
      <c r="S2192" s="166">
        <v>0</v>
      </c>
      <c r="T2192" s="166">
        <v>0</v>
      </c>
      <c r="U2192" s="166">
        <v>0</v>
      </c>
      <c r="V2192" s="166">
        <v>0</v>
      </c>
      <c r="W2192" s="166">
        <v>0</v>
      </c>
      <c r="X2192" s="166">
        <v>0</v>
      </c>
      <c r="Y2192" s="166">
        <v>0</v>
      </c>
      <c r="Z2192" s="166">
        <v>0</v>
      </c>
      <c r="AA2192" s="166">
        <v>0</v>
      </c>
      <c r="AB2192" s="166">
        <v>0</v>
      </c>
      <c r="AC2192" s="166">
        <v>0</v>
      </c>
      <c r="AD2192" s="166">
        <v>0</v>
      </c>
      <c r="AE2192" s="166">
        <v>0</v>
      </c>
      <c r="AF2192" s="166">
        <v>0</v>
      </c>
      <c r="AG2192" s="166">
        <v>0</v>
      </c>
      <c r="AH2192" s="166">
        <v>0</v>
      </c>
      <c r="AI2192" s="166">
        <v>0</v>
      </c>
      <c r="AJ2192" s="166">
        <v>0</v>
      </c>
      <c r="AK2192" s="166">
        <v>0</v>
      </c>
      <c r="AL2192" s="166">
        <v>0</v>
      </c>
      <c r="AM2192" s="166">
        <v>0</v>
      </c>
      <c r="AN2192" s="166">
        <v>0</v>
      </c>
      <c r="AO2192" s="166">
        <v>0</v>
      </c>
      <c r="AP2192" s="166">
        <v>0</v>
      </c>
      <c r="AQ2192" s="166">
        <v>0</v>
      </c>
      <c r="AR2192" s="166">
        <v>0</v>
      </c>
      <c r="AS2192" s="166">
        <v>0</v>
      </c>
      <c r="AT2192" s="166">
        <v>0</v>
      </c>
      <c r="AU2192" s="166">
        <v>0</v>
      </c>
      <c r="AV2192" s="166">
        <v>0</v>
      </c>
      <c r="AW2192" s="166">
        <v>0</v>
      </c>
      <c r="AX2192" s="166">
        <v>0</v>
      </c>
      <c r="AY2192" s="166">
        <v>0</v>
      </c>
      <c r="AZ2192" s="166">
        <v>0</v>
      </c>
      <c r="BA2192" s="166">
        <v>0</v>
      </c>
      <c r="BB2192" s="166">
        <v>0</v>
      </c>
      <c r="BC2192" s="166">
        <v>0</v>
      </c>
      <c r="BD2192" s="166">
        <v>0</v>
      </c>
      <c r="BE2192" s="166">
        <v>0</v>
      </c>
      <c r="BF2192" s="166">
        <v>0</v>
      </c>
      <c r="BG2192" s="166">
        <v>0</v>
      </c>
      <c r="BH2192" s="166">
        <v>0</v>
      </c>
      <c r="BI2192" s="166">
        <v>0</v>
      </c>
      <c r="BJ2192" s="166">
        <v>0</v>
      </c>
      <c r="BK2192" s="166">
        <v>0</v>
      </c>
      <c r="BL2192" s="166">
        <v>0</v>
      </c>
      <c r="BM2192" s="166">
        <v>0</v>
      </c>
      <c r="BN2192" s="166">
        <v>0</v>
      </c>
      <c r="BO2192" s="166">
        <v>0</v>
      </c>
      <c r="BP2192" s="166">
        <v>0</v>
      </c>
      <c r="BQ2192" s="166">
        <v>0</v>
      </c>
      <c r="BR2192" s="166">
        <v>0</v>
      </c>
      <c r="BS2192" s="166">
        <v>0</v>
      </c>
      <c r="BT2192" s="168">
        <v>0</v>
      </c>
      <c r="BU2192" s="166">
        <v>0</v>
      </c>
      <c r="BV2192" s="166">
        <v>0</v>
      </c>
      <c r="BW2192" s="166">
        <v>0</v>
      </c>
      <c r="BX2192" s="166">
        <v>0</v>
      </c>
      <c r="BY2192" s="166">
        <v>0</v>
      </c>
      <c r="BZ2192" s="166">
        <v>0</v>
      </c>
      <c r="CA2192" s="166">
        <v>0</v>
      </c>
      <c r="CB2192" s="166">
        <v>0</v>
      </c>
      <c r="CC2192" s="166">
        <v>0</v>
      </c>
      <c r="CD2192" s="166">
        <v>0</v>
      </c>
      <c r="CE2192" s="166">
        <v>0</v>
      </c>
      <c r="CF2192" s="166">
        <v>0</v>
      </c>
      <c r="CG2192" s="166">
        <v>0</v>
      </c>
      <c r="CH2192" s="166">
        <v>0</v>
      </c>
      <c r="CI2192" s="166">
        <v>0</v>
      </c>
      <c r="CJ2192" s="166">
        <v>0</v>
      </c>
      <c r="CK2192" s="166">
        <v>0</v>
      </c>
      <c r="CL2192" s="166">
        <v>0</v>
      </c>
      <c r="CM2192" s="166">
        <v>0</v>
      </c>
      <c r="CN2192" s="166">
        <v>0</v>
      </c>
      <c r="CO2192" s="166">
        <v>0</v>
      </c>
      <c r="CP2192" s="166">
        <v>0</v>
      </c>
      <c r="CQ2192" s="166">
        <v>0</v>
      </c>
      <c r="CR2192" s="166">
        <v>0</v>
      </c>
      <c r="CS2192" s="166">
        <v>0</v>
      </c>
      <c r="CT2192" s="166">
        <v>0</v>
      </c>
      <c r="CU2192" s="166">
        <v>0</v>
      </c>
      <c r="CV2192" s="166">
        <v>0</v>
      </c>
      <c r="CW2192" s="166">
        <v>0</v>
      </c>
      <c r="CX2192" s="166">
        <v>0</v>
      </c>
      <c r="CY2192" s="166">
        <v>0</v>
      </c>
      <c r="CZ2192" s="166">
        <v>0</v>
      </c>
    </row>
    <row r="2193" spans="1:104" x14ac:dyDescent="0.2">
      <c r="A2193" s="167" t="s">
        <v>599</v>
      </c>
      <c r="B2193" s="166">
        <v>0</v>
      </c>
      <c r="C2193" s="166">
        <v>0</v>
      </c>
      <c r="D2193" s="166">
        <v>0</v>
      </c>
      <c r="E2193" s="166">
        <v>0</v>
      </c>
      <c r="F2193" s="166">
        <v>0</v>
      </c>
      <c r="G2193" s="166">
        <v>0</v>
      </c>
      <c r="H2193" s="166">
        <v>0</v>
      </c>
      <c r="I2193" s="166">
        <v>0</v>
      </c>
      <c r="J2193" s="166">
        <v>0</v>
      </c>
      <c r="K2193" s="166">
        <v>0</v>
      </c>
      <c r="L2193" s="166">
        <v>0</v>
      </c>
      <c r="M2193" s="166">
        <v>0</v>
      </c>
      <c r="N2193" s="166">
        <v>0</v>
      </c>
      <c r="O2193" s="166">
        <v>0</v>
      </c>
      <c r="P2193" s="166">
        <v>0</v>
      </c>
      <c r="Q2193" s="166">
        <v>0</v>
      </c>
      <c r="R2193" s="166">
        <v>0</v>
      </c>
      <c r="S2193" s="166">
        <v>0</v>
      </c>
      <c r="T2193" s="166">
        <v>0</v>
      </c>
      <c r="U2193" s="166">
        <v>0</v>
      </c>
      <c r="V2193" s="166">
        <v>0</v>
      </c>
      <c r="W2193" s="166">
        <v>0</v>
      </c>
      <c r="X2193" s="166">
        <v>0</v>
      </c>
      <c r="Y2193" s="166">
        <v>0</v>
      </c>
      <c r="Z2193" s="166">
        <v>0</v>
      </c>
      <c r="AA2193" s="166">
        <v>0</v>
      </c>
      <c r="AB2193" s="166">
        <v>0</v>
      </c>
      <c r="AC2193" s="166">
        <v>0</v>
      </c>
      <c r="AD2193" s="166">
        <v>0</v>
      </c>
      <c r="AE2193" s="166">
        <v>0</v>
      </c>
      <c r="AF2193" s="166">
        <v>0</v>
      </c>
      <c r="AG2193" s="166">
        <v>0</v>
      </c>
      <c r="AH2193" s="166">
        <v>0</v>
      </c>
      <c r="AI2193" s="166">
        <v>0</v>
      </c>
      <c r="AJ2193" s="166">
        <v>0</v>
      </c>
      <c r="AK2193" s="166">
        <v>0</v>
      </c>
      <c r="AL2193" s="166">
        <v>0</v>
      </c>
      <c r="AM2193" s="166">
        <v>0</v>
      </c>
      <c r="AN2193" s="166">
        <v>0</v>
      </c>
      <c r="AO2193" s="166">
        <v>0</v>
      </c>
      <c r="AP2193" s="166">
        <v>0</v>
      </c>
      <c r="AQ2193" s="166">
        <v>0</v>
      </c>
      <c r="AR2193" s="166">
        <v>0</v>
      </c>
      <c r="AS2193" s="166">
        <v>0</v>
      </c>
      <c r="AT2193" s="166">
        <v>0</v>
      </c>
      <c r="AU2193" s="166">
        <v>0</v>
      </c>
      <c r="AV2193" s="166">
        <v>0</v>
      </c>
      <c r="AW2193" s="166">
        <v>0</v>
      </c>
      <c r="AX2193" s="166">
        <v>0</v>
      </c>
      <c r="AY2193" s="166">
        <v>0</v>
      </c>
      <c r="AZ2193" s="166">
        <v>0</v>
      </c>
      <c r="BA2193" s="166">
        <v>0</v>
      </c>
      <c r="BB2193" s="166">
        <v>0</v>
      </c>
      <c r="BC2193" s="166">
        <v>0</v>
      </c>
      <c r="BD2193" s="166">
        <v>0</v>
      </c>
      <c r="BE2193" s="166">
        <v>0</v>
      </c>
      <c r="BF2193" s="166">
        <v>0</v>
      </c>
      <c r="BG2193" s="166">
        <v>0</v>
      </c>
      <c r="BH2193" s="166">
        <v>0</v>
      </c>
      <c r="BI2193" s="166">
        <v>0</v>
      </c>
      <c r="BJ2193" s="166">
        <v>0</v>
      </c>
      <c r="BK2193" s="166">
        <v>0</v>
      </c>
      <c r="BL2193" s="166">
        <v>0</v>
      </c>
      <c r="BM2193" s="166">
        <v>0</v>
      </c>
      <c r="BN2193" s="166">
        <v>0</v>
      </c>
      <c r="BO2193" s="166">
        <v>0</v>
      </c>
      <c r="BP2193" s="166">
        <v>0</v>
      </c>
      <c r="BQ2193" s="166">
        <v>0</v>
      </c>
      <c r="BR2193" s="166">
        <v>0</v>
      </c>
      <c r="BS2193" s="166">
        <v>0</v>
      </c>
      <c r="BT2193" s="168">
        <v>0</v>
      </c>
      <c r="BU2193" s="166">
        <v>0</v>
      </c>
      <c r="BV2193" s="166">
        <v>0</v>
      </c>
      <c r="BW2193" s="166">
        <v>0</v>
      </c>
      <c r="BX2193" s="166">
        <v>0</v>
      </c>
      <c r="BY2193" s="166">
        <v>0</v>
      </c>
      <c r="BZ2193" s="166">
        <v>0</v>
      </c>
      <c r="CA2193" s="166">
        <v>0</v>
      </c>
      <c r="CB2193" s="166">
        <v>0</v>
      </c>
      <c r="CC2193" s="166">
        <v>0</v>
      </c>
      <c r="CD2193" s="166">
        <v>0</v>
      </c>
      <c r="CE2193" s="166">
        <v>0</v>
      </c>
      <c r="CF2193" s="166">
        <v>0</v>
      </c>
      <c r="CG2193" s="166">
        <v>0</v>
      </c>
      <c r="CH2193" s="166">
        <v>0</v>
      </c>
      <c r="CI2193" s="166">
        <v>0</v>
      </c>
      <c r="CJ2193" s="166">
        <v>0</v>
      </c>
      <c r="CK2193" s="166">
        <v>0</v>
      </c>
      <c r="CL2193" s="166">
        <v>0</v>
      </c>
      <c r="CM2193" s="166">
        <v>0</v>
      </c>
      <c r="CN2193" s="166">
        <v>0</v>
      </c>
      <c r="CO2193" s="166">
        <v>0</v>
      </c>
      <c r="CP2193" s="166">
        <v>0</v>
      </c>
      <c r="CQ2193" s="166">
        <v>0</v>
      </c>
      <c r="CR2193" s="166">
        <v>0</v>
      </c>
      <c r="CS2193" s="166">
        <v>0</v>
      </c>
      <c r="CT2193" s="166">
        <v>0</v>
      </c>
      <c r="CU2193" s="166">
        <v>0</v>
      </c>
      <c r="CV2193" s="166">
        <v>0</v>
      </c>
      <c r="CW2193" s="166">
        <v>0</v>
      </c>
      <c r="CX2193" s="166">
        <v>0</v>
      </c>
      <c r="CY2193" s="166">
        <v>0</v>
      </c>
      <c r="CZ2193" s="166">
        <v>0</v>
      </c>
    </row>
    <row r="2194" spans="1:104" x14ac:dyDescent="0.2">
      <c r="A2194" s="167" t="s">
        <v>600</v>
      </c>
      <c r="B2194" s="166">
        <v>0</v>
      </c>
      <c r="C2194" s="166">
        <v>0</v>
      </c>
      <c r="D2194" s="166">
        <v>0</v>
      </c>
      <c r="E2194" s="166">
        <v>0</v>
      </c>
      <c r="F2194" s="166">
        <v>0</v>
      </c>
      <c r="G2194" s="166">
        <v>0</v>
      </c>
      <c r="H2194" s="166">
        <v>0</v>
      </c>
      <c r="I2194" s="166">
        <v>0</v>
      </c>
      <c r="J2194" s="166">
        <v>0</v>
      </c>
      <c r="K2194" s="166">
        <v>0</v>
      </c>
      <c r="L2194" s="166">
        <v>0</v>
      </c>
      <c r="M2194" s="166">
        <v>0</v>
      </c>
      <c r="N2194" s="166">
        <v>0</v>
      </c>
      <c r="O2194" s="166">
        <v>0</v>
      </c>
      <c r="P2194" s="166">
        <v>0</v>
      </c>
      <c r="Q2194" s="166">
        <v>0</v>
      </c>
      <c r="R2194" s="166">
        <v>0</v>
      </c>
      <c r="S2194" s="166">
        <v>0</v>
      </c>
      <c r="T2194" s="166">
        <v>0</v>
      </c>
      <c r="U2194" s="166">
        <v>0</v>
      </c>
      <c r="V2194" s="166">
        <v>0</v>
      </c>
      <c r="W2194" s="166">
        <v>0</v>
      </c>
      <c r="X2194" s="166">
        <v>0</v>
      </c>
      <c r="Y2194" s="166">
        <v>0</v>
      </c>
      <c r="Z2194" s="166">
        <v>0</v>
      </c>
      <c r="AA2194" s="166">
        <v>0</v>
      </c>
      <c r="AB2194" s="166">
        <v>0</v>
      </c>
      <c r="AC2194" s="166">
        <v>0</v>
      </c>
      <c r="AD2194" s="166">
        <v>0</v>
      </c>
      <c r="AE2194" s="166">
        <v>0</v>
      </c>
      <c r="AF2194" s="166">
        <v>0</v>
      </c>
      <c r="AG2194" s="166">
        <v>0</v>
      </c>
      <c r="AH2194" s="166">
        <v>0</v>
      </c>
      <c r="AI2194" s="166">
        <v>0</v>
      </c>
      <c r="AJ2194" s="166">
        <v>0</v>
      </c>
      <c r="AK2194" s="166">
        <v>0</v>
      </c>
      <c r="AL2194" s="166">
        <v>0</v>
      </c>
      <c r="AM2194" s="166">
        <v>0</v>
      </c>
      <c r="AN2194" s="166">
        <v>0</v>
      </c>
      <c r="AO2194" s="166">
        <v>0</v>
      </c>
      <c r="AP2194" s="166">
        <v>0</v>
      </c>
      <c r="AQ2194" s="166">
        <v>0</v>
      </c>
      <c r="AR2194" s="166">
        <v>0</v>
      </c>
      <c r="AS2194" s="166">
        <v>0</v>
      </c>
      <c r="AT2194" s="166">
        <v>0</v>
      </c>
      <c r="AU2194" s="166">
        <v>0</v>
      </c>
      <c r="AV2194" s="166">
        <v>0</v>
      </c>
      <c r="AW2194" s="166">
        <v>0</v>
      </c>
      <c r="AX2194" s="166">
        <v>0</v>
      </c>
      <c r="AY2194" s="166">
        <v>0</v>
      </c>
      <c r="AZ2194" s="166">
        <v>0</v>
      </c>
      <c r="BA2194" s="166">
        <v>0</v>
      </c>
      <c r="BB2194" s="166">
        <v>0</v>
      </c>
      <c r="BC2194" s="166">
        <v>0</v>
      </c>
      <c r="BD2194" s="166">
        <v>0</v>
      </c>
      <c r="BE2194" s="166">
        <v>0</v>
      </c>
      <c r="BF2194" s="166">
        <v>0</v>
      </c>
      <c r="BG2194" s="166">
        <v>0</v>
      </c>
      <c r="BH2194" s="166">
        <v>0</v>
      </c>
      <c r="BI2194" s="166">
        <v>0</v>
      </c>
      <c r="BJ2194" s="166">
        <v>0</v>
      </c>
      <c r="BK2194" s="166">
        <v>0</v>
      </c>
      <c r="BL2194" s="166">
        <v>0</v>
      </c>
      <c r="BM2194" s="166">
        <v>0</v>
      </c>
      <c r="BN2194" s="166">
        <v>0</v>
      </c>
      <c r="BO2194" s="166">
        <v>0</v>
      </c>
      <c r="BP2194" s="166">
        <v>0</v>
      </c>
      <c r="BQ2194" s="166">
        <v>0</v>
      </c>
      <c r="BR2194" s="166">
        <v>0</v>
      </c>
      <c r="BS2194" s="166">
        <v>0</v>
      </c>
      <c r="BT2194" s="168">
        <v>0</v>
      </c>
      <c r="BU2194" s="166">
        <v>0</v>
      </c>
      <c r="BV2194" s="166">
        <v>0</v>
      </c>
      <c r="BW2194" s="166">
        <v>0</v>
      </c>
      <c r="BX2194" s="166">
        <v>0</v>
      </c>
      <c r="BY2194" s="166">
        <v>0</v>
      </c>
      <c r="BZ2194" s="166">
        <v>0</v>
      </c>
      <c r="CA2194" s="166">
        <v>0</v>
      </c>
      <c r="CB2194" s="166">
        <v>0</v>
      </c>
      <c r="CC2194" s="166">
        <v>0</v>
      </c>
      <c r="CD2194" s="166">
        <v>0</v>
      </c>
      <c r="CE2194" s="166">
        <v>0</v>
      </c>
      <c r="CF2194" s="166">
        <v>0</v>
      </c>
      <c r="CG2194" s="166">
        <v>0</v>
      </c>
      <c r="CH2194" s="166">
        <v>0</v>
      </c>
      <c r="CI2194" s="166">
        <v>0</v>
      </c>
      <c r="CJ2194" s="166">
        <v>0</v>
      </c>
      <c r="CK2194" s="166">
        <v>0</v>
      </c>
      <c r="CL2194" s="166">
        <v>0</v>
      </c>
      <c r="CM2194" s="166">
        <v>0</v>
      </c>
      <c r="CN2194" s="166">
        <v>0</v>
      </c>
      <c r="CO2194" s="166">
        <v>0</v>
      </c>
      <c r="CP2194" s="166">
        <v>0</v>
      </c>
      <c r="CQ2194" s="166">
        <v>0</v>
      </c>
      <c r="CR2194" s="166">
        <v>0</v>
      </c>
      <c r="CS2194" s="166">
        <v>0</v>
      </c>
      <c r="CT2194" s="166">
        <v>0</v>
      </c>
      <c r="CU2194" s="166">
        <v>0</v>
      </c>
      <c r="CV2194" s="166">
        <v>0</v>
      </c>
      <c r="CW2194" s="166">
        <v>0</v>
      </c>
      <c r="CX2194" s="166">
        <v>0</v>
      </c>
      <c r="CY2194" s="166">
        <v>0</v>
      </c>
      <c r="CZ2194" s="166">
        <v>0</v>
      </c>
    </row>
    <row r="2195" spans="1:104" x14ac:dyDescent="0.2">
      <c r="A2195" s="167" t="s">
        <v>601</v>
      </c>
      <c r="B2195" s="166">
        <v>0</v>
      </c>
      <c r="C2195" s="166">
        <v>0</v>
      </c>
      <c r="D2195" s="166">
        <v>0</v>
      </c>
      <c r="E2195" s="166">
        <v>0</v>
      </c>
      <c r="F2195" s="166">
        <v>0</v>
      </c>
      <c r="G2195" s="166">
        <v>0</v>
      </c>
      <c r="H2195" s="166">
        <v>0</v>
      </c>
      <c r="I2195" s="166">
        <v>0</v>
      </c>
      <c r="J2195" s="166">
        <v>0</v>
      </c>
      <c r="K2195" s="166">
        <v>0</v>
      </c>
      <c r="L2195" s="166">
        <v>0</v>
      </c>
      <c r="M2195" s="166">
        <v>0</v>
      </c>
      <c r="N2195" s="166">
        <v>0</v>
      </c>
      <c r="O2195" s="166">
        <v>0</v>
      </c>
      <c r="P2195" s="166">
        <v>0</v>
      </c>
      <c r="Q2195" s="166">
        <v>0</v>
      </c>
      <c r="R2195" s="166">
        <v>0</v>
      </c>
      <c r="S2195" s="166">
        <v>0</v>
      </c>
      <c r="T2195" s="166">
        <v>0</v>
      </c>
      <c r="U2195" s="166">
        <v>0</v>
      </c>
      <c r="V2195" s="166">
        <v>0</v>
      </c>
      <c r="W2195" s="166">
        <v>0</v>
      </c>
      <c r="X2195" s="166">
        <v>0</v>
      </c>
      <c r="Y2195" s="166">
        <v>0</v>
      </c>
      <c r="Z2195" s="166">
        <v>0</v>
      </c>
      <c r="AA2195" s="166">
        <v>0</v>
      </c>
      <c r="AB2195" s="166">
        <v>0</v>
      </c>
      <c r="AC2195" s="166">
        <v>0</v>
      </c>
      <c r="AD2195" s="166">
        <v>0</v>
      </c>
      <c r="AE2195" s="166">
        <v>0</v>
      </c>
      <c r="AF2195" s="166">
        <v>0</v>
      </c>
      <c r="AG2195" s="166">
        <v>0</v>
      </c>
      <c r="AH2195" s="166">
        <v>0</v>
      </c>
      <c r="AI2195" s="166">
        <v>0</v>
      </c>
      <c r="AJ2195" s="166">
        <v>0</v>
      </c>
      <c r="AK2195" s="166">
        <v>0</v>
      </c>
      <c r="AL2195" s="166">
        <v>0</v>
      </c>
      <c r="AM2195" s="166">
        <v>0</v>
      </c>
      <c r="AN2195" s="166">
        <v>0</v>
      </c>
      <c r="AO2195" s="166">
        <v>0</v>
      </c>
      <c r="AP2195" s="166">
        <v>0</v>
      </c>
      <c r="AQ2195" s="166">
        <v>0</v>
      </c>
      <c r="AR2195" s="166">
        <v>0</v>
      </c>
      <c r="AS2195" s="166">
        <v>0</v>
      </c>
      <c r="AT2195" s="166">
        <v>0</v>
      </c>
      <c r="AU2195" s="166">
        <v>0</v>
      </c>
      <c r="AV2195" s="166">
        <v>0</v>
      </c>
      <c r="AW2195" s="166">
        <v>0</v>
      </c>
      <c r="AX2195" s="166">
        <v>0</v>
      </c>
      <c r="AY2195" s="166">
        <v>0</v>
      </c>
      <c r="AZ2195" s="166">
        <v>0</v>
      </c>
      <c r="BA2195" s="166">
        <v>0</v>
      </c>
      <c r="BB2195" s="166">
        <v>0</v>
      </c>
      <c r="BC2195" s="166">
        <v>0</v>
      </c>
      <c r="BD2195" s="166">
        <v>0</v>
      </c>
      <c r="BE2195" s="166">
        <v>0</v>
      </c>
      <c r="BF2195" s="166">
        <v>0</v>
      </c>
      <c r="BG2195" s="166">
        <v>0</v>
      </c>
      <c r="BH2195" s="166">
        <v>0</v>
      </c>
      <c r="BI2195" s="166">
        <v>0</v>
      </c>
      <c r="BJ2195" s="166">
        <v>0</v>
      </c>
      <c r="BK2195" s="166">
        <v>0</v>
      </c>
      <c r="BL2195" s="166">
        <v>0</v>
      </c>
      <c r="BM2195" s="166">
        <v>0</v>
      </c>
      <c r="BN2195" s="166">
        <v>0</v>
      </c>
      <c r="BO2195" s="166">
        <v>0</v>
      </c>
      <c r="BP2195" s="166">
        <v>0</v>
      </c>
      <c r="BQ2195" s="166">
        <v>0</v>
      </c>
      <c r="BR2195" s="166">
        <v>0</v>
      </c>
      <c r="BS2195" s="166">
        <v>0</v>
      </c>
      <c r="BT2195" s="168">
        <v>0</v>
      </c>
      <c r="BU2195" s="166">
        <v>0</v>
      </c>
      <c r="BV2195" s="166">
        <v>0</v>
      </c>
      <c r="BW2195" s="166">
        <v>0</v>
      </c>
      <c r="BX2195" s="166">
        <v>0</v>
      </c>
      <c r="BY2195" s="166">
        <v>0</v>
      </c>
      <c r="BZ2195" s="166">
        <v>0</v>
      </c>
      <c r="CA2195" s="166">
        <v>0</v>
      </c>
      <c r="CB2195" s="166">
        <v>0</v>
      </c>
      <c r="CC2195" s="166">
        <v>0</v>
      </c>
      <c r="CD2195" s="166">
        <v>0</v>
      </c>
      <c r="CE2195" s="166">
        <v>0</v>
      </c>
      <c r="CF2195" s="166">
        <v>0</v>
      </c>
      <c r="CG2195" s="166">
        <v>0</v>
      </c>
      <c r="CH2195" s="166">
        <v>0</v>
      </c>
      <c r="CI2195" s="166">
        <v>0</v>
      </c>
      <c r="CJ2195" s="166">
        <v>0</v>
      </c>
      <c r="CK2195" s="166">
        <v>0</v>
      </c>
      <c r="CL2195" s="166">
        <v>0</v>
      </c>
      <c r="CM2195" s="166">
        <v>0</v>
      </c>
      <c r="CN2195" s="166">
        <v>0</v>
      </c>
      <c r="CO2195" s="166">
        <v>0</v>
      </c>
      <c r="CP2195" s="166">
        <v>0</v>
      </c>
      <c r="CQ2195" s="166">
        <v>0</v>
      </c>
      <c r="CR2195" s="166">
        <v>0</v>
      </c>
      <c r="CS2195" s="166">
        <v>0</v>
      </c>
      <c r="CT2195" s="166">
        <v>0</v>
      </c>
      <c r="CU2195" s="166">
        <v>0</v>
      </c>
      <c r="CV2195" s="166">
        <v>0</v>
      </c>
      <c r="CW2195" s="166">
        <v>0</v>
      </c>
      <c r="CX2195" s="166">
        <v>0</v>
      </c>
      <c r="CY2195" s="166">
        <v>0</v>
      </c>
      <c r="CZ2195" s="166">
        <v>0</v>
      </c>
    </row>
    <row r="2196" spans="1:104" x14ac:dyDescent="0.2">
      <c r="A2196" s="177" t="s">
        <v>602</v>
      </c>
      <c r="B2196" s="166">
        <v>188838333.32372999</v>
      </c>
      <c r="C2196" s="166">
        <v>188838333.32372999</v>
      </c>
      <c r="D2196" s="166">
        <v>0</v>
      </c>
      <c r="E2196" s="166">
        <v>0</v>
      </c>
      <c r="F2196" s="166">
        <v>0</v>
      </c>
      <c r="G2196" s="166">
        <v>0</v>
      </c>
      <c r="H2196" s="166">
        <v>0</v>
      </c>
      <c r="I2196" s="166">
        <v>0</v>
      </c>
      <c r="J2196" s="166">
        <v>0</v>
      </c>
      <c r="K2196" s="166">
        <v>0</v>
      </c>
      <c r="L2196" s="166">
        <v>0</v>
      </c>
      <c r="M2196" s="166">
        <v>0</v>
      </c>
      <c r="N2196" s="166">
        <v>0</v>
      </c>
      <c r="O2196" s="166">
        <v>0</v>
      </c>
      <c r="P2196" s="166">
        <v>0</v>
      </c>
      <c r="Q2196" s="166">
        <v>0</v>
      </c>
      <c r="R2196" s="166">
        <v>0</v>
      </c>
      <c r="S2196" s="166">
        <v>0</v>
      </c>
      <c r="T2196" s="166">
        <v>0</v>
      </c>
      <c r="U2196" s="166">
        <v>0</v>
      </c>
      <c r="V2196" s="166">
        <v>0</v>
      </c>
      <c r="W2196" s="166">
        <v>0</v>
      </c>
      <c r="X2196" s="166">
        <v>0</v>
      </c>
      <c r="Y2196" s="166">
        <v>0</v>
      </c>
      <c r="Z2196" s="166">
        <v>0</v>
      </c>
      <c r="AA2196" s="166">
        <v>0</v>
      </c>
      <c r="AB2196" s="166">
        <v>0</v>
      </c>
      <c r="AC2196" s="166">
        <v>0</v>
      </c>
      <c r="AD2196" s="166">
        <v>0</v>
      </c>
      <c r="AE2196" s="166">
        <v>0</v>
      </c>
      <c r="AF2196" s="166">
        <v>0</v>
      </c>
      <c r="AG2196" s="166">
        <v>0</v>
      </c>
      <c r="AH2196" s="166">
        <v>0</v>
      </c>
      <c r="AI2196" s="166">
        <v>0</v>
      </c>
      <c r="AJ2196" s="166">
        <v>0</v>
      </c>
      <c r="AK2196" s="166">
        <v>0</v>
      </c>
      <c r="AL2196" s="166">
        <v>0</v>
      </c>
      <c r="AM2196" s="166">
        <v>0</v>
      </c>
      <c r="AN2196" s="166">
        <v>0</v>
      </c>
      <c r="AO2196" s="166">
        <v>0</v>
      </c>
      <c r="AP2196" s="166">
        <v>0</v>
      </c>
      <c r="AQ2196" s="166">
        <v>0</v>
      </c>
      <c r="AR2196" s="166">
        <v>0</v>
      </c>
      <c r="AS2196" s="166">
        <v>0</v>
      </c>
      <c r="AT2196" s="166">
        <v>0</v>
      </c>
      <c r="AU2196" s="166">
        <v>0</v>
      </c>
      <c r="AV2196" s="166">
        <v>0</v>
      </c>
      <c r="AW2196" s="166">
        <v>0</v>
      </c>
      <c r="AX2196" s="166">
        <v>0</v>
      </c>
      <c r="AY2196" s="166">
        <v>0</v>
      </c>
      <c r="AZ2196" s="166">
        <v>0</v>
      </c>
      <c r="BA2196" s="166">
        <v>0</v>
      </c>
      <c r="BB2196" s="166">
        <v>0</v>
      </c>
      <c r="BC2196" s="166">
        <v>0</v>
      </c>
      <c r="BD2196" s="166">
        <v>0</v>
      </c>
      <c r="BE2196" s="166">
        <v>0</v>
      </c>
      <c r="BF2196" s="166">
        <v>0</v>
      </c>
      <c r="BG2196" s="166">
        <v>0</v>
      </c>
      <c r="BH2196" s="166">
        <v>0</v>
      </c>
      <c r="BI2196" s="166">
        <v>0</v>
      </c>
      <c r="BJ2196" s="166">
        <v>0</v>
      </c>
      <c r="BK2196" s="166">
        <v>0</v>
      </c>
      <c r="BL2196" s="166">
        <v>0</v>
      </c>
      <c r="BM2196" s="166">
        <v>0</v>
      </c>
      <c r="BN2196" s="166">
        <v>0</v>
      </c>
      <c r="BO2196" s="166">
        <v>0</v>
      </c>
      <c r="BP2196" s="166">
        <v>0</v>
      </c>
      <c r="BQ2196" s="166">
        <v>0</v>
      </c>
      <c r="BR2196" s="166">
        <v>188838333.32372999</v>
      </c>
      <c r="BS2196" s="166">
        <v>188838333.32372999</v>
      </c>
      <c r="BT2196" s="168">
        <v>0</v>
      </c>
      <c r="BU2196" s="166">
        <v>0</v>
      </c>
      <c r="BV2196" s="166">
        <v>0</v>
      </c>
      <c r="BW2196" s="166">
        <v>0</v>
      </c>
      <c r="BX2196" s="166">
        <v>0</v>
      </c>
      <c r="BY2196" s="166">
        <v>0</v>
      </c>
      <c r="BZ2196" s="166">
        <v>0</v>
      </c>
      <c r="CA2196" s="166">
        <v>0</v>
      </c>
      <c r="CB2196" s="166">
        <v>0</v>
      </c>
      <c r="CC2196" s="166">
        <v>0</v>
      </c>
      <c r="CD2196" s="166">
        <v>0</v>
      </c>
      <c r="CE2196" s="166">
        <v>0</v>
      </c>
      <c r="CF2196" s="166">
        <v>0</v>
      </c>
      <c r="CG2196" s="166">
        <v>0</v>
      </c>
      <c r="CH2196" s="166">
        <v>0</v>
      </c>
      <c r="CI2196" s="166">
        <v>0</v>
      </c>
      <c r="CJ2196" s="166">
        <v>0</v>
      </c>
      <c r="CK2196" s="166">
        <v>0</v>
      </c>
      <c r="CL2196" s="166">
        <v>0</v>
      </c>
      <c r="CM2196" s="166">
        <v>0</v>
      </c>
      <c r="CN2196" s="166">
        <v>0</v>
      </c>
      <c r="CO2196" s="166">
        <v>0</v>
      </c>
      <c r="CP2196" s="166">
        <v>0</v>
      </c>
      <c r="CQ2196" s="166">
        <v>0</v>
      </c>
      <c r="CR2196" s="166">
        <v>0</v>
      </c>
      <c r="CS2196" s="166">
        <v>0</v>
      </c>
      <c r="CT2196" s="166">
        <v>0</v>
      </c>
      <c r="CU2196" s="166">
        <v>0</v>
      </c>
      <c r="CV2196" s="166">
        <v>0</v>
      </c>
      <c r="CW2196" s="166">
        <v>0</v>
      </c>
      <c r="CX2196" s="166">
        <v>0</v>
      </c>
      <c r="CY2196" s="166">
        <v>0</v>
      </c>
      <c r="CZ2196" s="166">
        <v>0</v>
      </c>
    </row>
    <row r="2197" spans="1:104" x14ac:dyDescent="0.2">
      <c r="A2197" s="167" t="s">
        <v>603</v>
      </c>
      <c r="B2197" s="166">
        <v>0</v>
      </c>
      <c r="C2197" s="166">
        <v>0</v>
      </c>
      <c r="D2197" s="166">
        <v>0</v>
      </c>
      <c r="E2197" s="166">
        <v>0</v>
      </c>
      <c r="F2197" s="166">
        <v>0</v>
      </c>
      <c r="G2197" s="166">
        <v>0</v>
      </c>
      <c r="H2197" s="166">
        <v>0</v>
      </c>
      <c r="I2197" s="166">
        <v>0</v>
      </c>
      <c r="J2197" s="166">
        <v>0</v>
      </c>
      <c r="K2197" s="166">
        <v>0</v>
      </c>
      <c r="L2197" s="166">
        <v>0</v>
      </c>
      <c r="M2197" s="166">
        <v>0</v>
      </c>
      <c r="N2197" s="166">
        <v>0</v>
      </c>
      <c r="O2197" s="166">
        <v>0</v>
      </c>
      <c r="P2197" s="166">
        <v>0</v>
      </c>
      <c r="Q2197" s="166">
        <v>0</v>
      </c>
      <c r="R2197" s="166">
        <v>0</v>
      </c>
      <c r="S2197" s="166">
        <v>0</v>
      </c>
      <c r="T2197" s="166">
        <v>0</v>
      </c>
      <c r="U2197" s="166">
        <v>0</v>
      </c>
      <c r="V2197" s="166">
        <v>0</v>
      </c>
      <c r="W2197" s="166">
        <v>0</v>
      </c>
      <c r="X2197" s="166">
        <v>0</v>
      </c>
      <c r="Y2197" s="166">
        <v>0</v>
      </c>
      <c r="Z2197" s="166">
        <v>0</v>
      </c>
      <c r="AA2197" s="166">
        <v>0</v>
      </c>
      <c r="AB2197" s="166">
        <v>0</v>
      </c>
      <c r="AC2197" s="166">
        <v>0</v>
      </c>
      <c r="AD2197" s="166">
        <v>0</v>
      </c>
      <c r="AE2197" s="166">
        <v>0</v>
      </c>
      <c r="AF2197" s="166">
        <v>0</v>
      </c>
      <c r="AG2197" s="166">
        <v>0</v>
      </c>
      <c r="AH2197" s="166">
        <v>0</v>
      </c>
      <c r="AI2197" s="166">
        <v>0</v>
      </c>
      <c r="AJ2197" s="166">
        <v>0</v>
      </c>
      <c r="AK2197" s="166">
        <v>0</v>
      </c>
      <c r="AL2197" s="166">
        <v>0</v>
      </c>
      <c r="AM2197" s="166">
        <v>0</v>
      </c>
      <c r="AN2197" s="166">
        <v>0</v>
      </c>
      <c r="AO2197" s="166">
        <v>0</v>
      </c>
      <c r="AP2197" s="166">
        <v>0</v>
      </c>
      <c r="AQ2197" s="166">
        <v>0</v>
      </c>
      <c r="AR2197" s="166">
        <v>0</v>
      </c>
      <c r="AS2197" s="166">
        <v>0</v>
      </c>
      <c r="AT2197" s="166">
        <v>0</v>
      </c>
      <c r="AU2197" s="166">
        <v>0</v>
      </c>
      <c r="AV2197" s="166">
        <v>0</v>
      </c>
      <c r="AW2197" s="166">
        <v>0</v>
      </c>
      <c r="AX2197" s="166">
        <v>0</v>
      </c>
      <c r="AY2197" s="166">
        <v>0</v>
      </c>
      <c r="AZ2197" s="166">
        <v>0</v>
      </c>
      <c r="BA2197" s="166">
        <v>0</v>
      </c>
      <c r="BB2197" s="166">
        <v>0</v>
      </c>
      <c r="BC2197" s="166">
        <v>0</v>
      </c>
      <c r="BD2197" s="166">
        <v>0</v>
      </c>
      <c r="BE2197" s="166">
        <v>0</v>
      </c>
      <c r="BF2197" s="166">
        <v>0</v>
      </c>
      <c r="BG2197" s="166">
        <v>0</v>
      </c>
      <c r="BH2197" s="166">
        <v>0</v>
      </c>
      <c r="BI2197" s="166">
        <v>0</v>
      </c>
      <c r="BJ2197" s="166">
        <v>0</v>
      </c>
      <c r="BK2197" s="166">
        <v>0</v>
      </c>
      <c r="BL2197" s="166">
        <v>0</v>
      </c>
      <c r="BM2197" s="166">
        <v>0</v>
      </c>
      <c r="BN2197" s="166">
        <v>0</v>
      </c>
      <c r="BO2197" s="166">
        <v>0</v>
      </c>
      <c r="BP2197" s="166">
        <v>0</v>
      </c>
      <c r="BQ2197" s="166">
        <v>0</v>
      </c>
      <c r="BR2197" s="166">
        <v>0</v>
      </c>
      <c r="BS2197" s="166">
        <v>0</v>
      </c>
      <c r="BT2197" s="168">
        <v>0</v>
      </c>
      <c r="BU2197" s="166">
        <v>0</v>
      </c>
      <c r="BV2197" s="166">
        <v>0</v>
      </c>
      <c r="BW2197" s="166">
        <v>0</v>
      </c>
      <c r="BX2197" s="166">
        <v>0</v>
      </c>
      <c r="BY2197" s="166">
        <v>0</v>
      </c>
      <c r="BZ2197" s="166">
        <v>0</v>
      </c>
      <c r="CA2197" s="166">
        <v>0</v>
      </c>
      <c r="CB2197" s="166">
        <v>0</v>
      </c>
      <c r="CC2197" s="166">
        <v>0</v>
      </c>
      <c r="CD2197" s="166">
        <v>0</v>
      </c>
      <c r="CE2197" s="166">
        <v>0</v>
      </c>
      <c r="CF2197" s="166">
        <v>0</v>
      </c>
      <c r="CG2197" s="166">
        <v>0</v>
      </c>
      <c r="CH2197" s="166">
        <v>0</v>
      </c>
      <c r="CI2197" s="166">
        <v>0</v>
      </c>
      <c r="CJ2197" s="166">
        <v>0</v>
      </c>
      <c r="CK2197" s="166">
        <v>0</v>
      </c>
      <c r="CL2197" s="166">
        <v>0</v>
      </c>
      <c r="CM2197" s="166">
        <v>0</v>
      </c>
      <c r="CN2197" s="166">
        <v>0</v>
      </c>
      <c r="CO2197" s="166">
        <v>0</v>
      </c>
      <c r="CP2197" s="166">
        <v>0</v>
      </c>
      <c r="CQ2197" s="166">
        <v>0</v>
      </c>
      <c r="CR2197" s="166">
        <v>0</v>
      </c>
      <c r="CS2197" s="166">
        <v>0</v>
      </c>
      <c r="CT2197" s="166">
        <v>0</v>
      </c>
      <c r="CU2197" s="166">
        <v>0</v>
      </c>
      <c r="CV2197" s="166">
        <v>0</v>
      </c>
      <c r="CW2197" s="166">
        <v>0</v>
      </c>
      <c r="CX2197" s="166">
        <v>0</v>
      </c>
      <c r="CY2197" s="166">
        <v>0</v>
      </c>
      <c r="CZ2197" s="166">
        <v>0</v>
      </c>
    </row>
    <row r="2198" spans="1:104" x14ac:dyDescent="0.2">
      <c r="A2198" s="177" t="s">
        <v>604</v>
      </c>
      <c r="B2198" s="166">
        <v>595179613.92438602</v>
      </c>
      <c r="C2198" s="166">
        <v>595179613.92438602</v>
      </c>
      <c r="D2198" s="166">
        <v>0</v>
      </c>
      <c r="E2198" s="166">
        <v>0</v>
      </c>
      <c r="F2198" s="166">
        <v>0</v>
      </c>
      <c r="G2198" s="166">
        <v>0</v>
      </c>
      <c r="H2198" s="166">
        <v>0</v>
      </c>
      <c r="I2198" s="166">
        <v>0</v>
      </c>
      <c r="J2198" s="166">
        <v>0</v>
      </c>
      <c r="K2198" s="166">
        <v>0</v>
      </c>
      <c r="L2198" s="166">
        <v>0</v>
      </c>
      <c r="M2198" s="166">
        <v>0</v>
      </c>
      <c r="N2198" s="166">
        <v>0</v>
      </c>
      <c r="O2198" s="166">
        <v>0</v>
      </c>
      <c r="P2198" s="166">
        <v>0</v>
      </c>
      <c r="Q2198" s="166">
        <v>0</v>
      </c>
      <c r="R2198" s="166">
        <v>0</v>
      </c>
      <c r="S2198" s="166">
        <v>0</v>
      </c>
      <c r="T2198" s="166">
        <v>0</v>
      </c>
      <c r="U2198" s="166">
        <v>0</v>
      </c>
      <c r="V2198" s="166">
        <v>0</v>
      </c>
      <c r="W2198" s="166">
        <v>0</v>
      </c>
      <c r="X2198" s="166">
        <v>0</v>
      </c>
      <c r="Y2198" s="166">
        <v>0</v>
      </c>
      <c r="Z2198" s="166">
        <v>0</v>
      </c>
      <c r="AA2198" s="166">
        <v>0</v>
      </c>
      <c r="AB2198" s="166">
        <v>0</v>
      </c>
      <c r="AC2198" s="166">
        <v>0</v>
      </c>
      <c r="AD2198" s="166">
        <v>0</v>
      </c>
      <c r="AE2198" s="166">
        <v>0</v>
      </c>
      <c r="AF2198" s="166">
        <v>0</v>
      </c>
      <c r="AG2198" s="166">
        <v>0</v>
      </c>
      <c r="AH2198" s="166">
        <v>0</v>
      </c>
      <c r="AI2198" s="166">
        <v>0</v>
      </c>
      <c r="AJ2198" s="166">
        <v>0</v>
      </c>
      <c r="AK2198" s="166">
        <v>0</v>
      </c>
      <c r="AL2198" s="166">
        <v>0</v>
      </c>
      <c r="AM2198" s="166">
        <v>0</v>
      </c>
      <c r="AN2198" s="166">
        <v>0</v>
      </c>
      <c r="AO2198" s="166">
        <v>0</v>
      </c>
      <c r="AP2198" s="166">
        <v>0</v>
      </c>
      <c r="AQ2198" s="166">
        <v>0</v>
      </c>
      <c r="AR2198" s="166">
        <v>0</v>
      </c>
      <c r="AS2198" s="166">
        <v>0</v>
      </c>
      <c r="AT2198" s="166">
        <v>0</v>
      </c>
      <c r="AU2198" s="166">
        <v>0</v>
      </c>
      <c r="AV2198" s="166">
        <v>0</v>
      </c>
      <c r="AW2198" s="166">
        <v>0</v>
      </c>
      <c r="AX2198" s="166">
        <v>0</v>
      </c>
      <c r="AY2198" s="166">
        <v>0</v>
      </c>
      <c r="AZ2198" s="166">
        <v>0</v>
      </c>
      <c r="BA2198" s="166">
        <v>0</v>
      </c>
      <c r="BB2198" s="166">
        <v>0</v>
      </c>
      <c r="BC2198" s="166">
        <v>0</v>
      </c>
      <c r="BD2198" s="166">
        <v>0</v>
      </c>
      <c r="BE2198" s="166">
        <v>0</v>
      </c>
      <c r="BF2198" s="166">
        <v>0</v>
      </c>
      <c r="BG2198" s="166">
        <v>0</v>
      </c>
      <c r="BH2198" s="166">
        <v>0</v>
      </c>
      <c r="BI2198" s="166">
        <v>0</v>
      </c>
      <c r="BJ2198" s="166">
        <v>0</v>
      </c>
      <c r="BK2198" s="166">
        <v>0</v>
      </c>
      <c r="BL2198" s="166">
        <v>0</v>
      </c>
      <c r="BM2198" s="166">
        <v>0</v>
      </c>
      <c r="BN2198" s="166">
        <v>0</v>
      </c>
      <c r="BO2198" s="166">
        <v>0</v>
      </c>
      <c r="BP2198" s="166">
        <v>0</v>
      </c>
      <c r="BQ2198" s="166">
        <v>0</v>
      </c>
      <c r="BR2198" s="166">
        <v>595179613.92438602</v>
      </c>
      <c r="BS2198" s="166">
        <v>595179613.92438602</v>
      </c>
      <c r="BT2198" s="168">
        <v>0</v>
      </c>
      <c r="BU2198" s="166">
        <v>0</v>
      </c>
      <c r="BV2198" s="166">
        <v>0</v>
      </c>
      <c r="BW2198" s="166">
        <v>0</v>
      </c>
      <c r="BX2198" s="166">
        <v>0</v>
      </c>
      <c r="BY2198" s="166">
        <v>0</v>
      </c>
      <c r="BZ2198" s="166">
        <v>0</v>
      </c>
      <c r="CA2198" s="166">
        <v>0</v>
      </c>
      <c r="CB2198" s="166">
        <v>0</v>
      </c>
      <c r="CC2198" s="166">
        <v>0</v>
      </c>
      <c r="CD2198" s="166">
        <v>0</v>
      </c>
      <c r="CE2198" s="166">
        <v>0</v>
      </c>
      <c r="CF2198" s="166">
        <v>0</v>
      </c>
      <c r="CG2198" s="166">
        <v>0</v>
      </c>
      <c r="CH2198" s="166">
        <v>0</v>
      </c>
      <c r="CI2198" s="166">
        <v>0</v>
      </c>
      <c r="CJ2198" s="166">
        <v>0</v>
      </c>
      <c r="CK2198" s="166">
        <v>0</v>
      </c>
      <c r="CL2198" s="166">
        <v>0</v>
      </c>
      <c r="CM2198" s="166">
        <v>0</v>
      </c>
      <c r="CN2198" s="166">
        <v>0</v>
      </c>
      <c r="CO2198" s="166">
        <v>0</v>
      </c>
      <c r="CP2198" s="166">
        <v>0</v>
      </c>
      <c r="CQ2198" s="166">
        <v>0</v>
      </c>
      <c r="CR2198" s="166">
        <v>0</v>
      </c>
      <c r="CS2198" s="166">
        <v>0</v>
      </c>
      <c r="CT2198" s="166">
        <v>0</v>
      </c>
      <c r="CU2198" s="166">
        <v>0</v>
      </c>
      <c r="CV2198" s="166">
        <v>0</v>
      </c>
      <c r="CW2198" s="166">
        <v>0</v>
      </c>
      <c r="CX2198" s="166">
        <v>0</v>
      </c>
      <c r="CY2198" s="166">
        <v>0</v>
      </c>
      <c r="CZ2198" s="166">
        <v>0</v>
      </c>
    </row>
    <row r="2199" spans="1:104" x14ac:dyDescent="0.2">
      <c r="A2199" s="167" t="s">
        <v>605</v>
      </c>
      <c r="B2199" s="166">
        <v>0</v>
      </c>
      <c r="C2199" s="166">
        <v>0</v>
      </c>
      <c r="D2199" s="166">
        <v>0</v>
      </c>
      <c r="E2199" s="166">
        <v>0</v>
      </c>
      <c r="F2199" s="166">
        <v>0</v>
      </c>
      <c r="G2199" s="166">
        <v>0</v>
      </c>
      <c r="H2199" s="166">
        <v>0</v>
      </c>
      <c r="I2199" s="166">
        <v>0</v>
      </c>
      <c r="J2199" s="166">
        <v>0</v>
      </c>
      <c r="K2199" s="166">
        <v>0</v>
      </c>
      <c r="L2199" s="166">
        <v>0</v>
      </c>
      <c r="M2199" s="166">
        <v>0</v>
      </c>
      <c r="N2199" s="166">
        <v>0</v>
      </c>
      <c r="O2199" s="166">
        <v>0</v>
      </c>
      <c r="P2199" s="166">
        <v>0</v>
      </c>
      <c r="Q2199" s="166">
        <v>0</v>
      </c>
      <c r="R2199" s="166">
        <v>0</v>
      </c>
      <c r="S2199" s="166">
        <v>0</v>
      </c>
      <c r="T2199" s="166">
        <v>0</v>
      </c>
      <c r="U2199" s="166">
        <v>0</v>
      </c>
      <c r="V2199" s="166">
        <v>0</v>
      </c>
      <c r="W2199" s="166">
        <v>0</v>
      </c>
      <c r="X2199" s="166">
        <v>0</v>
      </c>
      <c r="Y2199" s="166">
        <v>0</v>
      </c>
      <c r="Z2199" s="166">
        <v>0</v>
      </c>
      <c r="AA2199" s="166">
        <v>0</v>
      </c>
      <c r="AB2199" s="166">
        <v>0</v>
      </c>
      <c r="AC2199" s="166">
        <v>0</v>
      </c>
      <c r="AD2199" s="166">
        <v>0</v>
      </c>
      <c r="AE2199" s="166">
        <v>0</v>
      </c>
      <c r="AF2199" s="166">
        <v>0</v>
      </c>
      <c r="AG2199" s="166">
        <v>0</v>
      </c>
      <c r="AH2199" s="166">
        <v>0</v>
      </c>
      <c r="AI2199" s="166">
        <v>0</v>
      </c>
      <c r="AJ2199" s="166">
        <v>0</v>
      </c>
      <c r="AK2199" s="166">
        <v>0</v>
      </c>
      <c r="AL2199" s="166">
        <v>0</v>
      </c>
      <c r="AM2199" s="166">
        <v>0</v>
      </c>
      <c r="AN2199" s="166">
        <v>0</v>
      </c>
      <c r="AO2199" s="166">
        <v>0</v>
      </c>
      <c r="AP2199" s="166">
        <v>0</v>
      </c>
      <c r="AQ2199" s="166">
        <v>0</v>
      </c>
      <c r="AR2199" s="166">
        <v>0</v>
      </c>
      <c r="AS2199" s="166">
        <v>0</v>
      </c>
      <c r="AT2199" s="166">
        <v>0</v>
      </c>
      <c r="AU2199" s="166">
        <v>0</v>
      </c>
      <c r="AV2199" s="166">
        <v>0</v>
      </c>
      <c r="AW2199" s="166">
        <v>0</v>
      </c>
      <c r="AX2199" s="166">
        <v>0</v>
      </c>
      <c r="AY2199" s="166">
        <v>0</v>
      </c>
      <c r="AZ2199" s="166">
        <v>0</v>
      </c>
      <c r="BA2199" s="166">
        <v>0</v>
      </c>
      <c r="BB2199" s="166">
        <v>0</v>
      </c>
      <c r="BC2199" s="166">
        <v>0</v>
      </c>
      <c r="BD2199" s="166">
        <v>0</v>
      </c>
      <c r="BE2199" s="166">
        <v>0</v>
      </c>
      <c r="BF2199" s="166">
        <v>0</v>
      </c>
      <c r="BG2199" s="166">
        <v>0</v>
      </c>
      <c r="BH2199" s="166">
        <v>0</v>
      </c>
      <c r="BI2199" s="166">
        <v>0</v>
      </c>
      <c r="BJ2199" s="166">
        <v>0</v>
      </c>
      <c r="BK2199" s="166">
        <v>0</v>
      </c>
      <c r="BL2199" s="166">
        <v>0</v>
      </c>
      <c r="BM2199" s="166">
        <v>0</v>
      </c>
      <c r="BN2199" s="166">
        <v>0</v>
      </c>
      <c r="BO2199" s="166">
        <v>0</v>
      </c>
      <c r="BP2199" s="166">
        <v>0</v>
      </c>
      <c r="BQ2199" s="166">
        <v>0</v>
      </c>
      <c r="BR2199" s="166">
        <v>0</v>
      </c>
      <c r="BS2199" s="166">
        <v>0</v>
      </c>
      <c r="BT2199" s="168">
        <v>0</v>
      </c>
      <c r="BU2199" s="166">
        <v>0</v>
      </c>
      <c r="BV2199" s="166">
        <v>0</v>
      </c>
      <c r="BW2199" s="166">
        <v>0</v>
      </c>
      <c r="BX2199" s="166">
        <v>0</v>
      </c>
      <c r="BY2199" s="166">
        <v>0</v>
      </c>
      <c r="BZ2199" s="166">
        <v>0</v>
      </c>
      <c r="CA2199" s="166">
        <v>0</v>
      </c>
      <c r="CB2199" s="166">
        <v>0</v>
      </c>
      <c r="CC2199" s="166">
        <v>0</v>
      </c>
      <c r="CD2199" s="166">
        <v>0</v>
      </c>
      <c r="CE2199" s="166">
        <v>0</v>
      </c>
      <c r="CF2199" s="166">
        <v>0</v>
      </c>
      <c r="CG2199" s="166">
        <v>0</v>
      </c>
      <c r="CH2199" s="166">
        <v>0</v>
      </c>
      <c r="CI2199" s="166">
        <v>0</v>
      </c>
      <c r="CJ2199" s="166">
        <v>0</v>
      </c>
      <c r="CK2199" s="166">
        <v>0</v>
      </c>
      <c r="CL2199" s="166">
        <v>0</v>
      </c>
      <c r="CM2199" s="166">
        <v>0</v>
      </c>
      <c r="CN2199" s="166">
        <v>0</v>
      </c>
      <c r="CO2199" s="166">
        <v>0</v>
      </c>
      <c r="CP2199" s="166">
        <v>0</v>
      </c>
      <c r="CQ2199" s="166">
        <v>0</v>
      </c>
      <c r="CR2199" s="166">
        <v>0</v>
      </c>
      <c r="CS2199" s="166">
        <v>0</v>
      </c>
      <c r="CT2199" s="166">
        <v>0</v>
      </c>
      <c r="CU2199" s="166">
        <v>0</v>
      </c>
      <c r="CV2199" s="166">
        <v>0</v>
      </c>
      <c r="CW2199" s="166">
        <v>0</v>
      </c>
      <c r="CX2199" s="166">
        <v>0</v>
      </c>
      <c r="CY2199" s="166">
        <v>0</v>
      </c>
      <c r="CZ2199" s="166">
        <v>0</v>
      </c>
    </row>
    <row r="2200" spans="1:104" x14ac:dyDescent="0.2">
      <c r="A2200" s="167" t="s">
        <v>606</v>
      </c>
    </row>
    <row r="2201" spans="1:104" x14ac:dyDescent="0.2">
      <c r="A2201" s="167" t="s">
        <v>607</v>
      </c>
      <c r="B2201" s="166">
        <v>25779009.686587401</v>
      </c>
      <c r="C2201" s="166">
        <v>25779009.686587401</v>
      </c>
      <c r="D2201" s="166">
        <v>0</v>
      </c>
      <c r="E2201" s="166">
        <v>0</v>
      </c>
      <c r="F2201" s="166">
        <v>0</v>
      </c>
      <c r="G2201" s="166">
        <v>0</v>
      </c>
      <c r="H2201" s="166">
        <v>0</v>
      </c>
      <c r="I2201" s="166">
        <v>0</v>
      </c>
      <c r="J2201" s="166">
        <v>0</v>
      </c>
      <c r="K2201" s="166">
        <v>0</v>
      </c>
      <c r="L2201" s="166">
        <v>0</v>
      </c>
      <c r="M2201" s="166">
        <v>0</v>
      </c>
      <c r="N2201" s="166">
        <v>0</v>
      </c>
      <c r="O2201" s="166">
        <v>0</v>
      </c>
      <c r="P2201" s="166">
        <v>0</v>
      </c>
      <c r="Q2201" s="166">
        <v>0</v>
      </c>
      <c r="R2201" s="166">
        <v>0</v>
      </c>
      <c r="S2201" s="166">
        <v>0</v>
      </c>
      <c r="T2201" s="166">
        <v>0</v>
      </c>
      <c r="U2201" s="166">
        <v>0</v>
      </c>
      <c r="V2201" s="166">
        <v>0</v>
      </c>
      <c r="W2201" s="166">
        <v>0</v>
      </c>
      <c r="X2201" s="166">
        <v>0</v>
      </c>
      <c r="Y2201" s="166">
        <v>0</v>
      </c>
      <c r="Z2201" s="166">
        <v>0</v>
      </c>
      <c r="AA2201" s="166">
        <v>0</v>
      </c>
      <c r="AB2201" s="166">
        <v>0</v>
      </c>
      <c r="AC2201" s="166">
        <v>0</v>
      </c>
      <c r="AD2201" s="166">
        <v>0</v>
      </c>
      <c r="AE2201" s="166">
        <v>0</v>
      </c>
      <c r="AF2201" s="166">
        <v>0</v>
      </c>
      <c r="AG2201" s="166">
        <v>0</v>
      </c>
      <c r="AH2201" s="166">
        <v>0</v>
      </c>
      <c r="AI2201" s="166">
        <v>0</v>
      </c>
      <c r="AJ2201" s="166">
        <v>0</v>
      </c>
      <c r="AK2201" s="166">
        <v>0</v>
      </c>
      <c r="AL2201" s="166">
        <v>0</v>
      </c>
      <c r="AM2201" s="166">
        <v>0</v>
      </c>
      <c r="AN2201" s="166">
        <v>0</v>
      </c>
      <c r="AO2201" s="166">
        <v>0</v>
      </c>
      <c r="AP2201" s="166">
        <v>0</v>
      </c>
      <c r="AQ2201" s="166">
        <v>0</v>
      </c>
      <c r="AR2201" s="166">
        <v>0</v>
      </c>
      <c r="AS2201" s="166">
        <v>0</v>
      </c>
      <c r="AT2201" s="166">
        <v>0</v>
      </c>
      <c r="AU2201" s="166">
        <v>0</v>
      </c>
      <c r="AV2201" s="166">
        <v>0</v>
      </c>
      <c r="AW2201" s="166">
        <v>0</v>
      </c>
      <c r="AX2201" s="166">
        <v>0</v>
      </c>
      <c r="AY2201" s="166">
        <v>0</v>
      </c>
      <c r="AZ2201" s="166">
        <v>0</v>
      </c>
      <c r="BA2201" s="166">
        <v>0</v>
      </c>
      <c r="BB2201" s="166">
        <v>0</v>
      </c>
      <c r="BC2201" s="166">
        <v>0</v>
      </c>
      <c r="BD2201" s="166">
        <v>0</v>
      </c>
      <c r="BE2201" s="166">
        <v>0</v>
      </c>
      <c r="BF2201" s="166">
        <v>0</v>
      </c>
      <c r="BG2201" s="166">
        <v>0</v>
      </c>
      <c r="BH2201" s="166">
        <v>0</v>
      </c>
      <c r="BI2201" s="166">
        <v>0</v>
      </c>
      <c r="BJ2201" s="166">
        <v>0</v>
      </c>
      <c r="BK2201" s="166">
        <v>0</v>
      </c>
      <c r="BL2201" s="166">
        <v>0</v>
      </c>
      <c r="BM2201" s="166">
        <v>0</v>
      </c>
      <c r="BN2201" s="166">
        <v>0</v>
      </c>
      <c r="BO2201" s="166">
        <v>0</v>
      </c>
      <c r="BP2201" s="166">
        <v>0</v>
      </c>
      <c r="BQ2201" s="166">
        <v>0</v>
      </c>
      <c r="BR2201" s="166">
        <v>25779009.686587401</v>
      </c>
      <c r="BS2201" s="166">
        <v>25779009.686587401</v>
      </c>
      <c r="BT2201" s="168">
        <v>0</v>
      </c>
      <c r="BU2201" s="166">
        <v>430326.85862835398</v>
      </c>
      <c r="BV2201" s="166">
        <v>25778961.313326899</v>
      </c>
      <c r="BW2201" s="166">
        <v>0</v>
      </c>
      <c r="BX2201" s="166">
        <v>0</v>
      </c>
      <c r="BY2201" s="166">
        <v>0</v>
      </c>
      <c r="BZ2201" s="166">
        <v>0</v>
      </c>
      <c r="CA2201" s="166">
        <v>0</v>
      </c>
      <c r="CB2201" s="166">
        <v>0</v>
      </c>
      <c r="CC2201" s="166">
        <v>0</v>
      </c>
      <c r="CD2201" s="166">
        <v>0</v>
      </c>
      <c r="CE2201" s="166">
        <v>0</v>
      </c>
      <c r="CF2201" s="166">
        <v>0</v>
      </c>
      <c r="CG2201" s="166">
        <v>0</v>
      </c>
      <c r="CH2201" s="166">
        <v>0</v>
      </c>
      <c r="CI2201" s="166">
        <v>0</v>
      </c>
      <c r="CJ2201" s="166">
        <v>0</v>
      </c>
      <c r="CK2201" s="166">
        <v>0</v>
      </c>
      <c r="CL2201" s="166">
        <v>0</v>
      </c>
      <c r="CM2201" s="166">
        <v>0</v>
      </c>
      <c r="CN2201" s="166">
        <v>0</v>
      </c>
      <c r="CO2201" s="166">
        <v>0</v>
      </c>
      <c r="CP2201" s="166">
        <v>0</v>
      </c>
      <c r="CQ2201" s="166">
        <v>0</v>
      </c>
      <c r="CR2201" s="166">
        <v>0</v>
      </c>
      <c r="CS2201" s="166">
        <v>0</v>
      </c>
      <c r="CT2201" s="166">
        <v>0</v>
      </c>
      <c r="CU2201" s="166">
        <v>0</v>
      </c>
      <c r="CV2201" s="166">
        <v>0</v>
      </c>
      <c r="CW2201" s="166">
        <v>0</v>
      </c>
      <c r="CX2201" s="166">
        <v>0</v>
      </c>
      <c r="CY2201" s="166">
        <v>25778961.313326899</v>
      </c>
      <c r="CZ2201" s="166">
        <v>25778961.313326899</v>
      </c>
    </row>
    <row r="2202" spans="1:104" x14ac:dyDescent="0.2">
      <c r="A2202" s="167" t="s">
        <v>608</v>
      </c>
      <c r="B2202" s="166">
        <v>7775308.82573028</v>
      </c>
      <c r="C2202" s="166">
        <v>7775308.82573028</v>
      </c>
      <c r="D2202" s="166">
        <v>0</v>
      </c>
      <c r="E2202" s="166">
        <v>0</v>
      </c>
      <c r="F2202" s="166">
        <v>0</v>
      </c>
      <c r="G2202" s="166">
        <v>0</v>
      </c>
      <c r="H2202" s="166">
        <v>0</v>
      </c>
      <c r="I2202" s="166">
        <v>0</v>
      </c>
      <c r="J2202" s="166">
        <v>0</v>
      </c>
      <c r="K2202" s="166">
        <v>0</v>
      </c>
      <c r="L2202" s="166">
        <v>0</v>
      </c>
      <c r="M2202" s="166">
        <v>0</v>
      </c>
      <c r="N2202" s="166">
        <v>0</v>
      </c>
      <c r="O2202" s="166">
        <v>0</v>
      </c>
      <c r="P2202" s="166">
        <v>0</v>
      </c>
      <c r="Q2202" s="166">
        <v>0</v>
      </c>
      <c r="R2202" s="166">
        <v>0</v>
      </c>
      <c r="S2202" s="166">
        <v>0</v>
      </c>
      <c r="T2202" s="166">
        <v>0</v>
      </c>
      <c r="U2202" s="166">
        <v>0</v>
      </c>
      <c r="V2202" s="166">
        <v>0</v>
      </c>
      <c r="W2202" s="166">
        <v>0</v>
      </c>
      <c r="X2202" s="166">
        <v>0</v>
      </c>
      <c r="Y2202" s="166">
        <v>0</v>
      </c>
      <c r="Z2202" s="166">
        <v>0</v>
      </c>
      <c r="AA2202" s="166">
        <v>0</v>
      </c>
      <c r="AB2202" s="166">
        <v>0</v>
      </c>
      <c r="AC2202" s="166">
        <v>0</v>
      </c>
      <c r="AD2202" s="166">
        <v>0</v>
      </c>
      <c r="AE2202" s="166">
        <v>0</v>
      </c>
      <c r="AF2202" s="166">
        <v>0</v>
      </c>
      <c r="AG2202" s="166">
        <v>0</v>
      </c>
      <c r="AH2202" s="166">
        <v>0</v>
      </c>
      <c r="AI2202" s="166">
        <v>0</v>
      </c>
      <c r="AJ2202" s="166">
        <v>0</v>
      </c>
      <c r="AK2202" s="166">
        <v>0</v>
      </c>
      <c r="AL2202" s="166">
        <v>0</v>
      </c>
      <c r="AM2202" s="166">
        <v>0</v>
      </c>
      <c r="AN2202" s="166">
        <v>0</v>
      </c>
      <c r="AO2202" s="166">
        <v>0</v>
      </c>
      <c r="AP2202" s="166">
        <v>0</v>
      </c>
      <c r="AQ2202" s="166">
        <v>0</v>
      </c>
      <c r="AR2202" s="166">
        <v>0</v>
      </c>
      <c r="AS2202" s="166">
        <v>0</v>
      </c>
      <c r="AT2202" s="166">
        <v>0</v>
      </c>
      <c r="AU2202" s="166">
        <v>0</v>
      </c>
      <c r="AV2202" s="166">
        <v>0</v>
      </c>
      <c r="AW2202" s="166">
        <v>0</v>
      </c>
      <c r="AX2202" s="166">
        <v>0</v>
      </c>
      <c r="AY2202" s="166">
        <v>0</v>
      </c>
      <c r="AZ2202" s="166">
        <v>0</v>
      </c>
      <c r="BA2202" s="166">
        <v>0</v>
      </c>
      <c r="BB2202" s="166">
        <v>0</v>
      </c>
      <c r="BC2202" s="166">
        <v>0</v>
      </c>
      <c r="BD2202" s="166">
        <v>0</v>
      </c>
      <c r="BE2202" s="166">
        <v>0</v>
      </c>
      <c r="BF2202" s="166">
        <v>0</v>
      </c>
      <c r="BG2202" s="166">
        <v>0</v>
      </c>
      <c r="BH2202" s="166">
        <v>0</v>
      </c>
      <c r="BI2202" s="166">
        <v>0</v>
      </c>
      <c r="BJ2202" s="166">
        <v>0</v>
      </c>
      <c r="BK2202" s="166">
        <v>0</v>
      </c>
      <c r="BL2202" s="166">
        <v>0</v>
      </c>
      <c r="BM2202" s="166">
        <v>0</v>
      </c>
      <c r="BN2202" s="166">
        <v>0</v>
      </c>
      <c r="BO2202" s="166">
        <v>0</v>
      </c>
      <c r="BP2202" s="166">
        <v>0</v>
      </c>
      <c r="BQ2202" s="166">
        <v>0</v>
      </c>
      <c r="BR2202" s="166">
        <v>7775308.82573028</v>
      </c>
      <c r="BS2202" s="166">
        <v>7775308.82573028</v>
      </c>
      <c r="BT2202" s="168">
        <v>0</v>
      </c>
      <c r="BU2202" s="166">
        <v>629770.32028232794</v>
      </c>
      <c r="BV2202" s="166">
        <v>7398614.6602739198</v>
      </c>
      <c r="BW2202" s="166">
        <v>0</v>
      </c>
      <c r="BX2202" s="166">
        <v>0</v>
      </c>
      <c r="BY2202" s="166">
        <v>0</v>
      </c>
      <c r="BZ2202" s="166">
        <v>0</v>
      </c>
      <c r="CA2202" s="166">
        <v>0</v>
      </c>
      <c r="CB2202" s="166">
        <v>0</v>
      </c>
      <c r="CC2202" s="166">
        <v>0</v>
      </c>
      <c r="CD2202" s="166">
        <v>0</v>
      </c>
      <c r="CE2202" s="166">
        <v>0</v>
      </c>
      <c r="CF2202" s="166">
        <v>0</v>
      </c>
      <c r="CG2202" s="166">
        <v>0</v>
      </c>
      <c r="CH2202" s="166">
        <v>0</v>
      </c>
      <c r="CI2202" s="166">
        <v>0</v>
      </c>
      <c r="CJ2202" s="166">
        <v>0</v>
      </c>
      <c r="CK2202" s="166">
        <v>0</v>
      </c>
      <c r="CL2202" s="166">
        <v>0</v>
      </c>
      <c r="CM2202" s="166">
        <v>0</v>
      </c>
      <c r="CN2202" s="166">
        <v>0</v>
      </c>
      <c r="CO2202" s="166">
        <v>0</v>
      </c>
      <c r="CP2202" s="166">
        <v>0</v>
      </c>
      <c r="CQ2202" s="166">
        <v>0</v>
      </c>
      <c r="CR2202" s="166">
        <v>0</v>
      </c>
      <c r="CS2202" s="166">
        <v>0</v>
      </c>
      <c r="CT2202" s="166">
        <v>0</v>
      </c>
      <c r="CU2202" s="166">
        <v>0</v>
      </c>
      <c r="CV2202" s="166">
        <v>0</v>
      </c>
      <c r="CW2202" s="166">
        <v>0</v>
      </c>
      <c r="CX2202" s="166">
        <v>0</v>
      </c>
      <c r="CY2202" s="166">
        <v>7398614.6602739198</v>
      </c>
      <c r="CZ2202" s="166">
        <v>7398614.6602739198</v>
      </c>
    </row>
    <row r="2203" spans="1:104" x14ac:dyDescent="0.2">
      <c r="A2203" s="167" t="s">
        <v>609</v>
      </c>
      <c r="B2203" s="166">
        <v>6628015.0047757505</v>
      </c>
      <c r="C2203" s="166">
        <v>6628015.0047757505</v>
      </c>
      <c r="D2203" s="166">
        <v>0</v>
      </c>
      <c r="E2203" s="166">
        <v>0</v>
      </c>
      <c r="F2203" s="166">
        <v>0</v>
      </c>
      <c r="G2203" s="166">
        <v>0</v>
      </c>
      <c r="H2203" s="166">
        <v>0</v>
      </c>
      <c r="I2203" s="166">
        <v>0</v>
      </c>
      <c r="J2203" s="166">
        <v>0</v>
      </c>
      <c r="K2203" s="166">
        <v>0</v>
      </c>
      <c r="L2203" s="166">
        <v>0</v>
      </c>
      <c r="M2203" s="166">
        <v>0</v>
      </c>
      <c r="N2203" s="166">
        <v>0</v>
      </c>
      <c r="O2203" s="166">
        <v>0</v>
      </c>
      <c r="P2203" s="166">
        <v>0</v>
      </c>
      <c r="Q2203" s="166">
        <v>0</v>
      </c>
      <c r="R2203" s="166">
        <v>0</v>
      </c>
      <c r="S2203" s="166">
        <v>0</v>
      </c>
      <c r="T2203" s="166">
        <v>0</v>
      </c>
      <c r="U2203" s="166">
        <v>0</v>
      </c>
      <c r="V2203" s="166">
        <v>0</v>
      </c>
      <c r="W2203" s="166">
        <v>0</v>
      </c>
      <c r="X2203" s="166">
        <v>0</v>
      </c>
      <c r="Y2203" s="166">
        <v>0</v>
      </c>
      <c r="Z2203" s="166">
        <v>0</v>
      </c>
      <c r="AA2203" s="166">
        <v>0</v>
      </c>
      <c r="AB2203" s="166">
        <v>0</v>
      </c>
      <c r="AC2203" s="166">
        <v>0</v>
      </c>
      <c r="AD2203" s="166">
        <v>0</v>
      </c>
      <c r="AE2203" s="166">
        <v>0</v>
      </c>
      <c r="AF2203" s="166">
        <v>0</v>
      </c>
      <c r="AG2203" s="166">
        <v>0</v>
      </c>
      <c r="AH2203" s="166">
        <v>0</v>
      </c>
      <c r="AI2203" s="166">
        <v>0</v>
      </c>
      <c r="AJ2203" s="166">
        <v>0</v>
      </c>
      <c r="AK2203" s="166">
        <v>0</v>
      </c>
      <c r="AL2203" s="166">
        <v>0</v>
      </c>
      <c r="AM2203" s="166">
        <v>0</v>
      </c>
      <c r="AN2203" s="166">
        <v>0</v>
      </c>
      <c r="AO2203" s="166">
        <v>0</v>
      </c>
      <c r="AP2203" s="166">
        <v>0</v>
      </c>
      <c r="AQ2203" s="166">
        <v>0</v>
      </c>
      <c r="AR2203" s="166">
        <v>0</v>
      </c>
      <c r="AS2203" s="166">
        <v>0</v>
      </c>
      <c r="AT2203" s="166">
        <v>0</v>
      </c>
      <c r="AU2203" s="166">
        <v>0</v>
      </c>
      <c r="AV2203" s="166">
        <v>0</v>
      </c>
      <c r="AW2203" s="166">
        <v>0</v>
      </c>
      <c r="AX2203" s="166">
        <v>0</v>
      </c>
      <c r="AY2203" s="166">
        <v>0</v>
      </c>
      <c r="AZ2203" s="166">
        <v>0</v>
      </c>
      <c r="BA2203" s="166">
        <v>0</v>
      </c>
      <c r="BB2203" s="166">
        <v>0</v>
      </c>
      <c r="BC2203" s="166">
        <v>0</v>
      </c>
      <c r="BD2203" s="166">
        <v>0</v>
      </c>
      <c r="BE2203" s="166">
        <v>0</v>
      </c>
      <c r="BF2203" s="166">
        <v>0</v>
      </c>
      <c r="BG2203" s="166">
        <v>0</v>
      </c>
      <c r="BH2203" s="166">
        <v>0</v>
      </c>
      <c r="BI2203" s="166">
        <v>0</v>
      </c>
      <c r="BJ2203" s="166">
        <v>0</v>
      </c>
      <c r="BK2203" s="166">
        <v>0</v>
      </c>
      <c r="BL2203" s="166">
        <v>0</v>
      </c>
      <c r="BM2203" s="166">
        <v>0</v>
      </c>
      <c r="BN2203" s="166">
        <v>0</v>
      </c>
      <c r="BO2203" s="166">
        <v>0</v>
      </c>
      <c r="BP2203" s="166">
        <v>0</v>
      </c>
      <c r="BQ2203" s="166">
        <v>0</v>
      </c>
      <c r="BR2203" s="166">
        <v>6628015.0047757505</v>
      </c>
      <c r="BS2203" s="166">
        <v>6628015.0047757505</v>
      </c>
      <c r="BT2203" s="168">
        <v>0</v>
      </c>
      <c r="BU2203" s="166">
        <v>619081.19233059895</v>
      </c>
      <c r="BV2203" s="166">
        <v>6472072.4968785904</v>
      </c>
      <c r="BW2203" s="166">
        <v>0</v>
      </c>
      <c r="BX2203" s="166">
        <v>0</v>
      </c>
      <c r="BY2203" s="166">
        <v>0</v>
      </c>
      <c r="BZ2203" s="166">
        <v>0</v>
      </c>
      <c r="CA2203" s="166">
        <v>0</v>
      </c>
      <c r="CB2203" s="166">
        <v>0</v>
      </c>
      <c r="CC2203" s="166">
        <v>0</v>
      </c>
      <c r="CD2203" s="166">
        <v>0</v>
      </c>
      <c r="CE2203" s="166">
        <v>0</v>
      </c>
      <c r="CF2203" s="166">
        <v>0</v>
      </c>
      <c r="CG2203" s="166">
        <v>0</v>
      </c>
      <c r="CH2203" s="166">
        <v>0</v>
      </c>
      <c r="CI2203" s="166">
        <v>0</v>
      </c>
      <c r="CJ2203" s="166">
        <v>0</v>
      </c>
      <c r="CK2203" s="166">
        <v>0</v>
      </c>
      <c r="CL2203" s="166">
        <v>0</v>
      </c>
      <c r="CM2203" s="166">
        <v>0</v>
      </c>
      <c r="CN2203" s="166">
        <v>0</v>
      </c>
      <c r="CO2203" s="166">
        <v>0</v>
      </c>
      <c r="CP2203" s="166">
        <v>0</v>
      </c>
      <c r="CQ2203" s="166">
        <v>0</v>
      </c>
      <c r="CR2203" s="166">
        <v>0</v>
      </c>
      <c r="CS2203" s="166">
        <v>0</v>
      </c>
      <c r="CT2203" s="166">
        <v>0</v>
      </c>
      <c r="CU2203" s="166">
        <v>0</v>
      </c>
      <c r="CV2203" s="166">
        <v>0</v>
      </c>
      <c r="CW2203" s="166">
        <v>0</v>
      </c>
      <c r="CX2203" s="166">
        <v>0</v>
      </c>
      <c r="CY2203" s="166">
        <v>6472072.4968785904</v>
      </c>
      <c r="CZ2203" s="166">
        <v>6472072.4968785904</v>
      </c>
    </row>
    <row r="2204" spans="1:104" x14ac:dyDescent="0.2">
      <c r="A2204" s="167" t="s">
        <v>610</v>
      </c>
      <c r="B2204" s="166">
        <v>99123827.422138199</v>
      </c>
      <c r="C2204" s="166">
        <v>99123827.422138199</v>
      </c>
      <c r="D2204" s="166">
        <v>0</v>
      </c>
      <c r="E2204" s="166">
        <v>0</v>
      </c>
      <c r="F2204" s="166">
        <v>0</v>
      </c>
      <c r="G2204" s="166">
        <v>0</v>
      </c>
      <c r="H2204" s="166">
        <v>0</v>
      </c>
      <c r="I2204" s="166">
        <v>0</v>
      </c>
      <c r="J2204" s="166">
        <v>0</v>
      </c>
      <c r="K2204" s="166">
        <v>0</v>
      </c>
      <c r="L2204" s="166">
        <v>0</v>
      </c>
      <c r="M2204" s="166">
        <v>0</v>
      </c>
      <c r="N2204" s="166">
        <v>0</v>
      </c>
      <c r="O2204" s="166">
        <v>0</v>
      </c>
      <c r="P2204" s="166">
        <v>0</v>
      </c>
      <c r="Q2204" s="166">
        <v>0</v>
      </c>
      <c r="R2204" s="166">
        <v>0</v>
      </c>
      <c r="S2204" s="166">
        <v>0</v>
      </c>
      <c r="T2204" s="166">
        <v>0</v>
      </c>
      <c r="U2204" s="166">
        <v>0</v>
      </c>
      <c r="V2204" s="166">
        <v>0</v>
      </c>
      <c r="W2204" s="166">
        <v>0</v>
      </c>
      <c r="X2204" s="166">
        <v>0</v>
      </c>
      <c r="Y2204" s="166">
        <v>0</v>
      </c>
      <c r="Z2204" s="166">
        <v>0</v>
      </c>
      <c r="AA2204" s="166">
        <v>0</v>
      </c>
      <c r="AB2204" s="166">
        <v>0</v>
      </c>
      <c r="AC2204" s="166">
        <v>0</v>
      </c>
      <c r="AD2204" s="166">
        <v>0</v>
      </c>
      <c r="AE2204" s="166">
        <v>0</v>
      </c>
      <c r="AF2204" s="166">
        <v>0</v>
      </c>
      <c r="AG2204" s="166">
        <v>0</v>
      </c>
      <c r="AH2204" s="166">
        <v>0</v>
      </c>
      <c r="AI2204" s="166">
        <v>0</v>
      </c>
      <c r="AJ2204" s="166">
        <v>0</v>
      </c>
      <c r="AK2204" s="166">
        <v>0</v>
      </c>
      <c r="AL2204" s="166">
        <v>0</v>
      </c>
      <c r="AM2204" s="166">
        <v>0</v>
      </c>
      <c r="AN2204" s="166">
        <v>0</v>
      </c>
      <c r="AO2204" s="166">
        <v>0</v>
      </c>
      <c r="AP2204" s="166">
        <v>0</v>
      </c>
      <c r="AQ2204" s="166">
        <v>0</v>
      </c>
      <c r="AR2204" s="166">
        <v>0</v>
      </c>
      <c r="AS2204" s="166">
        <v>0</v>
      </c>
      <c r="AT2204" s="166">
        <v>0</v>
      </c>
      <c r="AU2204" s="166">
        <v>0</v>
      </c>
      <c r="AV2204" s="166">
        <v>0</v>
      </c>
      <c r="AW2204" s="166">
        <v>0</v>
      </c>
      <c r="AX2204" s="166">
        <v>0</v>
      </c>
      <c r="AY2204" s="166">
        <v>0</v>
      </c>
      <c r="AZ2204" s="166">
        <v>0</v>
      </c>
      <c r="BA2204" s="166">
        <v>0</v>
      </c>
      <c r="BB2204" s="166">
        <v>0</v>
      </c>
      <c r="BC2204" s="166">
        <v>0</v>
      </c>
      <c r="BD2204" s="166">
        <v>0</v>
      </c>
      <c r="BE2204" s="166">
        <v>0</v>
      </c>
      <c r="BF2204" s="166">
        <v>0</v>
      </c>
      <c r="BG2204" s="166">
        <v>0</v>
      </c>
      <c r="BH2204" s="166">
        <v>0</v>
      </c>
      <c r="BI2204" s="166">
        <v>0</v>
      </c>
      <c r="BJ2204" s="166">
        <v>0</v>
      </c>
      <c r="BK2204" s="166">
        <v>0</v>
      </c>
      <c r="BL2204" s="166">
        <v>0</v>
      </c>
      <c r="BM2204" s="166">
        <v>0</v>
      </c>
      <c r="BN2204" s="166">
        <v>0</v>
      </c>
      <c r="BO2204" s="166">
        <v>0</v>
      </c>
      <c r="BP2204" s="166">
        <v>0</v>
      </c>
      <c r="BQ2204" s="166">
        <v>0</v>
      </c>
      <c r="BR2204" s="166">
        <v>99123827.422138199</v>
      </c>
      <c r="BS2204" s="166">
        <v>99123827.422138199</v>
      </c>
      <c r="BT2204" s="168">
        <v>0</v>
      </c>
      <c r="BU2204" s="166">
        <v>8597538.5097310003</v>
      </c>
      <c r="BV2204" s="166">
        <v>99123358.641680196</v>
      </c>
      <c r="BW2204" s="166">
        <v>0</v>
      </c>
      <c r="BX2204" s="166">
        <v>0</v>
      </c>
      <c r="BY2204" s="166">
        <v>0</v>
      </c>
      <c r="BZ2204" s="166">
        <v>0</v>
      </c>
      <c r="CA2204" s="166">
        <v>0</v>
      </c>
      <c r="CB2204" s="166">
        <v>0</v>
      </c>
      <c r="CC2204" s="166">
        <v>0</v>
      </c>
      <c r="CD2204" s="166">
        <v>0</v>
      </c>
      <c r="CE2204" s="166">
        <v>0</v>
      </c>
      <c r="CF2204" s="166">
        <v>0</v>
      </c>
      <c r="CG2204" s="166">
        <v>0</v>
      </c>
      <c r="CH2204" s="166">
        <v>0</v>
      </c>
      <c r="CI2204" s="166">
        <v>0</v>
      </c>
      <c r="CJ2204" s="166">
        <v>0</v>
      </c>
      <c r="CK2204" s="166">
        <v>0</v>
      </c>
      <c r="CL2204" s="166">
        <v>0</v>
      </c>
      <c r="CM2204" s="166">
        <v>0</v>
      </c>
      <c r="CN2204" s="166">
        <v>0</v>
      </c>
      <c r="CO2204" s="166">
        <v>0</v>
      </c>
      <c r="CP2204" s="166">
        <v>0</v>
      </c>
      <c r="CQ2204" s="166">
        <v>0</v>
      </c>
      <c r="CR2204" s="166">
        <v>0</v>
      </c>
      <c r="CS2204" s="166">
        <v>0</v>
      </c>
      <c r="CT2204" s="166">
        <v>0</v>
      </c>
      <c r="CU2204" s="166">
        <v>0</v>
      </c>
      <c r="CV2204" s="166">
        <v>0</v>
      </c>
      <c r="CW2204" s="166">
        <v>0</v>
      </c>
      <c r="CX2204" s="166">
        <v>0</v>
      </c>
      <c r="CY2204" s="166">
        <v>99123358.641680196</v>
      </c>
      <c r="CZ2204" s="166">
        <v>99123358.641680196</v>
      </c>
    </row>
    <row r="2205" spans="1:104" x14ac:dyDescent="0.2">
      <c r="A2205" s="167" t="s">
        <v>611</v>
      </c>
      <c r="B2205" s="166">
        <v>6573779.4368097596</v>
      </c>
      <c r="C2205" s="166">
        <v>6573779.4368097596</v>
      </c>
      <c r="D2205" s="166">
        <v>0</v>
      </c>
      <c r="E2205" s="166">
        <v>0</v>
      </c>
      <c r="F2205" s="166">
        <v>0</v>
      </c>
      <c r="G2205" s="166">
        <v>0</v>
      </c>
      <c r="H2205" s="166">
        <v>0</v>
      </c>
      <c r="I2205" s="166">
        <v>0</v>
      </c>
      <c r="J2205" s="166">
        <v>0</v>
      </c>
      <c r="K2205" s="166">
        <v>0</v>
      </c>
      <c r="L2205" s="166">
        <v>0</v>
      </c>
      <c r="M2205" s="166">
        <v>0</v>
      </c>
      <c r="N2205" s="166">
        <v>0</v>
      </c>
      <c r="O2205" s="166">
        <v>0</v>
      </c>
      <c r="P2205" s="166">
        <v>0</v>
      </c>
      <c r="Q2205" s="166">
        <v>0</v>
      </c>
      <c r="R2205" s="166">
        <v>0</v>
      </c>
      <c r="S2205" s="166">
        <v>0</v>
      </c>
      <c r="T2205" s="166">
        <v>0</v>
      </c>
      <c r="U2205" s="166">
        <v>0</v>
      </c>
      <c r="V2205" s="166">
        <v>0</v>
      </c>
      <c r="W2205" s="166">
        <v>0</v>
      </c>
      <c r="X2205" s="166">
        <v>0</v>
      </c>
      <c r="Y2205" s="166">
        <v>0</v>
      </c>
      <c r="Z2205" s="166">
        <v>0</v>
      </c>
      <c r="AA2205" s="166">
        <v>0</v>
      </c>
      <c r="AB2205" s="166">
        <v>0</v>
      </c>
      <c r="AC2205" s="166">
        <v>0</v>
      </c>
      <c r="AD2205" s="166">
        <v>0</v>
      </c>
      <c r="AE2205" s="166">
        <v>0</v>
      </c>
      <c r="AF2205" s="166">
        <v>0</v>
      </c>
      <c r="AG2205" s="166">
        <v>0</v>
      </c>
      <c r="AH2205" s="166">
        <v>0</v>
      </c>
      <c r="AI2205" s="166">
        <v>0</v>
      </c>
      <c r="AJ2205" s="166">
        <v>0</v>
      </c>
      <c r="AK2205" s="166">
        <v>0</v>
      </c>
      <c r="AL2205" s="166">
        <v>0</v>
      </c>
      <c r="AM2205" s="166">
        <v>0</v>
      </c>
      <c r="AN2205" s="166">
        <v>0</v>
      </c>
      <c r="AO2205" s="166">
        <v>0</v>
      </c>
      <c r="AP2205" s="166">
        <v>0</v>
      </c>
      <c r="AQ2205" s="166">
        <v>0</v>
      </c>
      <c r="AR2205" s="166">
        <v>0</v>
      </c>
      <c r="AS2205" s="166">
        <v>0</v>
      </c>
      <c r="AT2205" s="166">
        <v>0</v>
      </c>
      <c r="AU2205" s="166">
        <v>0</v>
      </c>
      <c r="AV2205" s="166">
        <v>0</v>
      </c>
      <c r="AW2205" s="166">
        <v>0</v>
      </c>
      <c r="AX2205" s="166">
        <v>0</v>
      </c>
      <c r="AY2205" s="166">
        <v>0</v>
      </c>
      <c r="AZ2205" s="166">
        <v>0</v>
      </c>
      <c r="BA2205" s="166">
        <v>0</v>
      </c>
      <c r="BB2205" s="166">
        <v>0</v>
      </c>
      <c r="BC2205" s="166">
        <v>0</v>
      </c>
      <c r="BD2205" s="166">
        <v>0</v>
      </c>
      <c r="BE2205" s="166">
        <v>0</v>
      </c>
      <c r="BF2205" s="166">
        <v>0</v>
      </c>
      <c r="BG2205" s="166">
        <v>0</v>
      </c>
      <c r="BH2205" s="166">
        <v>0</v>
      </c>
      <c r="BI2205" s="166">
        <v>0</v>
      </c>
      <c r="BJ2205" s="166">
        <v>0</v>
      </c>
      <c r="BK2205" s="166">
        <v>0</v>
      </c>
      <c r="BL2205" s="166">
        <v>0</v>
      </c>
      <c r="BM2205" s="166">
        <v>0</v>
      </c>
      <c r="BN2205" s="166">
        <v>0</v>
      </c>
      <c r="BO2205" s="166">
        <v>0</v>
      </c>
      <c r="BP2205" s="166">
        <v>0</v>
      </c>
      <c r="BQ2205" s="166">
        <v>0</v>
      </c>
      <c r="BR2205" s="166">
        <v>6573779.4368097596</v>
      </c>
      <c r="BS2205" s="166">
        <v>6573779.4368097596</v>
      </c>
      <c r="BT2205" s="168">
        <v>0</v>
      </c>
      <c r="BU2205" s="166">
        <v>303376.13369741198</v>
      </c>
      <c r="BV2205" s="166">
        <v>6221224.4152850099</v>
      </c>
      <c r="BW2205" s="166">
        <v>0</v>
      </c>
      <c r="BX2205" s="166">
        <v>0</v>
      </c>
      <c r="BY2205" s="166">
        <v>0</v>
      </c>
      <c r="BZ2205" s="166">
        <v>0</v>
      </c>
      <c r="CA2205" s="166">
        <v>0</v>
      </c>
      <c r="CB2205" s="166">
        <v>0</v>
      </c>
      <c r="CC2205" s="166">
        <v>0</v>
      </c>
      <c r="CD2205" s="166">
        <v>0</v>
      </c>
      <c r="CE2205" s="166">
        <v>0</v>
      </c>
      <c r="CF2205" s="166">
        <v>0</v>
      </c>
      <c r="CG2205" s="166">
        <v>0</v>
      </c>
      <c r="CH2205" s="166">
        <v>0</v>
      </c>
      <c r="CI2205" s="166">
        <v>0</v>
      </c>
      <c r="CJ2205" s="166">
        <v>0</v>
      </c>
      <c r="CK2205" s="166">
        <v>0</v>
      </c>
      <c r="CL2205" s="166">
        <v>0</v>
      </c>
      <c r="CM2205" s="166">
        <v>0</v>
      </c>
      <c r="CN2205" s="166">
        <v>0</v>
      </c>
      <c r="CO2205" s="166">
        <v>0</v>
      </c>
      <c r="CP2205" s="166">
        <v>0</v>
      </c>
      <c r="CQ2205" s="166">
        <v>0</v>
      </c>
      <c r="CR2205" s="166">
        <v>0</v>
      </c>
      <c r="CS2205" s="166">
        <v>0</v>
      </c>
      <c r="CT2205" s="166">
        <v>0</v>
      </c>
      <c r="CU2205" s="166">
        <v>0</v>
      </c>
      <c r="CV2205" s="166">
        <v>0</v>
      </c>
      <c r="CW2205" s="166">
        <v>0</v>
      </c>
      <c r="CX2205" s="166">
        <v>0</v>
      </c>
      <c r="CY2205" s="166">
        <v>6221224.4152850099</v>
      </c>
      <c r="CZ2205" s="166">
        <v>6221224.4152850099</v>
      </c>
    </row>
    <row r="2206" spans="1:104" x14ac:dyDescent="0.2">
      <c r="A2206" s="167" t="s">
        <v>612</v>
      </c>
      <c r="B2206" s="166">
        <v>3821159.5825586598</v>
      </c>
      <c r="C2206" s="166">
        <v>3821159.5825586598</v>
      </c>
      <c r="D2206" s="166">
        <v>0</v>
      </c>
      <c r="E2206" s="166">
        <v>0</v>
      </c>
      <c r="F2206" s="166">
        <v>0</v>
      </c>
      <c r="G2206" s="166">
        <v>0</v>
      </c>
      <c r="H2206" s="166">
        <v>0</v>
      </c>
      <c r="I2206" s="166">
        <v>0</v>
      </c>
      <c r="J2206" s="166">
        <v>0</v>
      </c>
      <c r="K2206" s="166">
        <v>0</v>
      </c>
      <c r="L2206" s="166">
        <v>0</v>
      </c>
      <c r="M2206" s="166">
        <v>0</v>
      </c>
      <c r="N2206" s="166">
        <v>0</v>
      </c>
      <c r="O2206" s="166">
        <v>0</v>
      </c>
      <c r="P2206" s="166">
        <v>0</v>
      </c>
      <c r="Q2206" s="166">
        <v>0</v>
      </c>
      <c r="R2206" s="166">
        <v>0</v>
      </c>
      <c r="S2206" s="166">
        <v>0</v>
      </c>
      <c r="T2206" s="166">
        <v>0</v>
      </c>
      <c r="U2206" s="166">
        <v>0</v>
      </c>
      <c r="V2206" s="166">
        <v>0</v>
      </c>
      <c r="W2206" s="166">
        <v>0</v>
      </c>
      <c r="X2206" s="166">
        <v>0</v>
      </c>
      <c r="Y2206" s="166">
        <v>0</v>
      </c>
      <c r="Z2206" s="166">
        <v>0</v>
      </c>
      <c r="AA2206" s="166">
        <v>0</v>
      </c>
      <c r="AB2206" s="166">
        <v>0</v>
      </c>
      <c r="AC2206" s="166">
        <v>0</v>
      </c>
      <c r="AD2206" s="166">
        <v>0</v>
      </c>
      <c r="AE2206" s="166">
        <v>0</v>
      </c>
      <c r="AF2206" s="166">
        <v>0</v>
      </c>
      <c r="AG2206" s="166">
        <v>0</v>
      </c>
      <c r="AH2206" s="166">
        <v>0</v>
      </c>
      <c r="AI2206" s="166">
        <v>0</v>
      </c>
      <c r="AJ2206" s="166">
        <v>0</v>
      </c>
      <c r="AK2206" s="166">
        <v>0</v>
      </c>
      <c r="AL2206" s="166">
        <v>0</v>
      </c>
      <c r="AM2206" s="166">
        <v>0</v>
      </c>
      <c r="AN2206" s="166">
        <v>0</v>
      </c>
      <c r="AO2206" s="166">
        <v>0</v>
      </c>
      <c r="AP2206" s="166">
        <v>0</v>
      </c>
      <c r="AQ2206" s="166">
        <v>0</v>
      </c>
      <c r="AR2206" s="166">
        <v>0</v>
      </c>
      <c r="AS2206" s="166">
        <v>0</v>
      </c>
      <c r="AT2206" s="166">
        <v>0</v>
      </c>
      <c r="AU2206" s="166">
        <v>0</v>
      </c>
      <c r="AV2206" s="166">
        <v>0</v>
      </c>
      <c r="AW2206" s="166">
        <v>0</v>
      </c>
      <c r="AX2206" s="166">
        <v>0</v>
      </c>
      <c r="AY2206" s="166">
        <v>0</v>
      </c>
      <c r="AZ2206" s="166">
        <v>0</v>
      </c>
      <c r="BA2206" s="166">
        <v>0</v>
      </c>
      <c r="BB2206" s="166">
        <v>0</v>
      </c>
      <c r="BC2206" s="166">
        <v>0</v>
      </c>
      <c r="BD2206" s="166">
        <v>0</v>
      </c>
      <c r="BE2206" s="166">
        <v>0</v>
      </c>
      <c r="BF2206" s="166">
        <v>0</v>
      </c>
      <c r="BG2206" s="166">
        <v>0</v>
      </c>
      <c r="BH2206" s="166">
        <v>0</v>
      </c>
      <c r="BI2206" s="166">
        <v>0</v>
      </c>
      <c r="BJ2206" s="166">
        <v>0</v>
      </c>
      <c r="BK2206" s="166">
        <v>0</v>
      </c>
      <c r="BL2206" s="166">
        <v>0</v>
      </c>
      <c r="BM2206" s="166">
        <v>0</v>
      </c>
      <c r="BN2206" s="166">
        <v>0</v>
      </c>
      <c r="BO2206" s="166">
        <v>0</v>
      </c>
      <c r="BP2206" s="166">
        <v>0</v>
      </c>
      <c r="BQ2206" s="166">
        <v>0</v>
      </c>
      <c r="BR2206" s="166">
        <v>3821159.5825586598</v>
      </c>
      <c r="BS2206" s="166">
        <v>3821159.5825586598</v>
      </c>
      <c r="BT2206" s="168">
        <v>0</v>
      </c>
      <c r="BU2206" s="166">
        <v>277724.54555014701</v>
      </c>
      <c r="BV2206" s="166">
        <v>3745837.7569265999</v>
      </c>
      <c r="BW2206" s="166">
        <v>0</v>
      </c>
      <c r="BX2206" s="166">
        <v>0</v>
      </c>
      <c r="BY2206" s="166">
        <v>0</v>
      </c>
      <c r="BZ2206" s="166">
        <v>0</v>
      </c>
      <c r="CA2206" s="166">
        <v>0</v>
      </c>
      <c r="CB2206" s="166">
        <v>0</v>
      </c>
      <c r="CC2206" s="166">
        <v>0</v>
      </c>
      <c r="CD2206" s="166">
        <v>0</v>
      </c>
      <c r="CE2206" s="166">
        <v>0</v>
      </c>
      <c r="CF2206" s="166">
        <v>0</v>
      </c>
      <c r="CG2206" s="166">
        <v>0</v>
      </c>
      <c r="CH2206" s="166">
        <v>0</v>
      </c>
      <c r="CI2206" s="166">
        <v>0</v>
      </c>
      <c r="CJ2206" s="166">
        <v>0</v>
      </c>
      <c r="CK2206" s="166">
        <v>0</v>
      </c>
      <c r="CL2206" s="166">
        <v>0</v>
      </c>
      <c r="CM2206" s="166">
        <v>0</v>
      </c>
      <c r="CN2206" s="166">
        <v>0</v>
      </c>
      <c r="CO2206" s="166">
        <v>0</v>
      </c>
      <c r="CP2206" s="166">
        <v>0</v>
      </c>
      <c r="CQ2206" s="166">
        <v>0</v>
      </c>
      <c r="CR2206" s="166">
        <v>0</v>
      </c>
      <c r="CS2206" s="166">
        <v>0</v>
      </c>
      <c r="CT2206" s="166">
        <v>0</v>
      </c>
      <c r="CU2206" s="166">
        <v>0</v>
      </c>
      <c r="CV2206" s="166">
        <v>0</v>
      </c>
      <c r="CW2206" s="166">
        <v>0</v>
      </c>
      <c r="CX2206" s="166">
        <v>0</v>
      </c>
      <c r="CY2206" s="166">
        <v>3745837.7569265999</v>
      </c>
      <c r="CZ2206" s="166">
        <v>3745837.7569265999</v>
      </c>
    </row>
    <row r="2207" spans="1:104" x14ac:dyDescent="0.2">
      <c r="A2207" s="167" t="s">
        <v>613</v>
      </c>
      <c r="B2207" s="166">
        <v>149701099.95860001</v>
      </c>
      <c r="C2207" s="166">
        <v>149701099.95860001</v>
      </c>
      <c r="D2207" s="166">
        <v>0</v>
      </c>
      <c r="E2207" s="166">
        <v>0</v>
      </c>
      <c r="F2207" s="166">
        <v>0</v>
      </c>
      <c r="G2207" s="166">
        <v>0</v>
      </c>
      <c r="H2207" s="166">
        <v>0</v>
      </c>
      <c r="I2207" s="166">
        <v>0</v>
      </c>
      <c r="J2207" s="166">
        <v>0</v>
      </c>
      <c r="K2207" s="166">
        <v>0</v>
      </c>
      <c r="L2207" s="166">
        <v>0</v>
      </c>
      <c r="M2207" s="166">
        <v>0</v>
      </c>
      <c r="N2207" s="166">
        <v>0</v>
      </c>
      <c r="O2207" s="166">
        <v>0</v>
      </c>
      <c r="P2207" s="166">
        <v>0</v>
      </c>
      <c r="Q2207" s="166">
        <v>0</v>
      </c>
      <c r="R2207" s="166">
        <v>0</v>
      </c>
      <c r="S2207" s="166">
        <v>0</v>
      </c>
      <c r="T2207" s="166">
        <v>0</v>
      </c>
      <c r="U2207" s="166">
        <v>0</v>
      </c>
      <c r="V2207" s="166">
        <v>0</v>
      </c>
      <c r="W2207" s="166">
        <v>0</v>
      </c>
      <c r="X2207" s="166">
        <v>0</v>
      </c>
      <c r="Y2207" s="166">
        <v>0</v>
      </c>
      <c r="Z2207" s="166">
        <v>0</v>
      </c>
      <c r="AA2207" s="166">
        <v>0</v>
      </c>
      <c r="AB2207" s="166">
        <v>0</v>
      </c>
      <c r="AC2207" s="166">
        <v>0</v>
      </c>
      <c r="AD2207" s="166">
        <v>0</v>
      </c>
      <c r="AE2207" s="166">
        <v>0</v>
      </c>
      <c r="AF2207" s="166">
        <v>0</v>
      </c>
      <c r="AG2207" s="166">
        <v>0</v>
      </c>
      <c r="AH2207" s="166">
        <v>0</v>
      </c>
      <c r="AI2207" s="166">
        <v>0</v>
      </c>
      <c r="AJ2207" s="166">
        <v>0</v>
      </c>
      <c r="AK2207" s="166">
        <v>0</v>
      </c>
      <c r="AL2207" s="166">
        <v>0</v>
      </c>
      <c r="AM2207" s="166">
        <v>0</v>
      </c>
      <c r="AN2207" s="166">
        <v>0</v>
      </c>
      <c r="AO2207" s="166">
        <v>0</v>
      </c>
      <c r="AP2207" s="166">
        <v>0</v>
      </c>
      <c r="AQ2207" s="166">
        <v>0</v>
      </c>
      <c r="AR2207" s="166">
        <v>0</v>
      </c>
      <c r="AS2207" s="166">
        <v>0</v>
      </c>
      <c r="AT2207" s="166">
        <v>0</v>
      </c>
      <c r="AU2207" s="166">
        <v>0</v>
      </c>
      <c r="AV2207" s="166">
        <v>0</v>
      </c>
      <c r="AW2207" s="166">
        <v>0</v>
      </c>
      <c r="AX2207" s="166">
        <v>0</v>
      </c>
      <c r="AY2207" s="166">
        <v>0</v>
      </c>
      <c r="AZ2207" s="166">
        <v>0</v>
      </c>
      <c r="BA2207" s="166">
        <v>0</v>
      </c>
      <c r="BB2207" s="166">
        <v>0</v>
      </c>
      <c r="BC2207" s="166">
        <v>0</v>
      </c>
      <c r="BD2207" s="166">
        <v>0</v>
      </c>
      <c r="BE2207" s="166">
        <v>0</v>
      </c>
      <c r="BF2207" s="166">
        <v>0</v>
      </c>
      <c r="BG2207" s="166">
        <v>0</v>
      </c>
      <c r="BH2207" s="166">
        <v>0</v>
      </c>
      <c r="BI2207" s="166">
        <v>0</v>
      </c>
      <c r="BJ2207" s="166">
        <v>0</v>
      </c>
      <c r="BK2207" s="166">
        <v>0</v>
      </c>
      <c r="BL2207" s="166">
        <v>0</v>
      </c>
      <c r="BM2207" s="166">
        <v>0</v>
      </c>
      <c r="BN2207" s="166">
        <v>0</v>
      </c>
      <c r="BO2207" s="166">
        <v>0</v>
      </c>
      <c r="BP2207" s="166">
        <v>0</v>
      </c>
      <c r="BQ2207" s="166">
        <v>0</v>
      </c>
      <c r="BR2207" s="166">
        <v>149701099.95860001</v>
      </c>
      <c r="BS2207" s="166">
        <v>149701099.95860001</v>
      </c>
      <c r="BT2207" s="168">
        <v>0</v>
      </c>
      <c r="BU2207" s="166">
        <v>10857817.5602198</v>
      </c>
      <c r="BV2207" s="166">
        <v>148740069.28437099</v>
      </c>
      <c r="BW2207" s="166">
        <v>0</v>
      </c>
      <c r="BX2207" s="166">
        <v>0</v>
      </c>
      <c r="BY2207" s="166">
        <v>0</v>
      </c>
      <c r="BZ2207" s="166">
        <v>0</v>
      </c>
      <c r="CA2207" s="166">
        <v>0</v>
      </c>
      <c r="CB2207" s="166">
        <v>0</v>
      </c>
      <c r="CC2207" s="166">
        <v>0</v>
      </c>
      <c r="CD2207" s="166">
        <v>0</v>
      </c>
      <c r="CE2207" s="166">
        <v>0</v>
      </c>
      <c r="CF2207" s="166">
        <v>0</v>
      </c>
      <c r="CG2207" s="166">
        <v>0</v>
      </c>
      <c r="CH2207" s="166">
        <v>0</v>
      </c>
      <c r="CI2207" s="166">
        <v>0</v>
      </c>
      <c r="CJ2207" s="166">
        <v>0</v>
      </c>
      <c r="CK2207" s="166">
        <v>0</v>
      </c>
      <c r="CL2207" s="166">
        <v>0</v>
      </c>
      <c r="CM2207" s="166">
        <v>0</v>
      </c>
      <c r="CN2207" s="166">
        <v>0</v>
      </c>
      <c r="CO2207" s="166">
        <v>0</v>
      </c>
      <c r="CP2207" s="166">
        <v>0</v>
      </c>
      <c r="CQ2207" s="166">
        <v>0</v>
      </c>
      <c r="CR2207" s="166">
        <v>0</v>
      </c>
      <c r="CS2207" s="166">
        <v>0</v>
      </c>
      <c r="CT2207" s="166">
        <v>0</v>
      </c>
      <c r="CU2207" s="166">
        <v>0</v>
      </c>
      <c r="CV2207" s="166">
        <v>0</v>
      </c>
      <c r="CW2207" s="166">
        <v>0</v>
      </c>
      <c r="CX2207" s="166">
        <v>0</v>
      </c>
      <c r="CY2207" s="166">
        <v>148740069.28437099</v>
      </c>
      <c r="CZ2207" s="166">
        <v>148740069.28437099</v>
      </c>
    </row>
    <row r="2208" spans="1:104" x14ac:dyDescent="0.2">
      <c r="A2208" s="167" t="s">
        <v>614</v>
      </c>
      <c r="B2208" s="166">
        <v>0</v>
      </c>
      <c r="C2208" s="166">
        <v>0</v>
      </c>
      <c r="D2208" s="166">
        <v>0</v>
      </c>
      <c r="E2208" s="166">
        <v>0</v>
      </c>
      <c r="F2208" s="166">
        <v>0</v>
      </c>
      <c r="G2208" s="166">
        <v>0</v>
      </c>
      <c r="H2208" s="166">
        <v>0</v>
      </c>
      <c r="I2208" s="166">
        <v>0</v>
      </c>
      <c r="J2208" s="166">
        <v>0</v>
      </c>
      <c r="K2208" s="166">
        <v>0</v>
      </c>
      <c r="L2208" s="166">
        <v>0</v>
      </c>
      <c r="M2208" s="166">
        <v>0</v>
      </c>
      <c r="N2208" s="166">
        <v>0</v>
      </c>
      <c r="O2208" s="166">
        <v>0</v>
      </c>
      <c r="P2208" s="166">
        <v>0</v>
      </c>
      <c r="Q2208" s="166">
        <v>0</v>
      </c>
      <c r="R2208" s="166">
        <v>0</v>
      </c>
      <c r="S2208" s="166">
        <v>0</v>
      </c>
      <c r="T2208" s="166">
        <v>0</v>
      </c>
      <c r="U2208" s="166">
        <v>0</v>
      </c>
      <c r="V2208" s="166">
        <v>0</v>
      </c>
      <c r="W2208" s="166">
        <v>0</v>
      </c>
      <c r="X2208" s="166">
        <v>0</v>
      </c>
      <c r="Y2208" s="166">
        <v>0</v>
      </c>
      <c r="Z2208" s="166">
        <v>0</v>
      </c>
      <c r="AA2208" s="166">
        <v>0</v>
      </c>
      <c r="AB2208" s="166">
        <v>0</v>
      </c>
      <c r="AC2208" s="166">
        <v>0</v>
      </c>
      <c r="AD2208" s="166">
        <v>0</v>
      </c>
      <c r="AE2208" s="166">
        <v>0</v>
      </c>
      <c r="AF2208" s="166">
        <v>0</v>
      </c>
      <c r="AG2208" s="166">
        <v>0</v>
      </c>
      <c r="AH2208" s="166">
        <v>0</v>
      </c>
      <c r="AI2208" s="166">
        <v>0</v>
      </c>
      <c r="AJ2208" s="166">
        <v>0</v>
      </c>
      <c r="AK2208" s="166">
        <v>0</v>
      </c>
      <c r="AL2208" s="166">
        <v>0</v>
      </c>
      <c r="AM2208" s="166">
        <v>0</v>
      </c>
      <c r="AN2208" s="166">
        <v>0</v>
      </c>
      <c r="AO2208" s="166">
        <v>0</v>
      </c>
      <c r="AP2208" s="166">
        <v>0</v>
      </c>
      <c r="AQ2208" s="166">
        <v>0</v>
      </c>
      <c r="AR2208" s="166">
        <v>0</v>
      </c>
      <c r="AS2208" s="166">
        <v>0</v>
      </c>
      <c r="AT2208" s="166">
        <v>0</v>
      </c>
      <c r="AU2208" s="166">
        <v>0</v>
      </c>
      <c r="AV2208" s="166">
        <v>0</v>
      </c>
      <c r="AW2208" s="166">
        <v>0</v>
      </c>
      <c r="AX2208" s="166">
        <v>0</v>
      </c>
      <c r="AY2208" s="166">
        <v>0</v>
      </c>
      <c r="AZ2208" s="166">
        <v>0</v>
      </c>
      <c r="BA2208" s="166">
        <v>0</v>
      </c>
      <c r="BB2208" s="166">
        <v>0</v>
      </c>
      <c r="BC2208" s="166">
        <v>0</v>
      </c>
      <c r="BD2208" s="166">
        <v>0</v>
      </c>
      <c r="BE2208" s="166">
        <v>0</v>
      </c>
      <c r="BF2208" s="166">
        <v>0</v>
      </c>
      <c r="BG2208" s="166">
        <v>0</v>
      </c>
      <c r="BH2208" s="166">
        <v>0</v>
      </c>
      <c r="BI2208" s="166">
        <v>0</v>
      </c>
      <c r="BJ2208" s="166">
        <v>0</v>
      </c>
      <c r="BK2208" s="166">
        <v>0</v>
      </c>
      <c r="BL2208" s="166">
        <v>0</v>
      </c>
      <c r="BM2208" s="166">
        <v>0</v>
      </c>
      <c r="BN2208" s="166">
        <v>0</v>
      </c>
      <c r="BO2208" s="166">
        <v>0</v>
      </c>
      <c r="BP2208" s="166">
        <v>0</v>
      </c>
      <c r="BQ2208" s="166">
        <v>0</v>
      </c>
      <c r="BR2208" s="166">
        <v>0</v>
      </c>
      <c r="BS2208" s="166">
        <v>0</v>
      </c>
      <c r="BT2208" s="168">
        <v>0</v>
      </c>
      <c r="BU2208" s="166">
        <v>0</v>
      </c>
      <c r="BV2208" s="166">
        <v>0</v>
      </c>
      <c r="BW2208" s="166">
        <v>0</v>
      </c>
      <c r="BX2208" s="166">
        <v>0</v>
      </c>
      <c r="BY2208" s="166">
        <v>0</v>
      </c>
      <c r="BZ2208" s="166">
        <v>0</v>
      </c>
      <c r="CA2208" s="166">
        <v>0</v>
      </c>
      <c r="CB2208" s="166">
        <v>0</v>
      </c>
      <c r="CC2208" s="166">
        <v>0</v>
      </c>
      <c r="CD2208" s="166">
        <v>0</v>
      </c>
      <c r="CE2208" s="166">
        <v>0</v>
      </c>
      <c r="CF2208" s="166">
        <v>0</v>
      </c>
      <c r="CG2208" s="166">
        <v>0</v>
      </c>
      <c r="CH2208" s="166">
        <v>0</v>
      </c>
      <c r="CI2208" s="166">
        <v>0</v>
      </c>
      <c r="CJ2208" s="166">
        <v>0</v>
      </c>
      <c r="CK2208" s="166">
        <v>0</v>
      </c>
      <c r="CL2208" s="166">
        <v>0</v>
      </c>
      <c r="CM2208" s="166">
        <v>0</v>
      </c>
      <c r="CN2208" s="166">
        <v>0</v>
      </c>
      <c r="CO2208" s="166">
        <v>0</v>
      </c>
      <c r="CP2208" s="166">
        <v>0</v>
      </c>
      <c r="CQ2208" s="166">
        <v>0</v>
      </c>
      <c r="CR2208" s="166">
        <v>0</v>
      </c>
      <c r="CS2208" s="166">
        <v>0</v>
      </c>
      <c r="CT2208" s="166">
        <v>0</v>
      </c>
      <c r="CU2208" s="166">
        <v>0</v>
      </c>
      <c r="CV2208" s="166">
        <v>0</v>
      </c>
      <c r="CW2208" s="166">
        <v>0</v>
      </c>
      <c r="CX2208" s="166">
        <v>0</v>
      </c>
      <c r="CY2208" s="166">
        <v>0</v>
      </c>
      <c r="CZ2208" s="166">
        <v>0</v>
      </c>
    </row>
    <row r="2209" spans="1:104" x14ac:dyDescent="0.2">
      <c r="A2209" s="167" t="s">
        <v>615</v>
      </c>
      <c r="B2209" s="166">
        <v>207599.60238033</v>
      </c>
      <c r="C2209" s="166">
        <v>207599.60238033</v>
      </c>
      <c r="D2209" s="166">
        <v>0</v>
      </c>
      <c r="E2209" s="166">
        <v>0</v>
      </c>
      <c r="F2209" s="166">
        <v>0</v>
      </c>
      <c r="G2209" s="166">
        <v>0</v>
      </c>
      <c r="H2209" s="166">
        <v>0</v>
      </c>
      <c r="I2209" s="166">
        <v>0</v>
      </c>
      <c r="J2209" s="166">
        <v>0</v>
      </c>
      <c r="K2209" s="166">
        <v>0</v>
      </c>
      <c r="L2209" s="166">
        <v>0</v>
      </c>
      <c r="M2209" s="166">
        <v>0</v>
      </c>
      <c r="N2209" s="166">
        <v>0</v>
      </c>
      <c r="O2209" s="166">
        <v>0</v>
      </c>
      <c r="P2209" s="166">
        <v>0</v>
      </c>
      <c r="Q2209" s="166">
        <v>0</v>
      </c>
      <c r="R2209" s="166">
        <v>0</v>
      </c>
      <c r="S2209" s="166">
        <v>0</v>
      </c>
      <c r="T2209" s="166">
        <v>0</v>
      </c>
      <c r="U2209" s="166">
        <v>0</v>
      </c>
      <c r="V2209" s="166">
        <v>0</v>
      </c>
      <c r="W2209" s="166">
        <v>0</v>
      </c>
      <c r="X2209" s="166">
        <v>0</v>
      </c>
      <c r="Y2209" s="166">
        <v>0</v>
      </c>
      <c r="Z2209" s="166">
        <v>0</v>
      </c>
      <c r="AA2209" s="166">
        <v>0</v>
      </c>
      <c r="AB2209" s="166">
        <v>0</v>
      </c>
      <c r="AC2209" s="166">
        <v>0</v>
      </c>
      <c r="AD2209" s="166">
        <v>0</v>
      </c>
      <c r="AE2209" s="166">
        <v>0</v>
      </c>
      <c r="AF2209" s="166">
        <v>0</v>
      </c>
      <c r="AG2209" s="166">
        <v>0</v>
      </c>
      <c r="AH2209" s="166">
        <v>0</v>
      </c>
      <c r="AI2209" s="166">
        <v>0</v>
      </c>
      <c r="AJ2209" s="166">
        <v>0</v>
      </c>
      <c r="AK2209" s="166">
        <v>0</v>
      </c>
      <c r="AL2209" s="166">
        <v>0</v>
      </c>
      <c r="AM2209" s="166">
        <v>0</v>
      </c>
      <c r="AN2209" s="166">
        <v>0</v>
      </c>
      <c r="AO2209" s="166">
        <v>0</v>
      </c>
      <c r="AP2209" s="166">
        <v>0</v>
      </c>
      <c r="AQ2209" s="166">
        <v>0</v>
      </c>
      <c r="AR2209" s="166">
        <v>0</v>
      </c>
      <c r="AS2209" s="166">
        <v>0</v>
      </c>
      <c r="AT2209" s="166">
        <v>0</v>
      </c>
      <c r="AU2209" s="166">
        <v>0</v>
      </c>
      <c r="AV2209" s="166">
        <v>0</v>
      </c>
      <c r="AW2209" s="166">
        <v>0</v>
      </c>
      <c r="AX2209" s="166">
        <v>0</v>
      </c>
      <c r="AY2209" s="166">
        <v>0</v>
      </c>
      <c r="AZ2209" s="166">
        <v>0</v>
      </c>
      <c r="BA2209" s="166">
        <v>0</v>
      </c>
      <c r="BB2209" s="166">
        <v>0</v>
      </c>
      <c r="BC2209" s="166">
        <v>0</v>
      </c>
      <c r="BD2209" s="166">
        <v>0</v>
      </c>
      <c r="BE2209" s="166">
        <v>0</v>
      </c>
      <c r="BF2209" s="166">
        <v>0</v>
      </c>
      <c r="BG2209" s="166">
        <v>0</v>
      </c>
      <c r="BH2209" s="166">
        <v>0</v>
      </c>
      <c r="BI2209" s="166">
        <v>0</v>
      </c>
      <c r="BJ2209" s="166">
        <v>0</v>
      </c>
      <c r="BK2209" s="166">
        <v>0</v>
      </c>
      <c r="BL2209" s="166">
        <v>0</v>
      </c>
      <c r="BM2209" s="166">
        <v>0</v>
      </c>
      <c r="BN2209" s="166">
        <v>0</v>
      </c>
      <c r="BO2209" s="166">
        <v>0</v>
      </c>
      <c r="BP2209" s="166">
        <v>0</v>
      </c>
      <c r="BQ2209" s="166">
        <v>0</v>
      </c>
      <c r="BR2209" s="166">
        <v>207599.60238033</v>
      </c>
      <c r="BS2209" s="166">
        <v>207599.60238033</v>
      </c>
      <c r="BT2209" s="168">
        <v>0</v>
      </c>
      <c r="BU2209" s="166">
        <v>11614.0591399894</v>
      </c>
      <c r="BV2209" s="166">
        <v>207599.212828141</v>
      </c>
      <c r="BW2209" s="166">
        <v>0</v>
      </c>
      <c r="BX2209" s="166">
        <v>0</v>
      </c>
      <c r="BY2209" s="166">
        <v>0</v>
      </c>
      <c r="BZ2209" s="166">
        <v>0</v>
      </c>
      <c r="CA2209" s="166">
        <v>0</v>
      </c>
      <c r="CB2209" s="166">
        <v>0</v>
      </c>
      <c r="CC2209" s="166">
        <v>0</v>
      </c>
      <c r="CD2209" s="166">
        <v>0</v>
      </c>
      <c r="CE2209" s="166">
        <v>0</v>
      </c>
      <c r="CF2209" s="166">
        <v>0</v>
      </c>
      <c r="CG2209" s="166">
        <v>0</v>
      </c>
      <c r="CH2209" s="166">
        <v>0</v>
      </c>
      <c r="CI2209" s="166">
        <v>0</v>
      </c>
      <c r="CJ2209" s="166">
        <v>0</v>
      </c>
      <c r="CK2209" s="166">
        <v>0</v>
      </c>
      <c r="CL2209" s="166">
        <v>0</v>
      </c>
      <c r="CM2209" s="166">
        <v>0</v>
      </c>
      <c r="CN2209" s="166">
        <v>0</v>
      </c>
      <c r="CO2209" s="166">
        <v>0</v>
      </c>
      <c r="CP2209" s="166">
        <v>0</v>
      </c>
      <c r="CQ2209" s="166">
        <v>0</v>
      </c>
      <c r="CR2209" s="166">
        <v>0</v>
      </c>
      <c r="CS2209" s="166">
        <v>0</v>
      </c>
      <c r="CT2209" s="166">
        <v>0</v>
      </c>
      <c r="CU2209" s="166">
        <v>0</v>
      </c>
      <c r="CV2209" s="166">
        <v>0</v>
      </c>
      <c r="CW2209" s="166">
        <v>0</v>
      </c>
      <c r="CX2209" s="166">
        <v>0</v>
      </c>
      <c r="CY2209" s="166">
        <v>207599.212828141</v>
      </c>
      <c r="CZ2209" s="166">
        <v>207599.212828141</v>
      </c>
    </row>
    <row r="2210" spans="1:104" x14ac:dyDescent="0.2">
      <c r="A2210" s="167" t="s">
        <v>616</v>
      </c>
      <c r="B2210" s="166">
        <v>6563.5816980719201</v>
      </c>
      <c r="C2210" s="166">
        <v>6563.5816980719201</v>
      </c>
      <c r="D2210" s="166">
        <v>0</v>
      </c>
      <c r="E2210" s="166">
        <v>0</v>
      </c>
      <c r="F2210" s="166">
        <v>0</v>
      </c>
      <c r="G2210" s="166">
        <v>0</v>
      </c>
      <c r="H2210" s="166">
        <v>0</v>
      </c>
      <c r="I2210" s="166">
        <v>0</v>
      </c>
      <c r="J2210" s="166">
        <v>0</v>
      </c>
      <c r="K2210" s="166">
        <v>0</v>
      </c>
      <c r="L2210" s="166">
        <v>0</v>
      </c>
      <c r="M2210" s="166">
        <v>0</v>
      </c>
      <c r="N2210" s="166">
        <v>0</v>
      </c>
      <c r="O2210" s="166">
        <v>0</v>
      </c>
      <c r="P2210" s="166">
        <v>0</v>
      </c>
      <c r="Q2210" s="166">
        <v>0</v>
      </c>
      <c r="R2210" s="166">
        <v>0</v>
      </c>
      <c r="S2210" s="166">
        <v>0</v>
      </c>
      <c r="T2210" s="166">
        <v>0</v>
      </c>
      <c r="U2210" s="166">
        <v>0</v>
      </c>
      <c r="V2210" s="166">
        <v>0</v>
      </c>
      <c r="W2210" s="166">
        <v>0</v>
      </c>
      <c r="X2210" s="166">
        <v>0</v>
      </c>
      <c r="Y2210" s="166">
        <v>0</v>
      </c>
      <c r="Z2210" s="166">
        <v>0</v>
      </c>
      <c r="AA2210" s="166">
        <v>0</v>
      </c>
      <c r="AB2210" s="166">
        <v>0</v>
      </c>
      <c r="AC2210" s="166">
        <v>0</v>
      </c>
      <c r="AD2210" s="166">
        <v>0</v>
      </c>
      <c r="AE2210" s="166">
        <v>0</v>
      </c>
      <c r="AF2210" s="166">
        <v>0</v>
      </c>
      <c r="AG2210" s="166">
        <v>0</v>
      </c>
      <c r="AH2210" s="166">
        <v>0</v>
      </c>
      <c r="AI2210" s="166">
        <v>0</v>
      </c>
      <c r="AJ2210" s="166">
        <v>0</v>
      </c>
      <c r="AK2210" s="166">
        <v>0</v>
      </c>
      <c r="AL2210" s="166">
        <v>0</v>
      </c>
      <c r="AM2210" s="166">
        <v>0</v>
      </c>
      <c r="AN2210" s="166">
        <v>0</v>
      </c>
      <c r="AO2210" s="166">
        <v>0</v>
      </c>
      <c r="AP2210" s="166">
        <v>0</v>
      </c>
      <c r="AQ2210" s="166">
        <v>0</v>
      </c>
      <c r="AR2210" s="166">
        <v>0</v>
      </c>
      <c r="AS2210" s="166">
        <v>0</v>
      </c>
      <c r="AT2210" s="166">
        <v>0</v>
      </c>
      <c r="AU2210" s="166">
        <v>0</v>
      </c>
      <c r="AV2210" s="166">
        <v>0</v>
      </c>
      <c r="AW2210" s="166">
        <v>0</v>
      </c>
      <c r="AX2210" s="166">
        <v>0</v>
      </c>
      <c r="AY2210" s="166">
        <v>0</v>
      </c>
      <c r="AZ2210" s="166">
        <v>0</v>
      </c>
      <c r="BA2210" s="166">
        <v>0</v>
      </c>
      <c r="BB2210" s="166">
        <v>0</v>
      </c>
      <c r="BC2210" s="166">
        <v>0</v>
      </c>
      <c r="BD2210" s="166">
        <v>0</v>
      </c>
      <c r="BE2210" s="166">
        <v>0</v>
      </c>
      <c r="BF2210" s="166">
        <v>0</v>
      </c>
      <c r="BG2210" s="166">
        <v>0</v>
      </c>
      <c r="BH2210" s="166">
        <v>0</v>
      </c>
      <c r="BI2210" s="166">
        <v>0</v>
      </c>
      <c r="BJ2210" s="166">
        <v>0</v>
      </c>
      <c r="BK2210" s="166">
        <v>0</v>
      </c>
      <c r="BL2210" s="166">
        <v>0</v>
      </c>
      <c r="BM2210" s="166">
        <v>0</v>
      </c>
      <c r="BN2210" s="166">
        <v>0</v>
      </c>
      <c r="BO2210" s="166">
        <v>0</v>
      </c>
      <c r="BP2210" s="166">
        <v>0</v>
      </c>
      <c r="BQ2210" s="166">
        <v>0</v>
      </c>
      <c r="BR2210" s="166">
        <v>6563.5816980719201</v>
      </c>
      <c r="BS2210" s="166">
        <v>6563.5816980719201</v>
      </c>
      <c r="BT2210" s="168">
        <v>0</v>
      </c>
      <c r="BU2210" s="166">
        <v>349.40731034161598</v>
      </c>
      <c r="BV2210" s="166">
        <v>6245.5926656648899</v>
      </c>
      <c r="BW2210" s="166">
        <v>0</v>
      </c>
      <c r="BX2210" s="166">
        <v>0</v>
      </c>
      <c r="BY2210" s="166">
        <v>0</v>
      </c>
      <c r="BZ2210" s="166">
        <v>0</v>
      </c>
      <c r="CA2210" s="166">
        <v>0</v>
      </c>
      <c r="CB2210" s="166">
        <v>0</v>
      </c>
      <c r="CC2210" s="166">
        <v>0</v>
      </c>
      <c r="CD2210" s="166">
        <v>0</v>
      </c>
      <c r="CE2210" s="166">
        <v>0</v>
      </c>
      <c r="CF2210" s="166">
        <v>0</v>
      </c>
      <c r="CG2210" s="166">
        <v>0</v>
      </c>
      <c r="CH2210" s="166">
        <v>0</v>
      </c>
      <c r="CI2210" s="166">
        <v>0</v>
      </c>
      <c r="CJ2210" s="166">
        <v>0</v>
      </c>
      <c r="CK2210" s="166">
        <v>0</v>
      </c>
      <c r="CL2210" s="166">
        <v>0</v>
      </c>
      <c r="CM2210" s="166">
        <v>0</v>
      </c>
      <c r="CN2210" s="166">
        <v>0</v>
      </c>
      <c r="CO2210" s="166">
        <v>0</v>
      </c>
      <c r="CP2210" s="166">
        <v>0</v>
      </c>
      <c r="CQ2210" s="166">
        <v>0</v>
      </c>
      <c r="CR2210" s="166">
        <v>0</v>
      </c>
      <c r="CS2210" s="166">
        <v>0</v>
      </c>
      <c r="CT2210" s="166">
        <v>0</v>
      </c>
      <c r="CU2210" s="166">
        <v>0</v>
      </c>
      <c r="CV2210" s="166">
        <v>0</v>
      </c>
      <c r="CW2210" s="166">
        <v>0</v>
      </c>
      <c r="CX2210" s="166">
        <v>0</v>
      </c>
      <c r="CY2210" s="166">
        <v>6245.5926656648899</v>
      </c>
      <c r="CZ2210" s="166">
        <v>6245.5926656648899</v>
      </c>
    </row>
    <row r="2211" spans="1:104" x14ac:dyDescent="0.2">
      <c r="A2211" s="167" t="s">
        <v>617</v>
      </c>
      <c r="B2211" s="166">
        <v>47348.545739385103</v>
      </c>
      <c r="C2211" s="166">
        <v>47348.545739385103</v>
      </c>
      <c r="D2211" s="166">
        <v>0</v>
      </c>
      <c r="E2211" s="166">
        <v>0</v>
      </c>
      <c r="F2211" s="166">
        <v>0</v>
      </c>
      <c r="G2211" s="166">
        <v>0</v>
      </c>
      <c r="H2211" s="166">
        <v>0</v>
      </c>
      <c r="I2211" s="166">
        <v>0</v>
      </c>
      <c r="J2211" s="166">
        <v>0</v>
      </c>
      <c r="K2211" s="166">
        <v>0</v>
      </c>
      <c r="L2211" s="166">
        <v>0</v>
      </c>
      <c r="M2211" s="166">
        <v>0</v>
      </c>
      <c r="N2211" s="166">
        <v>0</v>
      </c>
      <c r="O2211" s="166">
        <v>0</v>
      </c>
      <c r="P2211" s="166">
        <v>0</v>
      </c>
      <c r="Q2211" s="166">
        <v>0</v>
      </c>
      <c r="R2211" s="166">
        <v>0</v>
      </c>
      <c r="S2211" s="166">
        <v>0</v>
      </c>
      <c r="T2211" s="166">
        <v>0</v>
      </c>
      <c r="U2211" s="166">
        <v>0</v>
      </c>
      <c r="V2211" s="166">
        <v>0</v>
      </c>
      <c r="W2211" s="166">
        <v>0</v>
      </c>
      <c r="X2211" s="166">
        <v>0</v>
      </c>
      <c r="Y2211" s="166">
        <v>0</v>
      </c>
      <c r="Z2211" s="166">
        <v>0</v>
      </c>
      <c r="AA2211" s="166">
        <v>0</v>
      </c>
      <c r="AB2211" s="166">
        <v>0</v>
      </c>
      <c r="AC2211" s="166">
        <v>0</v>
      </c>
      <c r="AD2211" s="166">
        <v>0</v>
      </c>
      <c r="AE2211" s="166">
        <v>0</v>
      </c>
      <c r="AF2211" s="166">
        <v>0</v>
      </c>
      <c r="AG2211" s="166">
        <v>0</v>
      </c>
      <c r="AH2211" s="166">
        <v>0</v>
      </c>
      <c r="AI2211" s="166">
        <v>0</v>
      </c>
      <c r="AJ2211" s="166">
        <v>0</v>
      </c>
      <c r="AK2211" s="166">
        <v>0</v>
      </c>
      <c r="AL2211" s="166">
        <v>0</v>
      </c>
      <c r="AM2211" s="166">
        <v>0</v>
      </c>
      <c r="AN2211" s="166">
        <v>0</v>
      </c>
      <c r="AO2211" s="166">
        <v>0</v>
      </c>
      <c r="AP2211" s="166">
        <v>0</v>
      </c>
      <c r="AQ2211" s="166">
        <v>0</v>
      </c>
      <c r="AR2211" s="166">
        <v>0</v>
      </c>
      <c r="AS2211" s="166">
        <v>0</v>
      </c>
      <c r="AT2211" s="166">
        <v>0</v>
      </c>
      <c r="AU2211" s="166">
        <v>0</v>
      </c>
      <c r="AV2211" s="166">
        <v>0</v>
      </c>
      <c r="AW2211" s="166">
        <v>0</v>
      </c>
      <c r="AX2211" s="166">
        <v>0</v>
      </c>
      <c r="AY2211" s="166">
        <v>0</v>
      </c>
      <c r="AZ2211" s="166">
        <v>0</v>
      </c>
      <c r="BA2211" s="166">
        <v>0</v>
      </c>
      <c r="BB2211" s="166">
        <v>0</v>
      </c>
      <c r="BC2211" s="166">
        <v>0</v>
      </c>
      <c r="BD2211" s="166">
        <v>0</v>
      </c>
      <c r="BE2211" s="166">
        <v>0</v>
      </c>
      <c r="BF2211" s="166">
        <v>0</v>
      </c>
      <c r="BG2211" s="166">
        <v>0</v>
      </c>
      <c r="BH2211" s="166">
        <v>0</v>
      </c>
      <c r="BI2211" s="166">
        <v>0</v>
      </c>
      <c r="BJ2211" s="166">
        <v>0</v>
      </c>
      <c r="BK2211" s="166">
        <v>0</v>
      </c>
      <c r="BL2211" s="166">
        <v>0</v>
      </c>
      <c r="BM2211" s="166">
        <v>0</v>
      </c>
      <c r="BN2211" s="166">
        <v>0</v>
      </c>
      <c r="BO2211" s="166">
        <v>0</v>
      </c>
      <c r="BP2211" s="166">
        <v>0</v>
      </c>
      <c r="BQ2211" s="166">
        <v>0</v>
      </c>
      <c r="BR2211" s="166">
        <v>47348.545739385103</v>
      </c>
      <c r="BS2211" s="166">
        <v>47348.545739385103</v>
      </c>
      <c r="BT2211" s="168">
        <v>0</v>
      </c>
      <c r="BU2211" s="166">
        <v>2586.5737503276</v>
      </c>
      <c r="BV2211" s="166">
        <v>46234.539364540899</v>
      </c>
      <c r="BW2211" s="166">
        <v>0</v>
      </c>
      <c r="BX2211" s="166">
        <v>0</v>
      </c>
      <c r="BY2211" s="166">
        <v>0</v>
      </c>
      <c r="BZ2211" s="166">
        <v>0</v>
      </c>
      <c r="CA2211" s="166">
        <v>0</v>
      </c>
      <c r="CB2211" s="166">
        <v>0</v>
      </c>
      <c r="CC2211" s="166">
        <v>0</v>
      </c>
      <c r="CD2211" s="166">
        <v>0</v>
      </c>
      <c r="CE2211" s="166">
        <v>0</v>
      </c>
      <c r="CF2211" s="166">
        <v>0</v>
      </c>
      <c r="CG2211" s="166">
        <v>0</v>
      </c>
      <c r="CH2211" s="166">
        <v>0</v>
      </c>
      <c r="CI2211" s="166">
        <v>0</v>
      </c>
      <c r="CJ2211" s="166">
        <v>0</v>
      </c>
      <c r="CK2211" s="166">
        <v>0</v>
      </c>
      <c r="CL2211" s="166">
        <v>0</v>
      </c>
      <c r="CM2211" s="166">
        <v>0</v>
      </c>
      <c r="CN2211" s="166">
        <v>0</v>
      </c>
      <c r="CO2211" s="166">
        <v>0</v>
      </c>
      <c r="CP2211" s="166">
        <v>0</v>
      </c>
      <c r="CQ2211" s="166">
        <v>0</v>
      </c>
      <c r="CR2211" s="166">
        <v>0</v>
      </c>
      <c r="CS2211" s="166">
        <v>0</v>
      </c>
      <c r="CT2211" s="166">
        <v>0</v>
      </c>
      <c r="CU2211" s="166">
        <v>0</v>
      </c>
      <c r="CV2211" s="166">
        <v>0</v>
      </c>
      <c r="CW2211" s="166">
        <v>0</v>
      </c>
      <c r="CX2211" s="166">
        <v>0</v>
      </c>
      <c r="CY2211" s="166">
        <v>46234.539364540899</v>
      </c>
      <c r="CZ2211" s="166">
        <v>46234.539364540899</v>
      </c>
    </row>
    <row r="2212" spans="1:104" x14ac:dyDescent="0.2">
      <c r="A2212" s="167" t="s">
        <v>618</v>
      </c>
      <c r="B2212" s="166">
        <v>31595995.794657901</v>
      </c>
      <c r="C2212" s="166">
        <v>31595995.794657901</v>
      </c>
      <c r="D2212" s="166">
        <v>0</v>
      </c>
      <c r="E2212" s="166">
        <v>0</v>
      </c>
      <c r="F2212" s="166">
        <v>0</v>
      </c>
      <c r="G2212" s="166">
        <v>0</v>
      </c>
      <c r="H2212" s="166">
        <v>0</v>
      </c>
      <c r="I2212" s="166">
        <v>0</v>
      </c>
      <c r="J2212" s="166">
        <v>0</v>
      </c>
      <c r="K2212" s="166">
        <v>0</v>
      </c>
      <c r="L2212" s="166">
        <v>0</v>
      </c>
      <c r="M2212" s="166">
        <v>0</v>
      </c>
      <c r="N2212" s="166">
        <v>0</v>
      </c>
      <c r="O2212" s="166">
        <v>0</v>
      </c>
      <c r="P2212" s="166">
        <v>0</v>
      </c>
      <c r="Q2212" s="166">
        <v>0</v>
      </c>
      <c r="R2212" s="166">
        <v>0</v>
      </c>
      <c r="S2212" s="166">
        <v>0</v>
      </c>
      <c r="T2212" s="166">
        <v>0</v>
      </c>
      <c r="U2212" s="166">
        <v>0</v>
      </c>
      <c r="V2212" s="166">
        <v>0</v>
      </c>
      <c r="W2212" s="166">
        <v>0</v>
      </c>
      <c r="X2212" s="166">
        <v>0</v>
      </c>
      <c r="Y2212" s="166">
        <v>0</v>
      </c>
      <c r="Z2212" s="166">
        <v>0</v>
      </c>
      <c r="AA2212" s="166">
        <v>0</v>
      </c>
      <c r="AB2212" s="166">
        <v>0</v>
      </c>
      <c r="AC2212" s="166">
        <v>0</v>
      </c>
      <c r="AD2212" s="166">
        <v>0</v>
      </c>
      <c r="AE2212" s="166">
        <v>0</v>
      </c>
      <c r="AF2212" s="166">
        <v>0</v>
      </c>
      <c r="AG2212" s="166">
        <v>0</v>
      </c>
      <c r="AH2212" s="166">
        <v>0</v>
      </c>
      <c r="AI2212" s="166">
        <v>0</v>
      </c>
      <c r="AJ2212" s="166">
        <v>0</v>
      </c>
      <c r="AK2212" s="166">
        <v>0</v>
      </c>
      <c r="AL2212" s="166">
        <v>0</v>
      </c>
      <c r="AM2212" s="166">
        <v>0</v>
      </c>
      <c r="AN2212" s="166">
        <v>0</v>
      </c>
      <c r="AO2212" s="166">
        <v>0</v>
      </c>
      <c r="AP2212" s="166">
        <v>0</v>
      </c>
      <c r="AQ2212" s="166">
        <v>0</v>
      </c>
      <c r="AR2212" s="166">
        <v>0</v>
      </c>
      <c r="AS2212" s="166">
        <v>0</v>
      </c>
      <c r="AT2212" s="166">
        <v>0</v>
      </c>
      <c r="AU2212" s="166">
        <v>0</v>
      </c>
      <c r="AV2212" s="166">
        <v>0</v>
      </c>
      <c r="AW2212" s="166">
        <v>0</v>
      </c>
      <c r="AX2212" s="166">
        <v>0</v>
      </c>
      <c r="AY2212" s="166">
        <v>0</v>
      </c>
      <c r="AZ2212" s="166">
        <v>0</v>
      </c>
      <c r="BA2212" s="166">
        <v>0</v>
      </c>
      <c r="BB2212" s="166">
        <v>0</v>
      </c>
      <c r="BC2212" s="166">
        <v>0</v>
      </c>
      <c r="BD2212" s="166">
        <v>0</v>
      </c>
      <c r="BE2212" s="166">
        <v>0</v>
      </c>
      <c r="BF2212" s="166">
        <v>0</v>
      </c>
      <c r="BG2212" s="166">
        <v>0</v>
      </c>
      <c r="BH2212" s="166">
        <v>0</v>
      </c>
      <c r="BI2212" s="166">
        <v>0</v>
      </c>
      <c r="BJ2212" s="166">
        <v>0</v>
      </c>
      <c r="BK2212" s="166">
        <v>0</v>
      </c>
      <c r="BL2212" s="166">
        <v>0</v>
      </c>
      <c r="BM2212" s="166">
        <v>0</v>
      </c>
      <c r="BN2212" s="166">
        <v>0</v>
      </c>
      <c r="BO2212" s="166">
        <v>0</v>
      </c>
      <c r="BP2212" s="166">
        <v>0</v>
      </c>
      <c r="BQ2212" s="166">
        <v>0</v>
      </c>
      <c r="BR2212" s="166">
        <v>31595995.794657901</v>
      </c>
      <c r="BS2212" s="166">
        <v>31595995.794657901</v>
      </c>
      <c r="BT2212" s="168">
        <v>0</v>
      </c>
      <c r="BU2212" s="166">
        <v>2087628.7330686699</v>
      </c>
      <c r="BV2212" s="166">
        <v>22385899.184880801</v>
      </c>
      <c r="BW2212" s="166">
        <v>0</v>
      </c>
      <c r="BX2212" s="166">
        <v>0</v>
      </c>
      <c r="BY2212" s="166">
        <v>0</v>
      </c>
      <c r="BZ2212" s="166">
        <v>0</v>
      </c>
      <c r="CA2212" s="166">
        <v>0</v>
      </c>
      <c r="CB2212" s="166">
        <v>0</v>
      </c>
      <c r="CC2212" s="166">
        <v>0</v>
      </c>
      <c r="CD2212" s="166">
        <v>0</v>
      </c>
      <c r="CE2212" s="166">
        <v>0</v>
      </c>
      <c r="CF2212" s="166">
        <v>0</v>
      </c>
      <c r="CG2212" s="166">
        <v>0</v>
      </c>
      <c r="CH2212" s="166">
        <v>0</v>
      </c>
      <c r="CI2212" s="166">
        <v>0</v>
      </c>
      <c r="CJ2212" s="166">
        <v>0</v>
      </c>
      <c r="CK2212" s="166">
        <v>0</v>
      </c>
      <c r="CL2212" s="166">
        <v>0</v>
      </c>
      <c r="CM2212" s="166">
        <v>0</v>
      </c>
      <c r="CN2212" s="166">
        <v>0</v>
      </c>
      <c r="CO2212" s="166">
        <v>0</v>
      </c>
      <c r="CP2212" s="166">
        <v>0</v>
      </c>
      <c r="CQ2212" s="166">
        <v>0</v>
      </c>
      <c r="CR2212" s="166">
        <v>0</v>
      </c>
      <c r="CS2212" s="166">
        <v>0</v>
      </c>
      <c r="CT2212" s="166">
        <v>0</v>
      </c>
      <c r="CU2212" s="166">
        <v>0</v>
      </c>
      <c r="CV2212" s="166">
        <v>0</v>
      </c>
      <c r="CW2212" s="166">
        <v>0</v>
      </c>
      <c r="CX2212" s="166">
        <v>0</v>
      </c>
      <c r="CY2212" s="166">
        <v>22385899.184880801</v>
      </c>
      <c r="CZ2212" s="166">
        <v>22385899.184880801</v>
      </c>
    </row>
    <row r="2213" spans="1:104" x14ac:dyDescent="0.2">
      <c r="A2213" s="167" t="s">
        <v>619</v>
      </c>
      <c r="B2213" s="166">
        <v>31857507.524475701</v>
      </c>
      <c r="C2213" s="166">
        <v>31857507.524475701</v>
      </c>
      <c r="D2213" s="166">
        <v>0</v>
      </c>
      <c r="E2213" s="166">
        <v>0</v>
      </c>
      <c r="F2213" s="166">
        <v>0</v>
      </c>
      <c r="G2213" s="166">
        <v>0</v>
      </c>
      <c r="H2213" s="166">
        <v>0</v>
      </c>
      <c r="I2213" s="166">
        <v>0</v>
      </c>
      <c r="J2213" s="166">
        <v>0</v>
      </c>
      <c r="K2213" s="166">
        <v>0</v>
      </c>
      <c r="L2213" s="166">
        <v>0</v>
      </c>
      <c r="M2213" s="166">
        <v>0</v>
      </c>
      <c r="N2213" s="166">
        <v>0</v>
      </c>
      <c r="O2213" s="166">
        <v>0</v>
      </c>
      <c r="P2213" s="166">
        <v>0</v>
      </c>
      <c r="Q2213" s="166">
        <v>0</v>
      </c>
      <c r="R2213" s="166">
        <v>0</v>
      </c>
      <c r="S2213" s="166">
        <v>0</v>
      </c>
      <c r="T2213" s="166">
        <v>0</v>
      </c>
      <c r="U2213" s="166">
        <v>0</v>
      </c>
      <c r="V2213" s="166">
        <v>0</v>
      </c>
      <c r="W2213" s="166">
        <v>0</v>
      </c>
      <c r="X2213" s="166">
        <v>0</v>
      </c>
      <c r="Y2213" s="166">
        <v>0</v>
      </c>
      <c r="Z2213" s="166">
        <v>0</v>
      </c>
      <c r="AA2213" s="166">
        <v>0</v>
      </c>
      <c r="AB2213" s="166">
        <v>0</v>
      </c>
      <c r="AC2213" s="166">
        <v>0</v>
      </c>
      <c r="AD2213" s="166">
        <v>0</v>
      </c>
      <c r="AE2213" s="166">
        <v>0</v>
      </c>
      <c r="AF2213" s="166">
        <v>0</v>
      </c>
      <c r="AG2213" s="166">
        <v>0</v>
      </c>
      <c r="AH2213" s="166">
        <v>0</v>
      </c>
      <c r="AI2213" s="166">
        <v>0</v>
      </c>
      <c r="AJ2213" s="166">
        <v>0</v>
      </c>
      <c r="AK2213" s="166">
        <v>0</v>
      </c>
      <c r="AL2213" s="166">
        <v>0</v>
      </c>
      <c r="AM2213" s="166">
        <v>0</v>
      </c>
      <c r="AN2213" s="166">
        <v>0</v>
      </c>
      <c r="AO2213" s="166">
        <v>0</v>
      </c>
      <c r="AP2213" s="166">
        <v>0</v>
      </c>
      <c r="AQ2213" s="166">
        <v>0</v>
      </c>
      <c r="AR2213" s="166">
        <v>0</v>
      </c>
      <c r="AS2213" s="166">
        <v>0</v>
      </c>
      <c r="AT2213" s="166">
        <v>0</v>
      </c>
      <c r="AU2213" s="166">
        <v>0</v>
      </c>
      <c r="AV2213" s="166">
        <v>0</v>
      </c>
      <c r="AW2213" s="166">
        <v>0</v>
      </c>
      <c r="AX2213" s="166">
        <v>0</v>
      </c>
      <c r="AY2213" s="166">
        <v>0</v>
      </c>
      <c r="AZ2213" s="166">
        <v>0</v>
      </c>
      <c r="BA2213" s="166">
        <v>0</v>
      </c>
      <c r="BB2213" s="166">
        <v>0</v>
      </c>
      <c r="BC2213" s="166">
        <v>0</v>
      </c>
      <c r="BD2213" s="166">
        <v>0</v>
      </c>
      <c r="BE2213" s="166">
        <v>0</v>
      </c>
      <c r="BF2213" s="166">
        <v>0</v>
      </c>
      <c r="BG2213" s="166">
        <v>0</v>
      </c>
      <c r="BH2213" s="166">
        <v>0</v>
      </c>
      <c r="BI2213" s="166">
        <v>0</v>
      </c>
      <c r="BJ2213" s="166">
        <v>0</v>
      </c>
      <c r="BK2213" s="166">
        <v>0</v>
      </c>
      <c r="BL2213" s="166">
        <v>0</v>
      </c>
      <c r="BM2213" s="166">
        <v>0</v>
      </c>
      <c r="BN2213" s="166">
        <v>0</v>
      </c>
      <c r="BO2213" s="166">
        <v>0</v>
      </c>
      <c r="BP2213" s="166">
        <v>0</v>
      </c>
      <c r="BQ2213" s="166">
        <v>0</v>
      </c>
      <c r="BR2213" s="166">
        <v>31857507.524475701</v>
      </c>
      <c r="BS2213" s="166">
        <v>31857507.524475701</v>
      </c>
      <c r="BT2213" s="168">
        <v>0</v>
      </c>
      <c r="BU2213" s="166">
        <v>2102178.7732693302</v>
      </c>
      <c r="BV2213" s="166">
        <v>22645978.529739201</v>
      </c>
      <c r="BW2213" s="166">
        <v>0</v>
      </c>
      <c r="BX2213" s="166">
        <v>0</v>
      </c>
      <c r="BY2213" s="166">
        <v>0</v>
      </c>
      <c r="BZ2213" s="166">
        <v>0</v>
      </c>
      <c r="CA2213" s="166">
        <v>0</v>
      </c>
      <c r="CB2213" s="166">
        <v>0</v>
      </c>
      <c r="CC2213" s="166">
        <v>0</v>
      </c>
      <c r="CD2213" s="166">
        <v>0</v>
      </c>
      <c r="CE2213" s="166">
        <v>0</v>
      </c>
      <c r="CF2213" s="166">
        <v>0</v>
      </c>
      <c r="CG2213" s="166">
        <v>0</v>
      </c>
      <c r="CH2213" s="166">
        <v>0</v>
      </c>
      <c r="CI2213" s="166">
        <v>0</v>
      </c>
      <c r="CJ2213" s="166">
        <v>0</v>
      </c>
      <c r="CK2213" s="166">
        <v>0</v>
      </c>
      <c r="CL2213" s="166">
        <v>0</v>
      </c>
      <c r="CM2213" s="166">
        <v>0</v>
      </c>
      <c r="CN2213" s="166">
        <v>0</v>
      </c>
      <c r="CO2213" s="166">
        <v>0</v>
      </c>
      <c r="CP2213" s="166">
        <v>0</v>
      </c>
      <c r="CQ2213" s="166">
        <v>0</v>
      </c>
      <c r="CR2213" s="166">
        <v>0</v>
      </c>
      <c r="CS2213" s="166">
        <v>0</v>
      </c>
      <c r="CT2213" s="166">
        <v>0</v>
      </c>
      <c r="CU2213" s="166">
        <v>0</v>
      </c>
      <c r="CV2213" s="166">
        <v>0</v>
      </c>
      <c r="CW2213" s="166">
        <v>0</v>
      </c>
      <c r="CX2213" s="166">
        <v>0</v>
      </c>
      <c r="CY2213" s="166">
        <v>22645978.529739201</v>
      </c>
      <c r="CZ2213" s="166">
        <v>22645978.529739201</v>
      </c>
    </row>
    <row r="2214" spans="1:104" x14ac:dyDescent="0.2">
      <c r="A2214" s="167" t="s">
        <v>620</v>
      </c>
      <c r="B2214" s="166">
        <v>0</v>
      </c>
      <c r="C2214" s="166">
        <v>0</v>
      </c>
      <c r="D2214" s="166">
        <v>0</v>
      </c>
      <c r="E2214" s="166">
        <v>0</v>
      </c>
      <c r="F2214" s="166">
        <v>0</v>
      </c>
      <c r="G2214" s="166">
        <v>0</v>
      </c>
      <c r="H2214" s="166">
        <v>0</v>
      </c>
      <c r="I2214" s="166">
        <v>0</v>
      </c>
      <c r="J2214" s="166">
        <v>0</v>
      </c>
      <c r="K2214" s="166">
        <v>0</v>
      </c>
      <c r="L2214" s="166">
        <v>0</v>
      </c>
      <c r="M2214" s="166">
        <v>0</v>
      </c>
      <c r="N2214" s="166">
        <v>0</v>
      </c>
      <c r="O2214" s="166">
        <v>0</v>
      </c>
      <c r="P2214" s="166">
        <v>0</v>
      </c>
      <c r="Q2214" s="166">
        <v>0</v>
      </c>
      <c r="R2214" s="166">
        <v>0</v>
      </c>
      <c r="S2214" s="166">
        <v>0</v>
      </c>
      <c r="T2214" s="166">
        <v>0</v>
      </c>
      <c r="U2214" s="166">
        <v>0</v>
      </c>
      <c r="V2214" s="166">
        <v>0</v>
      </c>
      <c r="W2214" s="166">
        <v>0</v>
      </c>
      <c r="X2214" s="166">
        <v>0</v>
      </c>
      <c r="Y2214" s="166">
        <v>0</v>
      </c>
      <c r="Z2214" s="166">
        <v>0</v>
      </c>
      <c r="AA2214" s="166">
        <v>0</v>
      </c>
      <c r="AB2214" s="166">
        <v>0</v>
      </c>
      <c r="AC2214" s="166">
        <v>0</v>
      </c>
      <c r="AD2214" s="166">
        <v>0</v>
      </c>
      <c r="AE2214" s="166">
        <v>0</v>
      </c>
      <c r="AF2214" s="166">
        <v>0</v>
      </c>
      <c r="AG2214" s="166">
        <v>0</v>
      </c>
      <c r="AH2214" s="166">
        <v>0</v>
      </c>
      <c r="AI2214" s="166">
        <v>0</v>
      </c>
      <c r="AJ2214" s="166">
        <v>0</v>
      </c>
      <c r="AK2214" s="166">
        <v>0</v>
      </c>
      <c r="AL2214" s="166">
        <v>0</v>
      </c>
      <c r="AM2214" s="166">
        <v>0</v>
      </c>
      <c r="AN2214" s="166">
        <v>0</v>
      </c>
      <c r="AO2214" s="166">
        <v>0</v>
      </c>
      <c r="AP2214" s="166">
        <v>0</v>
      </c>
      <c r="AQ2214" s="166">
        <v>0</v>
      </c>
      <c r="AR2214" s="166">
        <v>0</v>
      </c>
      <c r="AS2214" s="166">
        <v>0</v>
      </c>
      <c r="AT2214" s="166">
        <v>0</v>
      </c>
      <c r="AU2214" s="166">
        <v>0</v>
      </c>
      <c r="AV2214" s="166">
        <v>0</v>
      </c>
      <c r="AW2214" s="166">
        <v>0</v>
      </c>
      <c r="AX2214" s="166">
        <v>0</v>
      </c>
      <c r="AY2214" s="166">
        <v>0</v>
      </c>
      <c r="AZ2214" s="166">
        <v>0</v>
      </c>
      <c r="BA2214" s="166">
        <v>0</v>
      </c>
      <c r="BB2214" s="166">
        <v>0</v>
      </c>
      <c r="BC2214" s="166">
        <v>0</v>
      </c>
      <c r="BD2214" s="166">
        <v>0</v>
      </c>
      <c r="BE2214" s="166">
        <v>0</v>
      </c>
      <c r="BF2214" s="166">
        <v>0</v>
      </c>
      <c r="BG2214" s="166">
        <v>0</v>
      </c>
      <c r="BH2214" s="166">
        <v>0</v>
      </c>
      <c r="BI2214" s="166">
        <v>0</v>
      </c>
      <c r="BJ2214" s="166">
        <v>0</v>
      </c>
      <c r="BK2214" s="166">
        <v>0</v>
      </c>
      <c r="BL2214" s="166">
        <v>0</v>
      </c>
      <c r="BM2214" s="166">
        <v>0</v>
      </c>
      <c r="BN2214" s="166">
        <v>0</v>
      </c>
      <c r="BO2214" s="166">
        <v>0</v>
      </c>
      <c r="BP2214" s="166">
        <v>0</v>
      </c>
      <c r="BQ2214" s="166">
        <v>0</v>
      </c>
      <c r="BR2214" s="166">
        <v>0</v>
      </c>
      <c r="BS2214" s="166">
        <v>0</v>
      </c>
      <c r="BT2214" s="168">
        <v>0</v>
      </c>
      <c r="BU2214" s="166">
        <v>0</v>
      </c>
      <c r="BV2214" s="166">
        <v>0</v>
      </c>
      <c r="BW2214" s="166">
        <v>0</v>
      </c>
      <c r="BX2214" s="166">
        <v>0</v>
      </c>
      <c r="BY2214" s="166">
        <v>0</v>
      </c>
      <c r="BZ2214" s="166">
        <v>0</v>
      </c>
      <c r="CA2214" s="166">
        <v>0</v>
      </c>
      <c r="CB2214" s="166">
        <v>0</v>
      </c>
      <c r="CC2214" s="166">
        <v>0</v>
      </c>
      <c r="CD2214" s="166">
        <v>0</v>
      </c>
      <c r="CE2214" s="166">
        <v>0</v>
      </c>
      <c r="CF2214" s="166">
        <v>0</v>
      </c>
      <c r="CG2214" s="166">
        <v>0</v>
      </c>
      <c r="CH2214" s="166">
        <v>0</v>
      </c>
      <c r="CI2214" s="166">
        <v>0</v>
      </c>
      <c r="CJ2214" s="166">
        <v>0</v>
      </c>
      <c r="CK2214" s="166">
        <v>0</v>
      </c>
      <c r="CL2214" s="166">
        <v>0</v>
      </c>
      <c r="CM2214" s="166">
        <v>0</v>
      </c>
      <c r="CN2214" s="166">
        <v>0</v>
      </c>
      <c r="CO2214" s="166">
        <v>0</v>
      </c>
      <c r="CP2214" s="166">
        <v>0</v>
      </c>
      <c r="CQ2214" s="166">
        <v>0</v>
      </c>
      <c r="CR2214" s="166">
        <v>0</v>
      </c>
      <c r="CS2214" s="166">
        <v>0</v>
      </c>
      <c r="CT2214" s="166">
        <v>0</v>
      </c>
      <c r="CU2214" s="166">
        <v>0</v>
      </c>
      <c r="CV2214" s="166">
        <v>0</v>
      </c>
      <c r="CW2214" s="166">
        <v>0</v>
      </c>
      <c r="CX2214" s="166">
        <v>0</v>
      </c>
      <c r="CY2214" s="166">
        <v>0</v>
      </c>
      <c r="CZ2214" s="166">
        <v>0</v>
      </c>
    </row>
    <row r="2215" spans="1:104" x14ac:dyDescent="0.2">
      <c r="A2215" s="167" t="s">
        <v>621</v>
      </c>
      <c r="B2215" s="166">
        <v>56957731.443194702</v>
      </c>
      <c r="C2215" s="166">
        <v>56957731.443194702</v>
      </c>
      <c r="D2215" s="166">
        <v>0</v>
      </c>
      <c r="E2215" s="166">
        <v>0</v>
      </c>
      <c r="F2215" s="166">
        <v>0</v>
      </c>
      <c r="G2215" s="166">
        <v>0</v>
      </c>
      <c r="H2215" s="166">
        <v>0</v>
      </c>
      <c r="I2215" s="166">
        <v>0</v>
      </c>
      <c r="J2215" s="166">
        <v>0</v>
      </c>
      <c r="K2215" s="166">
        <v>0</v>
      </c>
      <c r="L2215" s="166">
        <v>0</v>
      </c>
      <c r="M2215" s="166">
        <v>0</v>
      </c>
      <c r="N2215" s="166">
        <v>0</v>
      </c>
      <c r="O2215" s="166">
        <v>0</v>
      </c>
      <c r="P2215" s="166">
        <v>0</v>
      </c>
      <c r="Q2215" s="166">
        <v>0</v>
      </c>
      <c r="R2215" s="166">
        <v>0</v>
      </c>
      <c r="S2215" s="166">
        <v>0</v>
      </c>
      <c r="T2215" s="166">
        <v>0</v>
      </c>
      <c r="U2215" s="166">
        <v>0</v>
      </c>
      <c r="V2215" s="166">
        <v>0</v>
      </c>
      <c r="W2215" s="166">
        <v>0</v>
      </c>
      <c r="X2215" s="166">
        <v>0</v>
      </c>
      <c r="Y2215" s="166">
        <v>0</v>
      </c>
      <c r="Z2215" s="166">
        <v>0</v>
      </c>
      <c r="AA2215" s="166">
        <v>0</v>
      </c>
      <c r="AB2215" s="166">
        <v>0</v>
      </c>
      <c r="AC2215" s="166">
        <v>0</v>
      </c>
      <c r="AD2215" s="166">
        <v>0</v>
      </c>
      <c r="AE2215" s="166">
        <v>0</v>
      </c>
      <c r="AF2215" s="166">
        <v>0</v>
      </c>
      <c r="AG2215" s="166">
        <v>0</v>
      </c>
      <c r="AH2215" s="166">
        <v>0</v>
      </c>
      <c r="AI2215" s="166">
        <v>0</v>
      </c>
      <c r="AJ2215" s="166">
        <v>0</v>
      </c>
      <c r="AK2215" s="166">
        <v>0</v>
      </c>
      <c r="AL2215" s="166">
        <v>0</v>
      </c>
      <c r="AM2215" s="166">
        <v>0</v>
      </c>
      <c r="AN2215" s="166">
        <v>0</v>
      </c>
      <c r="AO2215" s="166">
        <v>0</v>
      </c>
      <c r="AP2215" s="166">
        <v>0</v>
      </c>
      <c r="AQ2215" s="166">
        <v>0</v>
      </c>
      <c r="AR2215" s="166">
        <v>0</v>
      </c>
      <c r="AS2215" s="166">
        <v>0</v>
      </c>
      <c r="AT2215" s="166">
        <v>0</v>
      </c>
      <c r="AU2215" s="166">
        <v>0</v>
      </c>
      <c r="AV2215" s="166">
        <v>0</v>
      </c>
      <c r="AW2215" s="166">
        <v>0</v>
      </c>
      <c r="AX2215" s="166">
        <v>0</v>
      </c>
      <c r="AY2215" s="166">
        <v>0</v>
      </c>
      <c r="AZ2215" s="166">
        <v>0</v>
      </c>
      <c r="BA2215" s="166">
        <v>0</v>
      </c>
      <c r="BB2215" s="166">
        <v>0</v>
      </c>
      <c r="BC2215" s="166">
        <v>0</v>
      </c>
      <c r="BD2215" s="166">
        <v>0</v>
      </c>
      <c r="BE2215" s="166">
        <v>0</v>
      </c>
      <c r="BF2215" s="166">
        <v>0</v>
      </c>
      <c r="BG2215" s="166">
        <v>0</v>
      </c>
      <c r="BH2215" s="166">
        <v>0</v>
      </c>
      <c r="BI2215" s="166">
        <v>0</v>
      </c>
      <c r="BJ2215" s="166">
        <v>0</v>
      </c>
      <c r="BK2215" s="166">
        <v>0</v>
      </c>
      <c r="BL2215" s="166">
        <v>0</v>
      </c>
      <c r="BM2215" s="166">
        <v>0</v>
      </c>
      <c r="BN2215" s="166">
        <v>0</v>
      </c>
      <c r="BO2215" s="166">
        <v>0</v>
      </c>
      <c r="BP2215" s="166">
        <v>0</v>
      </c>
      <c r="BQ2215" s="166">
        <v>0</v>
      </c>
      <c r="BR2215" s="166">
        <v>56957731.443194702</v>
      </c>
      <c r="BS2215" s="166">
        <v>56957731.443194702</v>
      </c>
      <c r="BT2215" s="168">
        <v>0</v>
      </c>
      <c r="BU2215" s="166">
        <v>5072583.74988994</v>
      </c>
      <c r="BV2215" s="166">
        <v>56957731.443194702</v>
      </c>
      <c r="BW2215" s="166">
        <v>0</v>
      </c>
      <c r="BX2215" s="166">
        <v>0</v>
      </c>
      <c r="BY2215" s="166">
        <v>0</v>
      </c>
      <c r="BZ2215" s="166">
        <v>0</v>
      </c>
      <c r="CA2215" s="166">
        <v>0</v>
      </c>
      <c r="CB2215" s="166">
        <v>0</v>
      </c>
      <c r="CC2215" s="166">
        <v>0</v>
      </c>
      <c r="CD2215" s="166">
        <v>0</v>
      </c>
      <c r="CE2215" s="166">
        <v>0</v>
      </c>
      <c r="CF2215" s="166">
        <v>0</v>
      </c>
      <c r="CG2215" s="166">
        <v>0</v>
      </c>
      <c r="CH2215" s="166">
        <v>0</v>
      </c>
      <c r="CI2215" s="166">
        <v>0</v>
      </c>
      <c r="CJ2215" s="166">
        <v>0</v>
      </c>
      <c r="CK2215" s="166">
        <v>0</v>
      </c>
      <c r="CL2215" s="166">
        <v>0</v>
      </c>
      <c r="CM2215" s="166">
        <v>0</v>
      </c>
      <c r="CN2215" s="166">
        <v>0</v>
      </c>
      <c r="CO2215" s="166">
        <v>0</v>
      </c>
      <c r="CP2215" s="166">
        <v>0</v>
      </c>
      <c r="CQ2215" s="166">
        <v>0</v>
      </c>
      <c r="CR2215" s="166">
        <v>0</v>
      </c>
      <c r="CS2215" s="166">
        <v>0</v>
      </c>
      <c r="CT2215" s="166">
        <v>0</v>
      </c>
      <c r="CU2215" s="166">
        <v>0</v>
      </c>
      <c r="CV2215" s="166">
        <v>0</v>
      </c>
      <c r="CW2215" s="166">
        <v>0</v>
      </c>
      <c r="CX2215" s="166">
        <v>0</v>
      </c>
      <c r="CY2215" s="166">
        <v>56957731.443194702</v>
      </c>
      <c r="CZ2215" s="166">
        <v>56957731.443194702</v>
      </c>
    </row>
    <row r="2216" spans="1:104" x14ac:dyDescent="0.2">
      <c r="A2216" s="167" t="s">
        <v>622</v>
      </c>
      <c r="B2216" s="166">
        <v>26111806.935206</v>
      </c>
      <c r="C2216" s="166">
        <v>26111806.935206</v>
      </c>
      <c r="D2216" s="166">
        <v>0</v>
      </c>
      <c r="E2216" s="166">
        <v>0</v>
      </c>
      <c r="F2216" s="166">
        <v>0</v>
      </c>
      <c r="G2216" s="166">
        <v>0</v>
      </c>
      <c r="H2216" s="166">
        <v>0</v>
      </c>
      <c r="I2216" s="166">
        <v>0</v>
      </c>
      <c r="J2216" s="166">
        <v>0</v>
      </c>
      <c r="K2216" s="166">
        <v>0</v>
      </c>
      <c r="L2216" s="166">
        <v>0</v>
      </c>
      <c r="M2216" s="166">
        <v>0</v>
      </c>
      <c r="N2216" s="166">
        <v>0</v>
      </c>
      <c r="O2216" s="166">
        <v>0</v>
      </c>
      <c r="P2216" s="166">
        <v>0</v>
      </c>
      <c r="Q2216" s="166">
        <v>0</v>
      </c>
      <c r="R2216" s="166">
        <v>0</v>
      </c>
      <c r="S2216" s="166">
        <v>0</v>
      </c>
      <c r="T2216" s="166">
        <v>0</v>
      </c>
      <c r="U2216" s="166">
        <v>0</v>
      </c>
      <c r="V2216" s="166">
        <v>0</v>
      </c>
      <c r="W2216" s="166">
        <v>0</v>
      </c>
      <c r="X2216" s="166">
        <v>0</v>
      </c>
      <c r="Y2216" s="166">
        <v>0</v>
      </c>
      <c r="Z2216" s="166">
        <v>0</v>
      </c>
      <c r="AA2216" s="166">
        <v>0</v>
      </c>
      <c r="AB2216" s="166">
        <v>0</v>
      </c>
      <c r="AC2216" s="166">
        <v>0</v>
      </c>
      <c r="AD2216" s="166">
        <v>0</v>
      </c>
      <c r="AE2216" s="166">
        <v>0</v>
      </c>
      <c r="AF2216" s="166">
        <v>0</v>
      </c>
      <c r="AG2216" s="166">
        <v>0</v>
      </c>
      <c r="AH2216" s="166">
        <v>0</v>
      </c>
      <c r="AI2216" s="166">
        <v>0</v>
      </c>
      <c r="AJ2216" s="166">
        <v>0</v>
      </c>
      <c r="AK2216" s="166">
        <v>0</v>
      </c>
      <c r="AL2216" s="166">
        <v>0</v>
      </c>
      <c r="AM2216" s="166">
        <v>0</v>
      </c>
      <c r="AN2216" s="166">
        <v>0</v>
      </c>
      <c r="AO2216" s="166">
        <v>0</v>
      </c>
      <c r="AP2216" s="166">
        <v>0</v>
      </c>
      <c r="AQ2216" s="166">
        <v>0</v>
      </c>
      <c r="AR2216" s="166">
        <v>0</v>
      </c>
      <c r="AS2216" s="166">
        <v>0</v>
      </c>
      <c r="AT2216" s="166">
        <v>0</v>
      </c>
      <c r="AU2216" s="166">
        <v>0</v>
      </c>
      <c r="AV2216" s="166">
        <v>0</v>
      </c>
      <c r="AW2216" s="166">
        <v>0</v>
      </c>
      <c r="AX2216" s="166">
        <v>0</v>
      </c>
      <c r="AY2216" s="166">
        <v>0</v>
      </c>
      <c r="AZ2216" s="166">
        <v>0</v>
      </c>
      <c r="BA2216" s="166">
        <v>0</v>
      </c>
      <c r="BB2216" s="166">
        <v>0</v>
      </c>
      <c r="BC2216" s="166">
        <v>0</v>
      </c>
      <c r="BD2216" s="166">
        <v>0</v>
      </c>
      <c r="BE2216" s="166">
        <v>0</v>
      </c>
      <c r="BF2216" s="166">
        <v>0</v>
      </c>
      <c r="BG2216" s="166">
        <v>0</v>
      </c>
      <c r="BH2216" s="166">
        <v>0</v>
      </c>
      <c r="BI2216" s="166">
        <v>0</v>
      </c>
      <c r="BJ2216" s="166">
        <v>0</v>
      </c>
      <c r="BK2216" s="166">
        <v>0</v>
      </c>
      <c r="BL2216" s="166">
        <v>0</v>
      </c>
      <c r="BM2216" s="166">
        <v>0</v>
      </c>
      <c r="BN2216" s="166">
        <v>0</v>
      </c>
      <c r="BO2216" s="166">
        <v>0</v>
      </c>
      <c r="BP2216" s="166">
        <v>0</v>
      </c>
      <c r="BQ2216" s="166">
        <v>0</v>
      </c>
      <c r="BR2216" s="166">
        <v>26111806.935206</v>
      </c>
      <c r="BS2216" s="166">
        <v>26111806.935206</v>
      </c>
      <c r="BT2216" s="168">
        <v>0</v>
      </c>
      <c r="BU2216" s="166">
        <v>2379629.0649691201</v>
      </c>
      <c r="BV2216" s="166">
        <v>26111806.935206</v>
      </c>
      <c r="BW2216" s="166">
        <v>0</v>
      </c>
      <c r="BX2216" s="166">
        <v>0</v>
      </c>
      <c r="BY2216" s="166">
        <v>0</v>
      </c>
      <c r="BZ2216" s="166">
        <v>0</v>
      </c>
      <c r="CA2216" s="166">
        <v>0</v>
      </c>
      <c r="CB2216" s="166">
        <v>0</v>
      </c>
      <c r="CC2216" s="166">
        <v>0</v>
      </c>
      <c r="CD2216" s="166">
        <v>0</v>
      </c>
      <c r="CE2216" s="166">
        <v>0</v>
      </c>
      <c r="CF2216" s="166">
        <v>0</v>
      </c>
      <c r="CG2216" s="166">
        <v>0</v>
      </c>
      <c r="CH2216" s="166">
        <v>0</v>
      </c>
      <c r="CI2216" s="166">
        <v>0</v>
      </c>
      <c r="CJ2216" s="166">
        <v>0</v>
      </c>
      <c r="CK2216" s="166">
        <v>0</v>
      </c>
      <c r="CL2216" s="166">
        <v>0</v>
      </c>
      <c r="CM2216" s="166">
        <v>0</v>
      </c>
      <c r="CN2216" s="166">
        <v>0</v>
      </c>
      <c r="CO2216" s="166">
        <v>0</v>
      </c>
      <c r="CP2216" s="166">
        <v>0</v>
      </c>
      <c r="CQ2216" s="166">
        <v>0</v>
      </c>
      <c r="CR2216" s="166">
        <v>0</v>
      </c>
      <c r="CS2216" s="166">
        <v>0</v>
      </c>
      <c r="CT2216" s="166">
        <v>0</v>
      </c>
      <c r="CU2216" s="166">
        <v>0</v>
      </c>
      <c r="CV2216" s="166">
        <v>0</v>
      </c>
      <c r="CW2216" s="166">
        <v>0</v>
      </c>
      <c r="CX2216" s="166">
        <v>0</v>
      </c>
      <c r="CY2216" s="166">
        <v>26111806.935206</v>
      </c>
      <c r="CZ2216" s="166">
        <v>26111806.935206</v>
      </c>
    </row>
    <row r="2217" spans="1:104" x14ac:dyDescent="0.2">
      <c r="A2217" s="167" t="s">
        <v>623</v>
      </c>
      <c r="B2217" s="166">
        <v>9639787.7820108999</v>
      </c>
      <c r="C2217" s="166">
        <v>9639787.7820108999</v>
      </c>
      <c r="D2217" s="166">
        <v>0</v>
      </c>
      <c r="E2217" s="166">
        <v>0</v>
      </c>
      <c r="F2217" s="166">
        <v>0</v>
      </c>
      <c r="G2217" s="166">
        <v>0</v>
      </c>
      <c r="H2217" s="166">
        <v>0</v>
      </c>
      <c r="I2217" s="166">
        <v>0</v>
      </c>
      <c r="J2217" s="166">
        <v>0</v>
      </c>
      <c r="K2217" s="166">
        <v>0</v>
      </c>
      <c r="L2217" s="166">
        <v>0</v>
      </c>
      <c r="M2217" s="166">
        <v>0</v>
      </c>
      <c r="N2217" s="166">
        <v>0</v>
      </c>
      <c r="O2217" s="166">
        <v>0</v>
      </c>
      <c r="P2217" s="166">
        <v>0</v>
      </c>
      <c r="Q2217" s="166">
        <v>0</v>
      </c>
      <c r="R2217" s="166">
        <v>0</v>
      </c>
      <c r="S2217" s="166">
        <v>0</v>
      </c>
      <c r="T2217" s="166">
        <v>0</v>
      </c>
      <c r="U2217" s="166">
        <v>0</v>
      </c>
      <c r="V2217" s="166">
        <v>0</v>
      </c>
      <c r="W2217" s="166">
        <v>0</v>
      </c>
      <c r="X2217" s="166">
        <v>0</v>
      </c>
      <c r="Y2217" s="166">
        <v>0</v>
      </c>
      <c r="Z2217" s="166">
        <v>0</v>
      </c>
      <c r="AA2217" s="166">
        <v>0</v>
      </c>
      <c r="AB2217" s="166">
        <v>0</v>
      </c>
      <c r="AC2217" s="166">
        <v>0</v>
      </c>
      <c r="AD2217" s="166">
        <v>0</v>
      </c>
      <c r="AE2217" s="166">
        <v>0</v>
      </c>
      <c r="AF2217" s="166">
        <v>0</v>
      </c>
      <c r="AG2217" s="166">
        <v>0</v>
      </c>
      <c r="AH2217" s="166">
        <v>0</v>
      </c>
      <c r="AI2217" s="166">
        <v>0</v>
      </c>
      <c r="AJ2217" s="166">
        <v>0</v>
      </c>
      <c r="AK2217" s="166">
        <v>0</v>
      </c>
      <c r="AL2217" s="166">
        <v>0</v>
      </c>
      <c r="AM2217" s="166">
        <v>0</v>
      </c>
      <c r="AN2217" s="166">
        <v>0</v>
      </c>
      <c r="AO2217" s="166">
        <v>0</v>
      </c>
      <c r="AP2217" s="166">
        <v>0</v>
      </c>
      <c r="AQ2217" s="166">
        <v>0</v>
      </c>
      <c r="AR2217" s="166">
        <v>0</v>
      </c>
      <c r="AS2217" s="166">
        <v>0</v>
      </c>
      <c r="AT2217" s="166">
        <v>0</v>
      </c>
      <c r="AU2217" s="166">
        <v>0</v>
      </c>
      <c r="AV2217" s="166">
        <v>0</v>
      </c>
      <c r="AW2217" s="166">
        <v>0</v>
      </c>
      <c r="AX2217" s="166">
        <v>0</v>
      </c>
      <c r="AY2217" s="166">
        <v>0</v>
      </c>
      <c r="AZ2217" s="166">
        <v>0</v>
      </c>
      <c r="BA2217" s="166">
        <v>0</v>
      </c>
      <c r="BB2217" s="166">
        <v>0</v>
      </c>
      <c r="BC2217" s="166">
        <v>0</v>
      </c>
      <c r="BD2217" s="166">
        <v>0</v>
      </c>
      <c r="BE2217" s="166">
        <v>0</v>
      </c>
      <c r="BF2217" s="166">
        <v>0</v>
      </c>
      <c r="BG2217" s="166">
        <v>0</v>
      </c>
      <c r="BH2217" s="166">
        <v>0</v>
      </c>
      <c r="BI2217" s="166">
        <v>0</v>
      </c>
      <c r="BJ2217" s="166">
        <v>0</v>
      </c>
      <c r="BK2217" s="166">
        <v>0</v>
      </c>
      <c r="BL2217" s="166">
        <v>0</v>
      </c>
      <c r="BM2217" s="166">
        <v>0</v>
      </c>
      <c r="BN2217" s="166">
        <v>0</v>
      </c>
      <c r="BO2217" s="166">
        <v>0</v>
      </c>
      <c r="BP2217" s="166">
        <v>0</v>
      </c>
      <c r="BQ2217" s="166">
        <v>0</v>
      </c>
      <c r="BR2217" s="166">
        <v>9639787.7820108999</v>
      </c>
      <c r="BS2217" s="166">
        <v>9639787.7820109092</v>
      </c>
      <c r="BT2217" s="168">
        <v>0</v>
      </c>
      <c r="BU2217" s="166">
        <v>819847.42700818996</v>
      </c>
      <c r="BV2217" s="166">
        <v>9608150.9075243007</v>
      </c>
      <c r="BW2217" s="166">
        <v>0</v>
      </c>
      <c r="BX2217" s="166">
        <v>0</v>
      </c>
      <c r="BY2217" s="166">
        <v>0</v>
      </c>
      <c r="BZ2217" s="166">
        <v>0</v>
      </c>
      <c r="CA2217" s="166">
        <v>0</v>
      </c>
      <c r="CB2217" s="166">
        <v>0</v>
      </c>
      <c r="CC2217" s="166">
        <v>0</v>
      </c>
      <c r="CD2217" s="166">
        <v>0</v>
      </c>
      <c r="CE2217" s="166">
        <v>0</v>
      </c>
      <c r="CF2217" s="166">
        <v>0</v>
      </c>
      <c r="CG2217" s="166">
        <v>0</v>
      </c>
      <c r="CH2217" s="166">
        <v>0</v>
      </c>
      <c r="CI2217" s="166">
        <v>0</v>
      </c>
      <c r="CJ2217" s="166">
        <v>0</v>
      </c>
      <c r="CK2217" s="166">
        <v>0</v>
      </c>
      <c r="CL2217" s="166">
        <v>0</v>
      </c>
      <c r="CM2217" s="166">
        <v>0</v>
      </c>
      <c r="CN2217" s="166">
        <v>0</v>
      </c>
      <c r="CO2217" s="166">
        <v>0</v>
      </c>
      <c r="CP2217" s="166">
        <v>0</v>
      </c>
      <c r="CQ2217" s="166">
        <v>0</v>
      </c>
      <c r="CR2217" s="166">
        <v>0</v>
      </c>
      <c r="CS2217" s="166">
        <v>0</v>
      </c>
      <c r="CT2217" s="166">
        <v>0</v>
      </c>
      <c r="CU2217" s="166">
        <v>0</v>
      </c>
      <c r="CV2217" s="166">
        <v>0</v>
      </c>
      <c r="CW2217" s="166">
        <v>0</v>
      </c>
      <c r="CX2217" s="166">
        <v>0</v>
      </c>
      <c r="CY2217" s="166">
        <v>9608150.9075243007</v>
      </c>
      <c r="CZ2217" s="166">
        <v>9608150.9075243007</v>
      </c>
    </row>
    <row r="2218" spans="1:104" x14ac:dyDescent="0.2">
      <c r="A2218" s="167" t="s">
        <v>624</v>
      </c>
      <c r="B2218" s="166">
        <v>3178963.8791891998</v>
      </c>
      <c r="C2218" s="166">
        <v>3178963.8791891998</v>
      </c>
      <c r="D2218" s="166">
        <v>0</v>
      </c>
      <c r="E2218" s="166">
        <v>0</v>
      </c>
      <c r="F2218" s="166">
        <v>0</v>
      </c>
      <c r="G2218" s="166">
        <v>0</v>
      </c>
      <c r="H2218" s="166">
        <v>0</v>
      </c>
      <c r="I2218" s="166">
        <v>0</v>
      </c>
      <c r="J2218" s="166">
        <v>0</v>
      </c>
      <c r="K2218" s="166">
        <v>0</v>
      </c>
      <c r="L2218" s="166">
        <v>0</v>
      </c>
      <c r="M2218" s="166">
        <v>0</v>
      </c>
      <c r="N2218" s="166">
        <v>0</v>
      </c>
      <c r="O2218" s="166">
        <v>0</v>
      </c>
      <c r="P2218" s="166">
        <v>0</v>
      </c>
      <c r="Q2218" s="166">
        <v>0</v>
      </c>
      <c r="R2218" s="166">
        <v>0</v>
      </c>
      <c r="S2218" s="166">
        <v>0</v>
      </c>
      <c r="T2218" s="166">
        <v>0</v>
      </c>
      <c r="U2218" s="166">
        <v>0</v>
      </c>
      <c r="V2218" s="166">
        <v>0</v>
      </c>
      <c r="W2218" s="166">
        <v>0</v>
      </c>
      <c r="X2218" s="166">
        <v>0</v>
      </c>
      <c r="Y2218" s="166">
        <v>0</v>
      </c>
      <c r="Z2218" s="166">
        <v>0</v>
      </c>
      <c r="AA2218" s="166">
        <v>0</v>
      </c>
      <c r="AB2218" s="166">
        <v>0</v>
      </c>
      <c r="AC2218" s="166">
        <v>0</v>
      </c>
      <c r="AD2218" s="166">
        <v>0</v>
      </c>
      <c r="AE2218" s="166">
        <v>0</v>
      </c>
      <c r="AF2218" s="166">
        <v>0</v>
      </c>
      <c r="AG2218" s="166">
        <v>0</v>
      </c>
      <c r="AH2218" s="166">
        <v>0</v>
      </c>
      <c r="AI2218" s="166">
        <v>0</v>
      </c>
      <c r="AJ2218" s="166">
        <v>0</v>
      </c>
      <c r="AK2218" s="166">
        <v>0</v>
      </c>
      <c r="AL2218" s="166">
        <v>0</v>
      </c>
      <c r="AM2218" s="166">
        <v>0</v>
      </c>
      <c r="AN2218" s="166">
        <v>0</v>
      </c>
      <c r="AO2218" s="166">
        <v>0</v>
      </c>
      <c r="AP2218" s="166">
        <v>0</v>
      </c>
      <c r="AQ2218" s="166">
        <v>0</v>
      </c>
      <c r="AR2218" s="166">
        <v>0</v>
      </c>
      <c r="AS2218" s="166">
        <v>0</v>
      </c>
      <c r="AT2218" s="166">
        <v>0</v>
      </c>
      <c r="AU2218" s="166">
        <v>0</v>
      </c>
      <c r="AV2218" s="166">
        <v>0</v>
      </c>
      <c r="AW2218" s="166">
        <v>0</v>
      </c>
      <c r="AX2218" s="166">
        <v>0</v>
      </c>
      <c r="AY2218" s="166">
        <v>0</v>
      </c>
      <c r="AZ2218" s="166">
        <v>0</v>
      </c>
      <c r="BA2218" s="166">
        <v>0</v>
      </c>
      <c r="BB2218" s="166">
        <v>0</v>
      </c>
      <c r="BC2218" s="166">
        <v>0</v>
      </c>
      <c r="BD2218" s="166">
        <v>0</v>
      </c>
      <c r="BE2218" s="166">
        <v>0</v>
      </c>
      <c r="BF2218" s="166">
        <v>0</v>
      </c>
      <c r="BG2218" s="166">
        <v>0</v>
      </c>
      <c r="BH2218" s="166">
        <v>0</v>
      </c>
      <c r="BI2218" s="166">
        <v>0</v>
      </c>
      <c r="BJ2218" s="166">
        <v>0</v>
      </c>
      <c r="BK2218" s="166">
        <v>0</v>
      </c>
      <c r="BL2218" s="166">
        <v>0</v>
      </c>
      <c r="BM2218" s="166">
        <v>0</v>
      </c>
      <c r="BN2218" s="166">
        <v>0</v>
      </c>
      <c r="BO2218" s="166">
        <v>0</v>
      </c>
      <c r="BP2218" s="166">
        <v>0</v>
      </c>
      <c r="BQ2218" s="166">
        <v>0</v>
      </c>
      <c r="BR2218" s="166">
        <v>3178963.8791891998</v>
      </c>
      <c r="BS2218" s="166">
        <v>3178963.8791891998</v>
      </c>
      <c r="BT2218" s="168">
        <v>0</v>
      </c>
      <c r="BU2218" s="166">
        <v>251782.40757300501</v>
      </c>
      <c r="BV2218" s="166">
        <v>3139258.62033812</v>
      </c>
      <c r="BW2218" s="166">
        <v>0</v>
      </c>
      <c r="BX2218" s="166">
        <v>0</v>
      </c>
      <c r="BY2218" s="166">
        <v>0</v>
      </c>
      <c r="BZ2218" s="166">
        <v>0</v>
      </c>
      <c r="CA2218" s="166">
        <v>0</v>
      </c>
      <c r="CB2218" s="166">
        <v>0</v>
      </c>
      <c r="CC2218" s="166">
        <v>0</v>
      </c>
      <c r="CD2218" s="166">
        <v>0</v>
      </c>
      <c r="CE2218" s="166">
        <v>0</v>
      </c>
      <c r="CF2218" s="166">
        <v>0</v>
      </c>
      <c r="CG2218" s="166">
        <v>0</v>
      </c>
      <c r="CH2218" s="166">
        <v>0</v>
      </c>
      <c r="CI2218" s="166">
        <v>0</v>
      </c>
      <c r="CJ2218" s="166">
        <v>0</v>
      </c>
      <c r="CK2218" s="166">
        <v>0</v>
      </c>
      <c r="CL2218" s="166">
        <v>0</v>
      </c>
      <c r="CM2218" s="166">
        <v>0</v>
      </c>
      <c r="CN2218" s="166">
        <v>0</v>
      </c>
      <c r="CO2218" s="166">
        <v>0</v>
      </c>
      <c r="CP2218" s="166">
        <v>0</v>
      </c>
      <c r="CQ2218" s="166">
        <v>0</v>
      </c>
      <c r="CR2218" s="166">
        <v>0</v>
      </c>
      <c r="CS2218" s="166">
        <v>0</v>
      </c>
      <c r="CT2218" s="166">
        <v>0</v>
      </c>
      <c r="CU2218" s="166">
        <v>0</v>
      </c>
      <c r="CV2218" s="166">
        <v>0</v>
      </c>
      <c r="CW2218" s="166">
        <v>0</v>
      </c>
      <c r="CX2218" s="166">
        <v>0</v>
      </c>
      <c r="CY2218" s="166">
        <v>3139258.62033812</v>
      </c>
      <c r="CZ2218" s="166">
        <v>3139258.62033812</v>
      </c>
    </row>
    <row r="2219" spans="1:104" x14ac:dyDescent="0.2">
      <c r="A2219" s="167" t="s">
        <v>625</v>
      </c>
      <c r="B2219" s="166">
        <v>20133050.330398999</v>
      </c>
      <c r="C2219" s="166">
        <v>20133050.330398999</v>
      </c>
      <c r="D2219" s="166">
        <v>0</v>
      </c>
      <c r="E2219" s="166">
        <v>0</v>
      </c>
      <c r="F2219" s="166">
        <v>0</v>
      </c>
      <c r="G2219" s="166">
        <v>0</v>
      </c>
      <c r="H2219" s="166">
        <v>0</v>
      </c>
      <c r="I2219" s="166">
        <v>0</v>
      </c>
      <c r="J2219" s="166">
        <v>0</v>
      </c>
      <c r="K2219" s="166">
        <v>0</v>
      </c>
      <c r="L2219" s="166">
        <v>0</v>
      </c>
      <c r="M2219" s="166">
        <v>0</v>
      </c>
      <c r="N2219" s="166">
        <v>0</v>
      </c>
      <c r="O2219" s="166">
        <v>0</v>
      </c>
      <c r="P2219" s="166">
        <v>0</v>
      </c>
      <c r="Q2219" s="166">
        <v>0</v>
      </c>
      <c r="R2219" s="166">
        <v>0</v>
      </c>
      <c r="S2219" s="166">
        <v>0</v>
      </c>
      <c r="T2219" s="166">
        <v>0</v>
      </c>
      <c r="U2219" s="166">
        <v>0</v>
      </c>
      <c r="V2219" s="166">
        <v>0</v>
      </c>
      <c r="W2219" s="166">
        <v>0</v>
      </c>
      <c r="X2219" s="166">
        <v>0</v>
      </c>
      <c r="Y2219" s="166">
        <v>0</v>
      </c>
      <c r="Z2219" s="166">
        <v>0</v>
      </c>
      <c r="AA2219" s="166">
        <v>0</v>
      </c>
      <c r="AB2219" s="166">
        <v>0</v>
      </c>
      <c r="AC2219" s="166">
        <v>0</v>
      </c>
      <c r="AD2219" s="166">
        <v>0</v>
      </c>
      <c r="AE2219" s="166">
        <v>0</v>
      </c>
      <c r="AF2219" s="166">
        <v>0</v>
      </c>
      <c r="AG2219" s="166">
        <v>0</v>
      </c>
      <c r="AH2219" s="166">
        <v>0</v>
      </c>
      <c r="AI2219" s="166">
        <v>0</v>
      </c>
      <c r="AJ2219" s="166">
        <v>0</v>
      </c>
      <c r="AK2219" s="166">
        <v>0</v>
      </c>
      <c r="AL2219" s="166">
        <v>0</v>
      </c>
      <c r="AM2219" s="166">
        <v>0</v>
      </c>
      <c r="AN2219" s="166">
        <v>0</v>
      </c>
      <c r="AO2219" s="166">
        <v>0</v>
      </c>
      <c r="AP2219" s="166">
        <v>0</v>
      </c>
      <c r="AQ2219" s="166">
        <v>0</v>
      </c>
      <c r="AR2219" s="166">
        <v>0</v>
      </c>
      <c r="AS2219" s="166">
        <v>0</v>
      </c>
      <c r="AT2219" s="166">
        <v>0</v>
      </c>
      <c r="AU2219" s="166">
        <v>0</v>
      </c>
      <c r="AV2219" s="166">
        <v>0</v>
      </c>
      <c r="AW2219" s="166">
        <v>0</v>
      </c>
      <c r="AX2219" s="166">
        <v>0</v>
      </c>
      <c r="AY2219" s="166">
        <v>0</v>
      </c>
      <c r="AZ2219" s="166">
        <v>0</v>
      </c>
      <c r="BA2219" s="166">
        <v>0</v>
      </c>
      <c r="BB2219" s="166">
        <v>0</v>
      </c>
      <c r="BC2219" s="166">
        <v>0</v>
      </c>
      <c r="BD2219" s="166">
        <v>0</v>
      </c>
      <c r="BE2219" s="166">
        <v>0</v>
      </c>
      <c r="BF2219" s="166">
        <v>0</v>
      </c>
      <c r="BG2219" s="166">
        <v>0</v>
      </c>
      <c r="BH2219" s="166">
        <v>0</v>
      </c>
      <c r="BI2219" s="166">
        <v>0</v>
      </c>
      <c r="BJ2219" s="166">
        <v>0</v>
      </c>
      <c r="BK2219" s="166">
        <v>0</v>
      </c>
      <c r="BL2219" s="166">
        <v>0</v>
      </c>
      <c r="BM2219" s="166">
        <v>0</v>
      </c>
      <c r="BN2219" s="166">
        <v>0</v>
      </c>
      <c r="BO2219" s="166">
        <v>0</v>
      </c>
      <c r="BP2219" s="166">
        <v>0</v>
      </c>
      <c r="BQ2219" s="166">
        <v>0</v>
      </c>
      <c r="BR2219" s="166">
        <v>20133050.330398999</v>
      </c>
      <c r="BS2219" s="166">
        <v>20133050.330398999</v>
      </c>
      <c r="BT2219" s="168">
        <v>0</v>
      </c>
      <c r="BU2219" s="166">
        <v>1827435.70618358</v>
      </c>
      <c r="BV2219" s="166">
        <v>20133050.330398999</v>
      </c>
      <c r="BW2219" s="166">
        <v>0</v>
      </c>
      <c r="BX2219" s="166">
        <v>0</v>
      </c>
      <c r="BY2219" s="166">
        <v>0</v>
      </c>
      <c r="BZ2219" s="166">
        <v>0</v>
      </c>
      <c r="CA2219" s="166">
        <v>0</v>
      </c>
      <c r="CB2219" s="166">
        <v>0</v>
      </c>
      <c r="CC2219" s="166">
        <v>0</v>
      </c>
      <c r="CD2219" s="166">
        <v>0</v>
      </c>
      <c r="CE2219" s="166">
        <v>0</v>
      </c>
      <c r="CF2219" s="166">
        <v>0</v>
      </c>
      <c r="CG2219" s="166">
        <v>0</v>
      </c>
      <c r="CH2219" s="166">
        <v>0</v>
      </c>
      <c r="CI2219" s="166">
        <v>0</v>
      </c>
      <c r="CJ2219" s="166">
        <v>0</v>
      </c>
      <c r="CK2219" s="166">
        <v>0</v>
      </c>
      <c r="CL2219" s="166">
        <v>0</v>
      </c>
      <c r="CM2219" s="166">
        <v>0</v>
      </c>
      <c r="CN2219" s="166">
        <v>0</v>
      </c>
      <c r="CO2219" s="166">
        <v>0</v>
      </c>
      <c r="CP2219" s="166">
        <v>0</v>
      </c>
      <c r="CQ2219" s="166">
        <v>0</v>
      </c>
      <c r="CR2219" s="166">
        <v>0</v>
      </c>
      <c r="CS2219" s="166">
        <v>0</v>
      </c>
      <c r="CT2219" s="166">
        <v>0</v>
      </c>
      <c r="CU2219" s="166">
        <v>0</v>
      </c>
      <c r="CV2219" s="166">
        <v>0</v>
      </c>
      <c r="CW2219" s="166">
        <v>0</v>
      </c>
      <c r="CX2219" s="166">
        <v>0</v>
      </c>
      <c r="CY2219" s="166">
        <v>20133050.330398999</v>
      </c>
      <c r="CZ2219" s="166">
        <v>20133050.330398999</v>
      </c>
    </row>
    <row r="2220" spans="1:104" x14ac:dyDescent="0.2">
      <c r="A2220" s="167" t="s">
        <v>626</v>
      </c>
      <c r="B2220" s="166">
        <v>0</v>
      </c>
      <c r="C2220" s="166">
        <v>0</v>
      </c>
      <c r="D2220" s="166">
        <v>0</v>
      </c>
      <c r="E2220" s="166">
        <v>0</v>
      </c>
      <c r="F2220" s="166">
        <v>0</v>
      </c>
      <c r="G2220" s="166">
        <v>0</v>
      </c>
      <c r="H2220" s="166">
        <v>0</v>
      </c>
      <c r="I2220" s="166">
        <v>0</v>
      </c>
      <c r="J2220" s="166">
        <v>0</v>
      </c>
      <c r="K2220" s="166">
        <v>0</v>
      </c>
      <c r="L2220" s="166">
        <v>0</v>
      </c>
      <c r="M2220" s="166">
        <v>0</v>
      </c>
      <c r="N2220" s="166">
        <v>0</v>
      </c>
      <c r="O2220" s="166">
        <v>0</v>
      </c>
      <c r="P2220" s="166">
        <v>0</v>
      </c>
      <c r="Q2220" s="166">
        <v>0</v>
      </c>
      <c r="R2220" s="166">
        <v>0</v>
      </c>
      <c r="S2220" s="166">
        <v>0</v>
      </c>
      <c r="T2220" s="166">
        <v>0</v>
      </c>
      <c r="U2220" s="166">
        <v>0</v>
      </c>
      <c r="V2220" s="166">
        <v>0</v>
      </c>
      <c r="W2220" s="166">
        <v>0</v>
      </c>
      <c r="X2220" s="166">
        <v>0</v>
      </c>
      <c r="Y2220" s="166">
        <v>0</v>
      </c>
      <c r="Z2220" s="166">
        <v>0</v>
      </c>
      <c r="AA2220" s="166">
        <v>0</v>
      </c>
      <c r="AB2220" s="166">
        <v>0</v>
      </c>
      <c r="AC2220" s="166">
        <v>0</v>
      </c>
      <c r="AD2220" s="166">
        <v>0</v>
      </c>
      <c r="AE2220" s="166">
        <v>0</v>
      </c>
      <c r="AF2220" s="166">
        <v>0</v>
      </c>
      <c r="AG2220" s="166">
        <v>0</v>
      </c>
      <c r="AH2220" s="166">
        <v>0</v>
      </c>
      <c r="AI2220" s="166">
        <v>0</v>
      </c>
      <c r="AJ2220" s="166">
        <v>0</v>
      </c>
      <c r="AK2220" s="166">
        <v>0</v>
      </c>
      <c r="AL2220" s="166">
        <v>0</v>
      </c>
      <c r="AM2220" s="166">
        <v>0</v>
      </c>
      <c r="AN2220" s="166">
        <v>0</v>
      </c>
      <c r="AO2220" s="166">
        <v>0</v>
      </c>
      <c r="AP2220" s="166">
        <v>0</v>
      </c>
      <c r="AQ2220" s="166">
        <v>0</v>
      </c>
      <c r="AR2220" s="166">
        <v>0</v>
      </c>
      <c r="AS2220" s="166">
        <v>0</v>
      </c>
      <c r="AT2220" s="166">
        <v>0</v>
      </c>
      <c r="AU2220" s="166">
        <v>0</v>
      </c>
      <c r="AV2220" s="166">
        <v>0</v>
      </c>
      <c r="AW2220" s="166">
        <v>0</v>
      </c>
      <c r="AX2220" s="166">
        <v>0</v>
      </c>
      <c r="AY2220" s="166">
        <v>0</v>
      </c>
      <c r="AZ2220" s="166">
        <v>0</v>
      </c>
      <c r="BA2220" s="166">
        <v>0</v>
      </c>
      <c r="BB2220" s="166">
        <v>0</v>
      </c>
      <c r="BC2220" s="166">
        <v>0</v>
      </c>
      <c r="BD2220" s="166">
        <v>0</v>
      </c>
      <c r="BE2220" s="166">
        <v>0</v>
      </c>
      <c r="BF2220" s="166">
        <v>0</v>
      </c>
      <c r="BG2220" s="166">
        <v>0</v>
      </c>
      <c r="BH2220" s="166">
        <v>0</v>
      </c>
      <c r="BI2220" s="166">
        <v>0</v>
      </c>
      <c r="BJ2220" s="166">
        <v>0</v>
      </c>
      <c r="BK2220" s="166">
        <v>0</v>
      </c>
      <c r="BL2220" s="166">
        <v>0</v>
      </c>
      <c r="BM2220" s="166">
        <v>0</v>
      </c>
      <c r="BN2220" s="166">
        <v>0</v>
      </c>
      <c r="BO2220" s="166">
        <v>0</v>
      </c>
      <c r="BP2220" s="166">
        <v>0</v>
      </c>
      <c r="BQ2220" s="166">
        <v>0</v>
      </c>
      <c r="BR2220" s="166">
        <v>0</v>
      </c>
      <c r="BS2220" s="166">
        <v>0</v>
      </c>
      <c r="BT2220" s="168">
        <v>0</v>
      </c>
      <c r="BU2220" s="166">
        <v>0</v>
      </c>
      <c r="BV2220" s="166">
        <v>0</v>
      </c>
      <c r="BW2220" s="166">
        <v>0</v>
      </c>
      <c r="BX2220" s="166">
        <v>0</v>
      </c>
      <c r="BY2220" s="166">
        <v>0</v>
      </c>
      <c r="BZ2220" s="166">
        <v>0</v>
      </c>
      <c r="CA2220" s="166">
        <v>0</v>
      </c>
      <c r="CB2220" s="166">
        <v>0</v>
      </c>
      <c r="CC2220" s="166">
        <v>0</v>
      </c>
      <c r="CD2220" s="166">
        <v>0</v>
      </c>
      <c r="CE2220" s="166">
        <v>0</v>
      </c>
      <c r="CF2220" s="166">
        <v>0</v>
      </c>
      <c r="CG2220" s="166">
        <v>0</v>
      </c>
      <c r="CH2220" s="166">
        <v>0</v>
      </c>
      <c r="CI2220" s="166">
        <v>0</v>
      </c>
      <c r="CJ2220" s="166">
        <v>0</v>
      </c>
      <c r="CK2220" s="166">
        <v>0</v>
      </c>
      <c r="CL2220" s="166">
        <v>0</v>
      </c>
      <c r="CM2220" s="166">
        <v>0</v>
      </c>
      <c r="CN2220" s="166">
        <v>0</v>
      </c>
      <c r="CO2220" s="166">
        <v>0</v>
      </c>
      <c r="CP2220" s="166">
        <v>0</v>
      </c>
      <c r="CQ2220" s="166">
        <v>0</v>
      </c>
      <c r="CR2220" s="166">
        <v>0</v>
      </c>
      <c r="CS2220" s="166">
        <v>0</v>
      </c>
      <c r="CT2220" s="166">
        <v>0</v>
      </c>
      <c r="CU2220" s="166">
        <v>0</v>
      </c>
      <c r="CV2220" s="166">
        <v>0</v>
      </c>
      <c r="CW2220" s="166">
        <v>0</v>
      </c>
      <c r="CX2220" s="166">
        <v>0</v>
      </c>
      <c r="CY2220" s="166">
        <v>0</v>
      </c>
      <c r="CZ2220" s="166">
        <v>0</v>
      </c>
    </row>
    <row r="2221" spans="1:104" x14ac:dyDescent="0.2">
      <c r="A2221" s="167" t="s">
        <v>627</v>
      </c>
      <c r="B2221" s="166">
        <v>116021340.37</v>
      </c>
      <c r="C2221" s="166">
        <v>116021340.37</v>
      </c>
      <c r="D2221" s="166">
        <v>0</v>
      </c>
      <c r="E2221" s="166">
        <v>0</v>
      </c>
      <c r="F2221" s="166">
        <v>0</v>
      </c>
      <c r="G2221" s="166">
        <v>0</v>
      </c>
      <c r="H2221" s="166">
        <v>0</v>
      </c>
      <c r="I2221" s="166">
        <v>0</v>
      </c>
      <c r="J2221" s="166">
        <v>0</v>
      </c>
      <c r="K2221" s="166">
        <v>0</v>
      </c>
      <c r="L2221" s="166">
        <v>0</v>
      </c>
      <c r="M2221" s="166">
        <v>0</v>
      </c>
      <c r="N2221" s="166">
        <v>0</v>
      </c>
      <c r="O2221" s="166">
        <v>0</v>
      </c>
      <c r="P2221" s="166">
        <v>0</v>
      </c>
      <c r="Q2221" s="166">
        <v>0</v>
      </c>
      <c r="R2221" s="166">
        <v>0</v>
      </c>
      <c r="S2221" s="166">
        <v>0</v>
      </c>
      <c r="T2221" s="166">
        <v>0</v>
      </c>
      <c r="U2221" s="166">
        <v>0</v>
      </c>
      <c r="V2221" s="166">
        <v>0</v>
      </c>
      <c r="W2221" s="166">
        <v>0</v>
      </c>
      <c r="X2221" s="166">
        <v>0</v>
      </c>
      <c r="Y2221" s="166">
        <v>0</v>
      </c>
      <c r="Z2221" s="166">
        <v>0</v>
      </c>
      <c r="AA2221" s="166">
        <v>0</v>
      </c>
      <c r="AB2221" s="166">
        <v>0</v>
      </c>
      <c r="AC2221" s="166">
        <v>0</v>
      </c>
      <c r="AD2221" s="166">
        <v>0</v>
      </c>
      <c r="AE2221" s="166">
        <v>0</v>
      </c>
      <c r="AF2221" s="166">
        <v>0</v>
      </c>
      <c r="AG2221" s="166">
        <v>0</v>
      </c>
      <c r="AH2221" s="166">
        <v>0</v>
      </c>
      <c r="AI2221" s="166">
        <v>0</v>
      </c>
      <c r="AJ2221" s="166">
        <v>0</v>
      </c>
      <c r="AK2221" s="166">
        <v>0</v>
      </c>
      <c r="AL2221" s="166">
        <v>0</v>
      </c>
      <c r="AM2221" s="166">
        <v>0</v>
      </c>
      <c r="AN2221" s="166">
        <v>0</v>
      </c>
      <c r="AO2221" s="166">
        <v>0</v>
      </c>
      <c r="AP2221" s="166">
        <v>0</v>
      </c>
      <c r="AQ2221" s="166">
        <v>0</v>
      </c>
      <c r="AR2221" s="166">
        <v>0</v>
      </c>
      <c r="AS2221" s="166">
        <v>0</v>
      </c>
      <c r="AT2221" s="166">
        <v>0</v>
      </c>
      <c r="AU2221" s="166">
        <v>0</v>
      </c>
      <c r="AV2221" s="166">
        <v>0</v>
      </c>
      <c r="AW2221" s="166">
        <v>0</v>
      </c>
      <c r="AX2221" s="166">
        <v>0</v>
      </c>
      <c r="AY2221" s="166">
        <v>0</v>
      </c>
      <c r="AZ2221" s="166">
        <v>0</v>
      </c>
      <c r="BA2221" s="166">
        <v>0</v>
      </c>
      <c r="BB2221" s="166">
        <v>0</v>
      </c>
      <c r="BC2221" s="166">
        <v>0</v>
      </c>
      <c r="BD2221" s="166">
        <v>0</v>
      </c>
      <c r="BE2221" s="166">
        <v>0</v>
      </c>
      <c r="BF2221" s="166">
        <v>0</v>
      </c>
      <c r="BG2221" s="166">
        <v>0</v>
      </c>
      <c r="BH2221" s="166">
        <v>0</v>
      </c>
      <c r="BI2221" s="166">
        <v>0</v>
      </c>
      <c r="BJ2221" s="166">
        <v>0</v>
      </c>
      <c r="BK2221" s="166">
        <v>0</v>
      </c>
      <c r="BL2221" s="166">
        <v>0</v>
      </c>
      <c r="BM2221" s="166">
        <v>0</v>
      </c>
      <c r="BN2221" s="166">
        <v>0</v>
      </c>
      <c r="BO2221" s="166">
        <v>0</v>
      </c>
      <c r="BP2221" s="166">
        <v>0</v>
      </c>
      <c r="BQ2221" s="166">
        <v>0</v>
      </c>
      <c r="BR2221" s="166">
        <v>116021340.37</v>
      </c>
      <c r="BS2221" s="166">
        <v>116021340.36999901</v>
      </c>
      <c r="BT2221" s="168">
        <v>0</v>
      </c>
      <c r="BU2221" s="166">
        <v>10351278.3556238</v>
      </c>
      <c r="BV2221" s="166">
        <v>115949998.236662</v>
      </c>
      <c r="BW2221" s="166">
        <v>0</v>
      </c>
      <c r="BX2221" s="166">
        <v>0</v>
      </c>
      <c r="BY2221" s="166">
        <v>0</v>
      </c>
      <c r="BZ2221" s="166">
        <v>0</v>
      </c>
      <c r="CA2221" s="166">
        <v>0</v>
      </c>
      <c r="CB2221" s="166">
        <v>0</v>
      </c>
      <c r="CC2221" s="166">
        <v>0</v>
      </c>
      <c r="CD2221" s="166">
        <v>0</v>
      </c>
      <c r="CE2221" s="166">
        <v>0</v>
      </c>
      <c r="CF2221" s="166">
        <v>0</v>
      </c>
      <c r="CG2221" s="166">
        <v>0</v>
      </c>
      <c r="CH2221" s="166">
        <v>0</v>
      </c>
      <c r="CI2221" s="166">
        <v>0</v>
      </c>
      <c r="CJ2221" s="166">
        <v>0</v>
      </c>
      <c r="CK2221" s="166">
        <v>0</v>
      </c>
      <c r="CL2221" s="166">
        <v>0</v>
      </c>
      <c r="CM2221" s="166">
        <v>0</v>
      </c>
      <c r="CN2221" s="166">
        <v>0</v>
      </c>
      <c r="CO2221" s="166">
        <v>0</v>
      </c>
      <c r="CP2221" s="166">
        <v>0</v>
      </c>
      <c r="CQ2221" s="166">
        <v>0</v>
      </c>
      <c r="CR2221" s="166">
        <v>0</v>
      </c>
      <c r="CS2221" s="166">
        <v>0</v>
      </c>
      <c r="CT2221" s="166">
        <v>0</v>
      </c>
      <c r="CU2221" s="166">
        <v>0</v>
      </c>
      <c r="CV2221" s="166">
        <v>0</v>
      </c>
      <c r="CW2221" s="166">
        <v>0</v>
      </c>
      <c r="CX2221" s="166">
        <v>0</v>
      </c>
      <c r="CY2221" s="166">
        <v>115949998.236662</v>
      </c>
      <c r="CZ2221" s="166">
        <v>115949998.236662</v>
      </c>
    </row>
    <row r="2222" spans="1:104" x14ac:dyDescent="0.2">
      <c r="A2222" s="167" t="s">
        <v>628</v>
      </c>
      <c r="B2222" s="166">
        <v>0</v>
      </c>
      <c r="C2222" s="166">
        <v>0</v>
      </c>
      <c r="D2222" s="166">
        <v>0</v>
      </c>
      <c r="E2222" s="166">
        <v>0</v>
      </c>
      <c r="F2222" s="166">
        <v>0</v>
      </c>
      <c r="G2222" s="166">
        <v>0</v>
      </c>
      <c r="H2222" s="166">
        <v>0</v>
      </c>
      <c r="I2222" s="166">
        <v>0</v>
      </c>
      <c r="J2222" s="166">
        <v>0</v>
      </c>
      <c r="K2222" s="166">
        <v>0</v>
      </c>
      <c r="L2222" s="166">
        <v>0</v>
      </c>
      <c r="M2222" s="166">
        <v>0</v>
      </c>
      <c r="N2222" s="166">
        <v>0</v>
      </c>
      <c r="O2222" s="166">
        <v>0</v>
      </c>
      <c r="P2222" s="166">
        <v>0</v>
      </c>
      <c r="Q2222" s="166">
        <v>0</v>
      </c>
      <c r="R2222" s="166">
        <v>0</v>
      </c>
      <c r="S2222" s="166">
        <v>0</v>
      </c>
      <c r="T2222" s="166">
        <v>0</v>
      </c>
      <c r="U2222" s="166">
        <v>0</v>
      </c>
      <c r="V2222" s="166">
        <v>0</v>
      </c>
      <c r="W2222" s="166">
        <v>0</v>
      </c>
      <c r="X2222" s="166">
        <v>0</v>
      </c>
      <c r="Y2222" s="166">
        <v>0</v>
      </c>
      <c r="Z2222" s="166">
        <v>0</v>
      </c>
      <c r="AA2222" s="166">
        <v>0</v>
      </c>
      <c r="AB2222" s="166">
        <v>0</v>
      </c>
      <c r="AC2222" s="166">
        <v>0</v>
      </c>
      <c r="AD2222" s="166">
        <v>0</v>
      </c>
      <c r="AE2222" s="166">
        <v>0</v>
      </c>
      <c r="AF2222" s="166">
        <v>0</v>
      </c>
      <c r="AG2222" s="166">
        <v>0</v>
      </c>
      <c r="AH2222" s="166">
        <v>0</v>
      </c>
      <c r="AI2222" s="166">
        <v>0</v>
      </c>
      <c r="AJ2222" s="166">
        <v>0</v>
      </c>
      <c r="AK2222" s="166">
        <v>0</v>
      </c>
      <c r="AL2222" s="166">
        <v>0</v>
      </c>
      <c r="AM2222" s="166">
        <v>0</v>
      </c>
      <c r="AN2222" s="166">
        <v>0</v>
      </c>
      <c r="AO2222" s="166">
        <v>0</v>
      </c>
      <c r="AP2222" s="166">
        <v>0</v>
      </c>
      <c r="AQ2222" s="166">
        <v>0</v>
      </c>
      <c r="AR2222" s="166">
        <v>0</v>
      </c>
      <c r="AS2222" s="166">
        <v>0</v>
      </c>
      <c r="AT2222" s="166">
        <v>0</v>
      </c>
      <c r="AU2222" s="166">
        <v>0</v>
      </c>
      <c r="AV2222" s="166">
        <v>0</v>
      </c>
      <c r="AW2222" s="166">
        <v>0</v>
      </c>
      <c r="AX2222" s="166">
        <v>0</v>
      </c>
      <c r="AY2222" s="166">
        <v>0</v>
      </c>
      <c r="AZ2222" s="166">
        <v>0</v>
      </c>
      <c r="BA2222" s="166">
        <v>0</v>
      </c>
      <c r="BB2222" s="166">
        <v>0</v>
      </c>
      <c r="BC2222" s="166">
        <v>0</v>
      </c>
      <c r="BD2222" s="166">
        <v>0</v>
      </c>
      <c r="BE2222" s="166">
        <v>0</v>
      </c>
      <c r="BF2222" s="166">
        <v>0</v>
      </c>
      <c r="BG2222" s="166">
        <v>0</v>
      </c>
      <c r="BH2222" s="166">
        <v>0</v>
      </c>
      <c r="BI2222" s="166">
        <v>0</v>
      </c>
      <c r="BJ2222" s="166">
        <v>0</v>
      </c>
      <c r="BK2222" s="166">
        <v>0</v>
      </c>
      <c r="BL2222" s="166">
        <v>0</v>
      </c>
      <c r="BM2222" s="166">
        <v>0</v>
      </c>
      <c r="BN2222" s="166">
        <v>0</v>
      </c>
      <c r="BO2222" s="166">
        <v>0</v>
      </c>
      <c r="BP2222" s="166">
        <v>0</v>
      </c>
      <c r="BQ2222" s="166">
        <v>0</v>
      </c>
      <c r="BR2222" s="166">
        <v>0</v>
      </c>
      <c r="BS2222" s="166">
        <v>0</v>
      </c>
      <c r="BT2222" s="168">
        <v>0</v>
      </c>
      <c r="BU2222" s="166">
        <v>0</v>
      </c>
      <c r="BV2222" s="166">
        <v>0</v>
      </c>
      <c r="BW2222" s="166">
        <v>0</v>
      </c>
      <c r="BX2222" s="166">
        <v>0</v>
      </c>
      <c r="BY2222" s="166">
        <v>0</v>
      </c>
      <c r="BZ2222" s="166">
        <v>0</v>
      </c>
      <c r="CA2222" s="166">
        <v>0</v>
      </c>
      <c r="CB2222" s="166">
        <v>0</v>
      </c>
      <c r="CC2222" s="166">
        <v>0</v>
      </c>
      <c r="CD2222" s="166">
        <v>0</v>
      </c>
      <c r="CE2222" s="166">
        <v>0</v>
      </c>
      <c r="CF2222" s="166">
        <v>0</v>
      </c>
      <c r="CG2222" s="166">
        <v>0</v>
      </c>
      <c r="CH2222" s="166">
        <v>0</v>
      </c>
      <c r="CI2222" s="166">
        <v>0</v>
      </c>
      <c r="CJ2222" s="166">
        <v>0</v>
      </c>
      <c r="CK2222" s="166">
        <v>0</v>
      </c>
      <c r="CL2222" s="166">
        <v>0</v>
      </c>
      <c r="CM2222" s="166">
        <v>0</v>
      </c>
      <c r="CN2222" s="166">
        <v>0</v>
      </c>
      <c r="CO2222" s="166">
        <v>0</v>
      </c>
      <c r="CP2222" s="166">
        <v>0</v>
      </c>
      <c r="CQ2222" s="166">
        <v>0</v>
      </c>
      <c r="CR2222" s="166">
        <v>0</v>
      </c>
      <c r="CS2222" s="166">
        <v>0</v>
      </c>
      <c r="CT2222" s="166">
        <v>0</v>
      </c>
      <c r="CU2222" s="166">
        <v>0</v>
      </c>
      <c r="CV2222" s="166">
        <v>0</v>
      </c>
      <c r="CW2222" s="166">
        <v>0</v>
      </c>
      <c r="CX2222" s="166">
        <v>0</v>
      </c>
      <c r="CY2222" s="166">
        <v>0</v>
      </c>
      <c r="CZ2222" s="166">
        <v>0</v>
      </c>
    </row>
    <row r="2223" spans="1:104" x14ac:dyDescent="0.2">
      <c r="A2223" s="167" t="s">
        <v>629</v>
      </c>
      <c r="B2223" s="166">
        <v>298571801.00972998</v>
      </c>
      <c r="C2223" s="166">
        <v>298571801.00972998</v>
      </c>
      <c r="D2223" s="166">
        <v>0</v>
      </c>
      <c r="E2223" s="166">
        <v>0</v>
      </c>
      <c r="F2223" s="166">
        <v>0</v>
      </c>
      <c r="G2223" s="166">
        <v>0</v>
      </c>
      <c r="H2223" s="166">
        <v>0</v>
      </c>
      <c r="I2223" s="166">
        <v>0</v>
      </c>
      <c r="J2223" s="166">
        <v>0</v>
      </c>
      <c r="K2223" s="166">
        <v>0</v>
      </c>
      <c r="L2223" s="166">
        <v>0</v>
      </c>
      <c r="M2223" s="166">
        <v>0</v>
      </c>
      <c r="N2223" s="166">
        <v>0</v>
      </c>
      <c r="O2223" s="166">
        <v>0</v>
      </c>
      <c r="P2223" s="166">
        <v>0</v>
      </c>
      <c r="Q2223" s="166">
        <v>0</v>
      </c>
      <c r="R2223" s="166">
        <v>0</v>
      </c>
      <c r="S2223" s="166">
        <v>0</v>
      </c>
      <c r="T2223" s="166">
        <v>0</v>
      </c>
      <c r="U2223" s="166">
        <v>0</v>
      </c>
      <c r="V2223" s="166">
        <v>0</v>
      </c>
      <c r="W2223" s="166">
        <v>0</v>
      </c>
      <c r="X2223" s="166">
        <v>0</v>
      </c>
      <c r="Y2223" s="166">
        <v>0</v>
      </c>
      <c r="Z2223" s="166">
        <v>0</v>
      </c>
      <c r="AA2223" s="166">
        <v>0</v>
      </c>
      <c r="AB2223" s="166">
        <v>0</v>
      </c>
      <c r="AC2223" s="166">
        <v>0</v>
      </c>
      <c r="AD2223" s="166">
        <v>0</v>
      </c>
      <c r="AE2223" s="166">
        <v>0</v>
      </c>
      <c r="AF2223" s="166">
        <v>0</v>
      </c>
      <c r="AG2223" s="166">
        <v>0</v>
      </c>
      <c r="AH2223" s="166">
        <v>0</v>
      </c>
      <c r="AI2223" s="166">
        <v>0</v>
      </c>
      <c r="AJ2223" s="166">
        <v>0</v>
      </c>
      <c r="AK2223" s="166">
        <v>0</v>
      </c>
      <c r="AL2223" s="166">
        <v>0</v>
      </c>
      <c r="AM2223" s="166">
        <v>0</v>
      </c>
      <c r="AN2223" s="166">
        <v>0</v>
      </c>
      <c r="AO2223" s="166">
        <v>0</v>
      </c>
      <c r="AP2223" s="166">
        <v>0</v>
      </c>
      <c r="AQ2223" s="166">
        <v>0</v>
      </c>
      <c r="AR2223" s="166">
        <v>0</v>
      </c>
      <c r="AS2223" s="166">
        <v>0</v>
      </c>
      <c r="AT2223" s="166">
        <v>0</v>
      </c>
      <c r="AU2223" s="166">
        <v>0</v>
      </c>
      <c r="AV2223" s="166">
        <v>0</v>
      </c>
      <c r="AW2223" s="166">
        <v>0</v>
      </c>
      <c r="AX2223" s="166">
        <v>-3969679.3581241001</v>
      </c>
      <c r="AY2223" s="166">
        <v>0</v>
      </c>
      <c r="AZ2223" s="166">
        <v>0</v>
      </c>
      <c r="BA2223" s="166">
        <v>0</v>
      </c>
      <c r="BB2223" s="166">
        <v>0</v>
      </c>
      <c r="BC2223" s="166">
        <v>0</v>
      </c>
      <c r="BD2223" s="166">
        <v>0</v>
      </c>
      <c r="BE2223" s="166">
        <v>0</v>
      </c>
      <c r="BF2223" s="166">
        <v>0</v>
      </c>
      <c r="BG2223" s="166">
        <v>0</v>
      </c>
      <c r="BH2223" s="166">
        <v>0</v>
      </c>
      <c r="BI2223" s="166">
        <v>0</v>
      </c>
      <c r="BJ2223" s="166">
        <v>0</v>
      </c>
      <c r="BK2223" s="166">
        <v>0</v>
      </c>
      <c r="BL2223" s="166">
        <v>0</v>
      </c>
      <c r="BM2223" s="166">
        <v>0</v>
      </c>
      <c r="BN2223" s="166">
        <v>0</v>
      </c>
      <c r="BO2223" s="166">
        <v>-3969679.3581241001</v>
      </c>
      <c r="BP2223" s="166">
        <v>0</v>
      </c>
      <c r="BQ2223" s="166">
        <v>0</v>
      </c>
      <c r="BR2223" s="166">
        <v>298571801.00972998</v>
      </c>
      <c r="BS2223" s="166">
        <v>294602121.65160501</v>
      </c>
      <c r="BT2223" s="168">
        <v>0</v>
      </c>
      <c r="BU2223" s="166">
        <v>19015853.578159701</v>
      </c>
      <c r="BV2223" s="166">
        <v>291352102.12792099</v>
      </c>
      <c r="BW2223" s="166">
        <v>0</v>
      </c>
      <c r="BX2223" s="166">
        <v>0</v>
      </c>
      <c r="BY2223" s="166">
        <v>0</v>
      </c>
      <c r="BZ2223" s="166">
        <v>0</v>
      </c>
      <c r="CA2223" s="166">
        <v>0</v>
      </c>
      <c r="CB2223" s="166">
        <v>0</v>
      </c>
      <c r="CC2223" s="166">
        <v>0</v>
      </c>
      <c r="CD2223" s="166">
        <v>0</v>
      </c>
      <c r="CE2223" s="166">
        <v>0</v>
      </c>
      <c r="CF2223" s="166">
        <v>0</v>
      </c>
      <c r="CG2223" s="166">
        <v>0</v>
      </c>
      <c r="CH2223" s="166">
        <v>-3969679.3581241001</v>
      </c>
      <c r="CI2223" s="166">
        <v>0</v>
      </c>
      <c r="CJ2223" s="166">
        <v>0</v>
      </c>
      <c r="CK2223" s="166">
        <v>0</v>
      </c>
      <c r="CL2223" s="166">
        <v>0</v>
      </c>
      <c r="CM2223" s="166">
        <v>0</v>
      </c>
      <c r="CN2223" s="166">
        <v>0</v>
      </c>
      <c r="CO2223" s="166">
        <v>0</v>
      </c>
      <c r="CP2223" s="166">
        <v>0</v>
      </c>
      <c r="CQ2223" s="166">
        <v>0</v>
      </c>
      <c r="CR2223" s="166">
        <v>0</v>
      </c>
      <c r="CS2223" s="166">
        <v>0</v>
      </c>
      <c r="CT2223" s="166">
        <v>0</v>
      </c>
      <c r="CU2223" s="166">
        <v>0</v>
      </c>
      <c r="CV2223" s="166">
        <v>-3969679.3581241001</v>
      </c>
      <c r="CW2223" s="166">
        <v>0</v>
      </c>
      <c r="CX2223" s="166">
        <v>0</v>
      </c>
      <c r="CY2223" s="166">
        <v>287382422.76979703</v>
      </c>
      <c r="CZ2223" s="166">
        <v>287382422.76979703</v>
      </c>
    </row>
    <row r="2224" spans="1:104" x14ac:dyDescent="0.2">
      <c r="A2224" s="167" t="s">
        <v>630</v>
      </c>
      <c r="B2224" s="166">
        <v>0</v>
      </c>
      <c r="C2224" s="166">
        <v>0</v>
      </c>
      <c r="D2224" s="166">
        <v>0</v>
      </c>
      <c r="E2224" s="166">
        <v>0</v>
      </c>
      <c r="F2224" s="166">
        <v>0</v>
      </c>
      <c r="G2224" s="166">
        <v>0</v>
      </c>
      <c r="H2224" s="166">
        <v>0</v>
      </c>
      <c r="I2224" s="166">
        <v>0</v>
      </c>
      <c r="J2224" s="166">
        <v>0</v>
      </c>
      <c r="K2224" s="166">
        <v>0</v>
      </c>
      <c r="L2224" s="166">
        <v>0</v>
      </c>
      <c r="M2224" s="166">
        <v>0</v>
      </c>
      <c r="N2224" s="166">
        <v>0</v>
      </c>
      <c r="O2224" s="166">
        <v>0</v>
      </c>
      <c r="P2224" s="166">
        <v>0</v>
      </c>
      <c r="Q2224" s="166">
        <v>0</v>
      </c>
      <c r="R2224" s="166">
        <v>0</v>
      </c>
      <c r="S2224" s="166">
        <v>0</v>
      </c>
      <c r="T2224" s="166">
        <v>0</v>
      </c>
      <c r="U2224" s="166">
        <v>0</v>
      </c>
      <c r="V2224" s="166">
        <v>0</v>
      </c>
      <c r="W2224" s="166">
        <v>0</v>
      </c>
      <c r="X2224" s="166">
        <v>0</v>
      </c>
      <c r="Y2224" s="166">
        <v>0</v>
      </c>
      <c r="Z2224" s="166">
        <v>0</v>
      </c>
      <c r="AA2224" s="166">
        <v>0</v>
      </c>
      <c r="AB2224" s="166">
        <v>0</v>
      </c>
      <c r="AC2224" s="166">
        <v>0</v>
      </c>
      <c r="AD2224" s="166">
        <v>0</v>
      </c>
      <c r="AE2224" s="166">
        <v>0</v>
      </c>
      <c r="AF2224" s="166">
        <v>0</v>
      </c>
      <c r="AG2224" s="166">
        <v>0</v>
      </c>
      <c r="AH2224" s="166">
        <v>0</v>
      </c>
      <c r="AI2224" s="166">
        <v>0</v>
      </c>
      <c r="AJ2224" s="166">
        <v>0</v>
      </c>
      <c r="AK2224" s="166">
        <v>0</v>
      </c>
      <c r="AL2224" s="166">
        <v>0</v>
      </c>
      <c r="AM2224" s="166">
        <v>0</v>
      </c>
      <c r="AN2224" s="166">
        <v>0</v>
      </c>
      <c r="AO2224" s="166">
        <v>0</v>
      </c>
      <c r="AP2224" s="166">
        <v>0</v>
      </c>
      <c r="AQ2224" s="166">
        <v>0</v>
      </c>
      <c r="AR2224" s="166">
        <v>0</v>
      </c>
      <c r="AS2224" s="166">
        <v>0</v>
      </c>
      <c r="AT2224" s="166">
        <v>0</v>
      </c>
      <c r="AU2224" s="166">
        <v>0</v>
      </c>
      <c r="AV2224" s="166">
        <v>0</v>
      </c>
      <c r="AW2224" s="166">
        <v>0</v>
      </c>
      <c r="AX2224" s="166">
        <v>0</v>
      </c>
      <c r="AY2224" s="166">
        <v>0</v>
      </c>
      <c r="AZ2224" s="166">
        <v>0</v>
      </c>
      <c r="BA2224" s="166">
        <v>0</v>
      </c>
      <c r="BB2224" s="166">
        <v>0</v>
      </c>
      <c r="BC2224" s="166">
        <v>0</v>
      </c>
      <c r="BD2224" s="166">
        <v>0</v>
      </c>
      <c r="BE2224" s="166">
        <v>0</v>
      </c>
      <c r="BF2224" s="166">
        <v>0</v>
      </c>
      <c r="BG2224" s="166">
        <v>0</v>
      </c>
      <c r="BH2224" s="166">
        <v>0</v>
      </c>
      <c r="BI2224" s="166">
        <v>0</v>
      </c>
      <c r="BJ2224" s="166">
        <v>0</v>
      </c>
      <c r="BK2224" s="166">
        <v>0</v>
      </c>
      <c r="BL2224" s="166">
        <v>0</v>
      </c>
      <c r="BM2224" s="166">
        <v>0</v>
      </c>
      <c r="BN2224" s="166">
        <v>0</v>
      </c>
      <c r="BO2224" s="166">
        <v>0</v>
      </c>
      <c r="BP2224" s="166">
        <v>0</v>
      </c>
      <c r="BQ2224" s="166">
        <v>0</v>
      </c>
      <c r="BR2224" s="166">
        <v>0</v>
      </c>
      <c r="BS2224" s="166">
        <v>0</v>
      </c>
      <c r="BT2224" s="168">
        <v>0</v>
      </c>
      <c r="BU2224" s="166">
        <v>0</v>
      </c>
      <c r="BV2224" s="166">
        <v>0</v>
      </c>
      <c r="BW2224" s="166">
        <v>0</v>
      </c>
      <c r="BX2224" s="166">
        <v>0</v>
      </c>
      <c r="BY2224" s="166">
        <v>0</v>
      </c>
      <c r="BZ2224" s="166">
        <v>0</v>
      </c>
      <c r="CA2224" s="166">
        <v>0</v>
      </c>
      <c r="CB2224" s="166">
        <v>0</v>
      </c>
      <c r="CC2224" s="166">
        <v>0</v>
      </c>
      <c r="CD2224" s="166">
        <v>0</v>
      </c>
      <c r="CE2224" s="166">
        <v>0</v>
      </c>
      <c r="CF2224" s="166">
        <v>0</v>
      </c>
      <c r="CG2224" s="166">
        <v>0</v>
      </c>
      <c r="CH2224" s="166">
        <v>0</v>
      </c>
      <c r="CI2224" s="166">
        <v>0</v>
      </c>
      <c r="CJ2224" s="166">
        <v>0</v>
      </c>
      <c r="CK2224" s="166">
        <v>0</v>
      </c>
      <c r="CL2224" s="166">
        <v>0</v>
      </c>
      <c r="CM2224" s="166">
        <v>0</v>
      </c>
      <c r="CN2224" s="166">
        <v>0</v>
      </c>
      <c r="CO2224" s="166">
        <v>0</v>
      </c>
      <c r="CP2224" s="166">
        <v>0</v>
      </c>
      <c r="CQ2224" s="166">
        <v>0</v>
      </c>
      <c r="CR2224" s="166">
        <v>0</v>
      </c>
      <c r="CS2224" s="166">
        <v>0</v>
      </c>
      <c r="CT2224" s="166">
        <v>0</v>
      </c>
      <c r="CU2224" s="166">
        <v>0</v>
      </c>
      <c r="CV2224" s="166">
        <v>0</v>
      </c>
      <c r="CW2224" s="166">
        <v>0</v>
      </c>
      <c r="CX2224" s="166">
        <v>0</v>
      </c>
      <c r="CY2224" s="166">
        <v>0</v>
      </c>
      <c r="CZ2224" s="166">
        <v>0</v>
      </c>
    </row>
    <row r="2225" spans="1:104" x14ac:dyDescent="0.2">
      <c r="A2225" s="167" t="s">
        <v>631</v>
      </c>
      <c r="B2225" s="166">
        <v>596151748.86280596</v>
      </c>
      <c r="C2225" s="166">
        <v>596151748.86280596</v>
      </c>
      <c r="D2225" s="166">
        <v>0</v>
      </c>
      <c r="E2225" s="166">
        <v>0</v>
      </c>
      <c r="F2225" s="166">
        <v>0</v>
      </c>
      <c r="G2225" s="166">
        <v>0</v>
      </c>
      <c r="H2225" s="166">
        <v>0</v>
      </c>
      <c r="I2225" s="166">
        <v>0</v>
      </c>
      <c r="J2225" s="166">
        <v>0</v>
      </c>
      <c r="K2225" s="166">
        <v>0</v>
      </c>
      <c r="L2225" s="166">
        <v>0</v>
      </c>
      <c r="M2225" s="166">
        <v>0</v>
      </c>
      <c r="N2225" s="166">
        <v>0</v>
      </c>
      <c r="O2225" s="166">
        <v>0</v>
      </c>
      <c r="P2225" s="166">
        <v>0</v>
      </c>
      <c r="Q2225" s="166">
        <v>0</v>
      </c>
      <c r="R2225" s="166">
        <v>0</v>
      </c>
      <c r="S2225" s="166">
        <v>0</v>
      </c>
      <c r="T2225" s="166">
        <v>0</v>
      </c>
      <c r="U2225" s="166">
        <v>0</v>
      </c>
      <c r="V2225" s="166">
        <v>0</v>
      </c>
      <c r="W2225" s="166">
        <v>0</v>
      </c>
      <c r="X2225" s="166">
        <v>0</v>
      </c>
      <c r="Y2225" s="166">
        <v>0</v>
      </c>
      <c r="Z2225" s="166">
        <v>0</v>
      </c>
      <c r="AA2225" s="166">
        <v>0</v>
      </c>
      <c r="AB2225" s="166">
        <v>0</v>
      </c>
      <c r="AC2225" s="166">
        <v>0</v>
      </c>
      <c r="AD2225" s="166">
        <v>0</v>
      </c>
      <c r="AE2225" s="166">
        <v>0</v>
      </c>
      <c r="AF2225" s="166">
        <v>0</v>
      </c>
      <c r="AG2225" s="166">
        <v>0</v>
      </c>
      <c r="AH2225" s="166">
        <v>0</v>
      </c>
      <c r="AI2225" s="166">
        <v>0</v>
      </c>
      <c r="AJ2225" s="166">
        <v>0</v>
      </c>
      <c r="AK2225" s="166">
        <v>0</v>
      </c>
      <c r="AL2225" s="166">
        <v>0</v>
      </c>
      <c r="AM2225" s="166">
        <v>0</v>
      </c>
      <c r="AN2225" s="166">
        <v>0</v>
      </c>
      <c r="AO2225" s="166">
        <v>0</v>
      </c>
      <c r="AP2225" s="166">
        <v>0</v>
      </c>
      <c r="AQ2225" s="166">
        <v>0</v>
      </c>
      <c r="AR2225" s="166">
        <v>0</v>
      </c>
      <c r="AS2225" s="166">
        <v>0</v>
      </c>
      <c r="AT2225" s="166">
        <v>0</v>
      </c>
      <c r="AU2225" s="166">
        <v>0</v>
      </c>
      <c r="AV2225" s="166">
        <v>0</v>
      </c>
      <c r="AW2225" s="166">
        <v>0</v>
      </c>
      <c r="AX2225" s="166">
        <v>-3969679.3581241001</v>
      </c>
      <c r="AY2225" s="166">
        <v>0</v>
      </c>
      <c r="AZ2225" s="166">
        <v>0</v>
      </c>
      <c r="BA2225" s="166">
        <v>0</v>
      </c>
      <c r="BB2225" s="166">
        <v>0</v>
      </c>
      <c r="BC2225" s="166">
        <v>0</v>
      </c>
      <c r="BD2225" s="166">
        <v>0</v>
      </c>
      <c r="BE2225" s="166">
        <v>0</v>
      </c>
      <c r="BF2225" s="166">
        <v>0</v>
      </c>
      <c r="BG2225" s="166">
        <v>0</v>
      </c>
      <c r="BH2225" s="166">
        <v>0</v>
      </c>
      <c r="BI2225" s="166">
        <v>0</v>
      </c>
      <c r="BJ2225" s="166">
        <v>0</v>
      </c>
      <c r="BK2225" s="166">
        <v>0</v>
      </c>
      <c r="BL2225" s="166">
        <v>0</v>
      </c>
      <c r="BM2225" s="166">
        <v>0</v>
      </c>
      <c r="BN2225" s="166">
        <v>0</v>
      </c>
      <c r="BO2225" s="166">
        <v>-3969679.3581241001</v>
      </c>
      <c r="BP2225" s="166">
        <v>0</v>
      </c>
      <c r="BQ2225" s="166">
        <v>0</v>
      </c>
      <c r="BR2225" s="166">
        <v>596151748.86280596</v>
      </c>
      <c r="BS2225" s="166">
        <v>592182069.50468194</v>
      </c>
      <c r="BT2225" s="168">
        <v>0</v>
      </c>
      <c r="BU2225" s="166">
        <v>42327128.267272703</v>
      </c>
      <c r="BV2225" s="166">
        <v>578688148.17869401</v>
      </c>
      <c r="BW2225" s="166">
        <v>0</v>
      </c>
      <c r="BX2225" s="166">
        <v>0</v>
      </c>
      <c r="BY2225" s="166">
        <v>0</v>
      </c>
      <c r="BZ2225" s="166">
        <v>0</v>
      </c>
      <c r="CA2225" s="166">
        <v>0</v>
      </c>
      <c r="CB2225" s="166">
        <v>0</v>
      </c>
      <c r="CC2225" s="166">
        <v>0</v>
      </c>
      <c r="CD2225" s="166">
        <v>0</v>
      </c>
      <c r="CE2225" s="166">
        <v>0</v>
      </c>
      <c r="CF2225" s="166">
        <v>0</v>
      </c>
      <c r="CG2225" s="166">
        <v>0</v>
      </c>
      <c r="CH2225" s="166">
        <v>-3969679.3581241001</v>
      </c>
      <c r="CI2225" s="166">
        <v>0</v>
      </c>
      <c r="CJ2225" s="166">
        <v>0</v>
      </c>
      <c r="CK2225" s="166">
        <v>0</v>
      </c>
      <c r="CL2225" s="166">
        <v>0</v>
      </c>
      <c r="CM2225" s="166">
        <v>0</v>
      </c>
      <c r="CN2225" s="166">
        <v>0</v>
      </c>
      <c r="CO2225" s="166">
        <v>0</v>
      </c>
      <c r="CP2225" s="166">
        <v>0</v>
      </c>
      <c r="CQ2225" s="166">
        <v>0</v>
      </c>
      <c r="CR2225" s="166">
        <v>0</v>
      </c>
      <c r="CS2225" s="166">
        <v>0</v>
      </c>
      <c r="CT2225" s="166">
        <v>0</v>
      </c>
      <c r="CU2225" s="166">
        <v>0</v>
      </c>
      <c r="CV2225" s="166">
        <v>-3969679.3581241001</v>
      </c>
      <c r="CW2225" s="166">
        <v>0</v>
      </c>
      <c r="CX2225" s="166">
        <v>0</v>
      </c>
      <c r="CY2225" s="166">
        <v>574718468.82056999</v>
      </c>
      <c r="CZ2225" s="166">
        <v>574718468.82056999</v>
      </c>
    </row>
    <row r="2226" spans="1:104" x14ac:dyDescent="0.2">
      <c r="A2226" s="167" t="s">
        <v>632</v>
      </c>
      <c r="B2226" s="166">
        <v>620159436.91678905</v>
      </c>
      <c r="C2226" s="166">
        <v>620159436.91678905</v>
      </c>
      <c r="D2226" s="166">
        <v>0</v>
      </c>
      <c r="E2226" s="166">
        <v>0</v>
      </c>
      <c r="F2226" s="166">
        <v>0</v>
      </c>
      <c r="G2226" s="166">
        <v>0</v>
      </c>
      <c r="H2226" s="166">
        <v>0</v>
      </c>
      <c r="I2226" s="166">
        <v>0</v>
      </c>
      <c r="J2226" s="166">
        <v>0</v>
      </c>
      <c r="K2226" s="166">
        <v>0</v>
      </c>
      <c r="L2226" s="166">
        <v>0</v>
      </c>
      <c r="M2226" s="166">
        <v>0</v>
      </c>
      <c r="N2226" s="166">
        <v>0</v>
      </c>
      <c r="O2226" s="166">
        <v>0</v>
      </c>
      <c r="P2226" s="166">
        <v>0</v>
      </c>
      <c r="Q2226" s="166">
        <v>0</v>
      </c>
      <c r="R2226" s="166">
        <v>0</v>
      </c>
      <c r="S2226" s="166">
        <v>0</v>
      </c>
      <c r="T2226" s="166">
        <v>0</v>
      </c>
      <c r="U2226" s="166">
        <v>0</v>
      </c>
      <c r="V2226" s="166">
        <v>0</v>
      </c>
      <c r="W2226" s="166">
        <v>0</v>
      </c>
      <c r="X2226" s="166">
        <v>0</v>
      </c>
      <c r="Y2226" s="166">
        <v>0</v>
      </c>
      <c r="Z2226" s="166">
        <v>0</v>
      </c>
      <c r="AA2226" s="166">
        <v>0</v>
      </c>
      <c r="AB2226" s="166">
        <v>0</v>
      </c>
      <c r="AC2226" s="166">
        <v>0</v>
      </c>
      <c r="AD2226" s="166">
        <v>0</v>
      </c>
      <c r="AE2226" s="166">
        <v>0</v>
      </c>
      <c r="AF2226" s="166">
        <v>0</v>
      </c>
      <c r="AG2226" s="166">
        <v>0</v>
      </c>
      <c r="AH2226" s="166">
        <v>0</v>
      </c>
      <c r="AI2226" s="166">
        <v>0</v>
      </c>
      <c r="AJ2226" s="166">
        <v>0</v>
      </c>
      <c r="AK2226" s="166">
        <v>0</v>
      </c>
      <c r="AL2226" s="166">
        <v>0</v>
      </c>
      <c r="AM2226" s="166">
        <v>0</v>
      </c>
      <c r="AN2226" s="166">
        <v>0</v>
      </c>
      <c r="AO2226" s="166">
        <v>0</v>
      </c>
      <c r="AP2226" s="166">
        <v>0</v>
      </c>
      <c r="AQ2226" s="166">
        <v>0</v>
      </c>
      <c r="AR2226" s="166">
        <v>0</v>
      </c>
      <c r="AS2226" s="166">
        <v>0</v>
      </c>
      <c r="AT2226" s="166">
        <v>0</v>
      </c>
      <c r="AU2226" s="166">
        <v>0</v>
      </c>
      <c r="AV2226" s="166">
        <v>0</v>
      </c>
      <c r="AW2226" s="166">
        <v>0</v>
      </c>
      <c r="AX2226" s="166">
        <v>-3969679.3581241001</v>
      </c>
      <c r="AY2226" s="166">
        <v>0</v>
      </c>
      <c r="AZ2226" s="166">
        <v>0</v>
      </c>
      <c r="BA2226" s="166">
        <v>0</v>
      </c>
      <c r="BB2226" s="166">
        <v>0</v>
      </c>
      <c r="BC2226" s="166">
        <v>0</v>
      </c>
      <c r="BD2226" s="166">
        <v>0</v>
      </c>
      <c r="BE2226" s="166">
        <v>0</v>
      </c>
      <c r="BF2226" s="166">
        <v>0</v>
      </c>
      <c r="BG2226" s="166">
        <v>0</v>
      </c>
      <c r="BH2226" s="166">
        <v>0</v>
      </c>
      <c r="BI2226" s="166">
        <v>0</v>
      </c>
      <c r="BJ2226" s="166">
        <v>0</v>
      </c>
      <c r="BK2226" s="166">
        <v>0</v>
      </c>
      <c r="BL2226" s="166">
        <v>0</v>
      </c>
      <c r="BM2226" s="166">
        <v>0</v>
      </c>
      <c r="BN2226" s="166">
        <v>0</v>
      </c>
      <c r="BO2226" s="166">
        <v>-3969679.3581241001</v>
      </c>
      <c r="BP2226" s="166">
        <v>0</v>
      </c>
      <c r="BQ2226" s="166">
        <v>0</v>
      </c>
      <c r="BR2226" s="166">
        <v>620159436.91678905</v>
      </c>
      <c r="BS2226" s="166">
        <v>616189757.55866504</v>
      </c>
      <c r="BT2226" s="168">
        <v>0</v>
      </c>
      <c r="BU2226" s="166">
        <v>43801458.954222202</v>
      </c>
      <c r="BV2226" s="166">
        <v>602695748.21391702</v>
      </c>
      <c r="BW2226" s="166">
        <v>0</v>
      </c>
      <c r="BX2226" s="166">
        <v>0</v>
      </c>
      <c r="BY2226" s="166">
        <v>0</v>
      </c>
      <c r="BZ2226" s="166">
        <v>0</v>
      </c>
      <c r="CA2226" s="166">
        <v>0</v>
      </c>
      <c r="CB2226" s="166">
        <v>0</v>
      </c>
      <c r="CC2226" s="166">
        <v>0</v>
      </c>
      <c r="CD2226" s="166">
        <v>0</v>
      </c>
      <c r="CE2226" s="166">
        <v>0</v>
      </c>
      <c r="CF2226" s="166">
        <v>0</v>
      </c>
      <c r="CG2226" s="166">
        <v>0</v>
      </c>
      <c r="CH2226" s="166">
        <v>-3969679.3581241001</v>
      </c>
      <c r="CI2226" s="166">
        <v>0</v>
      </c>
      <c r="CJ2226" s="166">
        <v>0</v>
      </c>
      <c r="CK2226" s="166">
        <v>0</v>
      </c>
      <c r="CL2226" s="166">
        <v>0</v>
      </c>
      <c r="CM2226" s="166">
        <v>0</v>
      </c>
      <c r="CN2226" s="166">
        <v>0</v>
      </c>
      <c r="CO2226" s="166">
        <v>0</v>
      </c>
      <c r="CP2226" s="166">
        <v>0</v>
      </c>
      <c r="CQ2226" s="166">
        <v>0</v>
      </c>
      <c r="CR2226" s="166">
        <v>0</v>
      </c>
      <c r="CS2226" s="166">
        <v>0</v>
      </c>
      <c r="CT2226" s="166">
        <v>0</v>
      </c>
      <c r="CU2226" s="166">
        <v>0</v>
      </c>
      <c r="CV2226" s="166">
        <v>-3969679.3581241001</v>
      </c>
      <c r="CW2226" s="166">
        <v>0</v>
      </c>
      <c r="CX2226" s="166">
        <v>0</v>
      </c>
      <c r="CY2226" s="166">
        <v>598726068.855793</v>
      </c>
      <c r="CZ2226" s="166">
        <v>598726068.855793</v>
      </c>
    </row>
    <row r="2227" spans="1:104" x14ac:dyDescent="0.2">
      <c r="A2227" s="167" t="s">
        <v>633</v>
      </c>
      <c r="B2227" s="166">
        <v>-24007688.053983599</v>
      </c>
      <c r="C2227" s="166">
        <v>-24007688.053983599</v>
      </c>
      <c r="D2227" s="166">
        <v>0</v>
      </c>
      <c r="E2227" s="166">
        <v>0</v>
      </c>
      <c r="F2227" s="166">
        <v>0</v>
      </c>
      <c r="G2227" s="166">
        <v>0</v>
      </c>
      <c r="H2227" s="166">
        <v>0</v>
      </c>
      <c r="I2227" s="166">
        <v>0</v>
      </c>
      <c r="J2227" s="166">
        <v>0</v>
      </c>
      <c r="K2227" s="166">
        <v>0</v>
      </c>
      <c r="L2227" s="166">
        <v>0</v>
      </c>
      <c r="M2227" s="166">
        <v>0</v>
      </c>
      <c r="N2227" s="166">
        <v>0</v>
      </c>
      <c r="O2227" s="166">
        <v>0</v>
      </c>
      <c r="P2227" s="166">
        <v>0</v>
      </c>
      <c r="Q2227" s="166">
        <v>0</v>
      </c>
      <c r="R2227" s="166">
        <v>0</v>
      </c>
      <c r="S2227" s="166">
        <v>0</v>
      </c>
      <c r="T2227" s="166">
        <v>0</v>
      </c>
      <c r="U2227" s="166">
        <v>0</v>
      </c>
      <c r="V2227" s="166">
        <v>0</v>
      </c>
      <c r="W2227" s="166">
        <v>0</v>
      </c>
      <c r="X2227" s="166">
        <v>0</v>
      </c>
      <c r="Y2227" s="166">
        <v>0</v>
      </c>
      <c r="Z2227" s="166">
        <v>0</v>
      </c>
      <c r="AA2227" s="166">
        <v>0</v>
      </c>
      <c r="AB2227" s="166">
        <v>0</v>
      </c>
      <c r="AC2227" s="166">
        <v>0</v>
      </c>
      <c r="AD2227" s="166">
        <v>0</v>
      </c>
      <c r="AE2227" s="166">
        <v>0</v>
      </c>
      <c r="AF2227" s="166">
        <v>0</v>
      </c>
      <c r="AG2227" s="166">
        <v>0</v>
      </c>
      <c r="AH2227" s="166">
        <v>0</v>
      </c>
      <c r="AI2227" s="166">
        <v>0</v>
      </c>
      <c r="AJ2227" s="166">
        <v>0</v>
      </c>
      <c r="AK2227" s="166">
        <v>0</v>
      </c>
      <c r="AL2227" s="166">
        <v>0</v>
      </c>
      <c r="AM2227" s="166">
        <v>0</v>
      </c>
      <c r="AN2227" s="166">
        <v>0</v>
      </c>
      <c r="AO2227" s="166">
        <v>0</v>
      </c>
      <c r="AP2227" s="166">
        <v>0</v>
      </c>
      <c r="AQ2227" s="166">
        <v>0</v>
      </c>
      <c r="AR2227" s="166">
        <v>0</v>
      </c>
      <c r="AS2227" s="166">
        <v>0</v>
      </c>
      <c r="AT2227" s="166">
        <v>0</v>
      </c>
      <c r="AU2227" s="166">
        <v>0</v>
      </c>
      <c r="AV2227" s="166">
        <v>0</v>
      </c>
      <c r="AW2227" s="166">
        <v>0</v>
      </c>
      <c r="AX2227" s="166">
        <v>0</v>
      </c>
      <c r="AY2227" s="166">
        <v>0</v>
      </c>
      <c r="AZ2227" s="166">
        <v>0</v>
      </c>
      <c r="BA2227" s="166">
        <v>0</v>
      </c>
      <c r="BB2227" s="166">
        <v>0</v>
      </c>
      <c r="BC2227" s="166">
        <v>0</v>
      </c>
      <c r="BD2227" s="166">
        <v>0</v>
      </c>
      <c r="BE2227" s="166">
        <v>0</v>
      </c>
      <c r="BF2227" s="166">
        <v>0</v>
      </c>
      <c r="BG2227" s="166">
        <v>0</v>
      </c>
      <c r="BH2227" s="166">
        <v>0</v>
      </c>
      <c r="BI2227" s="166">
        <v>0</v>
      </c>
      <c r="BJ2227" s="166">
        <v>0</v>
      </c>
      <c r="BK2227" s="166">
        <v>0</v>
      </c>
      <c r="BL2227" s="166">
        <v>0</v>
      </c>
      <c r="BM2227" s="166">
        <v>0</v>
      </c>
      <c r="BN2227" s="166">
        <v>0</v>
      </c>
      <c r="BO2227" s="166">
        <v>0</v>
      </c>
      <c r="BP2227" s="166">
        <v>0</v>
      </c>
      <c r="BQ2227" s="166">
        <v>0</v>
      </c>
      <c r="BR2227" s="166">
        <v>-24007688.053983599</v>
      </c>
      <c r="BS2227" s="166">
        <v>-24007688.053983402</v>
      </c>
      <c r="BT2227" s="168">
        <v>0</v>
      </c>
      <c r="BU2227" s="166">
        <v>-1474330.6869495499</v>
      </c>
      <c r="BV2227" s="166">
        <v>-24007600.035222702</v>
      </c>
      <c r="BW2227" s="166">
        <v>0</v>
      </c>
      <c r="BX2227" s="166">
        <v>0</v>
      </c>
      <c r="BY2227" s="166">
        <v>0</v>
      </c>
      <c r="BZ2227" s="166">
        <v>0</v>
      </c>
      <c r="CA2227" s="166">
        <v>0</v>
      </c>
      <c r="CB2227" s="166">
        <v>0</v>
      </c>
      <c r="CC2227" s="166">
        <v>0</v>
      </c>
      <c r="CD2227" s="166">
        <v>0</v>
      </c>
      <c r="CE2227" s="166">
        <v>0</v>
      </c>
      <c r="CF2227" s="166">
        <v>0</v>
      </c>
      <c r="CG2227" s="166">
        <v>0</v>
      </c>
      <c r="CH2227" s="166">
        <v>0</v>
      </c>
      <c r="CI2227" s="166">
        <v>0</v>
      </c>
      <c r="CJ2227" s="166">
        <v>0</v>
      </c>
      <c r="CK2227" s="166">
        <v>0</v>
      </c>
      <c r="CL2227" s="166">
        <v>0</v>
      </c>
      <c r="CM2227" s="166">
        <v>0</v>
      </c>
      <c r="CN2227" s="166">
        <v>0</v>
      </c>
      <c r="CO2227" s="166">
        <v>0</v>
      </c>
      <c r="CP2227" s="166">
        <v>0</v>
      </c>
      <c r="CQ2227" s="166">
        <v>0</v>
      </c>
      <c r="CR2227" s="166">
        <v>0</v>
      </c>
      <c r="CS2227" s="166">
        <v>0</v>
      </c>
      <c r="CT2227" s="166">
        <v>0</v>
      </c>
      <c r="CU2227" s="166">
        <v>0</v>
      </c>
      <c r="CV2227" s="166">
        <v>0</v>
      </c>
      <c r="CW2227" s="166">
        <v>0</v>
      </c>
      <c r="CX2227" s="166">
        <v>0</v>
      </c>
      <c r="CY2227" s="166">
        <v>-24007600.035222799</v>
      </c>
      <c r="CZ2227" s="166">
        <v>-24007600.035222799</v>
      </c>
    </row>
    <row r="2228" spans="1:104" x14ac:dyDescent="0.2">
      <c r="A2228" s="167" t="s">
        <v>634</v>
      </c>
      <c r="B2228" s="166">
        <v>0</v>
      </c>
      <c r="C2228" s="166">
        <v>0</v>
      </c>
      <c r="D2228" s="166">
        <v>0</v>
      </c>
      <c r="E2228" s="166">
        <v>0</v>
      </c>
      <c r="F2228" s="166">
        <v>0</v>
      </c>
      <c r="G2228" s="166">
        <v>0</v>
      </c>
      <c r="H2228" s="166">
        <v>0</v>
      </c>
      <c r="I2228" s="166">
        <v>0</v>
      </c>
      <c r="J2228" s="166">
        <v>0</v>
      </c>
      <c r="K2228" s="166">
        <v>0</v>
      </c>
      <c r="L2228" s="166">
        <v>0</v>
      </c>
      <c r="M2228" s="166">
        <v>0</v>
      </c>
      <c r="N2228" s="166">
        <v>0</v>
      </c>
      <c r="O2228" s="166">
        <v>0</v>
      </c>
      <c r="P2228" s="166">
        <v>0</v>
      </c>
      <c r="Q2228" s="166">
        <v>0</v>
      </c>
      <c r="R2228" s="166">
        <v>0</v>
      </c>
      <c r="S2228" s="166">
        <v>0</v>
      </c>
      <c r="T2228" s="166">
        <v>0</v>
      </c>
      <c r="U2228" s="166">
        <v>0</v>
      </c>
      <c r="V2228" s="166">
        <v>0</v>
      </c>
      <c r="W2228" s="166">
        <v>0</v>
      </c>
      <c r="X2228" s="166">
        <v>0</v>
      </c>
      <c r="Y2228" s="166">
        <v>0</v>
      </c>
      <c r="Z2228" s="166">
        <v>0</v>
      </c>
      <c r="AA2228" s="166">
        <v>0</v>
      </c>
      <c r="AB2228" s="166">
        <v>0</v>
      </c>
      <c r="AC2228" s="166">
        <v>0</v>
      </c>
      <c r="AD2228" s="166">
        <v>0</v>
      </c>
      <c r="AE2228" s="166">
        <v>0</v>
      </c>
      <c r="AF2228" s="166">
        <v>0</v>
      </c>
      <c r="AG2228" s="166">
        <v>0</v>
      </c>
      <c r="AH2228" s="166">
        <v>0</v>
      </c>
      <c r="AI2228" s="166">
        <v>0</v>
      </c>
      <c r="AJ2228" s="166">
        <v>0</v>
      </c>
      <c r="AK2228" s="166">
        <v>0</v>
      </c>
      <c r="AL2228" s="166">
        <v>0</v>
      </c>
      <c r="AM2228" s="166">
        <v>0</v>
      </c>
      <c r="AN2228" s="166">
        <v>0</v>
      </c>
      <c r="AO2228" s="166">
        <v>0</v>
      </c>
      <c r="AP2228" s="166">
        <v>0</v>
      </c>
      <c r="AQ2228" s="166">
        <v>0</v>
      </c>
      <c r="AR2228" s="166">
        <v>0</v>
      </c>
      <c r="AS2228" s="166">
        <v>0</v>
      </c>
      <c r="AT2228" s="166">
        <v>0</v>
      </c>
      <c r="AU2228" s="166">
        <v>0</v>
      </c>
      <c r="AV2228" s="166">
        <v>0</v>
      </c>
      <c r="AW2228" s="166">
        <v>0</v>
      </c>
      <c r="AX2228" s="166">
        <v>0</v>
      </c>
      <c r="AY2228" s="166">
        <v>0</v>
      </c>
      <c r="AZ2228" s="166">
        <v>0</v>
      </c>
      <c r="BA2228" s="166">
        <v>0</v>
      </c>
      <c r="BB2228" s="166">
        <v>0</v>
      </c>
      <c r="BC2228" s="166">
        <v>0</v>
      </c>
      <c r="BD2228" s="166">
        <v>0</v>
      </c>
      <c r="BE2228" s="166">
        <v>0</v>
      </c>
      <c r="BF2228" s="166">
        <v>0</v>
      </c>
      <c r="BG2228" s="166">
        <v>0</v>
      </c>
      <c r="BH2228" s="166">
        <v>0</v>
      </c>
      <c r="BI2228" s="166">
        <v>0</v>
      </c>
      <c r="BJ2228" s="166">
        <v>0</v>
      </c>
      <c r="BK2228" s="166">
        <v>0</v>
      </c>
      <c r="BL2228" s="166">
        <v>0</v>
      </c>
      <c r="BM2228" s="166">
        <v>0</v>
      </c>
      <c r="BN2228" s="166">
        <v>0</v>
      </c>
      <c r="BO2228" s="166">
        <v>0</v>
      </c>
      <c r="BP2228" s="166">
        <v>0</v>
      </c>
      <c r="BQ2228" s="166">
        <v>0</v>
      </c>
      <c r="BR2228" s="166">
        <v>0</v>
      </c>
      <c r="BS2228" s="166">
        <v>0</v>
      </c>
      <c r="BT2228" s="168">
        <v>0</v>
      </c>
      <c r="BU2228" s="166">
        <v>0</v>
      </c>
      <c r="BV2228" s="166">
        <v>0</v>
      </c>
      <c r="BW2228" s="166">
        <v>0</v>
      </c>
      <c r="BX2228" s="166">
        <v>0</v>
      </c>
      <c r="BY2228" s="166">
        <v>0</v>
      </c>
      <c r="BZ2228" s="166">
        <v>0</v>
      </c>
      <c r="CA2228" s="166">
        <v>0</v>
      </c>
      <c r="CB2228" s="166">
        <v>0</v>
      </c>
      <c r="CC2228" s="166">
        <v>0</v>
      </c>
      <c r="CD2228" s="166">
        <v>0</v>
      </c>
      <c r="CE2228" s="166">
        <v>0</v>
      </c>
      <c r="CF2228" s="166">
        <v>0</v>
      </c>
      <c r="CG2228" s="166">
        <v>0</v>
      </c>
      <c r="CH2228" s="166">
        <v>0</v>
      </c>
      <c r="CI2228" s="166">
        <v>0</v>
      </c>
      <c r="CJ2228" s="166">
        <v>0</v>
      </c>
      <c r="CK2228" s="166">
        <v>0</v>
      </c>
      <c r="CL2228" s="166">
        <v>0</v>
      </c>
      <c r="CM2228" s="166">
        <v>0</v>
      </c>
      <c r="CN2228" s="166">
        <v>0</v>
      </c>
      <c r="CO2228" s="166">
        <v>0</v>
      </c>
      <c r="CP2228" s="166">
        <v>0</v>
      </c>
      <c r="CQ2228" s="166">
        <v>0</v>
      </c>
      <c r="CR2228" s="166">
        <v>0</v>
      </c>
      <c r="CS2228" s="166">
        <v>0</v>
      </c>
      <c r="CT2228" s="166">
        <v>0</v>
      </c>
      <c r="CU2228" s="166">
        <v>0</v>
      </c>
      <c r="CV2228" s="166">
        <v>0</v>
      </c>
      <c r="CW2228" s="166">
        <v>0</v>
      </c>
      <c r="CX2228" s="166">
        <v>0</v>
      </c>
      <c r="CY2228" s="166">
        <v>0</v>
      </c>
      <c r="CZ2228" s="166">
        <v>0</v>
      </c>
    </row>
    <row r="2229" spans="1:104" x14ac:dyDescent="0.2">
      <c r="A2229" s="167" t="s">
        <v>635</v>
      </c>
      <c r="B2229" s="166">
        <v>0</v>
      </c>
      <c r="C2229" s="166">
        <v>0</v>
      </c>
      <c r="D2229" s="166">
        <v>0</v>
      </c>
      <c r="E2229" s="166">
        <v>0</v>
      </c>
      <c r="F2229" s="166">
        <v>0</v>
      </c>
      <c r="G2229" s="166">
        <v>0</v>
      </c>
      <c r="H2229" s="166">
        <v>0</v>
      </c>
      <c r="I2229" s="166">
        <v>0</v>
      </c>
      <c r="J2229" s="166">
        <v>0</v>
      </c>
      <c r="K2229" s="166">
        <v>0</v>
      </c>
      <c r="L2229" s="166">
        <v>0</v>
      </c>
      <c r="M2229" s="166">
        <v>0</v>
      </c>
      <c r="N2229" s="166">
        <v>0</v>
      </c>
      <c r="O2229" s="166">
        <v>0</v>
      </c>
      <c r="P2229" s="166">
        <v>0</v>
      </c>
      <c r="Q2229" s="166">
        <v>0</v>
      </c>
      <c r="R2229" s="166">
        <v>0</v>
      </c>
      <c r="S2229" s="166">
        <v>0</v>
      </c>
      <c r="T2229" s="166">
        <v>0</v>
      </c>
      <c r="U2229" s="166">
        <v>0</v>
      </c>
      <c r="V2229" s="166">
        <v>0</v>
      </c>
      <c r="W2229" s="166">
        <v>0</v>
      </c>
      <c r="X2229" s="166">
        <v>0</v>
      </c>
      <c r="Y2229" s="166">
        <v>0</v>
      </c>
      <c r="Z2229" s="166">
        <v>0</v>
      </c>
      <c r="AA2229" s="166">
        <v>0</v>
      </c>
      <c r="AB2229" s="166">
        <v>0</v>
      </c>
      <c r="AC2229" s="166">
        <v>0</v>
      </c>
      <c r="AD2229" s="166">
        <v>0</v>
      </c>
      <c r="AE2229" s="166">
        <v>0</v>
      </c>
      <c r="AF2229" s="166">
        <v>0</v>
      </c>
      <c r="AG2229" s="166">
        <v>0</v>
      </c>
      <c r="AH2229" s="166">
        <v>0</v>
      </c>
      <c r="AI2229" s="166">
        <v>0</v>
      </c>
      <c r="AJ2229" s="166">
        <v>0</v>
      </c>
      <c r="AK2229" s="166">
        <v>0</v>
      </c>
      <c r="AL2229" s="166">
        <v>0</v>
      </c>
      <c r="AM2229" s="166">
        <v>0</v>
      </c>
      <c r="AN2229" s="166">
        <v>0</v>
      </c>
      <c r="AO2229" s="166">
        <v>0</v>
      </c>
      <c r="AP2229" s="166">
        <v>0</v>
      </c>
      <c r="AQ2229" s="166">
        <v>0</v>
      </c>
      <c r="AR2229" s="166">
        <v>0</v>
      </c>
      <c r="AS2229" s="166">
        <v>0</v>
      </c>
      <c r="AT2229" s="166">
        <v>0</v>
      </c>
      <c r="AU2229" s="166">
        <v>0</v>
      </c>
      <c r="AV2229" s="166">
        <v>0</v>
      </c>
      <c r="AW2229" s="166">
        <v>0</v>
      </c>
      <c r="AX2229" s="166">
        <v>0</v>
      </c>
      <c r="AY2229" s="166">
        <v>0</v>
      </c>
      <c r="AZ2229" s="166">
        <v>0</v>
      </c>
      <c r="BA2229" s="166">
        <v>0</v>
      </c>
      <c r="BB2229" s="166">
        <v>0</v>
      </c>
      <c r="BC2229" s="166">
        <v>0</v>
      </c>
      <c r="BD2229" s="166">
        <v>0</v>
      </c>
      <c r="BE2229" s="166">
        <v>0</v>
      </c>
      <c r="BF2229" s="166">
        <v>0</v>
      </c>
      <c r="BG2229" s="166">
        <v>0</v>
      </c>
      <c r="BH2229" s="166">
        <v>0</v>
      </c>
      <c r="BI2229" s="166">
        <v>0</v>
      </c>
      <c r="BJ2229" s="166">
        <v>0</v>
      </c>
      <c r="BK2229" s="166">
        <v>0</v>
      </c>
      <c r="BL2229" s="166">
        <v>0</v>
      </c>
      <c r="BM2229" s="166">
        <v>0</v>
      </c>
      <c r="BN2229" s="166">
        <v>0</v>
      </c>
      <c r="BO2229" s="166">
        <v>0</v>
      </c>
      <c r="BP2229" s="166">
        <v>0</v>
      </c>
      <c r="BQ2229" s="166">
        <v>0</v>
      </c>
      <c r="BR2229" s="166">
        <v>0</v>
      </c>
      <c r="BS2229" s="166">
        <v>0</v>
      </c>
      <c r="BT2229" s="168">
        <v>0</v>
      </c>
      <c r="BU2229" s="166">
        <v>0</v>
      </c>
      <c r="BV2229" s="166">
        <v>0</v>
      </c>
      <c r="BW2229" s="166">
        <v>0</v>
      </c>
      <c r="BX2229" s="166">
        <v>0</v>
      </c>
      <c r="BY2229" s="166">
        <v>0</v>
      </c>
      <c r="BZ2229" s="166">
        <v>0</v>
      </c>
      <c r="CA2229" s="166">
        <v>0</v>
      </c>
      <c r="CB2229" s="166">
        <v>0</v>
      </c>
      <c r="CC2229" s="166">
        <v>0</v>
      </c>
      <c r="CD2229" s="166">
        <v>0</v>
      </c>
      <c r="CE2229" s="166">
        <v>0</v>
      </c>
      <c r="CF2229" s="166">
        <v>0</v>
      </c>
      <c r="CG2229" s="166">
        <v>0</v>
      </c>
      <c r="CH2229" s="166">
        <v>0</v>
      </c>
      <c r="CI2229" s="166">
        <v>0</v>
      </c>
      <c r="CJ2229" s="166">
        <v>0</v>
      </c>
      <c r="CK2229" s="166">
        <v>0</v>
      </c>
      <c r="CL2229" s="166">
        <v>0</v>
      </c>
      <c r="CM2229" s="166">
        <v>0</v>
      </c>
      <c r="CN2229" s="166">
        <v>0</v>
      </c>
      <c r="CO2229" s="166">
        <v>0</v>
      </c>
      <c r="CP2229" s="166">
        <v>0</v>
      </c>
      <c r="CQ2229" s="166">
        <v>0</v>
      </c>
      <c r="CR2229" s="166">
        <v>0</v>
      </c>
      <c r="CS2229" s="166">
        <v>0</v>
      </c>
      <c r="CT2229" s="166">
        <v>0</v>
      </c>
      <c r="CU2229" s="166">
        <v>0</v>
      </c>
      <c r="CV2229" s="166">
        <v>0</v>
      </c>
      <c r="CW2229" s="166">
        <v>0</v>
      </c>
      <c r="CX2229" s="166">
        <v>0</v>
      </c>
      <c r="CY2229" s="166">
        <v>0</v>
      </c>
      <c r="CZ2229" s="166">
        <v>0</v>
      </c>
    </row>
    <row r="2230" spans="1:104" x14ac:dyDescent="0.2">
      <c r="A2230" s="167" t="s">
        <v>636</v>
      </c>
      <c r="B2230" s="166">
        <v>4400321.5279413201</v>
      </c>
      <c r="C2230" s="166">
        <v>4400321.5279413201</v>
      </c>
      <c r="D2230" s="166">
        <v>0</v>
      </c>
      <c r="E2230" s="166">
        <v>0</v>
      </c>
      <c r="F2230" s="166">
        <v>0</v>
      </c>
      <c r="G2230" s="166">
        <v>0</v>
      </c>
      <c r="H2230" s="166">
        <v>0</v>
      </c>
      <c r="I2230" s="166">
        <v>0</v>
      </c>
      <c r="J2230" s="166">
        <v>0</v>
      </c>
      <c r="K2230" s="166">
        <v>0</v>
      </c>
      <c r="L2230" s="166">
        <v>0</v>
      </c>
      <c r="M2230" s="166">
        <v>0</v>
      </c>
      <c r="N2230" s="166">
        <v>0</v>
      </c>
      <c r="O2230" s="166">
        <v>0</v>
      </c>
      <c r="P2230" s="166">
        <v>0</v>
      </c>
      <c r="Q2230" s="166">
        <v>0</v>
      </c>
      <c r="R2230" s="166">
        <v>0</v>
      </c>
      <c r="S2230" s="166">
        <v>0</v>
      </c>
      <c r="T2230" s="166">
        <v>0</v>
      </c>
      <c r="U2230" s="166">
        <v>-4400321.5279413201</v>
      </c>
      <c r="V2230" s="166">
        <v>0</v>
      </c>
      <c r="W2230" s="166">
        <v>0</v>
      </c>
      <c r="X2230" s="166">
        <v>0</v>
      </c>
      <c r="Y2230" s="166">
        <v>0</v>
      </c>
      <c r="Z2230" s="166">
        <v>0</v>
      </c>
      <c r="AA2230" s="166">
        <v>0</v>
      </c>
      <c r="AB2230" s="166">
        <v>0</v>
      </c>
      <c r="AC2230" s="166">
        <v>0</v>
      </c>
      <c r="AD2230" s="166">
        <v>0</v>
      </c>
      <c r="AE2230" s="166">
        <v>0</v>
      </c>
      <c r="AF2230" s="166">
        <v>0</v>
      </c>
      <c r="AG2230" s="166">
        <v>0</v>
      </c>
      <c r="AH2230" s="166">
        <v>0</v>
      </c>
      <c r="AI2230" s="166">
        <v>0</v>
      </c>
      <c r="AJ2230" s="166">
        <v>0</v>
      </c>
      <c r="AK2230" s="166">
        <v>0</v>
      </c>
      <c r="AL2230" s="166">
        <v>0</v>
      </c>
      <c r="AM2230" s="166">
        <v>0</v>
      </c>
      <c r="AN2230" s="166">
        <v>0</v>
      </c>
      <c r="AO2230" s="166">
        <v>0</v>
      </c>
      <c r="AP2230" s="166">
        <v>0</v>
      </c>
      <c r="AQ2230" s="166">
        <v>0</v>
      </c>
      <c r="AR2230" s="166">
        <v>0</v>
      </c>
      <c r="AS2230" s="166">
        <v>0</v>
      </c>
      <c r="AT2230" s="166">
        <v>0</v>
      </c>
      <c r="AU2230" s="166">
        <v>0</v>
      </c>
      <c r="AV2230" s="166">
        <v>0</v>
      </c>
      <c r="AW2230" s="166">
        <v>0</v>
      </c>
      <c r="AX2230" s="166">
        <v>0</v>
      </c>
      <c r="AY2230" s="166">
        <v>0</v>
      </c>
      <c r="AZ2230" s="166">
        <v>0</v>
      </c>
      <c r="BA2230" s="166">
        <v>0</v>
      </c>
      <c r="BB2230" s="166">
        <v>0</v>
      </c>
      <c r="BC2230" s="166">
        <v>0</v>
      </c>
      <c r="BD2230" s="166">
        <v>0</v>
      </c>
      <c r="BE2230" s="166">
        <v>0</v>
      </c>
      <c r="BF2230" s="166">
        <v>0</v>
      </c>
      <c r="BG2230" s="166">
        <v>0</v>
      </c>
      <c r="BH2230" s="166">
        <v>0</v>
      </c>
      <c r="BI2230" s="166">
        <v>-4400321.5279413201</v>
      </c>
      <c r="BJ2230" s="166">
        <v>0</v>
      </c>
      <c r="BK2230" s="166">
        <v>0</v>
      </c>
      <c r="BL2230" s="166">
        <v>0</v>
      </c>
      <c r="BM2230" s="166">
        <v>0</v>
      </c>
      <c r="BN2230" s="166">
        <v>0</v>
      </c>
      <c r="BO2230" s="166">
        <v>0</v>
      </c>
      <c r="BP2230" s="166">
        <v>0</v>
      </c>
      <c r="BQ2230" s="166">
        <v>0</v>
      </c>
      <c r="BR2230" s="166">
        <v>4400321.5279413201</v>
      </c>
      <c r="BS2230" s="166">
        <v>0</v>
      </c>
      <c r="BT2230" s="168">
        <v>0</v>
      </c>
      <c r="BU2230" s="166">
        <v>262262.74020218197</v>
      </c>
      <c r="BV2230" s="166">
        <v>4400313.27091741</v>
      </c>
      <c r="BW2230" s="166">
        <v>0</v>
      </c>
      <c r="BX2230" s="166">
        <v>0</v>
      </c>
      <c r="BY2230" s="166">
        <v>0</v>
      </c>
      <c r="BZ2230" s="166">
        <v>0</v>
      </c>
      <c r="CA2230" s="166">
        <v>0</v>
      </c>
      <c r="CB2230" s="166">
        <v>-4400313.27091741</v>
      </c>
      <c r="CC2230" s="166">
        <v>0</v>
      </c>
      <c r="CD2230" s="166">
        <v>0</v>
      </c>
      <c r="CE2230" s="166">
        <v>0</v>
      </c>
      <c r="CF2230" s="166">
        <v>0</v>
      </c>
      <c r="CG2230" s="166">
        <v>0</v>
      </c>
      <c r="CH2230" s="166">
        <v>0</v>
      </c>
      <c r="CI2230" s="166">
        <v>0</v>
      </c>
      <c r="CJ2230" s="166">
        <v>0</v>
      </c>
      <c r="CK2230" s="166">
        <v>0</v>
      </c>
      <c r="CL2230" s="166">
        <v>0</v>
      </c>
      <c r="CM2230" s="166">
        <v>0</v>
      </c>
      <c r="CN2230" s="166">
        <v>0</v>
      </c>
      <c r="CO2230" s="166">
        <v>0</v>
      </c>
      <c r="CP2230" s="166">
        <v>-4400313.27091741</v>
      </c>
      <c r="CQ2230" s="166">
        <v>0</v>
      </c>
      <c r="CR2230" s="166">
        <v>0</v>
      </c>
      <c r="CS2230" s="166">
        <v>0</v>
      </c>
      <c r="CT2230" s="166">
        <v>0</v>
      </c>
      <c r="CU2230" s="166">
        <v>0</v>
      </c>
      <c r="CV2230" s="166">
        <v>0</v>
      </c>
      <c r="CW2230" s="166">
        <v>0</v>
      </c>
      <c r="CX2230" s="166">
        <v>0</v>
      </c>
      <c r="CY2230" s="166">
        <v>0</v>
      </c>
      <c r="CZ2230" s="166">
        <v>0</v>
      </c>
    </row>
    <row r="2231" spans="1:104" x14ac:dyDescent="0.2">
      <c r="A2231" s="167" t="s">
        <v>637</v>
      </c>
      <c r="B2231" s="166">
        <v>7391306.7599999998</v>
      </c>
      <c r="C2231" s="166">
        <v>7391306.7599999998</v>
      </c>
      <c r="D2231" s="166">
        <v>0</v>
      </c>
      <c r="E2231" s="166">
        <v>0</v>
      </c>
      <c r="F2231" s="166">
        <v>0</v>
      </c>
      <c r="G2231" s="166">
        <v>0</v>
      </c>
      <c r="H2231" s="166">
        <v>0</v>
      </c>
      <c r="I2231" s="166">
        <v>0</v>
      </c>
      <c r="J2231" s="166">
        <v>0</v>
      </c>
      <c r="K2231" s="166">
        <v>0</v>
      </c>
      <c r="L2231" s="166">
        <v>0</v>
      </c>
      <c r="M2231" s="166">
        <v>0</v>
      </c>
      <c r="N2231" s="166">
        <v>0</v>
      </c>
      <c r="O2231" s="166">
        <v>0</v>
      </c>
      <c r="P2231" s="166">
        <v>0</v>
      </c>
      <c r="Q2231" s="166">
        <v>0</v>
      </c>
      <c r="R2231" s="166">
        <v>0</v>
      </c>
      <c r="S2231" s="166">
        <v>0</v>
      </c>
      <c r="T2231" s="166">
        <v>0</v>
      </c>
      <c r="U2231" s="166">
        <v>-7391306.7599999998</v>
      </c>
      <c r="V2231" s="166">
        <v>0</v>
      </c>
      <c r="W2231" s="166">
        <v>0</v>
      </c>
      <c r="X2231" s="166">
        <v>0</v>
      </c>
      <c r="Y2231" s="166">
        <v>0</v>
      </c>
      <c r="Z2231" s="166">
        <v>0</v>
      </c>
      <c r="AA2231" s="166">
        <v>0</v>
      </c>
      <c r="AB2231" s="166">
        <v>0</v>
      </c>
      <c r="AC2231" s="166">
        <v>0</v>
      </c>
      <c r="AD2231" s="166">
        <v>0</v>
      </c>
      <c r="AE2231" s="166">
        <v>0</v>
      </c>
      <c r="AF2231" s="166">
        <v>0</v>
      </c>
      <c r="AG2231" s="166">
        <v>0</v>
      </c>
      <c r="AH2231" s="166">
        <v>0</v>
      </c>
      <c r="AI2231" s="166">
        <v>0</v>
      </c>
      <c r="AJ2231" s="166">
        <v>0</v>
      </c>
      <c r="AK2231" s="166">
        <v>0</v>
      </c>
      <c r="AL2231" s="166">
        <v>0</v>
      </c>
      <c r="AM2231" s="166">
        <v>0</v>
      </c>
      <c r="AN2231" s="166">
        <v>0</v>
      </c>
      <c r="AO2231" s="166">
        <v>0</v>
      </c>
      <c r="AP2231" s="166">
        <v>0</v>
      </c>
      <c r="AQ2231" s="166">
        <v>0</v>
      </c>
      <c r="AR2231" s="166">
        <v>0</v>
      </c>
      <c r="AS2231" s="166">
        <v>0</v>
      </c>
      <c r="AT2231" s="166">
        <v>0</v>
      </c>
      <c r="AU2231" s="166">
        <v>0</v>
      </c>
      <c r="AV2231" s="166">
        <v>0</v>
      </c>
      <c r="AW2231" s="166">
        <v>0</v>
      </c>
      <c r="AX2231" s="166">
        <v>0</v>
      </c>
      <c r="AY2231" s="166">
        <v>0</v>
      </c>
      <c r="AZ2231" s="166">
        <v>0</v>
      </c>
      <c r="BA2231" s="166">
        <v>0</v>
      </c>
      <c r="BB2231" s="166">
        <v>0</v>
      </c>
      <c r="BC2231" s="166">
        <v>0</v>
      </c>
      <c r="BD2231" s="166">
        <v>0</v>
      </c>
      <c r="BE2231" s="166">
        <v>0</v>
      </c>
      <c r="BF2231" s="166">
        <v>0</v>
      </c>
      <c r="BG2231" s="166">
        <v>0</v>
      </c>
      <c r="BH2231" s="166">
        <v>0</v>
      </c>
      <c r="BI2231" s="166">
        <v>-7391306.7599999998</v>
      </c>
      <c r="BJ2231" s="166">
        <v>0</v>
      </c>
      <c r="BK2231" s="166">
        <v>0</v>
      </c>
      <c r="BL2231" s="166">
        <v>0</v>
      </c>
      <c r="BM2231" s="166">
        <v>0</v>
      </c>
      <c r="BN2231" s="166">
        <v>0</v>
      </c>
      <c r="BO2231" s="166">
        <v>0</v>
      </c>
      <c r="BP2231" s="166">
        <v>0</v>
      </c>
      <c r="BQ2231" s="166">
        <v>0</v>
      </c>
      <c r="BR2231" s="166">
        <v>7391306.7599999998</v>
      </c>
      <c r="BS2231" s="166">
        <v>0</v>
      </c>
      <c r="BT2231" s="168">
        <v>0</v>
      </c>
      <c r="BU2231" s="166">
        <v>615938.967062474</v>
      </c>
      <c r="BV2231" s="166">
        <v>7391271.8047298202</v>
      </c>
      <c r="BW2231" s="166">
        <v>0</v>
      </c>
      <c r="BX2231" s="166">
        <v>0</v>
      </c>
      <c r="BY2231" s="166">
        <v>0</v>
      </c>
      <c r="BZ2231" s="166">
        <v>0</v>
      </c>
      <c r="CA2231" s="166">
        <v>0</v>
      </c>
      <c r="CB2231" s="166">
        <v>-7391271.8047298202</v>
      </c>
      <c r="CC2231" s="166">
        <v>0</v>
      </c>
      <c r="CD2231" s="166">
        <v>0</v>
      </c>
      <c r="CE2231" s="166">
        <v>0</v>
      </c>
      <c r="CF2231" s="166">
        <v>0</v>
      </c>
      <c r="CG2231" s="166">
        <v>0</v>
      </c>
      <c r="CH2231" s="166">
        <v>0</v>
      </c>
      <c r="CI2231" s="166">
        <v>0</v>
      </c>
      <c r="CJ2231" s="166">
        <v>0</v>
      </c>
      <c r="CK2231" s="166">
        <v>0</v>
      </c>
      <c r="CL2231" s="166">
        <v>0</v>
      </c>
      <c r="CM2231" s="166">
        <v>0</v>
      </c>
      <c r="CN2231" s="166">
        <v>0</v>
      </c>
      <c r="CO2231" s="166">
        <v>0</v>
      </c>
      <c r="CP2231" s="166">
        <v>-7391271.8047298202</v>
      </c>
      <c r="CQ2231" s="166">
        <v>0</v>
      </c>
      <c r="CR2231" s="166">
        <v>0</v>
      </c>
      <c r="CS2231" s="166">
        <v>0</v>
      </c>
      <c r="CT2231" s="166">
        <v>0</v>
      </c>
      <c r="CU2231" s="166">
        <v>0</v>
      </c>
      <c r="CV2231" s="166">
        <v>0</v>
      </c>
      <c r="CW2231" s="166">
        <v>0</v>
      </c>
      <c r="CX2231" s="166">
        <v>0</v>
      </c>
      <c r="CY2231" s="166">
        <v>0</v>
      </c>
      <c r="CZ2231" s="166">
        <v>0</v>
      </c>
    </row>
    <row r="2232" spans="1:104" x14ac:dyDescent="0.2">
      <c r="A2232" s="167" t="s">
        <v>638</v>
      </c>
      <c r="B2232" s="166">
        <v>0</v>
      </c>
      <c r="C2232" s="166">
        <v>0</v>
      </c>
      <c r="D2232" s="166">
        <v>0</v>
      </c>
      <c r="E2232" s="166">
        <v>0</v>
      </c>
      <c r="F2232" s="166">
        <v>0</v>
      </c>
      <c r="G2232" s="166">
        <v>0</v>
      </c>
      <c r="H2232" s="166">
        <v>0</v>
      </c>
      <c r="I2232" s="166">
        <v>0</v>
      </c>
      <c r="J2232" s="166">
        <v>0</v>
      </c>
      <c r="K2232" s="166">
        <v>0</v>
      </c>
      <c r="L2232" s="166">
        <v>0</v>
      </c>
      <c r="M2232" s="166">
        <v>0</v>
      </c>
      <c r="N2232" s="166">
        <v>0</v>
      </c>
      <c r="O2232" s="166">
        <v>0</v>
      </c>
      <c r="P2232" s="166">
        <v>0</v>
      </c>
      <c r="Q2232" s="166">
        <v>0</v>
      </c>
      <c r="R2232" s="166">
        <v>0</v>
      </c>
      <c r="S2232" s="166">
        <v>0</v>
      </c>
      <c r="T2232" s="166">
        <v>0</v>
      </c>
      <c r="U2232" s="166">
        <v>0</v>
      </c>
      <c r="V2232" s="166">
        <v>0</v>
      </c>
      <c r="W2232" s="166">
        <v>0</v>
      </c>
      <c r="X2232" s="166">
        <v>0</v>
      </c>
      <c r="Y2232" s="166">
        <v>0</v>
      </c>
      <c r="Z2232" s="166">
        <v>0</v>
      </c>
      <c r="AA2232" s="166">
        <v>0</v>
      </c>
      <c r="AB2232" s="166">
        <v>0</v>
      </c>
      <c r="AC2232" s="166">
        <v>0</v>
      </c>
      <c r="AD2232" s="166">
        <v>0</v>
      </c>
      <c r="AE2232" s="166">
        <v>0</v>
      </c>
      <c r="AF2232" s="166">
        <v>0</v>
      </c>
      <c r="AG2232" s="166">
        <v>0</v>
      </c>
      <c r="AH2232" s="166">
        <v>0</v>
      </c>
      <c r="AI2232" s="166">
        <v>0</v>
      </c>
      <c r="AJ2232" s="166">
        <v>0</v>
      </c>
      <c r="AK2232" s="166">
        <v>0</v>
      </c>
      <c r="AL2232" s="166">
        <v>0</v>
      </c>
      <c r="AM2232" s="166">
        <v>0</v>
      </c>
      <c r="AN2232" s="166">
        <v>0</v>
      </c>
      <c r="AO2232" s="166">
        <v>0</v>
      </c>
      <c r="AP2232" s="166">
        <v>0</v>
      </c>
      <c r="AQ2232" s="166">
        <v>0</v>
      </c>
      <c r="AR2232" s="166">
        <v>0</v>
      </c>
      <c r="AS2232" s="166">
        <v>0</v>
      </c>
      <c r="AT2232" s="166">
        <v>0</v>
      </c>
      <c r="AU2232" s="166">
        <v>0</v>
      </c>
      <c r="AV2232" s="166">
        <v>0</v>
      </c>
      <c r="AW2232" s="166">
        <v>0</v>
      </c>
      <c r="AX2232" s="166">
        <v>0</v>
      </c>
      <c r="AY2232" s="166">
        <v>0</v>
      </c>
      <c r="AZ2232" s="166">
        <v>0</v>
      </c>
      <c r="BA2232" s="166">
        <v>0</v>
      </c>
      <c r="BB2232" s="166">
        <v>0</v>
      </c>
      <c r="BC2232" s="166">
        <v>0</v>
      </c>
      <c r="BD2232" s="166">
        <v>0</v>
      </c>
      <c r="BE2232" s="166">
        <v>0</v>
      </c>
      <c r="BF2232" s="166">
        <v>0</v>
      </c>
      <c r="BG2232" s="166">
        <v>0</v>
      </c>
      <c r="BH2232" s="166">
        <v>0</v>
      </c>
      <c r="BI2232" s="166">
        <v>0</v>
      </c>
      <c r="BJ2232" s="166">
        <v>0</v>
      </c>
      <c r="BK2232" s="166">
        <v>0</v>
      </c>
      <c r="BL2232" s="166">
        <v>0</v>
      </c>
      <c r="BM2232" s="166">
        <v>0</v>
      </c>
      <c r="BN2232" s="166">
        <v>0</v>
      </c>
      <c r="BO2232" s="166">
        <v>0</v>
      </c>
      <c r="BP2232" s="166">
        <v>0</v>
      </c>
      <c r="BQ2232" s="166">
        <v>0</v>
      </c>
      <c r="BR2232" s="166">
        <v>0</v>
      </c>
      <c r="BS2232" s="166">
        <v>0</v>
      </c>
      <c r="BT2232" s="168">
        <v>0</v>
      </c>
      <c r="BU2232" s="166">
        <v>0</v>
      </c>
      <c r="BV2232" s="166">
        <v>0</v>
      </c>
      <c r="BW2232" s="166">
        <v>0</v>
      </c>
      <c r="BX2232" s="166">
        <v>0</v>
      </c>
      <c r="BY2232" s="166">
        <v>0</v>
      </c>
      <c r="BZ2232" s="166">
        <v>0</v>
      </c>
      <c r="CA2232" s="166">
        <v>0</v>
      </c>
      <c r="CB2232" s="166">
        <v>0</v>
      </c>
      <c r="CC2232" s="166">
        <v>0</v>
      </c>
      <c r="CD2232" s="166">
        <v>0</v>
      </c>
      <c r="CE2232" s="166">
        <v>0</v>
      </c>
      <c r="CF2232" s="166">
        <v>0</v>
      </c>
      <c r="CG2232" s="166">
        <v>0</v>
      </c>
      <c r="CH2232" s="166">
        <v>0</v>
      </c>
      <c r="CI2232" s="166">
        <v>0</v>
      </c>
      <c r="CJ2232" s="166">
        <v>0</v>
      </c>
      <c r="CK2232" s="166">
        <v>0</v>
      </c>
      <c r="CL2232" s="166">
        <v>0</v>
      </c>
      <c r="CM2232" s="166">
        <v>0</v>
      </c>
      <c r="CN2232" s="166">
        <v>0</v>
      </c>
      <c r="CO2232" s="166">
        <v>0</v>
      </c>
      <c r="CP2232" s="166">
        <v>0</v>
      </c>
      <c r="CQ2232" s="166">
        <v>0</v>
      </c>
      <c r="CR2232" s="166">
        <v>0</v>
      </c>
      <c r="CS2232" s="166">
        <v>0</v>
      </c>
      <c r="CT2232" s="166">
        <v>0</v>
      </c>
      <c r="CU2232" s="166">
        <v>0</v>
      </c>
      <c r="CV2232" s="166">
        <v>0</v>
      </c>
      <c r="CW2232" s="166">
        <v>0</v>
      </c>
      <c r="CX2232" s="166">
        <v>0</v>
      </c>
      <c r="CY2232" s="166">
        <v>0</v>
      </c>
      <c r="CZ2232" s="166">
        <v>0</v>
      </c>
    </row>
    <row r="2233" spans="1:104" x14ac:dyDescent="0.2">
      <c r="A2233" s="167" t="s">
        <v>639</v>
      </c>
      <c r="B2233" s="166">
        <v>0</v>
      </c>
      <c r="C2233" s="166">
        <v>0</v>
      </c>
      <c r="D2233" s="166">
        <v>0</v>
      </c>
      <c r="E2233" s="166">
        <v>0</v>
      </c>
      <c r="F2233" s="166">
        <v>0</v>
      </c>
      <c r="G2233" s="166">
        <v>0</v>
      </c>
      <c r="H2233" s="166">
        <v>0</v>
      </c>
      <c r="I2233" s="166">
        <v>0</v>
      </c>
      <c r="J2233" s="166">
        <v>0</v>
      </c>
      <c r="K2233" s="166">
        <v>0</v>
      </c>
      <c r="L2233" s="166">
        <v>0</v>
      </c>
      <c r="M2233" s="166">
        <v>0</v>
      </c>
      <c r="N2233" s="166">
        <v>0</v>
      </c>
      <c r="O2233" s="166">
        <v>0</v>
      </c>
      <c r="P2233" s="166">
        <v>0</v>
      </c>
      <c r="Q2233" s="166">
        <v>0</v>
      </c>
      <c r="R2233" s="166">
        <v>0</v>
      </c>
      <c r="S2233" s="166">
        <v>0</v>
      </c>
      <c r="T2233" s="166">
        <v>0</v>
      </c>
      <c r="U2233" s="166">
        <v>0</v>
      </c>
      <c r="V2233" s="166">
        <v>0</v>
      </c>
      <c r="W2233" s="166">
        <v>0</v>
      </c>
      <c r="X2233" s="166">
        <v>0</v>
      </c>
      <c r="Y2233" s="166">
        <v>0</v>
      </c>
      <c r="Z2233" s="166">
        <v>0</v>
      </c>
      <c r="AA2233" s="166">
        <v>0</v>
      </c>
      <c r="AB2233" s="166">
        <v>0</v>
      </c>
      <c r="AC2233" s="166">
        <v>0</v>
      </c>
      <c r="AD2233" s="166">
        <v>0</v>
      </c>
      <c r="AE2233" s="166">
        <v>0</v>
      </c>
      <c r="AF2233" s="166">
        <v>0</v>
      </c>
      <c r="AG2233" s="166">
        <v>0</v>
      </c>
      <c r="AH2233" s="166">
        <v>0</v>
      </c>
      <c r="AI2233" s="166">
        <v>0</v>
      </c>
      <c r="AJ2233" s="166">
        <v>0</v>
      </c>
      <c r="AK2233" s="166">
        <v>0</v>
      </c>
      <c r="AL2233" s="166">
        <v>0</v>
      </c>
      <c r="AM2233" s="166">
        <v>0</v>
      </c>
      <c r="AN2233" s="166">
        <v>0</v>
      </c>
      <c r="AO2233" s="166">
        <v>0</v>
      </c>
      <c r="AP2233" s="166">
        <v>0</v>
      </c>
      <c r="AQ2233" s="166">
        <v>0</v>
      </c>
      <c r="AR2233" s="166">
        <v>0</v>
      </c>
      <c r="AS2233" s="166">
        <v>0</v>
      </c>
      <c r="AT2233" s="166">
        <v>0</v>
      </c>
      <c r="AU2233" s="166">
        <v>0</v>
      </c>
      <c r="AV2233" s="166">
        <v>0</v>
      </c>
      <c r="AW2233" s="166">
        <v>0</v>
      </c>
      <c r="AX2233" s="166">
        <v>0</v>
      </c>
      <c r="AY2233" s="166">
        <v>0</v>
      </c>
      <c r="AZ2233" s="166">
        <v>0</v>
      </c>
      <c r="BA2233" s="166">
        <v>0</v>
      </c>
      <c r="BB2233" s="166">
        <v>0</v>
      </c>
      <c r="BC2233" s="166">
        <v>0</v>
      </c>
      <c r="BD2233" s="166">
        <v>0</v>
      </c>
      <c r="BE2233" s="166">
        <v>0</v>
      </c>
      <c r="BF2233" s="166">
        <v>0</v>
      </c>
      <c r="BG2233" s="166">
        <v>0</v>
      </c>
      <c r="BH2233" s="166">
        <v>0</v>
      </c>
      <c r="BI2233" s="166">
        <v>0</v>
      </c>
      <c r="BJ2233" s="166">
        <v>0</v>
      </c>
      <c r="BK2233" s="166">
        <v>0</v>
      </c>
      <c r="BL2233" s="166">
        <v>0</v>
      </c>
      <c r="BM2233" s="166">
        <v>0</v>
      </c>
      <c r="BN2233" s="166">
        <v>0</v>
      </c>
      <c r="BO2233" s="166">
        <v>0</v>
      </c>
      <c r="BP2233" s="166">
        <v>0</v>
      </c>
      <c r="BQ2233" s="166">
        <v>0</v>
      </c>
      <c r="BR2233" s="166">
        <v>0</v>
      </c>
      <c r="BS2233" s="166">
        <v>0</v>
      </c>
      <c r="BT2233" s="168">
        <v>0</v>
      </c>
      <c r="BU2233" s="166">
        <v>0</v>
      </c>
      <c r="BV2233" s="166">
        <v>0</v>
      </c>
      <c r="BW2233" s="166">
        <v>0</v>
      </c>
      <c r="BX2233" s="166">
        <v>0</v>
      </c>
      <c r="BY2233" s="166">
        <v>0</v>
      </c>
      <c r="BZ2233" s="166">
        <v>0</v>
      </c>
      <c r="CA2233" s="166">
        <v>0</v>
      </c>
      <c r="CB2233" s="166">
        <v>0</v>
      </c>
      <c r="CC2233" s="166">
        <v>0</v>
      </c>
      <c r="CD2233" s="166">
        <v>0</v>
      </c>
      <c r="CE2233" s="166">
        <v>0</v>
      </c>
      <c r="CF2233" s="166">
        <v>0</v>
      </c>
      <c r="CG2233" s="166">
        <v>0</v>
      </c>
      <c r="CH2233" s="166">
        <v>0</v>
      </c>
      <c r="CI2233" s="166">
        <v>0</v>
      </c>
      <c r="CJ2233" s="166">
        <v>0</v>
      </c>
      <c r="CK2233" s="166">
        <v>0</v>
      </c>
      <c r="CL2233" s="166">
        <v>0</v>
      </c>
      <c r="CM2233" s="166">
        <v>0</v>
      </c>
      <c r="CN2233" s="166">
        <v>0</v>
      </c>
      <c r="CO2233" s="166">
        <v>0</v>
      </c>
      <c r="CP2233" s="166">
        <v>0</v>
      </c>
      <c r="CQ2233" s="166">
        <v>0</v>
      </c>
      <c r="CR2233" s="166">
        <v>0</v>
      </c>
      <c r="CS2233" s="166">
        <v>0</v>
      </c>
      <c r="CT2233" s="166">
        <v>0</v>
      </c>
      <c r="CU2233" s="166">
        <v>0</v>
      </c>
      <c r="CV2233" s="166">
        <v>0</v>
      </c>
      <c r="CW2233" s="166">
        <v>0</v>
      </c>
      <c r="CX2233" s="166">
        <v>0</v>
      </c>
      <c r="CY2233" s="166">
        <v>0</v>
      </c>
      <c r="CZ2233" s="166">
        <v>0</v>
      </c>
    </row>
    <row r="2234" spans="1:104" x14ac:dyDescent="0.2">
      <c r="A2234" s="167" t="s">
        <v>640</v>
      </c>
      <c r="B2234" s="166">
        <v>39465934</v>
      </c>
      <c r="C2234" s="166">
        <v>39465934</v>
      </c>
      <c r="D2234" s="166">
        <v>0</v>
      </c>
      <c r="E2234" s="166">
        <v>0</v>
      </c>
      <c r="F2234" s="166">
        <v>0</v>
      </c>
      <c r="G2234" s="166">
        <v>-39465934</v>
      </c>
      <c r="H2234" s="166">
        <v>0</v>
      </c>
      <c r="I2234" s="166">
        <v>0</v>
      </c>
      <c r="J2234" s="166">
        <v>0</v>
      </c>
      <c r="K2234" s="166">
        <v>0</v>
      </c>
      <c r="L2234" s="166">
        <v>0</v>
      </c>
      <c r="M2234" s="166">
        <v>0</v>
      </c>
      <c r="N2234" s="166">
        <v>0</v>
      </c>
      <c r="O2234" s="166">
        <v>0</v>
      </c>
      <c r="P2234" s="166">
        <v>0</v>
      </c>
      <c r="Q2234" s="166">
        <v>0</v>
      </c>
      <c r="R2234" s="166">
        <v>0</v>
      </c>
      <c r="S2234" s="166">
        <v>0</v>
      </c>
      <c r="T2234" s="166">
        <v>0</v>
      </c>
      <c r="U2234" s="166">
        <v>0</v>
      </c>
      <c r="V2234" s="166">
        <v>0</v>
      </c>
      <c r="W2234" s="166">
        <v>0</v>
      </c>
      <c r="X2234" s="166">
        <v>0</v>
      </c>
      <c r="Y2234" s="166">
        <v>0</v>
      </c>
      <c r="Z2234" s="166">
        <v>0</v>
      </c>
      <c r="AA2234" s="166">
        <v>0</v>
      </c>
      <c r="AB2234" s="166">
        <v>0</v>
      </c>
      <c r="AC2234" s="166">
        <v>0</v>
      </c>
      <c r="AD2234" s="166">
        <v>0</v>
      </c>
      <c r="AE2234" s="166">
        <v>0</v>
      </c>
      <c r="AF2234" s="166">
        <v>0</v>
      </c>
      <c r="AG2234" s="166">
        <v>0</v>
      </c>
      <c r="AH2234" s="166">
        <v>0</v>
      </c>
      <c r="AI2234" s="166">
        <v>0</v>
      </c>
      <c r="AJ2234" s="166">
        <v>0</v>
      </c>
      <c r="AK2234" s="166">
        <v>0</v>
      </c>
      <c r="AL2234" s="166">
        <v>0</v>
      </c>
      <c r="AM2234" s="166">
        <v>0</v>
      </c>
      <c r="AN2234" s="166">
        <v>0</v>
      </c>
      <c r="AO2234" s="166">
        <v>0</v>
      </c>
      <c r="AP2234" s="166">
        <v>0</v>
      </c>
      <c r="AQ2234" s="166">
        <v>0</v>
      </c>
      <c r="AR2234" s="166">
        <v>0</v>
      </c>
      <c r="AS2234" s="166">
        <v>0</v>
      </c>
      <c r="AT2234" s="166">
        <v>0</v>
      </c>
      <c r="AU2234" s="166">
        <v>0</v>
      </c>
      <c r="AV2234" s="166">
        <v>0</v>
      </c>
      <c r="AW2234" s="166">
        <v>0</v>
      </c>
      <c r="AX2234" s="166">
        <v>0</v>
      </c>
      <c r="AY2234" s="166">
        <v>0</v>
      </c>
      <c r="AZ2234" s="166">
        <v>0</v>
      </c>
      <c r="BA2234" s="166">
        <v>0</v>
      </c>
      <c r="BB2234" s="166">
        <v>0</v>
      </c>
      <c r="BC2234" s="166">
        <v>0</v>
      </c>
      <c r="BD2234" s="166">
        <v>-39465934</v>
      </c>
      <c r="BE2234" s="166">
        <v>0</v>
      </c>
      <c r="BF2234" s="166">
        <v>0</v>
      </c>
      <c r="BG2234" s="166">
        <v>0</v>
      </c>
      <c r="BH2234" s="166">
        <v>0</v>
      </c>
      <c r="BI2234" s="166">
        <v>0</v>
      </c>
      <c r="BJ2234" s="166">
        <v>0</v>
      </c>
      <c r="BK2234" s="166">
        <v>0</v>
      </c>
      <c r="BL2234" s="166">
        <v>0</v>
      </c>
      <c r="BM2234" s="166">
        <v>0</v>
      </c>
      <c r="BN2234" s="166">
        <v>0</v>
      </c>
      <c r="BO2234" s="166">
        <v>0</v>
      </c>
      <c r="BP2234" s="166">
        <v>0</v>
      </c>
      <c r="BQ2234" s="166">
        <v>0</v>
      </c>
      <c r="BR2234" s="166">
        <v>39465934</v>
      </c>
      <c r="BS2234" s="166">
        <v>0</v>
      </c>
      <c r="BT2234" s="168">
        <v>0</v>
      </c>
      <c r="BU2234" s="166">
        <v>2701251.7351124501</v>
      </c>
      <c r="BV2234" s="166">
        <v>36972303.823748402</v>
      </c>
      <c r="BW2234" s="166">
        <v>-36972303.823748402</v>
      </c>
      <c r="BX2234" s="166">
        <v>0</v>
      </c>
      <c r="BY2234" s="166">
        <v>0</v>
      </c>
      <c r="BZ2234" s="166">
        <v>0</v>
      </c>
      <c r="CA2234" s="166">
        <v>0</v>
      </c>
      <c r="CB2234" s="166">
        <v>0</v>
      </c>
      <c r="CC2234" s="166">
        <v>0</v>
      </c>
      <c r="CD2234" s="166">
        <v>0</v>
      </c>
      <c r="CE2234" s="166">
        <v>0</v>
      </c>
      <c r="CF2234" s="166">
        <v>0</v>
      </c>
      <c r="CG2234" s="166">
        <v>0</v>
      </c>
      <c r="CH2234" s="166">
        <v>0</v>
      </c>
      <c r="CI2234" s="166">
        <v>0</v>
      </c>
      <c r="CJ2234" s="166">
        <v>0</v>
      </c>
      <c r="CK2234" s="166">
        <v>-36972303.823748402</v>
      </c>
      <c r="CL2234" s="166">
        <v>0</v>
      </c>
      <c r="CM2234" s="166">
        <v>0</v>
      </c>
      <c r="CN2234" s="166">
        <v>0</v>
      </c>
      <c r="CO2234" s="166">
        <v>0</v>
      </c>
      <c r="CP2234" s="166">
        <v>0</v>
      </c>
      <c r="CQ2234" s="166">
        <v>0</v>
      </c>
      <c r="CR2234" s="166">
        <v>0</v>
      </c>
      <c r="CS2234" s="166">
        <v>0</v>
      </c>
      <c r="CT2234" s="166">
        <v>0</v>
      </c>
      <c r="CU2234" s="166">
        <v>0</v>
      </c>
      <c r="CV2234" s="166">
        <v>0</v>
      </c>
      <c r="CW2234" s="166">
        <v>0</v>
      </c>
      <c r="CX2234" s="166">
        <v>0</v>
      </c>
      <c r="CY2234" s="166">
        <v>0</v>
      </c>
      <c r="CZ2234" s="166">
        <v>0</v>
      </c>
    </row>
    <row r="2235" spans="1:104" x14ac:dyDescent="0.2">
      <c r="A2235" s="167" t="s">
        <v>641</v>
      </c>
      <c r="B2235" s="166">
        <v>1687156549.9493101</v>
      </c>
      <c r="C2235" s="166">
        <v>1687156549.9493101</v>
      </c>
      <c r="D2235" s="166">
        <v>0</v>
      </c>
      <c r="E2235" s="166">
        <v>0</v>
      </c>
      <c r="F2235" s="166">
        <v>0</v>
      </c>
      <c r="G2235" s="166">
        <v>0</v>
      </c>
      <c r="H2235" s="166">
        <v>0</v>
      </c>
      <c r="I2235" s="166">
        <v>0</v>
      </c>
      <c r="J2235" s="166">
        <v>0</v>
      </c>
      <c r="K2235" s="166">
        <v>0</v>
      </c>
      <c r="L2235" s="166">
        <v>0</v>
      </c>
      <c r="M2235" s="166">
        <v>0</v>
      </c>
      <c r="N2235" s="166">
        <v>0</v>
      </c>
      <c r="O2235" s="166">
        <v>0</v>
      </c>
      <c r="P2235" s="166">
        <v>0</v>
      </c>
      <c r="Q2235" s="166">
        <v>0</v>
      </c>
      <c r="R2235" s="166">
        <v>0</v>
      </c>
      <c r="S2235" s="166">
        <v>0</v>
      </c>
      <c r="T2235" s="166">
        <v>0</v>
      </c>
      <c r="U2235" s="166">
        <v>0</v>
      </c>
      <c r="V2235" s="166">
        <v>0</v>
      </c>
      <c r="W2235" s="166">
        <v>0</v>
      </c>
      <c r="X2235" s="166">
        <v>0</v>
      </c>
      <c r="Y2235" s="166">
        <v>0</v>
      </c>
      <c r="Z2235" s="166">
        <v>0</v>
      </c>
      <c r="AA2235" s="166">
        <v>0</v>
      </c>
      <c r="AB2235" s="166">
        <v>-1687156549.9493101</v>
      </c>
      <c r="AC2235" s="166">
        <v>0</v>
      </c>
      <c r="AD2235" s="166">
        <v>0</v>
      </c>
      <c r="AE2235" s="166">
        <v>0</v>
      </c>
      <c r="AF2235" s="166">
        <v>0</v>
      </c>
      <c r="AG2235" s="166">
        <v>0</v>
      </c>
      <c r="AH2235" s="166">
        <v>0</v>
      </c>
      <c r="AI2235" s="166">
        <v>0</v>
      </c>
      <c r="AJ2235" s="166">
        <v>0</v>
      </c>
      <c r="AK2235" s="166">
        <v>0</v>
      </c>
      <c r="AL2235" s="166">
        <v>0</v>
      </c>
      <c r="AM2235" s="166">
        <v>0</v>
      </c>
      <c r="AN2235" s="166">
        <v>0</v>
      </c>
      <c r="AO2235" s="166">
        <v>0</v>
      </c>
      <c r="AP2235" s="166">
        <v>0</v>
      </c>
      <c r="AQ2235" s="166">
        <v>0</v>
      </c>
      <c r="AR2235" s="166">
        <v>0</v>
      </c>
      <c r="AS2235" s="166">
        <v>0</v>
      </c>
      <c r="AT2235" s="166">
        <v>0</v>
      </c>
      <c r="AU2235" s="166">
        <v>0</v>
      </c>
      <c r="AV2235" s="166">
        <v>0</v>
      </c>
      <c r="AW2235" s="166">
        <v>0</v>
      </c>
      <c r="AX2235" s="166">
        <v>0</v>
      </c>
      <c r="AY2235" s="166">
        <v>0</v>
      </c>
      <c r="AZ2235" s="166">
        <v>0</v>
      </c>
      <c r="BA2235" s="166">
        <v>0</v>
      </c>
      <c r="BB2235" s="166">
        <v>0</v>
      </c>
      <c r="BC2235" s="166">
        <v>0</v>
      </c>
      <c r="BD2235" s="166">
        <v>0</v>
      </c>
      <c r="BE2235" s="166">
        <v>0</v>
      </c>
      <c r="BF2235" s="166">
        <v>0</v>
      </c>
      <c r="BG2235" s="166">
        <v>0</v>
      </c>
      <c r="BH2235" s="166">
        <v>0</v>
      </c>
      <c r="BI2235" s="166">
        <v>0</v>
      </c>
      <c r="BJ2235" s="166">
        <v>-1687156549.9493101</v>
      </c>
      <c r="BK2235" s="166">
        <v>0</v>
      </c>
      <c r="BL2235" s="166">
        <v>0</v>
      </c>
      <c r="BM2235" s="166">
        <v>0</v>
      </c>
      <c r="BN2235" s="166">
        <v>0</v>
      </c>
      <c r="BO2235" s="166">
        <v>0</v>
      </c>
      <c r="BP2235" s="166">
        <v>0</v>
      </c>
      <c r="BQ2235" s="166">
        <v>0</v>
      </c>
      <c r="BR2235" s="166">
        <v>1687156549.9493101</v>
      </c>
      <c r="BS2235" s="166">
        <v>0</v>
      </c>
      <c r="BT2235" s="168">
        <v>0</v>
      </c>
      <c r="BU2235" s="166">
        <v>127686457.78711499</v>
      </c>
      <c r="BV2235" s="166">
        <v>1680717658.5458701</v>
      </c>
      <c r="BW2235" s="166">
        <v>0</v>
      </c>
      <c r="BX2235" s="166">
        <v>0</v>
      </c>
      <c r="BY2235" s="166">
        <v>0</v>
      </c>
      <c r="BZ2235" s="166">
        <v>0</v>
      </c>
      <c r="CA2235" s="166">
        <v>0</v>
      </c>
      <c r="CB2235" s="166">
        <v>0</v>
      </c>
      <c r="CC2235" s="166">
        <v>-1680717658.5458701</v>
      </c>
      <c r="CD2235" s="166">
        <v>0</v>
      </c>
      <c r="CE2235" s="166">
        <v>0</v>
      </c>
      <c r="CF2235" s="166">
        <v>0</v>
      </c>
      <c r="CG2235" s="166">
        <v>0</v>
      </c>
      <c r="CH2235" s="166">
        <v>0</v>
      </c>
      <c r="CI2235" s="166">
        <v>0</v>
      </c>
      <c r="CJ2235" s="166">
        <v>0</v>
      </c>
      <c r="CK2235" s="166">
        <v>0</v>
      </c>
      <c r="CL2235" s="166">
        <v>0</v>
      </c>
      <c r="CM2235" s="166">
        <v>0</v>
      </c>
      <c r="CN2235" s="166">
        <v>0</v>
      </c>
      <c r="CO2235" s="166">
        <v>0</v>
      </c>
      <c r="CP2235" s="166">
        <v>0</v>
      </c>
      <c r="CQ2235" s="166">
        <v>-1680717658.5458701</v>
      </c>
      <c r="CR2235" s="166">
        <v>0</v>
      </c>
      <c r="CS2235" s="166">
        <v>0</v>
      </c>
      <c r="CT2235" s="166">
        <v>0</v>
      </c>
      <c r="CU2235" s="166">
        <v>0</v>
      </c>
      <c r="CV2235" s="166">
        <v>0</v>
      </c>
      <c r="CW2235" s="166">
        <v>0</v>
      </c>
      <c r="CX2235" s="166">
        <v>0</v>
      </c>
      <c r="CY2235" s="166">
        <v>0</v>
      </c>
      <c r="CZ2235" s="166">
        <v>0</v>
      </c>
    </row>
    <row r="2236" spans="1:104" x14ac:dyDescent="0.2">
      <c r="A2236" s="167" t="s">
        <v>642</v>
      </c>
      <c r="B2236" s="166">
        <v>1738414112.2372501</v>
      </c>
      <c r="C2236" s="166">
        <v>1738414112.2372501</v>
      </c>
      <c r="D2236" s="166">
        <v>0</v>
      </c>
      <c r="E2236" s="166">
        <v>0</v>
      </c>
      <c r="F2236" s="166">
        <v>0</v>
      </c>
      <c r="G2236" s="166">
        <v>-39465934</v>
      </c>
      <c r="H2236" s="166">
        <v>0</v>
      </c>
      <c r="I2236" s="166">
        <v>0</v>
      </c>
      <c r="J2236" s="166">
        <v>0</v>
      </c>
      <c r="K2236" s="166">
        <v>0</v>
      </c>
      <c r="L2236" s="166">
        <v>0</v>
      </c>
      <c r="M2236" s="166">
        <v>0</v>
      </c>
      <c r="N2236" s="166">
        <v>0</v>
      </c>
      <c r="O2236" s="166">
        <v>0</v>
      </c>
      <c r="P2236" s="166">
        <v>0</v>
      </c>
      <c r="Q2236" s="166">
        <v>0</v>
      </c>
      <c r="R2236" s="166">
        <v>0</v>
      </c>
      <c r="S2236" s="166">
        <v>0</v>
      </c>
      <c r="T2236" s="166">
        <v>0</v>
      </c>
      <c r="U2236" s="166">
        <v>-11791628.287941299</v>
      </c>
      <c r="V2236" s="166">
        <v>0</v>
      </c>
      <c r="W2236" s="166">
        <v>0</v>
      </c>
      <c r="X2236" s="166">
        <v>0</v>
      </c>
      <c r="Y2236" s="166">
        <v>0</v>
      </c>
      <c r="Z2236" s="166">
        <v>0</v>
      </c>
      <c r="AA2236" s="166">
        <v>0</v>
      </c>
      <c r="AB2236" s="166">
        <v>-1687156549.9493101</v>
      </c>
      <c r="AC2236" s="166">
        <v>0</v>
      </c>
      <c r="AD2236" s="166">
        <v>0</v>
      </c>
      <c r="AE2236" s="166">
        <v>0</v>
      </c>
      <c r="AF2236" s="166">
        <v>0</v>
      </c>
      <c r="AG2236" s="166">
        <v>0</v>
      </c>
      <c r="AH2236" s="166">
        <v>0</v>
      </c>
      <c r="AI2236" s="166">
        <v>0</v>
      </c>
      <c r="AJ2236" s="166">
        <v>0</v>
      </c>
      <c r="AK2236" s="166">
        <v>0</v>
      </c>
      <c r="AL2236" s="166">
        <v>0</v>
      </c>
      <c r="AM2236" s="166">
        <v>0</v>
      </c>
      <c r="AN2236" s="166">
        <v>0</v>
      </c>
      <c r="AO2236" s="166">
        <v>0</v>
      </c>
      <c r="AP2236" s="166">
        <v>0</v>
      </c>
      <c r="AQ2236" s="166">
        <v>0</v>
      </c>
      <c r="AR2236" s="166">
        <v>0</v>
      </c>
      <c r="AS2236" s="166">
        <v>0</v>
      </c>
      <c r="AT2236" s="166">
        <v>0</v>
      </c>
      <c r="AU2236" s="166">
        <v>0</v>
      </c>
      <c r="AV2236" s="166">
        <v>0</v>
      </c>
      <c r="AW2236" s="166">
        <v>0</v>
      </c>
      <c r="AX2236" s="166">
        <v>0</v>
      </c>
      <c r="AY2236" s="166">
        <v>0</v>
      </c>
      <c r="AZ2236" s="166">
        <v>0</v>
      </c>
      <c r="BA2236" s="166">
        <v>0</v>
      </c>
      <c r="BB2236" s="166">
        <v>0</v>
      </c>
      <c r="BC2236" s="166">
        <v>0</v>
      </c>
      <c r="BD2236" s="166">
        <v>-39465934</v>
      </c>
      <c r="BE2236" s="166">
        <v>0</v>
      </c>
      <c r="BF2236" s="166">
        <v>0</v>
      </c>
      <c r="BG2236" s="166">
        <v>0</v>
      </c>
      <c r="BH2236" s="166">
        <v>0</v>
      </c>
      <c r="BI2236" s="166">
        <v>-11791628.287941299</v>
      </c>
      <c r="BJ2236" s="166">
        <v>-1687156549.9493101</v>
      </c>
      <c r="BK2236" s="166">
        <v>0</v>
      </c>
      <c r="BL2236" s="166">
        <v>0</v>
      </c>
      <c r="BM2236" s="166">
        <v>0</v>
      </c>
      <c r="BN2236" s="166">
        <v>0</v>
      </c>
      <c r="BO2236" s="166">
        <v>0</v>
      </c>
      <c r="BP2236" s="166">
        <v>0</v>
      </c>
      <c r="BQ2236" s="166">
        <v>0</v>
      </c>
      <c r="BR2236" s="166">
        <v>1738414112.2372501</v>
      </c>
      <c r="BS2236" s="166">
        <v>0</v>
      </c>
      <c r="BT2236" s="168">
        <v>0</v>
      </c>
      <c r="BU2236" s="166">
        <v>131265911.22949301</v>
      </c>
      <c r="BV2236" s="166">
        <v>1729481547.4452701</v>
      </c>
      <c r="BW2236" s="166">
        <v>-36972303.823748402</v>
      </c>
      <c r="BX2236" s="166">
        <v>0</v>
      </c>
      <c r="BY2236" s="166">
        <v>0</v>
      </c>
      <c r="BZ2236" s="166">
        <v>0</v>
      </c>
      <c r="CA2236" s="166">
        <v>0</v>
      </c>
      <c r="CB2236" s="166">
        <v>-11791585.0756472</v>
      </c>
      <c r="CC2236" s="166">
        <v>-1680717658.5458701</v>
      </c>
      <c r="CD2236" s="166">
        <v>0</v>
      </c>
      <c r="CE2236" s="166">
        <v>0</v>
      </c>
      <c r="CF2236" s="166">
        <v>0</v>
      </c>
      <c r="CG2236" s="166">
        <v>0</v>
      </c>
      <c r="CH2236" s="166">
        <v>0</v>
      </c>
      <c r="CI2236" s="166">
        <v>0</v>
      </c>
      <c r="CJ2236" s="166">
        <v>0</v>
      </c>
      <c r="CK2236" s="166">
        <v>-36972303.823748402</v>
      </c>
      <c r="CL2236" s="166">
        <v>0</v>
      </c>
      <c r="CM2236" s="166">
        <v>0</v>
      </c>
      <c r="CN2236" s="166">
        <v>0</v>
      </c>
      <c r="CO2236" s="166">
        <v>0</v>
      </c>
      <c r="CP2236" s="166">
        <v>-11791585.0756472</v>
      </c>
      <c r="CQ2236" s="166">
        <v>-1680717658.5458701</v>
      </c>
      <c r="CR2236" s="166">
        <v>0</v>
      </c>
      <c r="CS2236" s="166">
        <v>0</v>
      </c>
      <c r="CT2236" s="166">
        <v>0</v>
      </c>
      <c r="CU2236" s="166">
        <v>0</v>
      </c>
      <c r="CV2236" s="166">
        <v>0</v>
      </c>
      <c r="CW2236" s="166">
        <v>0</v>
      </c>
      <c r="CX2236" s="166">
        <v>0</v>
      </c>
      <c r="CY2236" s="166">
        <v>0</v>
      </c>
      <c r="CZ2236" s="166">
        <v>0</v>
      </c>
    </row>
    <row r="2237" spans="1:104" x14ac:dyDescent="0.2">
      <c r="A2237" s="167" t="s">
        <v>643</v>
      </c>
      <c r="B2237" s="166">
        <v>0</v>
      </c>
      <c r="C2237" s="166">
        <v>0</v>
      </c>
      <c r="D2237" s="166">
        <v>0</v>
      </c>
      <c r="E2237" s="166">
        <v>0</v>
      </c>
      <c r="F2237" s="166">
        <v>0</v>
      </c>
      <c r="G2237" s="166">
        <v>0</v>
      </c>
      <c r="H2237" s="166">
        <v>0</v>
      </c>
      <c r="I2237" s="166">
        <v>0</v>
      </c>
      <c r="J2237" s="166">
        <v>0</v>
      </c>
      <c r="K2237" s="166">
        <v>0</v>
      </c>
      <c r="L2237" s="166">
        <v>0</v>
      </c>
      <c r="M2237" s="166">
        <v>0</v>
      </c>
      <c r="N2237" s="166">
        <v>0</v>
      </c>
      <c r="O2237" s="166">
        <v>0</v>
      </c>
      <c r="P2237" s="166">
        <v>0</v>
      </c>
      <c r="Q2237" s="166">
        <v>0</v>
      </c>
      <c r="R2237" s="166">
        <v>0</v>
      </c>
      <c r="S2237" s="166">
        <v>0</v>
      </c>
      <c r="T2237" s="166">
        <v>0</v>
      </c>
      <c r="U2237" s="166">
        <v>0</v>
      </c>
      <c r="V2237" s="166">
        <v>0</v>
      </c>
      <c r="W2237" s="166">
        <v>0</v>
      </c>
      <c r="X2237" s="166">
        <v>0</v>
      </c>
      <c r="Y2237" s="166">
        <v>0</v>
      </c>
      <c r="Z2237" s="166">
        <v>0</v>
      </c>
      <c r="AA2237" s="166">
        <v>0</v>
      </c>
      <c r="AB2237" s="166">
        <v>0</v>
      </c>
      <c r="AC2237" s="166">
        <v>0</v>
      </c>
      <c r="AD2237" s="166">
        <v>0</v>
      </c>
      <c r="AE2237" s="166">
        <v>0</v>
      </c>
      <c r="AF2237" s="166">
        <v>0</v>
      </c>
      <c r="AG2237" s="166">
        <v>0</v>
      </c>
      <c r="AH2237" s="166">
        <v>0</v>
      </c>
      <c r="AI2237" s="166">
        <v>0</v>
      </c>
      <c r="AJ2237" s="166">
        <v>0</v>
      </c>
      <c r="AK2237" s="166">
        <v>0</v>
      </c>
      <c r="AL2237" s="166">
        <v>0</v>
      </c>
      <c r="AM2237" s="166">
        <v>0</v>
      </c>
      <c r="AN2237" s="166">
        <v>0</v>
      </c>
      <c r="AO2237" s="166">
        <v>0</v>
      </c>
      <c r="AP2237" s="166">
        <v>0</v>
      </c>
      <c r="AQ2237" s="166">
        <v>0</v>
      </c>
      <c r="AR2237" s="166">
        <v>0</v>
      </c>
      <c r="AS2237" s="166">
        <v>0</v>
      </c>
      <c r="AT2237" s="166">
        <v>0</v>
      </c>
      <c r="AU2237" s="166">
        <v>0</v>
      </c>
      <c r="AV2237" s="166">
        <v>0</v>
      </c>
      <c r="AW2237" s="166">
        <v>0</v>
      </c>
      <c r="AX2237" s="166">
        <v>0</v>
      </c>
      <c r="AY2237" s="166">
        <v>0</v>
      </c>
      <c r="AZ2237" s="166">
        <v>0</v>
      </c>
      <c r="BA2237" s="166">
        <v>0</v>
      </c>
      <c r="BB2237" s="166">
        <v>0</v>
      </c>
      <c r="BC2237" s="166">
        <v>0</v>
      </c>
      <c r="BD2237" s="166">
        <v>0</v>
      </c>
      <c r="BE2237" s="166">
        <v>0</v>
      </c>
      <c r="BF2237" s="166">
        <v>0</v>
      </c>
      <c r="BG2237" s="166">
        <v>0</v>
      </c>
      <c r="BH2237" s="166">
        <v>0</v>
      </c>
      <c r="BI2237" s="166">
        <v>0</v>
      </c>
      <c r="BJ2237" s="166">
        <v>0</v>
      </c>
      <c r="BK2237" s="166">
        <v>0</v>
      </c>
      <c r="BL2237" s="166">
        <v>0</v>
      </c>
      <c r="BM2237" s="166">
        <v>0</v>
      </c>
      <c r="BN2237" s="166">
        <v>0</v>
      </c>
      <c r="BO2237" s="166">
        <v>0</v>
      </c>
      <c r="BP2237" s="166">
        <v>0</v>
      </c>
      <c r="BQ2237" s="166">
        <v>0</v>
      </c>
      <c r="BR2237" s="166">
        <v>0</v>
      </c>
      <c r="BS2237" s="166">
        <v>0</v>
      </c>
      <c r="BT2237" s="166">
        <v>0</v>
      </c>
      <c r="BU2237" s="166">
        <v>0</v>
      </c>
      <c r="BV2237" s="166">
        <v>0</v>
      </c>
      <c r="BW2237" s="166">
        <v>0</v>
      </c>
      <c r="BX2237" s="166">
        <v>0</v>
      </c>
      <c r="BY2237" s="166">
        <v>0</v>
      </c>
      <c r="BZ2237" s="166">
        <v>0</v>
      </c>
      <c r="CA2237" s="166">
        <v>0</v>
      </c>
      <c r="CB2237" s="166">
        <v>0</v>
      </c>
      <c r="CC2237" s="166">
        <v>0</v>
      </c>
      <c r="CD2237" s="166">
        <v>0</v>
      </c>
      <c r="CE2237" s="166">
        <v>0</v>
      </c>
      <c r="CF2237" s="166">
        <v>0</v>
      </c>
      <c r="CG2237" s="166">
        <v>0</v>
      </c>
      <c r="CH2237" s="166">
        <v>0</v>
      </c>
      <c r="CI2237" s="166">
        <v>0</v>
      </c>
      <c r="CJ2237" s="166">
        <v>0</v>
      </c>
      <c r="CK2237" s="166">
        <v>0</v>
      </c>
      <c r="CL2237" s="166">
        <v>0</v>
      </c>
      <c r="CM2237" s="166">
        <v>0</v>
      </c>
      <c r="CN2237" s="166">
        <v>0</v>
      </c>
      <c r="CO2237" s="166">
        <v>0</v>
      </c>
      <c r="CP2237" s="166">
        <v>0</v>
      </c>
      <c r="CQ2237" s="166">
        <v>0</v>
      </c>
      <c r="CR2237" s="166">
        <v>0</v>
      </c>
      <c r="CS2237" s="166">
        <v>0</v>
      </c>
      <c r="CT2237" s="166">
        <v>0</v>
      </c>
      <c r="CU2237" s="166">
        <v>0</v>
      </c>
      <c r="CV2237" s="166">
        <v>0</v>
      </c>
      <c r="CW2237" s="166">
        <v>0</v>
      </c>
      <c r="CX2237" s="166">
        <v>0</v>
      </c>
      <c r="CY2237" s="166">
        <v>0</v>
      </c>
      <c r="CZ2237" s="166">
        <v>0</v>
      </c>
    </row>
    <row r="2238" spans="1:104" x14ac:dyDescent="0.2">
      <c r="A2238" s="167" t="s">
        <v>644</v>
      </c>
    </row>
    <row r="2239" spans="1:104" ht="10.8" thickBot="1" x14ac:dyDescent="0.25">
      <c r="A2239" s="178" t="s">
        <v>645</v>
      </c>
      <c r="B2239" s="166">
        <v>0</v>
      </c>
      <c r="C2239" s="166">
        <v>0</v>
      </c>
      <c r="D2239" s="166">
        <v>0</v>
      </c>
      <c r="E2239" s="166">
        <v>0</v>
      </c>
      <c r="F2239" s="166">
        <v>0</v>
      </c>
      <c r="G2239" s="166">
        <v>0</v>
      </c>
      <c r="H2239" s="166">
        <v>0</v>
      </c>
      <c r="I2239" s="166">
        <v>0</v>
      </c>
      <c r="J2239" s="166">
        <v>0</v>
      </c>
      <c r="K2239" s="166">
        <v>0</v>
      </c>
      <c r="L2239" s="166">
        <v>0</v>
      </c>
      <c r="M2239" s="166">
        <v>0</v>
      </c>
      <c r="N2239" s="166">
        <v>0</v>
      </c>
      <c r="O2239" s="166">
        <v>0</v>
      </c>
      <c r="P2239" s="166">
        <v>0</v>
      </c>
      <c r="Q2239" s="166">
        <v>0</v>
      </c>
      <c r="R2239" s="166">
        <v>0</v>
      </c>
      <c r="S2239" s="166">
        <v>0</v>
      </c>
      <c r="T2239" s="166">
        <v>0</v>
      </c>
      <c r="U2239" s="166">
        <v>0</v>
      </c>
      <c r="V2239" s="166">
        <v>0</v>
      </c>
      <c r="W2239" s="166">
        <v>0</v>
      </c>
      <c r="X2239" s="166">
        <v>0</v>
      </c>
      <c r="Y2239" s="166">
        <v>0</v>
      </c>
      <c r="Z2239" s="166">
        <v>0</v>
      </c>
      <c r="AA2239" s="166">
        <v>0</v>
      </c>
      <c r="AB2239" s="166">
        <v>0</v>
      </c>
      <c r="AC2239" s="166">
        <v>0</v>
      </c>
      <c r="AD2239" s="166">
        <v>0</v>
      </c>
      <c r="AE2239" s="166">
        <v>0</v>
      </c>
      <c r="AF2239" s="166">
        <v>0</v>
      </c>
      <c r="AG2239" s="166">
        <v>0</v>
      </c>
      <c r="AH2239" s="166">
        <v>0</v>
      </c>
      <c r="AI2239" s="166">
        <v>0</v>
      </c>
      <c r="AJ2239" s="166">
        <v>0</v>
      </c>
      <c r="AK2239" s="166">
        <v>0</v>
      </c>
      <c r="AL2239" s="166">
        <v>0</v>
      </c>
      <c r="AM2239" s="166">
        <v>0</v>
      </c>
      <c r="AN2239" s="166">
        <v>0</v>
      </c>
      <c r="AO2239" s="166">
        <v>0</v>
      </c>
      <c r="AP2239" s="166">
        <v>0</v>
      </c>
      <c r="AQ2239" s="166">
        <v>0</v>
      </c>
      <c r="AR2239" s="166">
        <v>0</v>
      </c>
      <c r="AS2239" s="166">
        <v>0</v>
      </c>
      <c r="AT2239" s="166">
        <v>0</v>
      </c>
      <c r="AU2239" s="166">
        <v>0</v>
      </c>
      <c r="AV2239" s="166">
        <v>0</v>
      </c>
      <c r="AW2239" s="166">
        <v>0</v>
      </c>
      <c r="AX2239" s="166">
        <v>0</v>
      </c>
      <c r="AY2239" s="166">
        <v>0</v>
      </c>
      <c r="AZ2239" s="166">
        <v>0</v>
      </c>
      <c r="BA2239" s="166">
        <v>0</v>
      </c>
      <c r="BB2239" s="166">
        <v>0</v>
      </c>
      <c r="BC2239" s="166">
        <v>0</v>
      </c>
      <c r="BD2239" s="166">
        <v>0</v>
      </c>
      <c r="BE2239" s="166">
        <v>0</v>
      </c>
      <c r="BF2239" s="166">
        <v>0</v>
      </c>
      <c r="BG2239" s="166">
        <v>0</v>
      </c>
      <c r="BH2239" s="166">
        <v>0</v>
      </c>
      <c r="BI2239" s="166">
        <v>0</v>
      </c>
      <c r="BJ2239" s="166">
        <v>0</v>
      </c>
      <c r="BK2239" s="166">
        <v>0</v>
      </c>
      <c r="BL2239" s="166">
        <v>0</v>
      </c>
      <c r="BM2239" s="166">
        <v>0</v>
      </c>
      <c r="BN2239" s="166">
        <v>0</v>
      </c>
      <c r="BO2239" s="166">
        <v>0</v>
      </c>
      <c r="BP2239" s="166">
        <v>0</v>
      </c>
      <c r="BQ2239" s="166">
        <v>0</v>
      </c>
      <c r="BR2239" s="166">
        <v>0</v>
      </c>
      <c r="BS2239" s="166">
        <v>0</v>
      </c>
      <c r="BT2239" s="168">
        <v>0</v>
      </c>
      <c r="BU2239" s="166">
        <v>0</v>
      </c>
      <c r="BV2239" s="166">
        <v>0</v>
      </c>
      <c r="BW2239" s="166">
        <v>0</v>
      </c>
      <c r="BX2239" s="166">
        <v>0</v>
      </c>
      <c r="BY2239" s="166">
        <v>0</v>
      </c>
      <c r="BZ2239" s="166">
        <v>0</v>
      </c>
      <c r="CA2239" s="166">
        <v>0</v>
      </c>
      <c r="CB2239" s="166">
        <v>0</v>
      </c>
      <c r="CC2239" s="166">
        <v>0</v>
      </c>
      <c r="CD2239" s="166">
        <v>0</v>
      </c>
      <c r="CE2239" s="166">
        <v>0</v>
      </c>
      <c r="CF2239" s="166">
        <v>0</v>
      </c>
      <c r="CG2239" s="166">
        <v>0</v>
      </c>
      <c r="CH2239" s="166">
        <v>0</v>
      </c>
      <c r="CI2239" s="166">
        <v>0</v>
      </c>
      <c r="CJ2239" s="166">
        <v>0</v>
      </c>
      <c r="CK2239" s="166">
        <v>0</v>
      </c>
      <c r="CL2239" s="166">
        <v>0</v>
      </c>
      <c r="CM2239" s="166">
        <v>0</v>
      </c>
      <c r="CN2239" s="166">
        <v>0</v>
      </c>
      <c r="CO2239" s="166">
        <v>0</v>
      </c>
      <c r="CP2239" s="166">
        <v>0</v>
      </c>
      <c r="CQ2239" s="166">
        <v>0</v>
      </c>
      <c r="CR2239" s="166">
        <v>0</v>
      </c>
      <c r="CS2239" s="166">
        <v>0</v>
      </c>
      <c r="CT2239" s="166">
        <v>0</v>
      </c>
      <c r="CU2239" s="166">
        <v>0</v>
      </c>
      <c r="CV2239" s="166">
        <v>0</v>
      </c>
      <c r="CW2239" s="166">
        <v>0</v>
      </c>
      <c r="CX2239" s="166">
        <v>0</v>
      </c>
      <c r="CY2239" s="166">
        <v>0</v>
      </c>
      <c r="CZ2239" s="166">
        <v>0</v>
      </c>
    </row>
    <row r="2240" spans="1:104" x14ac:dyDescent="0.2">
      <c r="A2240" s="167" t="s">
        <v>646</v>
      </c>
      <c r="B2240" s="166">
        <v>0</v>
      </c>
      <c r="C2240" s="166">
        <v>0</v>
      </c>
      <c r="D2240" s="166">
        <v>0</v>
      </c>
      <c r="E2240" s="166">
        <v>0</v>
      </c>
      <c r="F2240" s="166">
        <v>0</v>
      </c>
      <c r="G2240" s="166">
        <v>0</v>
      </c>
      <c r="H2240" s="166">
        <v>0</v>
      </c>
      <c r="I2240" s="166">
        <v>0</v>
      </c>
      <c r="J2240" s="166">
        <v>0</v>
      </c>
      <c r="K2240" s="166">
        <v>0</v>
      </c>
      <c r="L2240" s="166">
        <v>0</v>
      </c>
      <c r="M2240" s="166">
        <v>0</v>
      </c>
      <c r="N2240" s="166">
        <v>0</v>
      </c>
      <c r="O2240" s="166">
        <v>0</v>
      </c>
      <c r="P2240" s="166">
        <v>0</v>
      </c>
      <c r="Q2240" s="166">
        <v>0</v>
      </c>
      <c r="R2240" s="166">
        <v>0</v>
      </c>
      <c r="S2240" s="166">
        <v>0</v>
      </c>
      <c r="T2240" s="166">
        <v>0</v>
      </c>
      <c r="U2240" s="166">
        <v>0</v>
      </c>
      <c r="V2240" s="166">
        <v>0</v>
      </c>
      <c r="W2240" s="166">
        <v>0</v>
      </c>
      <c r="X2240" s="166">
        <v>0</v>
      </c>
      <c r="Y2240" s="166">
        <v>0</v>
      </c>
      <c r="Z2240" s="166">
        <v>0</v>
      </c>
      <c r="AA2240" s="166">
        <v>0</v>
      </c>
      <c r="AB2240" s="166">
        <v>0</v>
      </c>
      <c r="AC2240" s="166">
        <v>0</v>
      </c>
      <c r="AD2240" s="166">
        <v>0</v>
      </c>
      <c r="AE2240" s="166">
        <v>0</v>
      </c>
      <c r="AF2240" s="166">
        <v>0</v>
      </c>
      <c r="AG2240" s="166">
        <v>0</v>
      </c>
      <c r="AH2240" s="166">
        <v>0</v>
      </c>
      <c r="AI2240" s="166">
        <v>0</v>
      </c>
      <c r="AJ2240" s="166">
        <v>0</v>
      </c>
      <c r="AK2240" s="166">
        <v>0</v>
      </c>
      <c r="AL2240" s="166">
        <v>0</v>
      </c>
      <c r="AM2240" s="166">
        <v>0</v>
      </c>
      <c r="AN2240" s="166">
        <v>0</v>
      </c>
      <c r="AO2240" s="166">
        <v>0</v>
      </c>
      <c r="AP2240" s="166">
        <v>0</v>
      </c>
      <c r="AQ2240" s="166">
        <v>0</v>
      </c>
      <c r="AR2240" s="166">
        <v>0</v>
      </c>
      <c r="AS2240" s="166">
        <v>0</v>
      </c>
      <c r="AT2240" s="166">
        <v>0</v>
      </c>
      <c r="AU2240" s="166">
        <v>0</v>
      </c>
      <c r="AV2240" s="166">
        <v>0</v>
      </c>
      <c r="AW2240" s="166">
        <v>0</v>
      </c>
      <c r="AX2240" s="166">
        <v>0</v>
      </c>
      <c r="AY2240" s="166">
        <v>0</v>
      </c>
      <c r="AZ2240" s="166">
        <v>0</v>
      </c>
      <c r="BA2240" s="166">
        <v>0</v>
      </c>
      <c r="BB2240" s="166">
        <v>0</v>
      </c>
      <c r="BC2240" s="166">
        <v>0</v>
      </c>
      <c r="BD2240" s="166">
        <v>0</v>
      </c>
      <c r="BE2240" s="166">
        <v>0</v>
      </c>
      <c r="BF2240" s="166">
        <v>0</v>
      </c>
      <c r="BG2240" s="166">
        <v>0</v>
      </c>
      <c r="BH2240" s="166">
        <v>0</v>
      </c>
      <c r="BI2240" s="166">
        <v>0</v>
      </c>
      <c r="BJ2240" s="166">
        <v>0</v>
      </c>
      <c r="BK2240" s="166">
        <v>0</v>
      </c>
      <c r="BL2240" s="166">
        <v>0</v>
      </c>
      <c r="BM2240" s="166">
        <v>0</v>
      </c>
      <c r="BN2240" s="166">
        <v>0</v>
      </c>
      <c r="BO2240" s="166">
        <v>0</v>
      </c>
      <c r="BP2240" s="166">
        <v>0</v>
      </c>
      <c r="BQ2240" s="166">
        <v>0</v>
      </c>
      <c r="BR2240" s="166">
        <v>0</v>
      </c>
      <c r="BS2240" s="166">
        <v>0</v>
      </c>
      <c r="BT2240" s="168">
        <v>0</v>
      </c>
      <c r="BU2240" s="166">
        <v>0</v>
      </c>
      <c r="BV2240" s="166">
        <v>0</v>
      </c>
      <c r="BW2240" s="166">
        <v>0</v>
      </c>
      <c r="BX2240" s="166">
        <v>0</v>
      </c>
      <c r="BY2240" s="166">
        <v>0</v>
      </c>
      <c r="BZ2240" s="166">
        <v>0</v>
      </c>
      <c r="CA2240" s="166">
        <v>0</v>
      </c>
      <c r="CB2240" s="166">
        <v>0</v>
      </c>
      <c r="CC2240" s="166">
        <v>0</v>
      </c>
      <c r="CD2240" s="166">
        <v>0</v>
      </c>
      <c r="CE2240" s="166">
        <v>0</v>
      </c>
      <c r="CF2240" s="166">
        <v>0</v>
      </c>
      <c r="CG2240" s="166">
        <v>0</v>
      </c>
      <c r="CH2240" s="166">
        <v>0</v>
      </c>
      <c r="CI2240" s="166">
        <v>0</v>
      </c>
      <c r="CJ2240" s="166">
        <v>0</v>
      </c>
      <c r="CK2240" s="166">
        <v>0</v>
      </c>
      <c r="CL2240" s="166">
        <v>0</v>
      </c>
      <c r="CM2240" s="166">
        <v>0</v>
      </c>
      <c r="CN2240" s="166">
        <v>0</v>
      </c>
      <c r="CO2240" s="166">
        <v>0</v>
      </c>
      <c r="CP2240" s="166">
        <v>0</v>
      </c>
      <c r="CQ2240" s="166">
        <v>0</v>
      </c>
      <c r="CR2240" s="166">
        <v>0</v>
      </c>
      <c r="CS2240" s="166">
        <v>0</v>
      </c>
      <c r="CT2240" s="166">
        <v>0</v>
      </c>
      <c r="CU2240" s="166">
        <v>0</v>
      </c>
      <c r="CV2240" s="166">
        <v>0</v>
      </c>
      <c r="CW2240" s="166">
        <v>0</v>
      </c>
      <c r="CX2240" s="166">
        <v>0</v>
      </c>
      <c r="CY2240" s="166">
        <v>0</v>
      </c>
      <c r="CZ2240" s="166">
        <v>6970348299.4522896</v>
      </c>
    </row>
    <row r="2241" spans="1:104" x14ac:dyDescent="0.2">
      <c r="A2241" s="167" t="s">
        <v>647</v>
      </c>
      <c r="B2241" s="166">
        <v>0</v>
      </c>
      <c r="C2241" s="166">
        <v>0</v>
      </c>
      <c r="D2241" s="166">
        <v>0</v>
      </c>
      <c r="E2241" s="166">
        <v>0</v>
      </c>
      <c r="F2241" s="166">
        <v>0</v>
      </c>
      <c r="G2241" s="166">
        <v>0</v>
      </c>
      <c r="H2241" s="166">
        <v>0</v>
      </c>
      <c r="I2241" s="166">
        <v>0</v>
      </c>
      <c r="J2241" s="166">
        <v>0</v>
      </c>
      <c r="K2241" s="166">
        <v>0</v>
      </c>
      <c r="L2241" s="166">
        <v>0</v>
      </c>
      <c r="M2241" s="166">
        <v>0</v>
      </c>
      <c r="N2241" s="166">
        <v>0</v>
      </c>
      <c r="O2241" s="166">
        <v>0</v>
      </c>
      <c r="P2241" s="166">
        <v>0</v>
      </c>
      <c r="Q2241" s="166">
        <v>0</v>
      </c>
      <c r="R2241" s="166">
        <v>0</v>
      </c>
      <c r="S2241" s="166">
        <v>0</v>
      </c>
      <c r="T2241" s="166">
        <v>0</v>
      </c>
      <c r="U2241" s="166">
        <v>0</v>
      </c>
      <c r="V2241" s="166">
        <v>0</v>
      </c>
      <c r="W2241" s="166">
        <v>0</v>
      </c>
      <c r="X2241" s="166">
        <v>0</v>
      </c>
      <c r="Y2241" s="166">
        <v>0</v>
      </c>
      <c r="Z2241" s="166">
        <v>0</v>
      </c>
      <c r="AA2241" s="166">
        <v>0</v>
      </c>
      <c r="AB2241" s="166">
        <v>0</v>
      </c>
      <c r="AC2241" s="166">
        <v>0</v>
      </c>
      <c r="AD2241" s="166">
        <v>0</v>
      </c>
      <c r="AE2241" s="166">
        <v>0</v>
      </c>
      <c r="AF2241" s="166">
        <v>0</v>
      </c>
      <c r="AG2241" s="166">
        <v>0</v>
      </c>
      <c r="AH2241" s="166">
        <v>0</v>
      </c>
      <c r="AI2241" s="166">
        <v>0</v>
      </c>
      <c r="AJ2241" s="166">
        <v>0</v>
      </c>
      <c r="AK2241" s="166">
        <v>0</v>
      </c>
      <c r="AL2241" s="166">
        <v>0</v>
      </c>
      <c r="AM2241" s="166">
        <v>0</v>
      </c>
      <c r="AN2241" s="166">
        <v>0</v>
      </c>
      <c r="AO2241" s="166">
        <v>0</v>
      </c>
      <c r="AP2241" s="166">
        <v>0</v>
      </c>
      <c r="AQ2241" s="166">
        <v>0</v>
      </c>
      <c r="AR2241" s="166">
        <v>0</v>
      </c>
      <c r="AS2241" s="166">
        <v>0</v>
      </c>
      <c r="AT2241" s="166">
        <v>0</v>
      </c>
      <c r="AU2241" s="166">
        <v>0</v>
      </c>
      <c r="AV2241" s="166">
        <v>0</v>
      </c>
      <c r="AW2241" s="166">
        <v>0</v>
      </c>
      <c r="AX2241" s="166">
        <v>0</v>
      </c>
      <c r="AY2241" s="166">
        <v>0</v>
      </c>
      <c r="AZ2241" s="166">
        <v>0</v>
      </c>
      <c r="BA2241" s="166">
        <v>0</v>
      </c>
      <c r="BB2241" s="166">
        <v>0</v>
      </c>
      <c r="BC2241" s="166">
        <v>0</v>
      </c>
      <c r="BD2241" s="166">
        <v>0</v>
      </c>
      <c r="BE2241" s="166">
        <v>0</v>
      </c>
      <c r="BF2241" s="166">
        <v>0</v>
      </c>
      <c r="BG2241" s="166">
        <v>0</v>
      </c>
      <c r="BH2241" s="166">
        <v>0</v>
      </c>
      <c r="BI2241" s="166">
        <v>0</v>
      </c>
      <c r="BJ2241" s="166">
        <v>0</v>
      </c>
      <c r="BK2241" s="166">
        <v>0</v>
      </c>
      <c r="BL2241" s="166">
        <v>0</v>
      </c>
      <c r="BM2241" s="166">
        <v>0</v>
      </c>
      <c r="BN2241" s="166">
        <v>0</v>
      </c>
      <c r="BO2241" s="166">
        <v>0</v>
      </c>
      <c r="BP2241" s="166">
        <v>0</v>
      </c>
      <c r="BQ2241" s="166">
        <v>0</v>
      </c>
      <c r="BR2241" s="166">
        <v>0</v>
      </c>
      <c r="BS2241" s="166">
        <v>7172175548.1803503</v>
      </c>
      <c r="BT2241" s="168">
        <v>0</v>
      </c>
      <c r="BU2241" s="166">
        <v>0</v>
      </c>
      <c r="BV2241" s="166">
        <v>0</v>
      </c>
      <c r="BW2241" s="166">
        <v>0</v>
      </c>
      <c r="BX2241" s="166">
        <v>0</v>
      </c>
      <c r="BY2241" s="166">
        <v>0</v>
      </c>
      <c r="BZ2241" s="166">
        <v>0</v>
      </c>
      <c r="CA2241" s="166">
        <v>0</v>
      </c>
      <c r="CB2241" s="166">
        <v>0</v>
      </c>
      <c r="CC2241" s="166">
        <v>0</v>
      </c>
      <c r="CD2241" s="166">
        <v>0</v>
      </c>
      <c r="CE2241" s="166">
        <v>0</v>
      </c>
      <c r="CF2241" s="166">
        <v>0</v>
      </c>
      <c r="CG2241" s="166">
        <v>0</v>
      </c>
      <c r="CH2241" s="166">
        <v>0</v>
      </c>
      <c r="CI2241" s="166">
        <v>0</v>
      </c>
      <c r="CJ2241" s="166">
        <v>0</v>
      </c>
      <c r="CK2241" s="166">
        <v>0</v>
      </c>
      <c r="CL2241" s="166">
        <v>0</v>
      </c>
      <c r="CM2241" s="166">
        <v>0</v>
      </c>
      <c r="CN2241" s="166">
        <v>0</v>
      </c>
      <c r="CO2241" s="166">
        <v>0</v>
      </c>
      <c r="CP2241" s="166">
        <v>0</v>
      </c>
      <c r="CQ2241" s="166">
        <v>0</v>
      </c>
      <c r="CR2241" s="166">
        <v>0</v>
      </c>
      <c r="CS2241" s="166">
        <v>0</v>
      </c>
      <c r="CT2241" s="166">
        <v>0</v>
      </c>
      <c r="CU2241" s="166">
        <v>0</v>
      </c>
      <c r="CV2241" s="166">
        <v>0</v>
      </c>
      <c r="CW2241" s="166">
        <v>0</v>
      </c>
      <c r="CX2241" s="166">
        <v>0</v>
      </c>
      <c r="CY2241" s="166">
        <v>0</v>
      </c>
      <c r="CZ2241" s="166">
        <v>7172175548.1803503</v>
      </c>
    </row>
    <row r="2242" spans="1:104" x14ac:dyDescent="0.2">
      <c r="A2242" s="167" t="s">
        <v>648</v>
      </c>
      <c r="B2242" s="166">
        <v>0</v>
      </c>
      <c r="C2242" s="166">
        <v>0</v>
      </c>
      <c r="D2242" s="166">
        <v>0</v>
      </c>
      <c r="E2242" s="166">
        <v>0</v>
      </c>
      <c r="F2242" s="166">
        <v>0</v>
      </c>
      <c r="G2242" s="166">
        <v>0</v>
      </c>
      <c r="H2242" s="166">
        <v>0</v>
      </c>
      <c r="I2242" s="166">
        <v>0</v>
      </c>
      <c r="J2242" s="166">
        <v>0</v>
      </c>
      <c r="K2242" s="166">
        <v>0</v>
      </c>
      <c r="L2242" s="166">
        <v>0</v>
      </c>
      <c r="M2242" s="166">
        <v>0</v>
      </c>
      <c r="N2242" s="166">
        <v>0</v>
      </c>
      <c r="O2242" s="166">
        <v>0</v>
      </c>
      <c r="P2242" s="166">
        <v>0</v>
      </c>
      <c r="Q2242" s="166">
        <v>0</v>
      </c>
      <c r="R2242" s="166">
        <v>0</v>
      </c>
      <c r="S2242" s="166">
        <v>0</v>
      </c>
      <c r="T2242" s="166">
        <v>0</v>
      </c>
      <c r="U2242" s="166">
        <v>0</v>
      </c>
      <c r="V2242" s="166">
        <v>0</v>
      </c>
      <c r="W2242" s="166">
        <v>0</v>
      </c>
      <c r="X2242" s="166">
        <v>0</v>
      </c>
      <c r="Y2242" s="166">
        <v>0</v>
      </c>
      <c r="Z2242" s="166">
        <v>0</v>
      </c>
      <c r="AA2242" s="166">
        <v>0</v>
      </c>
      <c r="AB2242" s="166">
        <v>0</v>
      </c>
      <c r="AC2242" s="166">
        <v>0</v>
      </c>
      <c r="AD2242" s="166">
        <v>0</v>
      </c>
      <c r="AE2242" s="166">
        <v>0</v>
      </c>
      <c r="AF2242" s="166">
        <v>0</v>
      </c>
      <c r="AG2242" s="166">
        <v>0</v>
      </c>
      <c r="AH2242" s="166">
        <v>0</v>
      </c>
      <c r="AI2242" s="166">
        <v>0</v>
      </c>
      <c r="AJ2242" s="166">
        <v>0</v>
      </c>
      <c r="AK2242" s="166">
        <v>0</v>
      </c>
      <c r="AL2242" s="166">
        <v>0</v>
      </c>
      <c r="AM2242" s="166">
        <v>0</v>
      </c>
      <c r="AN2242" s="166">
        <v>0</v>
      </c>
      <c r="AO2242" s="166">
        <v>0</v>
      </c>
      <c r="AP2242" s="166">
        <v>0</v>
      </c>
      <c r="AQ2242" s="166">
        <v>0</v>
      </c>
      <c r="AR2242" s="166">
        <v>0</v>
      </c>
      <c r="AS2242" s="166">
        <v>0</v>
      </c>
      <c r="AT2242" s="166">
        <v>0</v>
      </c>
      <c r="AU2242" s="166">
        <v>0</v>
      </c>
      <c r="AV2242" s="166">
        <v>0</v>
      </c>
      <c r="AW2242" s="166">
        <v>0</v>
      </c>
      <c r="AX2242" s="166">
        <v>0</v>
      </c>
      <c r="AY2242" s="166">
        <v>0</v>
      </c>
      <c r="AZ2242" s="166">
        <v>0</v>
      </c>
      <c r="BA2242" s="166">
        <v>0</v>
      </c>
      <c r="BB2242" s="166">
        <v>0</v>
      </c>
      <c r="BC2242" s="166">
        <v>0</v>
      </c>
      <c r="BD2242" s="166">
        <v>0</v>
      </c>
      <c r="BE2242" s="166">
        <v>0</v>
      </c>
      <c r="BF2242" s="166">
        <v>0</v>
      </c>
      <c r="BG2242" s="166">
        <v>0</v>
      </c>
      <c r="BH2242" s="166">
        <v>0</v>
      </c>
      <c r="BI2242" s="166">
        <v>0</v>
      </c>
      <c r="BJ2242" s="166">
        <v>0</v>
      </c>
      <c r="BK2242" s="166">
        <v>0</v>
      </c>
      <c r="BL2242" s="166">
        <v>0</v>
      </c>
      <c r="BM2242" s="166">
        <v>0</v>
      </c>
      <c r="BN2242" s="166">
        <v>0</v>
      </c>
      <c r="BO2242" s="166">
        <v>0</v>
      </c>
      <c r="BP2242" s="166">
        <v>0</v>
      </c>
      <c r="BQ2242" s="166">
        <v>0</v>
      </c>
      <c r="BR2242" s="166">
        <v>0</v>
      </c>
      <c r="BS2242" s="166">
        <v>0</v>
      </c>
      <c r="BT2242" s="168">
        <v>0</v>
      </c>
      <c r="BU2242" s="166">
        <v>0</v>
      </c>
      <c r="BV2242" s="166">
        <v>0</v>
      </c>
      <c r="BW2242" s="166">
        <v>0</v>
      </c>
      <c r="BX2242" s="166">
        <v>0</v>
      </c>
      <c r="BY2242" s="166">
        <v>0</v>
      </c>
      <c r="BZ2242" s="166">
        <v>0</v>
      </c>
      <c r="CA2242" s="166">
        <v>0</v>
      </c>
      <c r="CB2242" s="166">
        <v>0</v>
      </c>
      <c r="CC2242" s="166">
        <v>0</v>
      </c>
      <c r="CD2242" s="166">
        <v>0</v>
      </c>
      <c r="CE2242" s="166">
        <v>0</v>
      </c>
      <c r="CF2242" s="166">
        <v>0</v>
      </c>
      <c r="CG2242" s="166">
        <v>0</v>
      </c>
      <c r="CH2242" s="166">
        <v>0</v>
      </c>
      <c r="CI2242" s="166">
        <v>0</v>
      </c>
      <c r="CJ2242" s="166">
        <v>0</v>
      </c>
      <c r="CK2242" s="166">
        <v>0</v>
      </c>
      <c r="CL2242" s="166">
        <v>0</v>
      </c>
      <c r="CM2242" s="166">
        <v>0</v>
      </c>
      <c r="CN2242" s="166">
        <v>0</v>
      </c>
      <c r="CO2242" s="166">
        <v>0</v>
      </c>
      <c r="CP2242" s="166">
        <v>0</v>
      </c>
      <c r="CQ2242" s="166">
        <v>0</v>
      </c>
      <c r="CR2242" s="166">
        <v>0</v>
      </c>
      <c r="CS2242" s="166">
        <v>0</v>
      </c>
      <c r="CT2242" s="166">
        <v>0</v>
      </c>
      <c r="CU2242" s="166">
        <v>0</v>
      </c>
      <c r="CV2242" s="166">
        <v>0</v>
      </c>
      <c r="CW2242" s="166">
        <v>0</v>
      </c>
      <c r="CX2242" s="166">
        <v>0</v>
      </c>
      <c r="CY2242" s="166">
        <v>0</v>
      </c>
      <c r="CZ2242" s="179">
        <v>11.662313220689599</v>
      </c>
    </row>
    <row r="2243" spans="1:104" x14ac:dyDescent="0.2">
      <c r="A2243" s="167" t="s">
        <v>649</v>
      </c>
      <c r="B2243" s="166">
        <v>0</v>
      </c>
      <c r="C2243" s="166">
        <v>0</v>
      </c>
      <c r="D2243" s="166">
        <v>0</v>
      </c>
      <c r="E2243" s="166">
        <v>0</v>
      </c>
      <c r="F2243" s="166">
        <v>0</v>
      </c>
      <c r="G2243" s="166">
        <v>0</v>
      </c>
      <c r="H2243" s="166">
        <v>0</v>
      </c>
      <c r="I2243" s="166">
        <v>0</v>
      </c>
      <c r="J2243" s="166">
        <v>0</v>
      </c>
      <c r="K2243" s="166">
        <v>0</v>
      </c>
      <c r="L2243" s="166">
        <v>0</v>
      </c>
      <c r="M2243" s="166">
        <v>0</v>
      </c>
      <c r="N2243" s="166">
        <v>0</v>
      </c>
      <c r="O2243" s="166">
        <v>0</v>
      </c>
      <c r="P2243" s="166">
        <v>0</v>
      </c>
      <c r="Q2243" s="166">
        <v>0</v>
      </c>
      <c r="R2243" s="166">
        <v>0</v>
      </c>
      <c r="S2243" s="166">
        <v>0</v>
      </c>
      <c r="T2243" s="166">
        <v>0</v>
      </c>
      <c r="U2243" s="166">
        <v>0</v>
      </c>
      <c r="V2243" s="166">
        <v>0</v>
      </c>
      <c r="W2243" s="166">
        <v>0</v>
      </c>
      <c r="X2243" s="166">
        <v>0</v>
      </c>
      <c r="Y2243" s="166">
        <v>0</v>
      </c>
      <c r="Z2243" s="166">
        <v>0</v>
      </c>
      <c r="AA2243" s="166">
        <v>0</v>
      </c>
      <c r="AB2243" s="166">
        <v>0</v>
      </c>
      <c r="AC2243" s="166">
        <v>0</v>
      </c>
      <c r="AD2243" s="166">
        <v>0</v>
      </c>
      <c r="AE2243" s="166">
        <v>0</v>
      </c>
      <c r="AF2243" s="166">
        <v>0</v>
      </c>
      <c r="AG2243" s="166">
        <v>0</v>
      </c>
      <c r="AH2243" s="166">
        <v>0</v>
      </c>
      <c r="AI2243" s="166">
        <v>0</v>
      </c>
      <c r="AJ2243" s="166">
        <v>0</v>
      </c>
      <c r="AK2243" s="166">
        <v>0</v>
      </c>
      <c r="AL2243" s="166">
        <v>0</v>
      </c>
      <c r="AM2243" s="166">
        <v>0</v>
      </c>
      <c r="AN2243" s="166">
        <v>0</v>
      </c>
      <c r="AO2243" s="166">
        <v>0</v>
      </c>
      <c r="AP2243" s="166">
        <v>0</v>
      </c>
      <c r="AQ2243" s="166">
        <v>0</v>
      </c>
      <c r="AR2243" s="166">
        <v>0</v>
      </c>
      <c r="AS2243" s="166">
        <v>0</v>
      </c>
      <c r="AT2243" s="166">
        <v>0</v>
      </c>
      <c r="AU2243" s="166">
        <v>0</v>
      </c>
      <c r="AV2243" s="166">
        <v>0</v>
      </c>
      <c r="AW2243" s="166">
        <v>0</v>
      </c>
      <c r="AX2243" s="166">
        <v>0</v>
      </c>
      <c r="AY2243" s="166">
        <v>0</v>
      </c>
      <c r="AZ2243" s="166">
        <v>0</v>
      </c>
      <c r="BA2243" s="166">
        <v>0</v>
      </c>
      <c r="BB2243" s="166">
        <v>0</v>
      </c>
      <c r="BC2243" s="166">
        <v>0</v>
      </c>
      <c r="BD2243" s="166">
        <v>0</v>
      </c>
      <c r="BE2243" s="166">
        <v>0</v>
      </c>
      <c r="BF2243" s="166">
        <v>0</v>
      </c>
      <c r="BG2243" s="166">
        <v>0</v>
      </c>
      <c r="BH2243" s="166">
        <v>0</v>
      </c>
      <c r="BI2243" s="166">
        <v>0</v>
      </c>
      <c r="BJ2243" s="166">
        <v>0</v>
      </c>
      <c r="BK2243" s="166">
        <v>0</v>
      </c>
      <c r="BL2243" s="166">
        <v>0</v>
      </c>
      <c r="BM2243" s="166">
        <v>0</v>
      </c>
      <c r="BN2243" s="166">
        <v>0</v>
      </c>
      <c r="BO2243" s="166">
        <v>0</v>
      </c>
      <c r="BP2243" s="166">
        <v>0</v>
      </c>
      <c r="BQ2243" s="166">
        <v>0</v>
      </c>
      <c r="BR2243" s="166">
        <v>0</v>
      </c>
      <c r="BS2243" s="166">
        <v>0</v>
      </c>
      <c r="BT2243" s="168">
        <v>0</v>
      </c>
      <c r="BU2243" s="166">
        <v>0</v>
      </c>
      <c r="BV2243" s="166">
        <v>0</v>
      </c>
      <c r="BW2243" s="166">
        <v>0</v>
      </c>
      <c r="BX2243" s="166">
        <v>0</v>
      </c>
      <c r="BY2243" s="166">
        <v>0</v>
      </c>
      <c r="BZ2243" s="166">
        <v>0</v>
      </c>
      <c r="CA2243" s="166">
        <v>0</v>
      </c>
      <c r="CB2243" s="166">
        <v>0</v>
      </c>
      <c r="CC2243" s="166">
        <v>0</v>
      </c>
      <c r="CD2243" s="166">
        <v>0</v>
      </c>
      <c r="CE2243" s="166">
        <v>0</v>
      </c>
      <c r="CF2243" s="166">
        <v>0</v>
      </c>
      <c r="CG2243" s="166">
        <v>0</v>
      </c>
      <c r="CH2243" s="166">
        <v>0</v>
      </c>
      <c r="CI2243" s="166">
        <v>0</v>
      </c>
      <c r="CJ2243" s="166">
        <v>0</v>
      </c>
      <c r="CK2243" s="166">
        <v>0</v>
      </c>
      <c r="CL2243" s="166">
        <v>0</v>
      </c>
      <c r="CM2243" s="166">
        <v>0</v>
      </c>
      <c r="CN2243" s="166">
        <v>0</v>
      </c>
      <c r="CO2243" s="166">
        <v>0</v>
      </c>
      <c r="CP2243" s="166">
        <v>0</v>
      </c>
      <c r="CQ2243" s="166">
        <v>0</v>
      </c>
      <c r="CR2243" s="166">
        <v>0</v>
      </c>
      <c r="CS2243" s="166">
        <v>0</v>
      </c>
      <c r="CT2243" s="166">
        <v>0</v>
      </c>
      <c r="CU2243" s="166">
        <v>0</v>
      </c>
      <c r="CV2243" s="166">
        <v>0</v>
      </c>
      <c r="CW2243" s="166">
        <v>0</v>
      </c>
      <c r="CX2243" s="166">
        <v>0</v>
      </c>
      <c r="CY2243" s="166">
        <v>0</v>
      </c>
      <c r="CZ2243" s="166">
        <v>0</v>
      </c>
    </row>
    <row r="2244" spans="1:104" x14ac:dyDescent="0.2">
      <c r="A2244" s="167" t="s">
        <v>650</v>
      </c>
      <c r="B2244" s="166">
        <v>0</v>
      </c>
      <c r="C2244" s="166">
        <v>0</v>
      </c>
      <c r="D2244" s="166">
        <v>0</v>
      </c>
      <c r="E2244" s="166">
        <v>0</v>
      </c>
      <c r="F2244" s="166">
        <v>0</v>
      </c>
      <c r="G2244" s="166">
        <v>0</v>
      </c>
      <c r="H2244" s="166">
        <v>0</v>
      </c>
      <c r="I2244" s="166">
        <v>0</v>
      </c>
      <c r="J2244" s="166">
        <v>0</v>
      </c>
      <c r="K2244" s="166">
        <v>0</v>
      </c>
      <c r="L2244" s="166">
        <v>0</v>
      </c>
      <c r="M2244" s="166">
        <v>0</v>
      </c>
      <c r="N2244" s="166">
        <v>0</v>
      </c>
      <c r="O2244" s="166">
        <v>0</v>
      </c>
      <c r="P2244" s="166">
        <v>0</v>
      </c>
      <c r="Q2244" s="166">
        <v>0</v>
      </c>
      <c r="R2244" s="166">
        <v>0</v>
      </c>
      <c r="S2244" s="166">
        <v>0</v>
      </c>
      <c r="T2244" s="166">
        <v>0</v>
      </c>
      <c r="U2244" s="166">
        <v>0</v>
      </c>
      <c r="V2244" s="166">
        <v>0</v>
      </c>
      <c r="W2244" s="166">
        <v>0</v>
      </c>
      <c r="X2244" s="166">
        <v>0</v>
      </c>
      <c r="Y2244" s="166">
        <v>0</v>
      </c>
      <c r="Z2244" s="166">
        <v>0</v>
      </c>
      <c r="AA2244" s="166">
        <v>0</v>
      </c>
      <c r="AB2244" s="166">
        <v>0</v>
      </c>
      <c r="AC2244" s="166">
        <v>0</v>
      </c>
      <c r="AD2244" s="166">
        <v>0</v>
      </c>
      <c r="AE2244" s="166">
        <v>0</v>
      </c>
      <c r="AF2244" s="166">
        <v>0</v>
      </c>
      <c r="AG2244" s="166">
        <v>0</v>
      </c>
      <c r="AH2244" s="166">
        <v>0</v>
      </c>
      <c r="AI2244" s="166">
        <v>0</v>
      </c>
      <c r="AJ2244" s="166">
        <v>0</v>
      </c>
      <c r="AK2244" s="166">
        <v>0</v>
      </c>
      <c r="AL2244" s="166">
        <v>0</v>
      </c>
      <c r="AM2244" s="166">
        <v>0</v>
      </c>
      <c r="AN2244" s="166">
        <v>0</v>
      </c>
      <c r="AO2244" s="166">
        <v>0</v>
      </c>
      <c r="AP2244" s="166">
        <v>0</v>
      </c>
      <c r="AQ2244" s="166">
        <v>0</v>
      </c>
      <c r="AR2244" s="166">
        <v>0</v>
      </c>
      <c r="AS2244" s="166">
        <v>0</v>
      </c>
      <c r="AT2244" s="166">
        <v>0</v>
      </c>
      <c r="AU2244" s="166">
        <v>0</v>
      </c>
      <c r="AV2244" s="166">
        <v>0</v>
      </c>
      <c r="AW2244" s="166">
        <v>0</v>
      </c>
      <c r="AX2244" s="166">
        <v>0</v>
      </c>
      <c r="AY2244" s="166">
        <v>0</v>
      </c>
      <c r="AZ2244" s="166">
        <v>0</v>
      </c>
      <c r="BA2244" s="166">
        <v>0</v>
      </c>
      <c r="BB2244" s="166">
        <v>0</v>
      </c>
      <c r="BC2244" s="166">
        <v>0</v>
      </c>
      <c r="BD2244" s="166">
        <v>0</v>
      </c>
      <c r="BE2244" s="166">
        <v>0</v>
      </c>
      <c r="BF2244" s="166">
        <v>0</v>
      </c>
      <c r="BG2244" s="166">
        <v>0</v>
      </c>
      <c r="BH2244" s="166">
        <v>0</v>
      </c>
      <c r="BI2244" s="166">
        <v>0</v>
      </c>
      <c r="BJ2244" s="166">
        <v>0</v>
      </c>
      <c r="BK2244" s="166">
        <v>0</v>
      </c>
      <c r="BL2244" s="166">
        <v>0</v>
      </c>
      <c r="BM2244" s="166">
        <v>0</v>
      </c>
      <c r="BN2244" s="166">
        <v>0</v>
      </c>
      <c r="BO2244" s="166">
        <v>0</v>
      </c>
      <c r="BP2244" s="166">
        <v>0</v>
      </c>
      <c r="BQ2244" s="166">
        <v>0</v>
      </c>
      <c r="BR2244" s="166">
        <v>0</v>
      </c>
      <c r="BS2244" s="166">
        <v>0</v>
      </c>
      <c r="BT2244" s="168">
        <v>0</v>
      </c>
      <c r="BU2244" s="166">
        <v>0</v>
      </c>
      <c r="BV2244" s="166">
        <v>0</v>
      </c>
      <c r="BW2244" s="166">
        <v>0</v>
      </c>
      <c r="BX2244" s="166">
        <v>0</v>
      </c>
      <c r="BY2244" s="166">
        <v>0</v>
      </c>
      <c r="BZ2244" s="166">
        <v>0</v>
      </c>
      <c r="CA2244" s="166">
        <v>0</v>
      </c>
      <c r="CB2244" s="166">
        <v>0</v>
      </c>
      <c r="CC2244" s="166">
        <v>0</v>
      </c>
      <c r="CD2244" s="166">
        <v>0</v>
      </c>
      <c r="CE2244" s="166">
        <v>0</v>
      </c>
      <c r="CF2244" s="166">
        <v>0</v>
      </c>
      <c r="CG2244" s="166">
        <v>0</v>
      </c>
      <c r="CH2244" s="166">
        <v>0</v>
      </c>
      <c r="CI2244" s="166">
        <v>0</v>
      </c>
      <c r="CJ2244" s="166">
        <v>0</v>
      </c>
      <c r="CK2244" s="166">
        <v>0</v>
      </c>
      <c r="CL2244" s="166">
        <v>0</v>
      </c>
      <c r="CM2244" s="166">
        <v>0</v>
      </c>
      <c r="CN2244" s="166">
        <v>0</v>
      </c>
      <c r="CO2244" s="166">
        <v>0</v>
      </c>
      <c r="CP2244" s="166">
        <v>0</v>
      </c>
      <c r="CQ2244" s="166">
        <v>0</v>
      </c>
      <c r="CR2244" s="166">
        <v>0</v>
      </c>
      <c r="CS2244" s="166">
        <v>0</v>
      </c>
      <c r="CT2244" s="166">
        <v>0</v>
      </c>
      <c r="CU2244" s="166">
        <v>0</v>
      </c>
      <c r="CV2244" s="166">
        <v>0</v>
      </c>
      <c r="CW2244" s="166">
        <v>0</v>
      </c>
      <c r="CX2244" s="166">
        <v>0</v>
      </c>
      <c r="CY2244" s="166">
        <v>0</v>
      </c>
      <c r="CZ2244" s="166">
        <v>0</v>
      </c>
    </row>
    <row r="2245" spans="1:104" x14ac:dyDescent="0.2">
      <c r="A2245" s="167" t="s">
        <v>651</v>
      </c>
    </row>
    <row r="2246" spans="1:104" x14ac:dyDescent="0.2">
      <c r="A2246" s="167" t="s">
        <v>652</v>
      </c>
    </row>
    <row r="2247" spans="1:104" x14ac:dyDescent="0.2">
      <c r="A2247" s="167" t="s">
        <v>653</v>
      </c>
    </row>
    <row r="2248" spans="1:104" x14ac:dyDescent="0.2">
      <c r="A2248" s="167" t="s">
        <v>1211</v>
      </c>
      <c r="B2248" s="166">
        <v>0</v>
      </c>
      <c r="C2248" s="166">
        <v>0</v>
      </c>
      <c r="D2248" s="166">
        <v>0</v>
      </c>
      <c r="E2248" s="166">
        <v>0</v>
      </c>
      <c r="F2248" s="166">
        <v>0</v>
      </c>
      <c r="G2248" s="166">
        <v>0</v>
      </c>
      <c r="H2248" s="166">
        <v>0</v>
      </c>
      <c r="I2248" s="166">
        <v>0</v>
      </c>
      <c r="J2248" s="166">
        <v>0</v>
      </c>
      <c r="K2248" s="166">
        <v>0</v>
      </c>
      <c r="L2248" s="166">
        <v>0</v>
      </c>
      <c r="M2248" s="166">
        <v>0</v>
      </c>
      <c r="N2248" s="166">
        <v>0</v>
      </c>
      <c r="O2248" s="166">
        <v>0</v>
      </c>
      <c r="P2248" s="166">
        <v>0</v>
      </c>
      <c r="Q2248" s="166">
        <v>0</v>
      </c>
      <c r="R2248" s="166">
        <v>0</v>
      </c>
      <c r="S2248" s="166">
        <v>0</v>
      </c>
      <c r="T2248" s="166">
        <v>0</v>
      </c>
      <c r="U2248" s="166">
        <v>0</v>
      </c>
      <c r="V2248" s="166">
        <v>0</v>
      </c>
      <c r="W2248" s="166">
        <v>0</v>
      </c>
      <c r="X2248" s="166">
        <v>0</v>
      </c>
      <c r="Y2248" s="166">
        <v>0</v>
      </c>
      <c r="Z2248" s="166">
        <v>0</v>
      </c>
      <c r="AA2248" s="166">
        <v>0</v>
      </c>
      <c r="AB2248" s="166">
        <v>0</v>
      </c>
      <c r="AC2248" s="166">
        <v>0</v>
      </c>
      <c r="AD2248" s="166">
        <v>0</v>
      </c>
      <c r="AE2248" s="166">
        <v>0</v>
      </c>
      <c r="AF2248" s="166">
        <v>0</v>
      </c>
      <c r="AG2248" s="166">
        <v>0</v>
      </c>
      <c r="AH2248" s="166">
        <v>0</v>
      </c>
      <c r="AI2248" s="166">
        <v>0</v>
      </c>
      <c r="AJ2248" s="166">
        <v>0</v>
      </c>
      <c r="AK2248" s="166">
        <v>0</v>
      </c>
      <c r="AL2248" s="166">
        <v>0</v>
      </c>
      <c r="AM2248" s="166">
        <v>0</v>
      </c>
      <c r="AN2248" s="166">
        <v>0</v>
      </c>
      <c r="AO2248" s="166">
        <v>0</v>
      </c>
      <c r="AP2248" s="166">
        <v>0</v>
      </c>
      <c r="AQ2248" s="166">
        <v>0</v>
      </c>
      <c r="AR2248" s="166">
        <v>0</v>
      </c>
      <c r="AS2248" s="166">
        <v>0</v>
      </c>
      <c r="AT2248" s="166">
        <v>0</v>
      </c>
      <c r="AU2248" s="166">
        <v>0</v>
      </c>
      <c r="AV2248" s="166">
        <v>0</v>
      </c>
      <c r="AW2248" s="166">
        <v>0</v>
      </c>
      <c r="AX2248" s="166">
        <v>0</v>
      </c>
      <c r="AY2248" s="166">
        <v>0</v>
      </c>
      <c r="AZ2248" s="166">
        <v>0</v>
      </c>
      <c r="BA2248" s="166">
        <v>0</v>
      </c>
      <c r="BB2248" s="166">
        <v>0</v>
      </c>
      <c r="BC2248" s="166">
        <v>0</v>
      </c>
      <c r="BD2248" s="166">
        <v>0</v>
      </c>
      <c r="BE2248" s="166">
        <v>0</v>
      </c>
      <c r="BF2248" s="166">
        <v>0</v>
      </c>
      <c r="BG2248" s="166">
        <v>0</v>
      </c>
      <c r="BH2248" s="166">
        <v>0</v>
      </c>
      <c r="BI2248" s="166">
        <v>0</v>
      </c>
      <c r="BJ2248" s="166">
        <v>0</v>
      </c>
      <c r="BK2248" s="166">
        <v>0</v>
      </c>
      <c r="BL2248" s="166">
        <v>0</v>
      </c>
      <c r="BM2248" s="166">
        <v>0</v>
      </c>
      <c r="BN2248" s="166">
        <v>0</v>
      </c>
      <c r="BO2248" s="166">
        <v>0</v>
      </c>
      <c r="BP2248" s="166">
        <v>0</v>
      </c>
      <c r="BQ2248" s="166">
        <v>0</v>
      </c>
      <c r="BR2248" s="166">
        <v>0</v>
      </c>
      <c r="BS2248" s="166">
        <v>0</v>
      </c>
      <c r="BT2248" s="166">
        <v>0</v>
      </c>
      <c r="BU2248" s="166">
        <v>0</v>
      </c>
      <c r="BV2248" s="166">
        <v>0</v>
      </c>
      <c r="BW2248" s="166">
        <v>0</v>
      </c>
      <c r="BX2248" s="166">
        <v>0</v>
      </c>
      <c r="BY2248" s="166">
        <v>0</v>
      </c>
      <c r="BZ2248" s="166">
        <v>0</v>
      </c>
      <c r="CA2248" s="166">
        <v>0</v>
      </c>
      <c r="CB2248" s="166">
        <v>0</v>
      </c>
      <c r="CC2248" s="166">
        <v>0</v>
      </c>
      <c r="CD2248" s="166">
        <v>0</v>
      </c>
      <c r="CE2248" s="166">
        <v>0</v>
      </c>
      <c r="CF2248" s="166">
        <v>0</v>
      </c>
      <c r="CG2248" s="166">
        <v>0</v>
      </c>
      <c r="CH2248" s="166">
        <v>0</v>
      </c>
      <c r="CI2248" s="166">
        <v>0</v>
      </c>
      <c r="CJ2248" s="166">
        <v>0</v>
      </c>
      <c r="CK2248" s="166">
        <v>0</v>
      </c>
      <c r="CL2248" s="166">
        <v>0</v>
      </c>
      <c r="CM2248" s="166">
        <v>0</v>
      </c>
      <c r="CN2248" s="166">
        <v>0</v>
      </c>
      <c r="CO2248" s="166">
        <v>0</v>
      </c>
      <c r="CP2248" s="166">
        <v>0</v>
      </c>
      <c r="CQ2248" s="166">
        <v>0</v>
      </c>
      <c r="CR2248" s="166">
        <v>0</v>
      </c>
      <c r="CS2248" s="166">
        <v>0</v>
      </c>
      <c r="CT2248" s="166">
        <v>0</v>
      </c>
      <c r="CU2248" s="166">
        <v>0</v>
      </c>
      <c r="CV2248" s="166">
        <v>0</v>
      </c>
      <c r="CW2248" s="166">
        <v>0</v>
      </c>
      <c r="CX2248" s="166">
        <v>0</v>
      </c>
      <c r="CY2248" s="166">
        <v>0</v>
      </c>
      <c r="CZ2248" s="166">
        <v>0</v>
      </c>
    </row>
    <row r="2249" spans="1:104" x14ac:dyDescent="0.2">
      <c r="A2249" s="167" t="s">
        <v>97</v>
      </c>
      <c r="B2249" s="166">
        <v>0</v>
      </c>
      <c r="C2249" s="166">
        <v>0</v>
      </c>
      <c r="D2249" s="166">
        <v>1000</v>
      </c>
      <c r="E2249" s="166">
        <v>1000</v>
      </c>
      <c r="F2249" s="166">
        <v>1000</v>
      </c>
      <c r="G2249" s="166">
        <v>1000</v>
      </c>
      <c r="H2249" s="166">
        <v>1000</v>
      </c>
      <c r="I2249" s="166">
        <v>1000</v>
      </c>
      <c r="J2249" s="166">
        <v>1000</v>
      </c>
      <c r="K2249" s="166">
        <v>1000</v>
      </c>
      <c r="L2249" s="166">
        <v>1000</v>
      </c>
      <c r="M2249" s="166">
        <v>1000</v>
      </c>
      <c r="N2249" s="166">
        <v>1000</v>
      </c>
      <c r="O2249" s="166">
        <v>1000</v>
      </c>
      <c r="P2249" s="166">
        <v>1000</v>
      </c>
      <c r="Q2249" s="166">
        <v>1000</v>
      </c>
      <c r="R2249" s="166">
        <v>1000</v>
      </c>
      <c r="S2249" s="166">
        <v>1000</v>
      </c>
      <c r="T2249" s="166">
        <v>1000</v>
      </c>
      <c r="U2249" s="166">
        <v>1000</v>
      </c>
      <c r="V2249" s="166">
        <v>1000</v>
      </c>
      <c r="W2249" s="166">
        <v>1000</v>
      </c>
      <c r="X2249" s="166">
        <v>1000</v>
      </c>
      <c r="Y2249" s="166">
        <v>1000</v>
      </c>
      <c r="Z2249" s="166">
        <v>1000</v>
      </c>
      <c r="AA2249" s="166">
        <v>1000</v>
      </c>
      <c r="AB2249" s="166">
        <v>1000</v>
      </c>
      <c r="AC2249" s="166">
        <v>1000</v>
      </c>
      <c r="AD2249" s="166">
        <v>1000</v>
      </c>
      <c r="AE2249" s="166">
        <v>1000</v>
      </c>
      <c r="AF2249" s="166">
        <v>1000</v>
      </c>
      <c r="AG2249" s="166">
        <v>1000</v>
      </c>
      <c r="AH2249" s="166">
        <v>1000</v>
      </c>
      <c r="AI2249" s="166">
        <v>1000</v>
      </c>
      <c r="AJ2249" s="166">
        <v>1000</v>
      </c>
      <c r="AK2249" s="166">
        <v>1000</v>
      </c>
      <c r="AL2249" s="166">
        <v>1000</v>
      </c>
      <c r="AM2249" s="166">
        <v>1000</v>
      </c>
      <c r="AN2249" s="166">
        <v>1000</v>
      </c>
      <c r="AO2249" s="166">
        <v>1000</v>
      </c>
      <c r="AP2249" s="166">
        <v>1000</v>
      </c>
      <c r="AQ2249" s="166">
        <v>1000</v>
      </c>
      <c r="AR2249" s="166">
        <v>1000</v>
      </c>
      <c r="AS2249" s="166">
        <v>1000</v>
      </c>
      <c r="AT2249" s="166">
        <v>1000</v>
      </c>
      <c r="AU2249" s="166">
        <v>1000</v>
      </c>
      <c r="AV2249" s="166">
        <v>1000</v>
      </c>
      <c r="AW2249" s="166">
        <v>1000</v>
      </c>
      <c r="AX2249" s="166">
        <v>1000</v>
      </c>
      <c r="AY2249" s="166">
        <v>1000</v>
      </c>
      <c r="AZ2249" s="166">
        <v>1000</v>
      </c>
      <c r="BA2249" s="166">
        <v>1000</v>
      </c>
      <c r="BB2249" s="166">
        <v>1000</v>
      </c>
      <c r="BC2249" s="166">
        <v>1000</v>
      </c>
      <c r="BD2249" s="166">
        <v>0</v>
      </c>
      <c r="BE2249" s="166">
        <v>0</v>
      </c>
      <c r="BF2249" s="166">
        <v>0</v>
      </c>
      <c r="BG2249" s="166">
        <v>0</v>
      </c>
      <c r="BH2249" s="166">
        <v>0</v>
      </c>
      <c r="BI2249" s="166">
        <v>0</v>
      </c>
      <c r="BJ2249" s="166">
        <v>0</v>
      </c>
      <c r="BK2249" s="166">
        <v>0</v>
      </c>
      <c r="BL2249" s="166">
        <v>0</v>
      </c>
      <c r="BM2249" s="166">
        <v>0</v>
      </c>
      <c r="BN2249" s="166">
        <v>0</v>
      </c>
      <c r="BO2249" s="166">
        <v>0</v>
      </c>
      <c r="BP2249" s="166">
        <v>0</v>
      </c>
      <c r="BQ2249" s="166">
        <v>0</v>
      </c>
      <c r="BR2249" s="166">
        <v>0</v>
      </c>
      <c r="BS2249" s="166">
        <v>0</v>
      </c>
      <c r="BT2249" s="166">
        <v>0</v>
      </c>
      <c r="BU2249" s="166">
        <v>0</v>
      </c>
      <c r="BV2249" s="166">
        <v>0</v>
      </c>
      <c r="BW2249" s="166">
        <v>0</v>
      </c>
      <c r="BX2249" s="166">
        <v>0</v>
      </c>
      <c r="BY2249" s="166">
        <v>0</v>
      </c>
      <c r="BZ2249" s="166">
        <v>0</v>
      </c>
      <c r="CA2249" s="166">
        <v>0</v>
      </c>
      <c r="CB2249" s="166">
        <v>0</v>
      </c>
      <c r="CC2249" s="166">
        <v>0</v>
      </c>
      <c r="CD2249" s="166">
        <v>0</v>
      </c>
      <c r="CE2249" s="166">
        <v>0</v>
      </c>
      <c r="CF2249" s="166">
        <v>0</v>
      </c>
      <c r="CG2249" s="166">
        <v>0</v>
      </c>
      <c r="CH2249" s="166">
        <v>0</v>
      </c>
      <c r="CI2249" s="166">
        <v>0</v>
      </c>
      <c r="CJ2249" s="166">
        <v>0</v>
      </c>
      <c r="CK2249" s="166">
        <v>0</v>
      </c>
      <c r="CL2249" s="166">
        <v>0</v>
      </c>
      <c r="CM2249" s="166">
        <v>0</v>
      </c>
      <c r="CN2249" s="166">
        <v>0</v>
      </c>
      <c r="CO2249" s="166">
        <v>0</v>
      </c>
      <c r="CP2249" s="166">
        <v>0</v>
      </c>
      <c r="CQ2249" s="166">
        <v>0</v>
      </c>
      <c r="CR2249" s="166">
        <v>0</v>
      </c>
      <c r="CS2249" s="166">
        <v>0</v>
      </c>
      <c r="CT2249" s="166">
        <v>0</v>
      </c>
      <c r="CU2249" s="166">
        <v>0</v>
      </c>
      <c r="CV2249" s="166">
        <v>0</v>
      </c>
      <c r="CW2249" s="166">
        <v>0</v>
      </c>
      <c r="CX2249" s="166">
        <v>0</v>
      </c>
      <c r="CY2249" s="166">
        <v>0</v>
      </c>
      <c r="CZ2249" s="166">
        <v>0</v>
      </c>
    </row>
    <row r="2250" spans="1:104" x14ac:dyDescent="0.2">
      <c r="A2250" s="167" t="s">
        <v>98</v>
      </c>
      <c r="B2250" s="166">
        <v>0</v>
      </c>
      <c r="C2250" s="166">
        <v>0</v>
      </c>
      <c r="D2250" s="166">
        <v>1929022000</v>
      </c>
      <c r="E2250" s="166">
        <v>5069008000</v>
      </c>
      <c r="F2250" s="166">
        <v>1929029000</v>
      </c>
      <c r="G2250" s="166">
        <v>1929027000</v>
      </c>
      <c r="H2250" s="166">
        <v>5035213000</v>
      </c>
      <c r="I2250" s="166">
        <v>3569408000</v>
      </c>
      <c r="J2250" s="166">
        <v>2008017000</v>
      </c>
      <c r="K2250" s="166">
        <v>2141607000</v>
      </c>
      <c r="L2250" s="166">
        <v>4381640000</v>
      </c>
      <c r="M2250" s="166">
        <v>1929028000</v>
      </c>
      <c r="N2250" s="166">
        <v>4381636000</v>
      </c>
      <c r="O2250" s="166">
        <v>2008008000</v>
      </c>
      <c r="P2250" s="166">
        <v>2008027000</v>
      </c>
      <c r="Q2250" s="166">
        <v>4381637000</v>
      </c>
      <c r="R2250" s="166">
        <v>1929023000</v>
      </c>
      <c r="S2250" s="166">
        <v>2008025000</v>
      </c>
      <c r="T2250" s="166">
        <v>4381639000</v>
      </c>
      <c r="U2250" s="166">
        <v>1929024000</v>
      </c>
      <c r="V2250" s="166">
        <v>2115210000</v>
      </c>
      <c r="W2250" s="166">
        <v>2115211000</v>
      </c>
      <c r="X2250" s="166">
        <v>2115212000</v>
      </c>
      <c r="Y2250" s="166">
        <v>4381635000</v>
      </c>
      <c r="Z2250" s="166">
        <v>2008009000</v>
      </c>
      <c r="AA2250" s="166">
        <v>2008018000</v>
      </c>
      <c r="AB2250" s="166">
        <v>1929025000</v>
      </c>
      <c r="AC2250" s="166">
        <v>2008020000</v>
      </c>
      <c r="AD2250" s="166">
        <v>2008015000</v>
      </c>
      <c r="AE2250" s="166">
        <v>4483608000</v>
      </c>
      <c r="AF2250" s="166">
        <v>2008022000</v>
      </c>
      <c r="AG2250" s="166">
        <v>2008028000</v>
      </c>
      <c r="AH2250" s="166">
        <v>2008010000</v>
      </c>
      <c r="AI2250" s="166">
        <v>2008011000</v>
      </c>
      <c r="AJ2250" s="166">
        <v>4664408000</v>
      </c>
      <c r="AK2250" s="166">
        <v>2008023000</v>
      </c>
      <c r="AL2250" s="166">
        <v>5048229000</v>
      </c>
      <c r="AM2250" s="166">
        <v>3161028000</v>
      </c>
      <c r="AN2250" s="166">
        <v>2008012000</v>
      </c>
      <c r="AO2250" s="166">
        <v>1929026000</v>
      </c>
      <c r="AP2250" s="166">
        <v>2008024000</v>
      </c>
      <c r="AQ2250" s="166">
        <v>2008026000</v>
      </c>
      <c r="AR2250" s="166">
        <v>2008021000</v>
      </c>
      <c r="AS2250" s="166">
        <v>4381633000</v>
      </c>
      <c r="AT2250" s="166">
        <v>2008013000</v>
      </c>
      <c r="AU2250" s="166">
        <v>4381634000</v>
      </c>
      <c r="AV2250" s="166">
        <v>4381632000</v>
      </c>
      <c r="AW2250" s="166">
        <v>2008014000</v>
      </c>
      <c r="AX2250" s="166">
        <v>2008019000</v>
      </c>
      <c r="AY2250" s="166">
        <v>4328307000</v>
      </c>
      <c r="AZ2250" s="166">
        <v>2008016000</v>
      </c>
      <c r="BA2250" s="166">
        <v>3674808000</v>
      </c>
      <c r="BB2250" s="166">
        <v>4381638000</v>
      </c>
      <c r="BC2250" s="166">
        <v>3079223000</v>
      </c>
      <c r="BD2250" s="166">
        <v>0</v>
      </c>
      <c r="BE2250" s="166">
        <v>0</v>
      </c>
      <c r="BF2250" s="166">
        <v>0</v>
      </c>
      <c r="BG2250" s="166">
        <v>0</v>
      </c>
      <c r="BH2250" s="166">
        <v>0</v>
      </c>
      <c r="BI2250" s="166">
        <v>0</v>
      </c>
      <c r="BJ2250" s="166">
        <v>0</v>
      </c>
      <c r="BK2250" s="166">
        <v>0</v>
      </c>
      <c r="BL2250" s="166">
        <v>0</v>
      </c>
      <c r="BM2250" s="166">
        <v>0</v>
      </c>
      <c r="BN2250" s="166">
        <v>0</v>
      </c>
      <c r="BO2250" s="166">
        <v>0</v>
      </c>
      <c r="BP2250" s="166">
        <v>0</v>
      </c>
      <c r="BQ2250" s="166">
        <v>0</v>
      </c>
      <c r="BR2250" s="166">
        <v>0</v>
      </c>
      <c r="BS2250" s="166">
        <v>0</v>
      </c>
      <c r="BT2250" s="166">
        <v>0</v>
      </c>
      <c r="BU2250" s="166">
        <v>0</v>
      </c>
      <c r="BV2250" s="166">
        <v>0</v>
      </c>
      <c r="BW2250" s="166">
        <v>0</v>
      </c>
      <c r="BX2250" s="166">
        <v>0</v>
      </c>
      <c r="BY2250" s="166">
        <v>0</v>
      </c>
      <c r="BZ2250" s="166">
        <v>0</v>
      </c>
      <c r="CA2250" s="166">
        <v>0</v>
      </c>
      <c r="CB2250" s="166">
        <v>0</v>
      </c>
      <c r="CC2250" s="166">
        <v>0</v>
      </c>
      <c r="CD2250" s="166">
        <v>0</v>
      </c>
      <c r="CE2250" s="166">
        <v>0</v>
      </c>
      <c r="CF2250" s="166">
        <v>0</v>
      </c>
      <c r="CG2250" s="166">
        <v>0</v>
      </c>
      <c r="CH2250" s="166">
        <v>0</v>
      </c>
      <c r="CI2250" s="166">
        <v>0</v>
      </c>
      <c r="CJ2250" s="166">
        <v>0</v>
      </c>
      <c r="CK2250" s="166">
        <v>0</v>
      </c>
      <c r="CL2250" s="166">
        <v>0</v>
      </c>
      <c r="CM2250" s="166">
        <v>0</v>
      </c>
      <c r="CN2250" s="166">
        <v>0</v>
      </c>
      <c r="CO2250" s="166">
        <v>0</v>
      </c>
      <c r="CP2250" s="166">
        <v>0</v>
      </c>
      <c r="CQ2250" s="166">
        <v>0</v>
      </c>
      <c r="CR2250" s="166">
        <v>0</v>
      </c>
      <c r="CS2250" s="166">
        <v>0</v>
      </c>
      <c r="CT2250" s="166">
        <v>0</v>
      </c>
      <c r="CU2250" s="166">
        <v>0</v>
      </c>
      <c r="CV2250" s="166">
        <v>0</v>
      </c>
      <c r="CW2250" s="166">
        <v>0</v>
      </c>
      <c r="CX2250" s="166">
        <v>0</v>
      </c>
      <c r="CY2250" s="166">
        <v>0</v>
      </c>
      <c r="CZ2250" s="166">
        <v>0</v>
      </c>
    </row>
    <row r="2251" spans="1:104" x14ac:dyDescent="0.2">
      <c r="A2251" s="167" t="s">
        <v>99</v>
      </c>
      <c r="B2251" s="166">
        <v>0</v>
      </c>
      <c r="C2251" s="166">
        <v>0</v>
      </c>
      <c r="D2251" s="166">
        <v>1929025000</v>
      </c>
      <c r="E2251" s="166">
        <v>1929025000</v>
      </c>
      <c r="F2251" s="166">
        <v>1929025000</v>
      </c>
      <c r="G2251" s="166">
        <v>1929025000</v>
      </c>
      <c r="H2251" s="166">
        <v>1929025000</v>
      </c>
      <c r="I2251" s="166">
        <v>1929025000</v>
      </c>
      <c r="J2251" s="166">
        <v>1929025000</v>
      </c>
      <c r="K2251" s="166">
        <v>1929025000</v>
      </c>
      <c r="L2251" s="166">
        <v>1929025000</v>
      </c>
      <c r="M2251" s="166">
        <v>1929025000</v>
      </c>
      <c r="N2251" s="166">
        <v>1929025000</v>
      </c>
      <c r="O2251" s="166">
        <v>1929025000</v>
      </c>
      <c r="P2251" s="166">
        <v>1929025000</v>
      </c>
      <c r="Q2251" s="166">
        <v>1929025000</v>
      </c>
      <c r="R2251" s="166">
        <v>1929025000</v>
      </c>
      <c r="S2251" s="166">
        <v>1929025000</v>
      </c>
      <c r="T2251" s="166">
        <v>1929025000</v>
      </c>
      <c r="U2251" s="166">
        <v>1929025000</v>
      </c>
      <c r="V2251" s="166">
        <v>1929025000</v>
      </c>
      <c r="W2251" s="166">
        <v>1929025000</v>
      </c>
      <c r="X2251" s="166">
        <v>1929025000</v>
      </c>
      <c r="Y2251" s="166">
        <v>1929025000</v>
      </c>
      <c r="Z2251" s="166">
        <v>1929025000</v>
      </c>
      <c r="AA2251" s="166">
        <v>1929025000</v>
      </c>
      <c r="AB2251" s="166">
        <v>1929025000</v>
      </c>
      <c r="AC2251" s="166">
        <v>1929025000</v>
      </c>
      <c r="AD2251" s="166">
        <v>1929025000</v>
      </c>
      <c r="AE2251" s="166">
        <v>1929025000</v>
      </c>
      <c r="AF2251" s="166">
        <v>1929025000</v>
      </c>
      <c r="AG2251" s="166">
        <v>1929025000</v>
      </c>
      <c r="AH2251" s="166">
        <v>1929025000</v>
      </c>
      <c r="AI2251" s="166">
        <v>1929025000</v>
      </c>
      <c r="AJ2251" s="166">
        <v>1929025000</v>
      </c>
      <c r="AK2251" s="166">
        <v>1929025000</v>
      </c>
      <c r="AL2251" s="166">
        <v>1929025000</v>
      </c>
      <c r="AM2251" s="166">
        <v>1929025000</v>
      </c>
      <c r="AN2251" s="166">
        <v>1929025000</v>
      </c>
      <c r="AO2251" s="166">
        <v>1929025000</v>
      </c>
      <c r="AP2251" s="166">
        <v>1929025000</v>
      </c>
      <c r="AQ2251" s="166">
        <v>1929025000</v>
      </c>
      <c r="AR2251" s="166">
        <v>1929025000</v>
      </c>
      <c r="AS2251" s="166">
        <v>1929025000</v>
      </c>
      <c r="AT2251" s="166">
        <v>1929025000</v>
      </c>
      <c r="AU2251" s="166">
        <v>1929025000</v>
      </c>
      <c r="AV2251" s="166">
        <v>1929025000</v>
      </c>
      <c r="AW2251" s="166">
        <v>1929025000</v>
      </c>
      <c r="AX2251" s="166">
        <v>1929025000</v>
      </c>
      <c r="AY2251" s="166">
        <v>1929025000</v>
      </c>
      <c r="AZ2251" s="166">
        <v>1929025000</v>
      </c>
      <c r="BA2251" s="166">
        <v>1929025000</v>
      </c>
      <c r="BB2251" s="166">
        <v>1929025000</v>
      </c>
      <c r="BC2251" s="166">
        <v>1929025000</v>
      </c>
      <c r="BD2251" s="166">
        <v>0</v>
      </c>
      <c r="BE2251" s="166">
        <v>0</v>
      </c>
      <c r="BF2251" s="166">
        <v>0</v>
      </c>
      <c r="BG2251" s="166">
        <v>0</v>
      </c>
      <c r="BH2251" s="166">
        <v>0</v>
      </c>
      <c r="BI2251" s="166">
        <v>0</v>
      </c>
      <c r="BJ2251" s="166">
        <v>0</v>
      </c>
      <c r="BK2251" s="166">
        <v>0</v>
      </c>
      <c r="BL2251" s="166">
        <v>0</v>
      </c>
      <c r="BM2251" s="166">
        <v>0</v>
      </c>
      <c r="BN2251" s="166">
        <v>0</v>
      </c>
      <c r="BO2251" s="166">
        <v>0</v>
      </c>
      <c r="BP2251" s="166">
        <v>0</v>
      </c>
      <c r="BQ2251" s="166">
        <v>0</v>
      </c>
      <c r="BR2251" s="166">
        <v>0</v>
      </c>
      <c r="BS2251" s="166">
        <v>0</v>
      </c>
      <c r="BT2251" s="166">
        <v>0</v>
      </c>
      <c r="BU2251" s="166">
        <v>0</v>
      </c>
      <c r="BV2251" s="166">
        <v>0</v>
      </c>
      <c r="BW2251" s="166">
        <v>0</v>
      </c>
      <c r="BX2251" s="166">
        <v>0</v>
      </c>
      <c r="BY2251" s="166">
        <v>0</v>
      </c>
      <c r="BZ2251" s="166">
        <v>0</v>
      </c>
      <c r="CA2251" s="166">
        <v>0</v>
      </c>
      <c r="CB2251" s="166">
        <v>0</v>
      </c>
      <c r="CC2251" s="166">
        <v>0</v>
      </c>
      <c r="CD2251" s="166">
        <v>0</v>
      </c>
      <c r="CE2251" s="166">
        <v>0</v>
      </c>
      <c r="CF2251" s="166">
        <v>0</v>
      </c>
      <c r="CG2251" s="166">
        <v>0</v>
      </c>
      <c r="CH2251" s="166">
        <v>0</v>
      </c>
      <c r="CI2251" s="166">
        <v>0</v>
      </c>
      <c r="CJ2251" s="166">
        <v>0</v>
      </c>
      <c r="CK2251" s="166">
        <v>0</v>
      </c>
      <c r="CL2251" s="166">
        <v>0</v>
      </c>
      <c r="CM2251" s="166">
        <v>0</v>
      </c>
      <c r="CN2251" s="166">
        <v>0</v>
      </c>
      <c r="CO2251" s="166">
        <v>0</v>
      </c>
      <c r="CP2251" s="166">
        <v>0</v>
      </c>
      <c r="CQ2251" s="166">
        <v>0</v>
      </c>
      <c r="CR2251" s="166">
        <v>0</v>
      </c>
      <c r="CS2251" s="166">
        <v>0</v>
      </c>
      <c r="CT2251" s="166">
        <v>0</v>
      </c>
      <c r="CU2251" s="166">
        <v>0</v>
      </c>
      <c r="CV2251" s="166">
        <v>0</v>
      </c>
      <c r="CW2251" s="166">
        <v>0</v>
      </c>
      <c r="CX2251" s="166">
        <v>0</v>
      </c>
      <c r="CY2251" s="166">
        <v>0</v>
      </c>
      <c r="CZ2251" s="166">
        <v>0</v>
      </c>
    </row>
    <row r="2252" spans="1:104" x14ac:dyDescent="0.2">
      <c r="A2252" s="167" t="s">
        <v>100</v>
      </c>
      <c r="B2252" s="166">
        <v>0</v>
      </c>
      <c r="C2252" s="166">
        <v>0</v>
      </c>
      <c r="D2252" s="166">
        <v>1929027000</v>
      </c>
      <c r="E2252" s="166">
        <v>1929027000</v>
      </c>
      <c r="F2252" s="166">
        <v>1929027000</v>
      </c>
      <c r="G2252" s="166">
        <v>1929027000</v>
      </c>
      <c r="H2252" s="166">
        <v>1929027000</v>
      </c>
      <c r="I2252" s="166">
        <v>1929027000</v>
      </c>
      <c r="J2252" s="166">
        <v>1929027000</v>
      </c>
      <c r="K2252" s="166">
        <v>1929027000</v>
      </c>
      <c r="L2252" s="166">
        <v>1929027000</v>
      </c>
      <c r="M2252" s="166">
        <v>1929027000</v>
      </c>
      <c r="N2252" s="166">
        <v>1929027000</v>
      </c>
      <c r="O2252" s="166">
        <v>1929027000</v>
      </c>
      <c r="P2252" s="166">
        <v>1929027000</v>
      </c>
      <c r="Q2252" s="166">
        <v>1929027000</v>
      </c>
      <c r="R2252" s="166">
        <v>1929027000</v>
      </c>
      <c r="S2252" s="166">
        <v>1929027000</v>
      </c>
      <c r="T2252" s="166">
        <v>1929027000</v>
      </c>
      <c r="U2252" s="166">
        <v>1929027000</v>
      </c>
      <c r="V2252" s="166">
        <v>1929027000</v>
      </c>
      <c r="W2252" s="166">
        <v>1929027000</v>
      </c>
      <c r="X2252" s="166">
        <v>1929027000</v>
      </c>
      <c r="Y2252" s="166">
        <v>1929027000</v>
      </c>
      <c r="Z2252" s="166">
        <v>1929027000</v>
      </c>
      <c r="AA2252" s="166">
        <v>1929027000</v>
      </c>
      <c r="AB2252" s="166">
        <v>1929027000</v>
      </c>
      <c r="AC2252" s="166">
        <v>1929027000</v>
      </c>
      <c r="AD2252" s="166">
        <v>1929027000</v>
      </c>
      <c r="AE2252" s="166">
        <v>1929027000</v>
      </c>
      <c r="AF2252" s="166">
        <v>1929027000</v>
      </c>
      <c r="AG2252" s="166">
        <v>1929027000</v>
      </c>
      <c r="AH2252" s="166">
        <v>1929027000</v>
      </c>
      <c r="AI2252" s="166">
        <v>1929027000</v>
      </c>
      <c r="AJ2252" s="166">
        <v>1929027000</v>
      </c>
      <c r="AK2252" s="166">
        <v>1929027000</v>
      </c>
      <c r="AL2252" s="166">
        <v>1929027000</v>
      </c>
      <c r="AM2252" s="166">
        <v>1929027000</v>
      </c>
      <c r="AN2252" s="166">
        <v>1929027000</v>
      </c>
      <c r="AO2252" s="166">
        <v>1929027000</v>
      </c>
      <c r="AP2252" s="166">
        <v>1929027000</v>
      </c>
      <c r="AQ2252" s="166">
        <v>1929027000</v>
      </c>
      <c r="AR2252" s="166">
        <v>1929027000</v>
      </c>
      <c r="AS2252" s="166">
        <v>1929027000</v>
      </c>
      <c r="AT2252" s="166">
        <v>1929027000</v>
      </c>
      <c r="AU2252" s="166">
        <v>1929027000</v>
      </c>
      <c r="AV2252" s="166">
        <v>1929027000</v>
      </c>
      <c r="AW2252" s="166">
        <v>1929027000</v>
      </c>
      <c r="AX2252" s="166">
        <v>1929027000</v>
      </c>
      <c r="AY2252" s="166">
        <v>1929027000</v>
      </c>
      <c r="AZ2252" s="166">
        <v>1929027000</v>
      </c>
      <c r="BA2252" s="166">
        <v>1929027000</v>
      </c>
      <c r="BB2252" s="166">
        <v>1929027000</v>
      </c>
      <c r="BC2252" s="166">
        <v>1929027000</v>
      </c>
      <c r="BD2252" s="166">
        <v>0</v>
      </c>
      <c r="BE2252" s="166">
        <v>0</v>
      </c>
      <c r="BF2252" s="166">
        <v>0</v>
      </c>
      <c r="BG2252" s="166">
        <v>0</v>
      </c>
      <c r="BH2252" s="166">
        <v>0</v>
      </c>
      <c r="BI2252" s="166">
        <v>0</v>
      </c>
      <c r="BJ2252" s="166">
        <v>0</v>
      </c>
      <c r="BK2252" s="166">
        <v>0</v>
      </c>
      <c r="BL2252" s="166">
        <v>0</v>
      </c>
      <c r="BM2252" s="166">
        <v>0</v>
      </c>
      <c r="BN2252" s="166">
        <v>0</v>
      </c>
      <c r="BO2252" s="166">
        <v>0</v>
      </c>
      <c r="BP2252" s="166">
        <v>0</v>
      </c>
      <c r="BQ2252" s="166">
        <v>0</v>
      </c>
      <c r="BR2252" s="166">
        <v>0</v>
      </c>
      <c r="BS2252" s="166">
        <v>0</v>
      </c>
      <c r="BT2252" s="166">
        <v>0</v>
      </c>
      <c r="BU2252" s="166">
        <v>0</v>
      </c>
      <c r="BV2252" s="166">
        <v>0</v>
      </c>
      <c r="BW2252" s="166">
        <v>0</v>
      </c>
      <c r="BX2252" s="166">
        <v>0</v>
      </c>
      <c r="BY2252" s="166">
        <v>0</v>
      </c>
      <c r="BZ2252" s="166">
        <v>0</v>
      </c>
      <c r="CA2252" s="166">
        <v>0</v>
      </c>
      <c r="CB2252" s="166">
        <v>0</v>
      </c>
      <c r="CC2252" s="166">
        <v>0</v>
      </c>
      <c r="CD2252" s="166">
        <v>0</v>
      </c>
      <c r="CE2252" s="166">
        <v>0</v>
      </c>
      <c r="CF2252" s="166">
        <v>0</v>
      </c>
      <c r="CG2252" s="166">
        <v>0</v>
      </c>
      <c r="CH2252" s="166">
        <v>0</v>
      </c>
      <c r="CI2252" s="166">
        <v>0</v>
      </c>
      <c r="CJ2252" s="166">
        <v>0</v>
      </c>
      <c r="CK2252" s="166">
        <v>0</v>
      </c>
      <c r="CL2252" s="166">
        <v>0</v>
      </c>
      <c r="CM2252" s="166">
        <v>0</v>
      </c>
      <c r="CN2252" s="166">
        <v>0</v>
      </c>
      <c r="CO2252" s="166">
        <v>0</v>
      </c>
      <c r="CP2252" s="166">
        <v>0</v>
      </c>
      <c r="CQ2252" s="166">
        <v>0</v>
      </c>
      <c r="CR2252" s="166">
        <v>0</v>
      </c>
      <c r="CS2252" s="166">
        <v>0</v>
      </c>
      <c r="CT2252" s="166">
        <v>0</v>
      </c>
      <c r="CU2252" s="166">
        <v>0</v>
      </c>
      <c r="CV2252" s="166">
        <v>0</v>
      </c>
      <c r="CW2252" s="166">
        <v>0</v>
      </c>
      <c r="CX2252" s="166">
        <v>0</v>
      </c>
      <c r="CY2252" s="166">
        <v>0</v>
      </c>
      <c r="CZ2252" s="166">
        <v>0</v>
      </c>
    </row>
    <row r="2253" spans="1:104" x14ac:dyDescent="0.2">
      <c r="A2253" s="167" t="s">
        <v>101</v>
      </c>
      <c r="B2253" s="166">
        <v>0</v>
      </c>
      <c r="C2253" s="166">
        <v>0</v>
      </c>
      <c r="D2253" s="166">
        <v>1929023000</v>
      </c>
      <c r="E2253" s="166">
        <v>1929023000</v>
      </c>
      <c r="F2253" s="166">
        <v>1929023000</v>
      </c>
      <c r="G2253" s="166">
        <v>1929023000</v>
      </c>
      <c r="H2253" s="166">
        <v>1929023000</v>
      </c>
      <c r="I2253" s="166">
        <v>1929023000</v>
      </c>
      <c r="J2253" s="166">
        <v>1929023000</v>
      </c>
      <c r="K2253" s="166">
        <v>1929023000</v>
      </c>
      <c r="L2253" s="166">
        <v>1929023000</v>
      </c>
      <c r="M2253" s="166">
        <v>1929023000</v>
      </c>
      <c r="N2253" s="166">
        <v>1929023000</v>
      </c>
      <c r="O2253" s="166">
        <v>1929023000</v>
      </c>
      <c r="P2253" s="166">
        <v>1929023000</v>
      </c>
      <c r="Q2253" s="166">
        <v>1929023000</v>
      </c>
      <c r="R2253" s="166">
        <v>1929023000</v>
      </c>
      <c r="S2253" s="166">
        <v>1929023000</v>
      </c>
      <c r="T2253" s="166">
        <v>1929023000</v>
      </c>
      <c r="U2253" s="166">
        <v>1929023000</v>
      </c>
      <c r="V2253" s="166">
        <v>1929023000</v>
      </c>
      <c r="W2253" s="166">
        <v>1929023000</v>
      </c>
      <c r="X2253" s="166">
        <v>1929023000</v>
      </c>
      <c r="Y2253" s="166">
        <v>1929023000</v>
      </c>
      <c r="Z2253" s="166">
        <v>1929023000</v>
      </c>
      <c r="AA2253" s="166">
        <v>1929023000</v>
      </c>
      <c r="AB2253" s="166">
        <v>1929023000</v>
      </c>
      <c r="AC2253" s="166">
        <v>1929023000</v>
      </c>
      <c r="AD2253" s="166">
        <v>1929023000</v>
      </c>
      <c r="AE2253" s="166">
        <v>1929023000</v>
      </c>
      <c r="AF2253" s="166">
        <v>1929023000</v>
      </c>
      <c r="AG2253" s="166">
        <v>1929023000</v>
      </c>
      <c r="AH2253" s="166">
        <v>1929023000</v>
      </c>
      <c r="AI2253" s="166">
        <v>1929023000</v>
      </c>
      <c r="AJ2253" s="166">
        <v>1929023000</v>
      </c>
      <c r="AK2253" s="166">
        <v>1929023000</v>
      </c>
      <c r="AL2253" s="166">
        <v>1929023000</v>
      </c>
      <c r="AM2253" s="166">
        <v>1929023000</v>
      </c>
      <c r="AN2253" s="166">
        <v>1929023000</v>
      </c>
      <c r="AO2253" s="166">
        <v>1929023000</v>
      </c>
      <c r="AP2253" s="166">
        <v>1929023000</v>
      </c>
      <c r="AQ2253" s="166">
        <v>1929023000</v>
      </c>
      <c r="AR2253" s="166">
        <v>1929023000</v>
      </c>
      <c r="AS2253" s="166">
        <v>1929023000</v>
      </c>
      <c r="AT2253" s="166">
        <v>1929023000</v>
      </c>
      <c r="AU2253" s="166">
        <v>1929023000</v>
      </c>
      <c r="AV2253" s="166">
        <v>1929023000</v>
      </c>
      <c r="AW2253" s="166">
        <v>1929023000</v>
      </c>
      <c r="AX2253" s="166">
        <v>1929023000</v>
      </c>
      <c r="AY2253" s="166">
        <v>1929023000</v>
      </c>
      <c r="AZ2253" s="166">
        <v>1929023000</v>
      </c>
      <c r="BA2253" s="166">
        <v>1929023000</v>
      </c>
      <c r="BB2253" s="166">
        <v>1929023000</v>
      </c>
      <c r="BC2253" s="166">
        <v>1929023000</v>
      </c>
      <c r="BD2253" s="166">
        <v>0</v>
      </c>
      <c r="BE2253" s="166">
        <v>0</v>
      </c>
      <c r="BF2253" s="166">
        <v>0</v>
      </c>
      <c r="BG2253" s="166">
        <v>0</v>
      </c>
      <c r="BH2253" s="166">
        <v>0</v>
      </c>
      <c r="BI2253" s="166">
        <v>0</v>
      </c>
      <c r="BJ2253" s="166">
        <v>0</v>
      </c>
      <c r="BK2253" s="166">
        <v>0</v>
      </c>
      <c r="BL2253" s="166">
        <v>0</v>
      </c>
      <c r="BM2253" s="166">
        <v>0</v>
      </c>
      <c r="BN2253" s="166">
        <v>0</v>
      </c>
      <c r="BO2253" s="166">
        <v>0</v>
      </c>
      <c r="BP2253" s="166">
        <v>0</v>
      </c>
      <c r="BQ2253" s="166">
        <v>0</v>
      </c>
      <c r="BR2253" s="166">
        <v>0</v>
      </c>
      <c r="BS2253" s="166">
        <v>0</v>
      </c>
      <c r="BT2253" s="166">
        <v>0</v>
      </c>
      <c r="BU2253" s="166">
        <v>0</v>
      </c>
      <c r="BV2253" s="166">
        <v>0</v>
      </c>
      <c r="BW2253" s="166">
        <v>0</v>
      </c>
      <c r="BX2253" s="166">
        <v>0</v>
      </c>
      <c r="BY2253" s="166">
        <v>0</v>
      </c>
      <c r="BZ2253" s="166">
        <v>0</v>
      </c>
      <c r="CA2253" s="166">
        <v>0</v>
      </c>
      <c r="CB2253" s="166">
        <v>0</v>
      </c>
      <c r="CC2253" s="166">
        <v>0</v>
      </c>
      <c r="CD2253" s="166">
        <v>0</v>
      </c>
      <c r="CE2253" s="166">
        <v>0</v>
      </c>
      <c r="CF2253" s="166">
        <v>0</v>
      </c>
      <c r="CG2253" s="166">
        <v>0</v>
      </c>
      <c r="CH2253" s="166">
        <v>0</v>
      </c>
      <c r="CI2253" s="166">
        <v>0</v>
      </c>
      <c r="CJ2253" s="166">
        <v>0</v>
      </c>
      <c r="CK2253" s="166">
        <v>0</v>
      </c>
      <c r="CL2253" s="166">
        <v>0</v>
      </c>
      <c r="CM2253" s="166">
        <v>0</v>
      </c>
      <c r="CN2253" s="166">
        <v>0</v>
      </c>
      <c r="CO2253" s="166">
        <v>0</v>
      </c>
      <c r="CP2253" s="166">
        <v>0</v>
      </c>
      <c r="CQ2253" s="166">
        <v>0</v>
      </c>
      <c r="CR2253" s="166">
        <v>0</v>
      </c>
      <c r="CS2253" s="166">
        <v>0</v>
      </c>
      <c r="CT2253" s="166">
        <v>0</v>
      </c>
      <c r="CU2253" s="166">
        <v>0</v>
      </c>
      <c r="CV2253" s="166">
        <v>0</v>
      </c>
      <c r="CW2253" s="166">
        <v>0</v>
      </c>
      <c r="CX2253" s="166">
        <v>0</v>
      </c>
      <c r="CY2253" s="166">
        <v>0</v>
      </c>
      <c r="CZ2253" s="166">
        <v>0</v>
      </c>
    </row>
    <row r="2254" spans="1:104" x14ac:dyDescent="0.2">
      <c r="A2254" s="167" t="s">
        <v>102</v>
      </c>
      <c r="B2254" s="166">
        <v>0</v>
      </c>
      <c r="C2254" s="166">
        <v>0</v>
      </c>
      <c r="D2254" s="166">
        <v>1929024000</v>
      </c>
      <c r="E2254" s="166">
        <v>1929024000</v>
      </c>
      <c r="F2254" s="166">
        <v>1929024000</v>
      </c>
      <c r="G2254" s="166">
        <v>1929024000</v>
      </c>
      <c r="H2254" s="166">
        <v>1929024000</v>
      </c>
      <c r="I2254" s="166">
        <v>1929024000</v>
      </c>
      <c r="J2254" s="166">
        <v>1929024000</v>
      </c>
      <c r="K2254" s="166">
        <v>1929024000</v>
      </c>
      <c r="L2254" s="166">
        <v>1929024000</v>
      </c>
      <c r="M2254" s="166">
        <v>1929024000</v>
      </c>
      <c r="N2254" s="166">
        <v>1929024000</v>
      </c>
      <c r="O2254" s="166">
        <v>1929024000</v>
      </c>
      <c r="P2254" s="166">
        <v>1929024000</v>
      </c>
      <c r="Q2254" s="166">
        <v>1929024000</v>
      </c>
      <c r="R2254" s="166">
        <v>1929024000</v>
      </c>
      <c r="S2254" s="166">
        <v>1929024000</v>
      </c>
      <c r="T2254" s="166">
        <v>1929024000</v>
      </c>
      <c r="U2254" s="166">
        <v>1929024000</v>
      </c>
      <c r="V2254" s="166">
        <v>1929024000</v>
      </c>
      <c r="W2254" s="166">
        <v>1929024000</v>
      </c>
      <c r="X2254" s="166">
        <v>1929024000</v>
      </c>
      <c r="Y2254" s="166">
        <v>1929024000</v>
      </c>
      <c r="Z2254" s="166">
        <v>1929024000</v>
      </c>
      <c r="AA2254" s="166">
        <v>1929024000</v>
      </c>
      <c r="AB2254" s="166">
        <v>1929024000</v>
      </c>
      <c r="AC2254" s="166">
        <v>1929024000</v>
      </c>
      <c r="AD2254" s="166">
        <v>1929024000</v>
      </c>
      <c r="AE2254" s="166">
        <v>1929024000</v>
      </c>
      <c r="AF2254" s="166">
        <v>1929024000</v>
      </c>
      <c r="AG2254" s="166">
        <v>1929024000</v>
      </c>
      <c r="AH2254" s="166">
        <v>1929024000</v>
      </c>
      <c r="AI2254" s="166">
        <v>1929024000</v>
      </c>
      <c r="AJ2254" s="166">
        <v>1929024000</v>
      </c>
      <c r="AK2254" s="166">
        <v>1929024000</v>
      </c>
      <c r="AL2254" s="166">
        <v>1929024000</v>
      </c>
      <c r="AM2254" s="166">
        <v>1929024000</v>
      </c>
      <c r="AN2254" s="166">
        <v>1929024000</v>
      </c>
      <c r="AO2254" s="166">
        <v>1929024000</v>
      </c>
      <c r="AP2254" s="166">
        <v>1929024000</v>
      </c>
      <c r="AQ2254" s="166">
        <v>1929024000</v>
      </c>
      <c r="AR2254" s="166">
        <v>1929024000</v>
      </c>
      <c r="AS2254" s="166">
        <v>1929024000</v>
      </c>
      <c r="AT2254" s="166">
        <v>1929024000</v>
      </c>
      <c r="AU2254" s="166">
        <v>1929024000</v>
      </c>
      <c r="AV2254" s="166">
        <v>1929024000</v>
      </c>
      <c r="AW2254" s="166">
        <v>1929024000</v>
      </c>
      <c r="AX2254" s="166">
        <v>1929024000</v>
      </c>
      <c r="AY2254" s="166">
        <v>1929024000</v>
      </c>
      <c r="AZ2254" s="166">
        <v>1929024000</v>
      </c>
      <c r="BA2254" s="166">
        <v>1929024000</v>
      </c>
      <c r="BB2254" s="166">
        <v>1929024000</v>
      </c>
      <c r="BC2254" s="166">
        <v>1929024000</v>
      </c>
      <c r="BD2254" s="166">
        <v>0</v>
      </c>
      <c r="BE2254" s="166">
        <v>0</v>
      </c>
      <c r="BF2254" s="166">
        <v>0</v>
      </c>
      <c r="BG2254" s="166">
        <v>0</v>
      </c>
      <c r="BH2254" s="166">
        <v>0</v>
      </c>
      <c r="BI2254" s="166">
        <v>0</v>
      </c>
      <c r="BJ2254" s="166">
        <v>0</v>
      </c>
      <c r="BK2254" s="166">
        <v>0</v>
      </c>
      <c r="BL2254" s="166">
        <v>0</v>
      </c>
      <c r="BM2254" s="166">
        <v>0</v>
      </c>
      <c r="BN2254" s="166">
        <v>0</v>
      </c>
      <c r="BO2254" s="166">
        <v>0</v>
      </c>
      <c r="BP2254" s="166">
        <v>0</v>
      </c>
      <c r="BQ2254" s="166">
        <v>0</v>
      </c>
      <c r="BR2254" s="166">
        <v>0</v>
      </c>
      <c r="BS2254" s="166">
        <v>0</v>
      </c>
      <c r="BT2254" s="166">
        <v>0</v>
      </c>
      <c r="BU2254" s="166">
        <v>0</v>
      </c>
      <c r="BV2254" s="166">
        <v>0</v>
      </c>
      <c r="BW2254" s="166">
        <v>0</v>
      </c>
      <c r="BX2254" s="166">
        <v>0</v>
      </c>
      <c r="BY2254" s="166">
        <v>0</v>
      </c>
      <c r="BZ2254" s="166">
        <v>0</v>
      </c>
      <c r="CA2254" s="166">
        <v>0</v>
      </c>
      <c r="CB2254" s="166">
        <v>0</v>
      </c>
      <c r="CC2254" s="166">
        <v>0</v>
      </c>
      <c r="CD2254" s="166">
        <v>0</v>
      </c>
      <c r="CE2254" s="166">
        <v>0</v>
      </c>
      <c r="CF2254" s="166">
        <v>0</v>
      </c>
      <c r="CG2254" s="166">
        <v>0</v>
      </c>
      <c r="CH2254" s="166">
        <v>0</v>
      </c>
      <c r="CI2254" s="166">
        <v>0</v>
      </c>
      <c r="CJ2254" s="166">
        <v>0</v>
      </c>
      <c r="CK2254" s="166">
        <v>0</v>
      </c>
      <c r="CL2254" s="166">
        <v>0</v>
      </c>
      <c r="CM2254" s="166">
        <v>0</v>
      </c>
      <c r="CN2254" s="166">
        <v>0</v>
      </c>
      <c r="CO2254" s="166">
        <v>0</v>
      </c>
      <c r="CP2254" s="166">
        <v>0</v>
      </c>
      <c r="CQ2254" s="166">
        <v>0</v>
      </c>
      <c r="CR2254" s="166">
        <v>0</v>
      </c>
      <c r="CS2254" s="166">
        <v>0</v>
      </c>
      <c r="CT2254" s="166">
        <v>0</v>
      </c>
      <c r="CU2254" s="166">
        <v>0</v>
      </c>
      <c r="CV2254" s="166">
        <v>0</v>
      </c>
      <c r="CW2254" s="166">
        <v>0</v>
      </c>
      <c r="CX2254" s="166">
        <v>0</v>
      </c>
      <c r="CY2254" s="166">
        <v>0</v>
      </c>
      <c r="CZ2254" s="166">
        <v>0</v>
      </c>
    </row>
    <row r="2255" spans="1:104" x14ac:dyDescent="0.2">
      <c r="A2255" s="167" t="s">
        <v>103</v>
      </c>
      <c r="B2255" s="166">
        <v>0</v>
      </c>
      <c r="C2255" s="166">
        <v>0</v>
      </c>
      <c r="D2255" s="166">
        <v>4328307000</v>
      </c>
      <c r="E2255" s="166">
        <v>4328307000</v>
      </c>
      <c r="F2255" s="166">
        <v>4328307000</v>
      </c>
      <c r="G2255" s="166">
        <v>4328307000</v>
      </c>
      <c r="H2255" s="166">
        <v>4328307000</v>
      </c>
      <c r="I2255" s="166">
        <v>4328307000</v>
      </c>
      <c r="J2255" s="166">
        <v>4328307000</v>
      </c>
      <c r="K2255" s="166">
        <v>4328307000</v>
      </c>
      <c r="L2255" s="166">
        <v>4328307000</v>
      </c>
      <c r="M2255" s="166">
        <v>4328307000</v>
      </c>
      <c r="N2255" s="166">
        <v>4328307000</v>
      </c>
      <c r="O2255" s="166">
        <v>4328307000</v>
      </c>
      <c r="P2255" s="166">
        <v>4328307000</v>
      </c>
      <c r="Q2255" s="166">
        <v>4328307000</v>
      </c>
      <c r="R2255" s="166">
        <v>4328307000</v>
      </c>
      <c r="S2255" s="166">
        <v>4328307000</v>
      </c>
      <c r="T2255" s="166">
        <v>4328307000</v>
      </c>
      <c r="U2255" s="166">
        <v>4328307000</v>
      </c>
      <c r="V2255" s="166">
        <v>4328307000</v>
      </c>
      <c r="W2255" s="166">
        <v>4328307000</v>
      </c>
      <c r="X2255" s="166">
        <v>4328307000</v>
      </c>
      <c r="Y2255" s="166">
        <v>4328307000</v>
      </c>
      <c r="Z2255" s="166">
        <v>4328307000</v>
      </c>
      <c r="AA2255" s="166">
        <v>4328307000</v>
      </c>
      <c r="AB2255" s="166">
        <v>4328307000</v>
      </c>
      <c r="AC2255" s="166">
        <v>4328307000</v>
      </c>
      <c r="AD2255" s="166">
        <v>4328307000</v>
      </c>
      <c r="AE2255" s="166">
        <v>4328307000</v>
      </c>
      <c r="AF2255" s="166">
        <v>4328307000</v>
      </c>
      <c r="AG2255" s="166">
        <v>4328307000</v>
      </c>
      <c r="AH2255" s="166">
        <v>4328307000</v>
      </c>
      <c r="AI2255" s="166">
        <v>4328307000</v>
      </c>
      <c r="AJ2255" s="166">
        <v>4328307000</v>
      </c>
      <c r="AK2255" s="166">
        <v>4328307000</v>
      </c>
      <c r="AL2255" s="166">
        <v>4328307000</v>
      </c>
      <c r="AM2255" s="166">
        <v>4328307000</v>
      </c>
      <c r="AN2255" s="166">
        <v>4328307000</v>
      </c>
      <c r="AO2255" s="166">
        <v>4328307000</v>
      </c>
      <c r="AP2255" s="166">
        <v>4328307000</v>
      </c>
      <c r="AQ2255" s="166">
        <v>4328307000</v>
      </c>
      <c r="AR2255" s="166">
        <v>4328307000</v>
      </c>
      <c r="AS2255" s="166">
        <v>4328307000</v>
      </c>
      <c r="AT2255" s="166">
        <v>4328307000</v>
      </c>
      <c r="AU2255" s="166">
        <v>4328307000</v>
      </c>
      <c r="AV2255" s="166">
        <v>4328307000</v>
      </c>
      <c r="AW2255" s="166">
        <v>4328307000</v>
      </c>
      <c r="AX2255" s="166">
        <v>4328307000</v>
      </c>
      <c r="AY2255" s="166">
        <v>4328307000</v>
      </c>
      <c r="AZ2255" s="166">
        <v>4328307000</v>
      </c>
      <c r="BA2255" s="166">
        <v>4328307000</v>
      </c>
      <c r="BB2255" s="166">
        <v>4328307000</v>
      </c>
      <c r="BC2255" s="166">
        <v>4328307000</v>
      </c>
      <c r="BD2255" s="166">
        <v>0</v>
      </c>
      <c r="BE2255" s="166">
        <v>0</v>
      </c>
      <c r="BF2255" s="166">
        <v>0</v>
      </c>
      <c r="BG2255" s="166">
        <v>0</v>
      </c>
      <c r="BH2255" s="166">
        <v>0</v>
      </c>
      <c r="BI2255" s="166">
        <v>0</v>
      </c>
      <c r="BJ2255" s="166">
        <v>0</v>
      </c>
      <c r="BK2255" s="166">
        <v>0</v>
      </c>
      <c r="BL2255" s="166">
        <v>0</v>
      </c>
      <c r="BM2255" s="166">
        <v>0</v>
      </c>
      <c r="BN2255" s="166">
        <v>0</v>
      </c>
      <c r="BO2255" s="166">
        <v>0</v>
      </c>
      <c r="BP2255" s="166">
        <v>0</v>
      </c>
      <c r="BQ2255" s="166">
        <v>0</v>
      </c>
      <c r="BR2255" s="166">
        <v>0</v>
      </c>
      <c r="BS2255" s="166">
        <v>0</v>
      </c>
      <c r="BT2255" s="166">
        <v>0</v>
      </c>
      <c r="BU2255" s="166">
        <v>0</v>
      </c>
      <c r="BV2255" s="166">
        <v>0</v>
      </c>
      <c r="BW2255" s="166">
        <v>0</v>
      </c>
      <c r="BX2255" s="166">
        <v>0</v>
      </c>
      <c r="BY2255" s="166">
        <v>0</v>
      </c>
      <c r="BZ2255" s="166">
        <v>0</v>
      </c>
      <c r="CA2255" s="166">
        <v>0</v>
      </c>
      <c r="CB2255" s="166">
        <v>0</v>
      </c>
      <c r="CC2255" s="166">
        <v>0</v>
      </c>
      <c r="CD2255" s="166">
        <v>0</v>
      </c>
      <c r="CE2255" s="166">
        <v>0</v>
      </c>
      <c r="CF2255" s="166">
        <v>0</v>
      </c>
      <c r="CG2255" s="166">
        <v>0</v>
      </c>
      <c r="CH2255" s="166">
        <v>0</v>
      </c>
      <c r="CI2255" s="166">
        <v>0</v>
      </c>
      <c r="CJ2255" s="166">
        <v>0</v>
      </c>
      <c r="CK2255" s="166">
        <v>0</v>
      </c>
      <c r="CL2255" s="166">
        <v>0</v>
      </c>
      <c r="CM2255" s="166">
        <v>0</v>
      </c>
      <c r="CN2255" s="166">
        <v>0</v>
      </c>
      <c r="CO2255" s="166">
        <v>0</v>
      </c>
      <c r="CP2255" s="166">
        <v>0</v>
      </c>
      <c r="CQ2255" s="166">
        <v>0</v>
      </c>
      <c r="CR2255" s="166">
        <v>0</v>
      </c>
      <c r="CS2255" s="166">
        <v>0</v>
      </c>
      <c r="CT2255" s="166">
        <v>0</v>
      </c>
      <c r="CU2255" s="166">
        <v>0</v>
      </c>
      <c r="CV2255" s="166">
        <v>0</v>
      </c>
      <c r="CW2255" s="166">
        <v>0</v>
      </c>
      <c r="CX2255" s="166">
        <v>0</v>
      </c>
      <c r="CY2255" s="166">
        <v>0</v>
      </c>
      <c r="CZ2255" s="166">
        <v>0</v>
      </c>
    </row>
    <row r="2256" spans="1:104" x14ac:dyDescent="0.2">
      <c r="A2256" s="167" t="s">
        <v>104</v>
      </c>
      <c r="B2256" s="166">
        <v>0</v>
      </c>
      <c r="C2256" s="166">
        <v>0</v>
      </c>
      <c r="D2256" s="166">
        <v>0</v>
      </c>
      <c r="E2256" s="166">
        <v>0</v>
      </c>
      <c r="F2256" s="166">
        <v>0</v>
      </c>
      <c r="G2256" s="166">
        <v>0</v>
      </c>
      <c r="H2256" s="166">
        <v>0</v>
      </c>
      <c r="I2256" s="166">
        <v>0</v>
      </c>
      <c r="J2256" s="166">
        <v>0</v>
      </c>
      <c r="K2256" s="166">
        <v>0</v>
      </c>
      <c r="L2256" s="166">
        <v>0</v>
      </c>
      <c r="M2256" s="166">
        <v>0</v>
      </c>
      <c r="N2256" s="166">
        <v>0</v>
      </c>
      <c r="O2256" s="166">
        <v>0</v>
      </c>
      <c r="P2256" s="166">
        <v>0</v>
      </c>
      <c r="Q2256" s="166">
        <v>0</v>
      </c>
      <c r="R2256" s="166">
        <v>0</v>
      </c>
      <c r="S2256" s="166">
        <v>0</v>
      </c>
      <c r="T2256" s="166">
        <v>0</v>
      </c>
      <c r="U2256" s="166">
        <v>0</v>
      </c>
      <c r="V2256" s="166">
        <v>0</v>
      </c>
      <c r="W2256" s="166">
        <v>0</v>
      </c>
      <c r="X2256" s="166">
        <v>0</v>
      </c>
      <c r="Y2256" s="166">
        <v>0</v>
      </c>
      <c r="Z2256" s="166">
        <v>0</v>
      </c>
      <c r="AA2256" s="166">
        <v>0</v>
      </c>
      <c r="AB2256" s="166">
        <v>1000</v>
      </c>
      <c r="AC2256" s="166">
        <v>0</v>
      </c>
      <c r="AD2256" s="166">
        <v>0</v>
      </c>
      <c r="AE2256" s="166">
        <v>0</v>
      </c>
      <c r="AF2256" s="166">
        <v>0</v>
      </c>
      <c r="AG2256" s="166">
        <v>0</v>
      </c>
      <c r="AH2256" s="166">
        <v>0</v>
      </c>
      <c r="AI2256" s="166">
        <v>0</v>
      </c>
      <c r="AJ2256" s="166">
        <v>0</v>
      </c>
      <c r="AK2256" s="166">
        <v>0</v>
      </c>
      <c r="AL2256" s="166">
        <v>0</v>
      </c>
      <c r="AM2256" s="166">
        <v>0</v>
      </c>
      <c r="AN2256" s="166">
        <v>0</v>
      </c>
      <c r="AO2256" s="166">
        <v>0</v>
      </c>
      <c r="AP2256" s="166">
        <v>0</v>
      </c>
      <c r="AQ2256" s="166">
        <v>0</v>
      </c>
      <c r="AR2256" s="166">
        <v>0</v>
      </c>
      <c r="AS2256" s="166">
        <v>0</v>
      </c>
      <c r="AT2256" s="166">
        <v>0</v>
      </c>
      <c r="AU2256" s="166">
        <v>0</v>
      </c>
      <c r="AV2256" s="166">
        <v>0</v>
      </c>
      <c r="AW2256" s="166">
        <v>0</v>
      </c>
      <c r="AX2256" s="166">
        <v>0</v>
      </c>
      <c r="AY2256" s="166">
        <v>0</v>
      </c>
      <c r="AZ2256" s="166">
        <v>0</v>
      </c>
      <c r="BA2256" s="166">
        <v>0</v>
      </c>
      <c r="BB2256" s="166">
        <v>0</v>
      </c>
      <c r="BC2256" s="166">
        <v>0</v>
      </c>
      <c r="BD2256" s="166">
        <v>0</v>
      </c>
      <c r="BE2256" s="166">
        <v>0</v>
      </c>
      <c r="BF2256" s="166">
        <v>0</v>
      </c>
      <c r="BG2256" s="166">
        <v>0</v>
      </c>
      <c r="BH2256" s="166">
        <v>0</v>
      </c>
      <c r="BI2256" s="166">
        <v>0</v>
      </c>
      <c r="BJ2256" s="166">
        <v>0</v>
      </c>
      <c r="BK2256" s="166">
        <v>0</v>
      </c>
      <c r="BL2256" s="166">
        <v>0</v>
      </c>
      <c r="BM2256" s="166">
        <v>0</v>
      </c>
      <c r="BN2256" s="166">
        <v>0</v>
      </c>
      <c r="BO2256" s="166">
        <v>0</v>
      </c>
      <c r="BP2256" s="166">
        <v>0</v>
      </c>
      <c r="BQ2256" s="166">
        <v>0</v>
      </c>
      <c r="BR2256" s="166">
        <v>0</v>
      </c>
      <c r="BS2256" s="166">
        <v>0</v>
      </c>
      <c r="BT2256" s="166">
        <v>0</v>
      </c>
      <c r="BU2256" s="166">
        <v>0</v>
      </c>
      <c r="BV2256" s="166">
        <v>0</v>
      </c>
      <c r="BW2256" s="166">
        <v>0</v>
      </c>
      <c r="BX2256" s="166">
        <v>0</v>
      </c>
      <c r="BY2256" s="166">
        <v>0</v>
      </c>
      <c r="BZ2256" s="166">
        <v>0</v>
      </c>
      <c r="CA2256" s="166">
        <v>0</v>
      </c>
      <c r="CB2256" s="166">
        <v>0</v>
      </c>
      <c r="CC2256" s="166">
        <v>0</v>
      </c>
      <c r="CD2256" s="166">
        <v>0</v>
      </c>
      <c r="CE2256" s="166">
        <v>0</v>
      </c>
      <c r="CF2256" s="166">
        <v>0</v>
      </c>
      <c r="CG2256" s="166">
        <v>0</v>
      </c>
      <c r="CH2256" s="166">
        <v>0</v>
      </c>
      <c r="CI2256" s="166">
        <v>0</v>
      </c>
      <c r="CJ2256" s="166">
        <v>0</v>
      </c>
      <c r="CK2256" s="166">
        <v>0</v>
      </c>
      <c r="CL2256" s="166">
        <v>0</v>
      </c>
      <c r="CM2256" s="166">
        <v>0</v>
      </c>
      <c r="CN2256" s="166">
        <v>0</v>
      </c>
      <c r="CO2256" s="166">
        <v>0</v>
      </c>
      <c r="CP2256" s="166">
        <v>0</v>
      </c>
      <c r="CQ2256" s="166">
        <v>0</v>
      </c>
      <c r="CR2256" s="166">
        <v>0</v>
      </c>
      <c r="CS2256" s="166">
        <v>0</v>
      </c>
      <c r="CT2256" s="166">
        <v>0</v>
      </c>
      <c r="CU2256" s="166">
        <v>0</v>
      </c>
      <c r="CV2256" s="166">
        <v>0</v>
      </c>
      <c r="CW2256" s="166">
        <v>0</v>
      </c>
      <c r="CX2256" s="166">
        <v>0</v>
      </c>
      <c r="CY2256" s="166">
        <v>0</v>
      </c>
      <c r="CZ2256" s="166">
        <v>0</v>
      </c>
    </row>
    <row r="2257" spans="1:104" x14ac:dyDescent="0.2">
      <c r="A2257" s="167" t="s">
        <v>105</v>
      </c>
      <c r="B2257" s="166">
        <v>0</v>
      </c>
      <c r="C2257" s="166">
        <v>0</v>
      </c>
      <c r="D2257" s="166">
        <v>0</v>
      </c>
      <c r="E2257" s="166">
        <v>0</v>
      </c>
      <c r="F2257" s="166">
        <v>0</v>
      </c>
      <c r="G2257" s="166">
        <v>1000</v>
      </c>
      <c r="H2257" s="166">
        <v>0</v>
      </c>
      <c r="I2257" s="166">
        <v>0</v>
      </c>
      <c r="J2257" s="166">
        <v>0</v>
      </c>
      <c r="K2257" s="166">
        <v>0</v>
      </c>
      <c r="L2257" s="166">
        <v>0</v>
      </c>
      <c r="M2257" s="166">
        <v>0</v>
      </c>
      <c r="N2257" s="166">
        <v>0</v>
      </c>
      <c r="O2257" s="166">
        <v>0</v>
      </c>
      <c r="P2257" s="166">
        <v>0</v>
      </c>
      <c r="Q2257" s="166">
        <v>0</v>
      </c>
      <c r="R2257" s="166">
        <v>0</v>
      </c>
      <c r="S2257" s="166">
        <v>0</v>
      </c>
      <c r="T2257" s="166">
        <v>0</v>
      </c>
      <c r="U2257" s="166">
        <v>0</v>
      </c>
      <c r="V2257" s="166">
        <v>0</v>
      </c>
      <c r="W2257" s="166">
        <v>0</v>
      </c>
      <c r="X2257" s="166">
        <v>0</v>
      </c>
      <c r="Y2257" s="166">
        <v>0</v>
      </c>
      <c r="Z2257" s="166">
        <v>0</v>
      </c>
      <c r="AA2257" s="166">
        <v>0</v>
      </c>
      <c r="AB2257" s="166">
        <v>0</v>
      </c>
      <c r="AC2257" s="166">
        <v>0</v>
      </c>
      <c r="AD2257" s="166">
        <v>0</v>
      </c>
      <c r="AE2257" s="166">
        <v>0</v>
      </c>
      <c r="AF2257" s="166">
        <v>0</v>
      </c>
      <c r="AG2257" s="166">
        <v>0</v>
      </c>
      <c r="AH2257" s="166">
        <v>0</v>
      </c>
      <c r="AI2257" s="166">
        <v>0</v>
      </c>
      <c r="AJ2257" s="166">
        <v>0</v>
      </c>
      <c r="AK2257" s="166">
        <v>0</v>
      </c>
      <c r="AL2257" s="166">
        <v>0</v>
      </c>
      <c r="AM2257" s="166">
        <v>0</v>
      </c>
      <c r="AN2257" s="166">
        <v>0</v>
      </c>
      <c r="AO2257" s="166">
        <v>0</v>
      </c>
      <c r="AP2257" s="166">
        <v>0</v>
      </c>
      <c r="AQ2257" s="166">
        <v>0</v>
      </c>
      <c r="AR2257" s="166">
        <v>0</v>
      </c>
      <c r="AS2257" s="166">
        <v>0</v>
      </c>
      <c r="AT2257" s="166">
        <v>0</v>
      </c>
      <c r="AU2257" s="166">
        <v>0</v>
      </c>
      <c r="AV2257" s="166">
        <v>0</v>
      </c>
      <c r="AW2257" s="166">
        <v>0</v>
      </c>
      <c r="AX2257" s="166">
        <v>0</v>
      </c>
      <c r="AY2257" s="166">
        <v>0</v>
      </c>
      <c r="AZ2257" s="166">
        <v>0</v>
      </c>
      <c r="BA2257" s="166">
        <v>0</v>
      </c>
      <c r="BB2257" s="166">
        <v>0</v>
      </c>
      <c r="BC2257" s="166">
        <v>0</v>
      </c>
      <c r="BD2257" s="166">
        <v>0</v>
      </c>
      <c r="BE2257" s="166">
        <v>0</v>
      </c>
      <c r="BF2257" s="166">
        <v>0</v>
      </c>
      <c r="BG2257" s="166">
        <v>0</v>
      </c>
      <c r="BH2257" s="166">
        <v>0</v>
      </c>
      <c r="BI2257" s="166">
        <v>0</v>
      </c>
      <c r="BJ2257" s="166">
        <v>0</v>
      </c>
      <c r="BK2257" s="166">
        <v>0</v>
      </c>
      <c r="BL2257" s="166">
        <v>0</v>
      </c>
      <c r="BM2257" s="166">
        <v>0</v>
      </c>
      <c r="BN2257" s="166">
        <v>0</v>
      </c>
      <c r="BO2257" s="166">
        <v>0</v>
      </c>
      <c r="BP2257" s="166">
        <v>0</v>
      </c>
      <c r="BQ2257" s="166">
        <v>0</v>
      </c>
      <c r="BR2257" s="166">
        <v>0</v>
      </c>
      <c r="BS2257" s="166">
        <v>0</v>
      </c>
      <c r="BT2257" s="166">
        <v>0</v>
      </c>
      <c r="BU2257" s="166">
        <v>0</v>
      </c>
      <c r="BV2257" s="166">
        <v>0</v>
      </c>
      <c r="BW2257" s="166">
        <v>0</v>
      </c>
      <c r="BX2257" s="166">
        <v>0</v>
      </c>
      <c r="BY2257" s="166">
        <v>0</v>
      </c>
      <c r="BZ2257" s="166">
        <v>0</v>
      </c>
      <c r="CA2257" s="166">
        <v>0</v>
      </c>
      <c r="CB2257" s="166">
        <v>0</v>
      </c>
      <c r="CC2257" s="166">
        <v>0</v>
      </c>
      <c r="CD2257" s="166">
        <v>0</v>
      </c>
      <c r="CE2257" s="166">
        <v>0</v>
      </c>
      <c r="CF2257" s="166">
        <v>0</v>
      </c>
      <c r="CG2257" s="166">
        <v>0</v>
      </c>
      <c r="CH2257" s="166">
        <v>0</v>
      </c>
      <c r="CI2257" s="166">
        <v>0</v>
      </c>
      <c r="CJ2257" s="166">
        <v>0</v>
      </c>
      <c r="CK2257" s="166">
        <v>0</v>
      </c>
      <c r="CL2257" s="166">
        <v>0</v>
      </c>
      <c r="CM2257" s="166">
        <v>0</v>
      </c>
      <c r="CN2257" s="166">
        <v>0</v>
      </c>
      <c r="CO2257" s="166">
        <v>0</v>
      </c>
      <c r="CP2257" s="166">
        <v>0</v>
      </c>
      <c r="CQ2257" s="166">
        <v>0</v>
      </c>
      <c r="CR2257" s="166">
        <v>0</v>
      </c>
      <c r="CS2257" s="166">
        <v>0</v>
      </c>
      <c r="CT2257" s="166">
        <v>0</v>
      </c>
      <c r="CU2257" s="166">
        <v>0</v>
      </c>
      <c r="CV2257" s="166">
        <v>0</v>
      </c>
      <c r="CW2257" s="166">
        <v>0</v>
      </c>
      <c r="CX2257" s="166">
        <v>0</v>
      </c>
      <c r="CY2257" s="166">
        <v>0</v>
      </c>
      <c r="CZ2257" s="166">
        <v>0</v>
      </c>
    </row>
    <row r="2258" spans="1:104" x14ac:dyDescent="0.2">
      <c r="A2258" s="167" t="s">
        <v>106</v>
      </c>
      <c r="B2258" s="166">
        <v>0</v>
      </c>
      <c r="C2258" s="166">
        <v>0</v>
      </c>
      <c r="D2258" s="166">
        <v>0</v>
      </c>
      <c r="E2258" s="166">
        <v>0</v>
      </c>
      <c r="F2258" s="166">
        <v>0</v>
      </c>
      <c r="G2258" s="166">
        <v>0</v>
      </c>
      <c r="H2258" s="166">
        <v>0</v>
      </c>
      <c r="I2258" s="166">
        <v>0</v>
      </c>
      <c r="J2258" s="166">
        <v>0</v>
      </c>
      <c r="K2258" s="166">
        <v>0</v>
      </c>
      <c r="L2258" s="166">
        <v>0</v>
      </c>
      <c r="M2258" s="166">
        <v>0</v>
      </c>
      <c r="N2258" s="166">
        <v>0</v>
      </c>
      <c r="O2258" s="166">
        <v>0</v>
      </c>
      <c r="P2258" s="166">
        <v>0</v>
      </c>
      <c r="Q2258" s="166">
        <v>0</v>
      </c>
      <c r="R2258" s="166">
        <v>1000</v>
      </c>
      <c r="S2258" s="166">
        <v>0</v>
      </c>
      <c r="T2258" s="166">
        <v>0</v>
      </c>
      <c r="U2258" s="166">
        <v>0</v>
      </c>
      <c r="V2258" s="166">
        <v>0</v>
      </c>
      <c r="W2258" s="166">
        <v>0</v>
      </c>
      <c r="X2258" s="166">
        <v>0</v>
      </c>
      <c r="Y2258" s="166">
        <v>0</v>
      </c>
      <c r="Z2258" s="166">
        <v>0</v>
      </c>
      <c r="AA2258" s="166">
        <v>0</v>
      </c>
      <c r="AB2258" s="166">
        <v>0</v>
      </c>
      <c r="AC2258" s="166">
        <v>0</v>
      </c>
      <c r="AD2258" s="166">
        <v>0</v>
      </c>
      <c r="AE2258" s="166">
        <v>0</v>
      </c>
      <c r="AF2258" s="166">
        <v>0</v>
      </c>
      <c r="AG2258" s="166">
        <v>0</v>
      </c>
      <c r="AH2258" s="166">
        <v>0</v>
      </c>
      <c r="AI2258" s="166">
        <v>0</v>
      </c>
      <c r="AJ2258" s="166">
        <v>0</v>
      </c>
      <c r="AK2258" s="166">
        <v>0</v>
      </c>
      <c r="AL2258" s="166">
        <v>0</v>
      </c>
      <c r="AM2258" s="166">
        <v>0</v>
      </c>
      <c r="AN2258" s="166">
        <v>0</v>
      </c>
      <c r="AO2258" s="166">
        <v>0</v>
      </c>
      <c r="AP2258" s="166">
        <v>0</v>
      </c>
      <c r="AQ2258" s="166">
        <v>0</v>
      </c>
      <c r="AR2258" s="166">
        <v>0</v>
      </c>
      <c r="AS2258" s="166">
        <v>0</v>
      </c>
      <c r="AT2258" s="166">
        <v>0</v>
      </c>
      <c r="AU2258" s="166">
        <v>0</v>
      </c>
      <c r="AV2258" s="166">
        <v>0</v>
      </c>
      <c r="AW2258" s="166">
        <v>0</v>
      </c>
      <c r="AX2258" s="166">
        <v>0</v>
      </c>
      <c r="AY2258" s="166">
        <v>0</v>
      </c>
      <c r="AZ2258" s="166">
        <v>0</v>
      </c>
      <c r="BA2258" s="166">
        <v>0</v>
      </c>
      <c r="BB2258" s="166">
        <v>0</v>
      </c>
      <c r="BC2258" s="166">
        <v>0</v>
      </c>
      <c r="BD2258" s="166">
        <v>0</v>
      </c>
      <c r="BE2258" s="166">
        <v>0</v>
      </c>
      <c r="BF2258" s="166">
        <v>0</v>
      </c>
      <c r="BG2258" s="166">
        <v>0</v>
      </c>
      <c r="BH2258" s="166">
        <v>0</v>
      </c>
      <c r="BI2258" s="166">
        <v>0</v>
      </c>
      <c r="BJ2258" s="166">
        <v>0</v>
      </c>
      <c r="BK2258" s="166">
        <v>0</v>
      </c>
      <c r="BL2258" s="166">
        <v>0</v>
      </c>
      <c r="BM2258" s="166">
        <v>0</v>
      </c>
      <c r="BN2258" s="166">
        <v>0</v>
      </c>
      <c r="BO2258" s="166">
        <v>0</v>
      </c>
      <c r="BP2258" s="166">
        <v>0</v>
      </c>
      <c r="BQ2258" s="166">
        <v>0</v>
      </c>
      <c r="BR2258" s="166">
        <v>0</v>
      </c>
      <c r="BS2258" s="166">
        <v>0</v>
      </c>
      <c r="BT2258" s="166">
        <v>0</v>
      </c>
      <c r="BU2258" s="166">
        <v>0</v>
      </c>
      <c r="BV2258" s="166">
        <v>0</v>
      </c>
      <c r="BW2258" s="166">
        <v>0</v>
      </c>
      <c r="BX2258" s="166">
        <v>0</v>
      </c>
      <c r="BY2258" s="166">
        <v>0</v>
      </c>
      <c r="BZ2258" s="166">
        <v>0</v>
      </c>
      <c r="CA2258" s="166">
        <v>0</v>
      </c>
      <c r="CB2258" s="166">
        <v>0</v>
      </c>
      <c r="CC2258" s="166">
        <v>0</v>
      </c>
      <c r="CD2258" s="166">
        <v>0</v>
      </c>
      <c r="CE2258" s="166">
        <v>0</v>
      </c>
      <c r="CF2258" s="166">
        <v>0</v>
      </c>
      <c r="CG2258" s="166">
        <v>0</v>
      </c>
      <c r="CH2258" s="166">
        <v>0</v>
      </c>
      <c r="CI2258" s="166">
        <v>0</v>
      </c>
      <c r="CJ2258" s="166">
        <v>0</v>
      </c>
      <c r="CK2258" s="166">
        <v>0</v>
      </c>
      <c r="CL2258" s="166">
        <v>0</v>
      </c>
      <c r="CM2258" s="166">
        <v>0</v>
      </c>
      <c r="CN2258" s="166">
        <v>0</v>
      </c>
      <c r="CO2258" s="166">
        <v>0</v>
      </c>
      <c r="CP2258" s="166">
        <v>0</v>
      </c>
      <c r="CQ2258" s="166">
        <v>0</v>
      </c>
      <c r="CR2258" s="166">
        <v>0</v>
      </c>
      <c r="CS2258" s="166">
        <v>0</v>
      </c>
      <c r="CT2258" s="166">
        <v>0</v>
      </c>
      <c r="CU2258" s="166">
        <v>0</v>
      </c>
      <c r="CV2258" s="166">
        <v>0</v>
      </c>
      <c r="CW2258" s="166">
        <v>0</v>
      </c>
      <c r="CX2258" s="166">
        <v>0</v>
      </c>
      <c r="CY2258" s="166">
        <v>0</v>
      </c>
      <c r="CZ2258" s="166">
        <v>0</v>
      </c>
    </row>
    <row r="2259" spans="1:104" x14ac:dyDescent="0.2">
      <c r="A2259" s="167" t="s">
        <v>107</v>
      </c>
      <c r="B2259" s="166">
        <v>0</v>
      </c>
      <c r="C2259" s="166">
        <v>0</v>
      </c>
      <c r="D2259" s="166">
        <v>0</v>
      </c>
      <c r="E2259" s="166">
        <v>0</v>
      </c>
      <c r="F2259" s="166">
        <v>0</v>
      </c>
      <c r="G2259" s="166">
        <v>0</v>
      </c>
      <c r="H2259" s="166">
        <v>0</v>
      </c>
      <c r="I2259" s="166">
        <v>0</v>
      </c>
      <c r="J2259" s="166">
        <v>0</v>
      </c>
      <c r="K2259" s="166">
        <v>0</v>
      </c>
      <c r="L2259" s="166">
        <v>0</v>
      </c>
      <c r="M2259" s="166">
        <v>0</v>
      </c>
      <c r="N2259" s="166">
        <v>0</v>
      </c>
      <c r="O2259" s="166">
        <v>0</v>
      </c>
      <c r="P2259" s="166">
        <v>0</v>
      </c>
      <c r="Q2259" s="166">
        <v>0</v>
      </c>
      <c r="R2259" s="166">
        <v>0</v>
      </c>
      <c r="S2259" s="166">
        <v>0</v>
      </c>
      <c r="T2259" s="166">
        <v>0</v>
      </c>
      <c r="U2259" s="166">
        <v>1000</v>
      </c>
      <c r="V2259" s="166">
        <v>0</v>
      </c>
      <c r="W2259" s="166">
        <v>0</v>
      </c>
      <c r="X2259" s="166">
        <v>0</v>
      </c>
      <c r="Y2259" s="166">
        <v>0</v>
      </c>
      <c r="Z2259" s="166">
        <v>0</v>
      </c>
      <c r="AA2259" s="166">
        <v>0</v>
      </c>
      <c r="AB2259" s="166">
        <v>0</v>
      </c>
      <c r="AC2259" s="166">
        <v>0</v>
      </c>
      <c r="AD2259" s="166">
        <v>0</v>
      </c>
      <c r="AE2259" s="166">
        <v>0</v>
      </c>
      <c r="AF2259" s="166">
        <v>0</v>
      </c>
      <c r="AG2259" s="166">
        <v>0</v>
      </c>
      <c r="AH2259" s="166">
        <v>0</v>
      </c>
      <c r="AI2259" s="166">
        <v>0</v>
      </c>
      <c r="AJ2259" s="166">
        <v>0</v>
      </c>
      <c r="AK2259" s="166">
        <v>0</v>
      </c>
      <c r="AL2259" s="166">
        <v>0</v>
      </c>
      <c r="AM2259" s="166">
        <v>0</v>
      </c>
      <c r="AN2259" s="166">
        <v>0</v>
      </c>
      <c r="AO2259" s="166">
        <v>0</v>
      </c>
      <c r="AP2259" s="166">
        <v>0</v>
      </c>
      <c r="AQ2259" s="166">
        <v>0</v>
      </c>
      <c r="AR2259" s="166">
        <v>0</v>
      </c>
      <c r="AS2259" s="166">
        <v>0</v>
      </c>
      <c r="AT2259" s="166">
        <v>0</v>
      </c>
      <c r="AU2259" s="166">
        <v>0</v>
      </c>
      <c r="AV2259" s="166">
        <v>0</v>
      </c>
      <c r="AW2259" s="166">
        <v>0</v>
      </c>
      <c r="AX2259" s="166">
        <v>0</v>
      </c>
      <c r="AY2259" s="166">
        <v>0</v>
      </c>
      <c r="AZ2259" s="166">
        <v>0</v>
      </c>
      <c r="BA2259" s="166">
        <v>0</v>
      </c>
      <c r="BB2259" s="166">
        <v>0</v>
      </c>
      <c r="BC2259" s="166">
        <v>0</v>
      </c>
      <c r="BD2259" s="166">
        <v>0</v>
      </c>
      <c r="BE2259" s="166">
        <v>0</v>
      </c>
      <c r="BF2259" s="166">
        <v>0</v>
      </c>
      <c r="BG2259" s="166">
        <v>0</v>
      </c>
      <c r="BH2259" s="166">
        <v>0</v>
      </c>
      <c r="BI2259" s="166">
        <v>0</v>
      </c>
      <c r="BJ2259" s="166">
        <v>0</v>
      </c>
      <c r="BK2259" s="166">
        <v>0</v>
      </c>
      <c r="BL2259" s="166">
        <v>0</v>
      </c>
      <c r="BM2259" s="166">
        <v>0</v>
      </c>
      <c r="BN2259" s="166">
        <v>0</v>
      </c>
      <c r="BO2259" s="166">
        <v>0</v>
      </c>
      <c r="BP2259" s="166">
        <v>0</v>
      </c>
      <c r="BQ2259" s="166">
        <v>0</v>
      </c>
      <c r="BR2259" s="166">
        <v>0</v>
      </c>
      <c r="BS2259" s="166">
        <v>0</v>
      </c>
      <c r="BT2259" s="166">
        <v>0</v>
      </c>
      <c r="BU2259" s="166">
        <v>0</v>
      </c>
      <c r="BV2259" s="166">
        <v>0</v>
      </c>
      <c r="BW2259" s="166">
        <v>0</v>
      </c>
      <c r="BX2259" s="166">
        <v>0</v>
      </c>
      <c r="BY2259" s="166">
        <v>0</v>
      </c>
      <c r="BZ2259" s="166">
        <v>0</v>
      </c>
      <c r="CA2259" s="166">
        <v>0</v>
      </c>
      <c r="CB2259" s="166">
        <v>0</v>
      </c>
      <c r="CC2259" s="166">
        <v>0</v>
      </c>
      <c r="CD2259" s="166">
        <v>0</v>
      </c>
      <c r="CE2259" s="166">
        <v>0</v>
      </c>
      <c r="CF2259" s="166">
        <v>0</v>
      </c>
      <c r="CG2259" s="166">
        <v>0</v>
      </c>
      <c r="CH2259" s="166">
        <v>0</v>
      </c>
      <c r="CI2259" s="166">
        <v>0</v>
      </c>
      <c r="CJ2259" s="166">
        <v>0</v>
      </c>
      <c r="CK2259" s="166">
        <v>0</v>
      </c>
      <c r="CL2259" s="166">
        <v>0</v>
      </c>
      <c r="CM2259" s="166">
        <v>0</v>
      </c>
      <c r="CN2259" s="166">
        <v>0</v>
      </c>
      <c r="CO2259" s="166">
        <v>0</v>
      </c>
      <c r="CP2259" s="166">
        <v>0</v>
      </c>
      <c r="CQ2259" s="166">
        <v>0</v>
      </c>
      <c r="CR2259" s="166">
        <v>0</v>
      </c>
      <c r="CS2259" s="166">
        <v>0</v>
      </c>
      <c r="CT2259" s="166">
        <v>0</v>
      </c>
      <c r="CU2259" s="166">
        <v>0</v>
      </c>
      <c r="CV2259" s="166">
        <v>0</v>
      </c>
      <c r="CW2259" s="166">
        <v>0</v>
      </c>
      <c r="CX2259" s="166">
        <v>0</v>
      </c>
      <c r="CY2259" s="166">
        <v>0</v>
      </c>
      <c r="CZ2259" s="166">
        <v>0</v>
      </c>
    </row>
    <row r="2260" spans="1:104" x14ac:dyDescent="0.2">
      <c r="A2260" s="167" t="s">
        <v>108</v>
      </c>
      <c r="B2260" s="166">
        <v>0</v>
      </c>
      <c r="C2260" s="166">
        <v>0</v>
      </c>
      <c r="D2260" s="166">
        <v>0</v>
      </c>
      <c r="E2260" s="166">
        <v>0</v>
      </c>
      <c r="F2260" s="166">
        <v>0</v>
      </c>
      <c r="G2260" s="166">
        <v>0</v>
      </c>
      <c r="H2260" s="166">
        <v>0</v>
      </c>
      <c r="I2260" s="166">
        <v>0</v>
      </c>
      <c r="J2260" s="166">
        <v>0</v>
      </c>
      <c r="K2260" s="166">
        <v>0</v>
      </c>
      <c r="L2260" s="166">
        <v>0</v>
      </c>
      <c r="M2260" s="166">
        <v>0</v>
      </c>
      <c r="N2260" s="166">
        <v>0</v>
      </c>
      <c r="O2260" s="166">
        <v>0</v>
      </c>
      <c r="P2260" s="166">
        <v>0</v>
      </c>
      <c r="Q2260" s="166">
        <v>0</v>
      </c>
      <c r="R2260" s="166">
        <v>0</v>
      </c>
      <c r="S2260" s="166">
        <v>0</v>
      </c>
      <c r="T2260" s="166">
        <v>0</v>
      </c>
      <c r="U2260" s="166">
        <v>0</v>
      </c>
      <c r="V2260" s="166">
        <v>0</v>
      </c>
      <c r="W2260" s="166">
        <v>0</v>
      </c>
      <c r="X2260" s="166">
        <v>0</v>
      </c>
      <c r="Y2260" s="166">
        <v>0</v>
      </c>
      <c r="Z2260" s="166">
        <v>0</v>
      </c>
      <c r="AA2260" s="166">
        <v>0</v>
      </c>
      <c r="AB2260" s="166">
        <v>0</v>
      </c>
      <c r="AC2260" s="166">
        <v>0</v>
      </c>
      <c r="AD2260" s="166">
        <v>0</v>
      </c>
      <c r="AE2260" s="166">
        <v>0</v>
      </c>
      <c r="AF2260" s="166">
        <v>0</v>
      </c>
      <c r="AG2260" s="166">
        <v>0</v>
      </c>
      <c r="AH2260" s="166">
        <v>0</v>
      </c>
      <c r="AI2260" s="166">
        <v>0</v>
      </c>
      <c r="AJ2260" s="166">
        <v>0</v>
      </c>
      <c r="AK2260" s="166">
        <v>0</v>
      </c>
      <c r="AL2260" s="166">
        <v>0</v>
      </c>
      <c r="AM2260" s="166">
        <v>0</v>
      </c>
      <c r="AN2260" s="166">
        <v>0</v>
      </c>
      <c r="AO2260" s="166">
        <v>0</v>
      </c>
      <c r="AP2260" s="166">
        <v>0</v>
      </c>
      <c r="AQ2260" s="166">
        <v>0</v>
      </c>
      <c r="AR2260" s="166">
        <v>0</v>
      </c>
      <c r="AS2260" s="166">
        <v>0</v>
      </c>
      <c r="AT2260" s="166">
        <v>0</v>
      </c>
      <c r="AU2260" s="166">
        <v>0</v>
      </c>
      <c r="AV2260" s="166">
        <v>0</v>
      </c>
      <c r="AW2260" s="166">
        <v>0</v>
      </c>
      <c r="AX2260" s="166">
        <v>0</v>
      </c>
      <c r="AY2260" s="166">
        <v>1000</v>
      </c>
      <c r="AZ2260" s="166">
        <v>0</v>
      </c>
      <c r="BA2260" s="166">
        <v>0</v>
      </c>
      <c r="BB2260" s="166">
        <v>0</v>
      </c>
      <c r="BC2260" s="166">
        <v>0</v>
      </c>
      <c r="BD2260" s="166">
        <v>0</v>
      </c>
      <c r="BE2260" s="166">
        <v>0</v>
      </c>
      <c r="BF2260" s="166">
        <v>0</v>
      </c>
      <c r="BG2260" s="166">
        <v>0</v>
      </c>
      <c r="BH2260" s="166">
        <v>0</v>
      </c>
      <c r="BI2260" s="166">
        <v>0</v>
      </c>
      <c r="BJ2260" s="166">
        <v>0</v>
      </c>
      <c r="BK2260" s="166">
        <v>0</v>
      </c>
      <c r="BL2260" s="166">
        <v>0</v>
      </c>
      <c r="BM2260" s="166">
        <v>0</v>
      </c>
      <c r="BN2260" s="166">
        <v>0</v>
      </c>
      <c r="BO2260" s="166">
        <v>0</v>
      </c>
      <c r="BP2260" s="166">
        <v>0</v>
      </c>
      <c r="BQ2260" s="166">
        <v>0</v>
      </c>
      <c r="BR2260" s="166">
        <v>0</v>
      </c>
      <c r="BS2260" s="166">
        <v>0</v>
      </c>
      <c r="BT2260" s="166">
        <v>0</v>
      </c>
      <c r="BU2260" s="166">
        <v>0</v>
      </c>
      <c r="BV2260" s="166">
        <v>0</v>
      </c>
      <c r="BW2260" s="166">
        <v>0</v>
      </c>
      <c r="BX2260" s="166">
        <v>0</v>
      </c>
      <c r="BY2260" s="166">
        <v>0</v>
      </c>
      <c r="BZ2260" s="166">
        <v>0</v>
      </c>
      <c r="CA2260" s="166">
        <v>0</v>
      </c>
      <c r="CB2260" s="166">
        <v>0</v>
      </c>
      <c r="CC2260" s="166">
        <v>0</v>
      </c>
      <c r="CD2260" s="166">
        <v>0</v>
      </c>
      <c r="CE2260" s="166">
        <v>0</v>
      </c>
      <c r="CF2260" s="166">
        <v>0</v>
      </c>
      <c r="CG2260" s="166">
        <v>0</v>
      </c>
      <c r="CH2260" s="166">
        <v>0</v>
      </c>
      <c r="CI2260" s="166">
        <v>0</v>
      </c>
      <c r="CJ2260" s="166">
        <v>0</v>
      </c>
      <c r="CK2260" s="166">
        <v>0</v>
      </c>
      <c r="CL2260" s="166">
        <v>0</v>
      </c>
      <c r="CM2260" s="166">
        <v>0</v>
      </c>
      <c r="CN2260" s="166">
        <v>0</v>
      </c>
      <c r="CO2260" s="166">
        <v>0</v>
      </c>
      <c r="CP2260" s="166">
        <v>0</v>
      </c>
      <c r="CQ2260" s="166">
        <v>0</v>
      </c>
      <c r="CR2260" s="166">
        <v>0</v>
      </c>
      <c r="CS2260" s="166">
        <v>0</v>
      </c>
      <c r="CT2260" s="166">
        <v>0</v>
      </c>
      <c r="CU2260" s="166">
        <v>0</v>
      </c>
      <c r="CV2260" s="166">
        <v>0</v>
      </c>
      <c r="CW2260" s="166">
        <v>0</v>
      </c>
      <c r="CX2260" s="166">
        <v>0</v>
      </c>
      <c r="CY2260" s="166">
        <v>0</v>
      </c>
      <c r="CZ2260" s="166">
        <v>0</v>
      </c>
    </row>
    <row r="2261" spans="1:104" x14ac:dyDescent="0.2">
      <c r="A2261" s="167" t="s">
        <v>109</v>
      </c>
      <c r="B2261" s="166">
        <v>0</v>
      </c>
      <c r="C2261" s="166">
        <v>0</v>
      </c>
      <c r="D2261" s="166">
        <v>0</v>
      </c>
      <c r="E2261" s="166">
        <v>0</v>
      </c>
      <c r="F2261" s="166">
        <v>0</v>
      </c>
      <c r="G2261" s="166">
        <v>1000</v>
      </c>
      <c r="H2261" s="166">
        <v>0</v>
      </c>
      <c r="I2261" s="166">
        <v>0</v>
      </c>
      <c r="J2261" s="166">
        <v>0</v>
      </c>
      <c r="K2261" s="166">
        <v>0</v>
      </c>
      <c r="L2261" s="166">
        <v>0</v>
      </c>
      <c r="M2261" s="166">
        <v>0</v>
      </c>
      <c r="N2261" s="166">
        <v>0</v>
      </c>
      <c r="O2261" s="166">
        <v>0</v>
      </c>
      <c r="P2261" s="166">
        <v>0</v>
      </c>
      <c r="Q2261" s="166">
        <v>0</v>
      </c>
      <c r="R2261" s="166">
        <v>1000</v>
      </c>
      <c r="S2261" s="166">
        <v>0</v>
      </c>
      <c r="T2261" s="166">
        <v>0</v>
      </c>
      <c r="U2261" s="166">
        <v>1000</v>
      </c>
      <c r="V2261" s="166">
        <v>0</v>
      </c>
      <c r="W2261" s="166">
        <v>0</v>
      </c>
      <c r="X2261" s="166">
        <v>0</v>
      </c>
      <c r="Y2261" s="166">
        <v>0</v>
      </c>
      <c r="Z2261" s="166">
        <v>0</v>
      </c>
      <c r="AA2261" s="166">
        <v>0</v>
      </c>
      <c r="AB2261" s="166">
        <v>1000</v>
      </c>
      <c r="AC2261" s="166">
        <v>0</v>
      </c>
      <c r="AD2261" s="166">
        <v>0</v>
      </c>
      <c r="AE2261" s="166">
        <v>0</v>
      </c>
      <c r="AF2261" s="166">
        <v>0</v>
      </c>
      <c r="AG2261" s="166">
        <v>0</v>
      </c>
      <c r="AH2261" s="166">
        <v>0</v>
      </c>
      <c r="AI2261" s="166">
        <v>0</v>
      </c>
      <c r="AJ2261" s="166">
        <v>0</v>
      </c>
      <c r="AK2261" s="166">
        <v>0</v>
      </c>
      <c r="AL2261" s="166">
        <v>0</v>
      </c>
      <c r="AM2261" s="166">
        <v>0</v>
      </c>
      <c r="AN2261" s="166">
        <v>0</v>
      </c>
      <c r="AO2261" s="166">
        <v>0</v>
      </c>
      <c r="AP2261" s="166">
        <v>0</v>
      </c>
      <c r="AQ2261" s="166">
        <v>0</v>
      </c>
      <c r="AR2261" s="166">
        <v>0</v>
      </c>
      <c r="AS2261" s="166">
        <v>0</v>
      </c>
      <c r="AT2261" s="166">
        <v>0</v>
      </c>
      <c r="AU2261" s="166">
        <v>0</v>
      </c>
      <c r="AV2261" s="166">
        <v>0</v>
      </c>
      <c r="AW2261" s="166">
        <v>0</v>
      </c>
      <c r="AX2261" s="166">
        <v>0</v>
      </c>
      <c r="AY2261" s="166">
        <v>1000</v>
      </c>
      <c r="AZ2261" s="166">
        <v>0</v>
      </c>
      <c r="BA2261" s="166">
        <v>0</v>
      </c>
      <c r="BB2261" s="166">
        <v>0</v>
      </c>
      <c r="BC2261" s="166">
        <v>0</v>
      </c>
      <c r="BD2261" s="166">
        <v>0</v>
      </c>
      <c r="BE2261" s="166">
        <v>0</v>
      </c>
      <c r="BF2261" s="166">
        <v>0</v>
      </c>
      <c r="BG2261" s="166">
        <v>0</v>
      </c>
      <c r="BH2261" s="166">
        <v>0</v>
      </c>
      <c r="BI2261" s="166">
        <v>0</v>
      </c>
      <c r="BJ2261" s="166">
        <v>0</v>
      </c>
      <c r="BK2261" s="166">
        <v>0</v>
      </c>
      <c r="BL2261" s="166">
        <v>0</v>
      </c>
      <c r="BM2261" s="166">
        <v>0</v>
      </c>
      <c r="BN2261" s="166">
        <v>0</v>
      </c>
      <c r="BO2261" s="166">
        <v>0</v>
      </c>
      <c r="BP2261" s="166">
        <v>0</v>
      </c>
      <c r="BQ2261" s="166">
        <v>0</v>
      </c>
      <c r="BR2261" s="166">
        <v>0</v>
      </c>
      <c r="BS2261" s="166">
        <v>0</v>
      </c>
      <c r="BT2261" s="166">
        <v>0</v>
      </c>
      <c r="BU2261" s="166">
        <v>0</v>
      </c>
      <c r="BV2261" s="166">
        <v>0</v>
      </c>
      <c r="BW2261" s="166">
        <v>0</v>
      </c>
      <c r="BX2261" s="166">
        <v>0</v>
      </c>
      <c r="BY2261" s="166">
        <v>0</v>
      </c>
      <c r="BZ2261" s="166">
        <v>0</v>
      </c>
      <c r="CA2261" s="166">
        <v>0</v>
      </c>
      <c r="CB2261" s="166">
        <v>0</v>
      </c>
      <c r="CC2261" s="166">
        <v>0</v>
      </c>
      <c r="CD2261" s="166">
        <v>0</v>
      </c>
      <c r="CE2261" s="166">
        <v>0</v>
      </c>
      <c r="CF2261" s="166">
        <v>0</v>
      </c>
      <c r="CG2261" s="166">
        <v>0</v>
      </c>
      <c r="CH2261" s="166">
        <v>0</v>
      </c>
      <c r="CI2261" s="166">
        <v>0</v>
      </c>
      <c r="CJ2261" s="166">
        <v>0</v>
      </c>
      <c r="CK2261" s="166">
        <v>0</v>
      </c>
      <c r="CL2261" s="166">
        <v>0</v>
      </c>
      <c r="CM2261" s="166">
        <v>0</v>
      </c>
      <c r="CN2261" s="166">
        <v>0</v>
      </c>
      <c r="CO2261" s="166">
        <v>0</v>
      </c>
      <c r="CP2261" s="166">
        <v>0</v>
      </c>
      <c r="CQ2261" s="166">
        <v>0</v>
      </c>
      <c r="CR2261" s="166">
        <v>0</v>
      </c>
      <c r="CS2261" s="166">
        <v>0</v>
      </c>
      <c r="CT2261" s="166">
        <v>0</v>
      </c>
      <c r="CU2261" s="166">
        <v>0</v>
      </c>
      <c r="CV2261" s="166">
        <v>0</v>
      </c>
      <c r="CW2261" s="166">
        <v>0</v>
      </c>
      <c r="CX2261" s="166">
        <v>0</v>
      </c>
      <c r="CY2261" s="166">
        <v>0</v>
      </c>
      <c r="CZ2261" s="166">
        <v>0</v>
      </c>
    </row>
    <row r="2262" spans="1:104" x14ac:dyDescent="0.2">
      <c r="A2262" s="167" t="s">
        <v>110</v>
      </c>
    </row>
    <row r="2263" spans="1:104" x14ac:dyDescent="0.2">
      <c r="A2263" s="167" t="s">
        <v>111</v>
      </c>
    </row>
    <row r="2264" spans="1:104" x14ac:dyDescent="0.2">
      <c r="A2264" s="167" t="s">
        <v>112</v>
      </c>
    </row>
    <row r="2265" spans="1:104" x14ac:dyDescent="0.2">
      <c r="A2265" s="167" t="s">
        <v>113</v>
      </c>
    </row>
    <row r="2266" spans="1:104" x14ac:dyDescent="0.2">
      <c r="A2266" s="167" t="s">
        <v>114</v>
      </c>
      <c r="B2266" s="166">
        <v>0</v>
      </c>
      <c r="C2266" s="166">
        <v>0</v>
      </c>
      <c r="D2266" s="166">
        <v>0</v>
      </c>
      <c r="E2266" s="166">
        <v>0</v>
      </c>
      <c r="F2266" s="166">
        <v>0</v>
      </c>
      <c r="G2266" s="166">
        <v>0</v>
      </c>
      <c r="H2266" s="166">
        <v>0</v>
      </c>
      <c r="I2266" s="166">
        <v>0</v>
      </c>
      <c r="J2266" s="166">
        <v>0</v>
      </c>
      <c r="K2266" s="166">
        <v>0</v>
      </c>
      <c r="L2266" s="166">
        <v>0</v>
      </c>
      <c r="M2266" s="166">
        <v>0</v>
      </c>
      <c r="N2266" s="166">
        <v>0</v>
      </c>
      <c r="O2266" s="166">
        <v>0</v>
      </c>
      <c r="P2266" s="166">
        <v>0</v>
      </c>
      <c r="Q2266" s="166">
        <v>0</v>
      </c>
      <c r="R2266" s="166">
        <v>0</v>
      </c>
      <c r="S2266" s="166">
        <v>0</v>
      </c>
      <c r="T2266" s="166">
        <v>0</v>
      </c>
      <c r="U2266" s="166">
        <v>0</v>
      </c>
      <c r="V2266" s="166">
        <v>0</v>
      </c>
      <c r="W2266" s="166">
        <v>0</v>
      </c>
      <c r="X2266" s="166">
        <v>0</v>
      </c>
      <c r="Y2266" s="166">
        <v>0</v>
      </c>
      <c r="Z2266" s="166">
        <v>0</v>
      </c>
      <c r="AA2266" s="166">
        <v>0</v>
      </c>
      <c r="AB2266" s="166">
        <v>0</v>
      </c>
      <c r="AC2266" s="166">
        <v>0</v>
      </c>
      <c r="AD2266" s="166">
        <v>0</v>
      </c>
      <c r="AE2266" s="166">
        <v>0</v>
      </c>
      <c r="AF2266" s="166">
        <v>0</v>
      </c>
      <c r="AG2266" s="166">
        <v>0</v>
      </c>
      <c r="AH2266" s="166">
        <v>0</v>
      </c>
      <c r="AI2266" s="166">
        <v>0</v>
      </c>
      <c r="AJ2266" s="166">
        <v>0</v>
      </c>
      <c r="AK2266" s="166">
        <v>0</v>
      </c>
      <c r="AL2266" s="166">
        <v>0</v>
      </c>
      <c r="AM2266" s="166">
        <v>0</v>
      </c>
      <c r="AN2266" s="166">
        <v>0</v>
      </c>
      <c r="AO2266" s="166">
        <v>0</v>
      </c>
      <c r="AP2266" s="166">
        <v>0</v>
      </c>
      <c r="AQ2266" s="166">
        <v>0</v>
      </c>
      <c r="AR2266" s="166">
        <v>0</v>
      </c>
      <c r="AS2266" s="166">
        <v>0</v>
      </c>
      <c r="AT2266" s="166">
        <v>0</v>
      </c>
      <c r="AU2266" s="166">
        <v>0</v>
      </c>
      <c r="AV2266" s="166">
        <v>0</v>
      </c>
      <c r="AW2266" s="166">
        <v>0</v>
      </c>
      <c r="AX2266" s="166">
        <v>0</v>
      </c>
      <c r="AY2266" s="166">
        <v>0</v>
      </c>
      <c r="AZ2266" s="166">
        <v>0</v>
      </c>
      <c r="BA2266" s="166">
        <v>0</v>
      </c>
      <c r="BB2266" s="166">
        <v>0</v>
      </c>
      <c r="BC2266" s="166">
        <v>0</v>
      </c>
      <c r="BD2266" s="166">
        <v>0</v>
      </c>
      <c r="BE2266" s="166">
        <v>0</v>
      </c>
      <c r="BF2266" s="166">
        <v>0</v>
      </c>
      <c r="BG2266" s="166">
        <v>0</v>
      </c>
      <c r="BH2266" s="166">
        <v>0</v>
      </c>
      <c r="BI2266" s="166">
        <v>0</v>
      </c>
      <c r="BJ2266" s="166">
        <v>0</v>
      </c>
      <c r="BK2266" s="166">
        <v>0</v>
      </c>
      <c r="BL2266" s="166">
        <v>0</v>
      </c>
      <c r="BM2266" s="166">
        <v>0</v>
      </c>
      <c r="BN2266" s="166">
        <v>0</v>
      </c>
      <c r="BO2266" s="166">
        <v>0</v>
      </c>
      <c r="BP2266" s="166">
        <v>0</v>
      </c>
      <c r="BQ2266" s="166">
        <v>0</v>
      </c>
      <c r="BR2266" s="166">
        <v>0</v>
      </c>
      <c r="BS2266" s="166">
        <v>0</v>
      </c>
      <c r="BT2266" s="166">
        <v>0</v>
      </c>
      <c r="BU2266" s="166">
        <v>0</v>
      </c>
      <c r="BV2266" s="166">
        <v>0</v>
      </c>
      <c r="BW2266" s="166">
        <v>0</v>
      </c>
      <c r="BX2266" s="166">
        <v>0</v>
      </c>
      <c r="BY2266" s="166">
        <v>0</v>
      </c>
      <c r="BZ2266" s="166">
        <v>0</v>
      </c>
      <c r="CA2266" s="166">
        <v>0</v>
      </c>
      <c r="CB2266" s="166">
        <v>0</v>
      </c>
      <c r="CC2266" s="166">
        <v>0</v>
      </c>
      <c r="CD2266" s="166">
        <v>0</v>
      </c>
      <c r="CE2266" s="166">
        <v>0</v>
      </c>
      <c r="CF2266" s="166">
        <v>0</v>
      </c>
      <c r="CG2266" s="166">
        <v>0</v>
      </c>
      <c r="CH2266" s="166">
        <v>0</v>
      </c>
      <c r="CI2266" s="166">
        <v>0</v>
      </c>
      <c r="CJ2266" s="166">
        <v>0</v>
      </c>
      <c r="CK2266" s="166">
        <v>0</v>
      </c>
      <c r="CL2266" s="166">
        <v>0</v>
      </c>
      <c r="CM2266" s="166">
        <v>0</v>
      </c>
      <c r="CN2266" s="166">
        <v>0</v>
      </c>
      <c r="CO2266" s="166">
        <v>0</v>
      </c>
      <c r="CP2266" s="166">
        <v>0</v>
      </c>
      <c r="CQ2266" s="166">
        <v>0</v>
      </c>
      <c r="CR2266" s="166">
        <v>0</v>
      </c>
      <c r="CS2266" s="166">
        <v>0</v>
      </c>
      <c r="CT2266" s="166">
        <v>0</v>
      </c>
      <c r="CU2266" s="166">
        <v>0</v>
      </c>
      <c r="CV2266" s="166">
        <v>0</v>
      </c>
      <c r="CW2266" s="166">
        <v>0</v>
      </c>
      <c r="CX2266" s="166">
        <v>0</v>
      </c>
      <c r="CY2266" s="166">
        <v>0</v>
      </c>
      <c r="CZ2266" s="166">
        <v>0</v>
      </c>
    </row>
    <row r="2267" spans="1:104" x14ac:dyDescent="0.2">
      <c r="A2267" s="167" t="s">
        <v>115</v>
      </c>
      <c r="B2267" s="166">
        <v>0</v>
      </c>
      <c r="C2267" s="166">
        <v>0</v>
      </c>
      <c r="D2267" s="166">
        <v>0</v>
      </c>
      <c r="E2267" s="166">
        <v>0</v>
      </c>
      <c r="F2267" s="166">
        <v>0</v>
      </c>
      <c r="G2267" s="166">
        <v>0</v>
      </c>
      <c r="H2267" s="166">
        <v>0</v>
      </c>
      <c r="I2267" s="166">
        <v>0</v>
      </c>
      <c r="J2267" s="166">
        <v>0</v>
      </c>
      <c r="K2267" s="166">
        <v>0</v>
      </c>
      <c r="L2267" s="166">
        <v>0</v>
      </c>
      <c r="M2267" s="166">
        <v>0</v>
      </c>
      <c r="N2267" s="166">
        <v>0</v>
      </c>
      <c r="O2267" s="166">
        <v>0</v>
      </c>
      <c r="P2267" s="166">
        <v>0</v>
      </c>
      <c r="Q2267" s="166">
        <v>0</v>
      </c>
      <c r="R2267" s="166">
        <v>0</v>
      </c>
      <c r="S2267" s="166">
        <v>0</v>
      </c>
      <c r="T2267" s="166">
        <v>0</v>
      </c>
      <c r="U2267" s="166">
        <v>0</v>
      </c>
      <c r="V2267" s="166">
        <v>0</v>
      </c>
      <c r="W2267" s="166">
        <v>0</v>
      </c>
      <c r="X2267" s="166">
        <v>0</v>
      </c>
      <c r="Y2267" s="166">
        <v>0</v>
      </c>
      <c r="Z2267" s="166">
        <v>0</v>
      </c>
      <c r="AA2267" s="166">
        <v>0</v>
      </c>
      <c r="AB2267" s="166">
        <v>0</v>
      </c>
      <c r="AC2267" s="166">
        <v>0</v>
      </c>
      <c r="AD2267" s="166">
        <v>0</v>
      </c>
      <c r="AE2267" s="166">
        <v>0</v>
      </c>
      <c r="AF2267" s="166">
        <v>0</v>
      </c>
      <c r="AG2267" s="166">
        <v>0</v>
      </c>
      <c r="AH2267" s="166">
        <v>0</v>
      </c>
      <c r="AI2267" s="166">
        <v>0</v>
      </c>
      <c r="AJ2267" s="166">
        <v>0</v>
      </c>
      <c r="AK2267" s="166">
        <v>0</v>
      </c>
      <c r="AL2267" s="166">
        <v>0</v>
      </c>
      <c r="AM2267" s="166">
        <v>0</v>
      </c>
      <c r="AN2267" s="166">
        <v>0</v>
      </c>
      <c r="AO2267" s="166">
        <v>0</v>
      </c>
      <c r="AP2267" s="166">
        <v>0</v>
      </c>
      <c r="AQ2267" s="166">
        <v>0</v>
      </c>
      <c r="AR2267" s="166">
        <v>0</v>
      </c>
      <c r="AS2267" s="166">
        <v>0</v>
      </c>
      <c r="AT2267" s="166">
        <v>0</v>
      </c>
      <c r="AU2267" s="166">
        <v>0</v>
      </c>
      <c r="AV2267" s="166">
        <v>0</v>
      </c>
      <c r="AW2267" s="166">
        <v>0</v>
      </c>
      <c r="AX2267" s="166">
        <v>0</v>
      </c>
      <c r="AY2267" s="166">
        <v>0</v>
      </c>
      <c r="AZ2267" s="166">
        <v>0</v>
      </c>
      <c r="BA2267" s="166">
        <v>0</v>
      </c>
      <c r="BB2267" s="166">
        <v>0</v>
      </c>
      <c r="BC2267" s="166">
        <v>0</v>
      </c>
      <c r="BD2267" s="166">
        <v>0</v>
      </c>
      <c r="BE2267" s="166">
        <v>0</v>
      </c>
      <c r="BF2267" s="166">
        <v>0</v>
      </c>
      <c r="BG2267" s="166">
        <v>0</v>
      </c>
      <c r="BH2267" s="166">
        <v>0</v>
      </c>
      <c r="BI2267" s="166">
        <v>0</v>
      </c>
      <c r="BJ2267" s="166">
        <v>0</v>
      </c>
      <c r="BK2267" s="166">
        <v>0</v>
      </c>
      <c r="BL2267" s="166">
        <v>0</v>
      </c>
      <c r="BM2267" s="166">
        <v>0</v>
      </c>
      <c r="BN2267" s="166">
        <v>0</v>
      </c>
      <c r="BO2267" s="166">
        <v>0</v>
      </c>
      <c r="BP2267" s="166">
        <v>0</v>
      </c>
      <c r="BQ2267" s="166">
        <v>0</v>
      </c>
      <c r="BR2267" s="166">
        <v>0</v>
      </c>
      <c r="BS2267" s="166">
        <v>0</v>
      </c>
      <c r="BT2267" s="168">
        <v>0</v>
      </c>
      <c r="BU2267" s="166">
        <v>0</v>
      </c>
      <c r="BV2267" s="166">
        <v>0</v>
      </c>
      <c r="BW2267" s="166">
        <v>0</v>
      </c>
      <c r="BX2267" s="166">
        <v>0</v>
      </c>
      <c r="BY2267" s="166">
        <v>0</v>
      </c>
      <c r="BZ2267" s="166">
        <v>0</v>
      </c>
      <c r="CA2267" s="166">
        <v>0</v>
      </c>
      <c r="CB2267" s="166">
        <v>0</v>
      </c>
      <c r="CC2267" s="166">
        <v>0</v>
      </c>
      <c r="CD2267" s="166">
        <v>0</v>
      </c>
      <c r="CE2267" s="166">
        <v>0</v>
      </c>
      <c r="CF2267" s="166">
        <v>0</v>
      </c>
      <c r="CG2267" s="166">
        <v>0</v>
      </c>
      <c r="CH2267" s="166">
        <v>0</v>
      </c>
      <c r="CI2267" s="166">
        <v>0</v>
      </c>
      <c r="CJ2267" s="166">
        <v>0</v>
      </c>
      <c r="CK2267" s="166">
        <v>0</v>
      </c>
      <c r="CL2267" s="166">
        <v>0</v>
      </c>
      <c r="CM2267" s="166">
        <v>0</v>
      </c>
      <c r="CN2267" s="166">
        <v>0</v>
      </c>
      <c r="CO2267" s="166">
        <v>0</v>
      </c>
      <c r="CP2267" s="166">
        <v>0</v>
      </c>
      <c r="CQ2267" s="166">
        <v>0</v>
      </c>
      <c r="CR2267" s="166">
        <v>0</v>
      </c>
      <c r="CS2267" s="166">
        <v>0</v>
      </c>
      <c r="CT2267" s="166">
        <v>0</v>
      </c>
      <c r="CU2267" s="166">
        <v>0</v>
      </c>
      <c r="CV2267" s="166">
        <v>0</v>
      </c>
      <c r="CW2267" s="166">
        <v>0</v>
      </c>
      <c r="CX2267" s="166">
        <v>0</v>
      </c>
      <c r="CY2267" s="166">
        <v>0</v>
      </c>
      <c r="CZ2267" s="166">
        <v>0</v>
      </c>
    </row>
    <row r="2268" spans="1:104" x14ac:dyDescent="0.2">
      <c r="A2268" s="167" t="s">
        <v>116</v>
      </c>
      <c r="B2268" s="166">
        <v>0</v>
      </c>
      <c r="C2268" s="166">
        <v>0</v>
      </c>
      <c r="D2268" s="166">
        <v>0</v>
      </c>
      <c r="E2268" s="166">
        <v>0</v>
      </c>
      <c r="F2268" s="166">
        <v>0</v>
      </c>
      <c r="G2268" s="166">
        <v>0</v>
      </c>
      <c r="H2268" s="166">
        <v>0</v>
      </c>
      <c r="I2268" s="166">
        <v>0</v>
      </c>
      <c r="J2268" s="166">
        <v>0</v>
      </c>
      <c r="K2268" s="166">
        <v>0</v>
      </c>
      <c r="L2268" s="166">
        <v>0</v>
      </c>
      <c r="M2268" s="166">
        <v>0</v>
      </c>
      <c r="N2268" s="166">
        <v>0</v>
      </c>
      <c r="O2268" s="166">
        <v>0</v>
      </c>
      <c r="P2268" s="166">
        <v>0</v>
      </c>
      <c r="Q2268" s="166">
        <v>0</v>
      </c>
      <c r="R2268" s="166">
        <v>0</v>
      </c>
      <c r="S2268" s="166">
        <v>0</v>
      </c>
      <c r="T2268" s="166">
        <v>0</v>
      </c>
      <c r="U2268" s="166">
        <v>0</v>
      </c>
      <c r="V2268" s="166">
        <v>0</v>
      </c>
      <c r="W2268" s="166">
        <v>0</v>
      </c>
      <c r="X2268" s="166">
        <v>0</v>
      </c>
      <c r="Y2268" s="166">
        <v>0</v>
      </c>
      <c r="Z2268" s="166">
        <v>0</v>
      </c>
      <c r="AA2268" s="166">
        <v>0</v>
      </c>
      <c r="AB2268" s="166">
        <v>0</v>
      </c>
      <c r="AC2268" s="166">
        <v>0</v>
      </c>
      <c r="AD2268" s="166">
        <v>0</v>
      </c>
      <c r="AE2268" s="166">
        <v>0</v>
      </c>
      <c r="AF2268" s="166">
        <v>0</v>
      </c>
      <c r="AG2268" s="166">
        <v>0</v>
      </c>
      <c r="AH2268" s="166">
        <v>0</v>
      </c>
      <c r="AI2268" s="166">
        <v>0</v>
      </c>
      <c r="AJ2268" s="166">
        <v>0</v>
      </c>
      <c r="AK2268" s="166">
        <v>0</v>
      </c>
      <c r="AL2268" s="166">
        <v>0</v>
      </c>
      <c r="AM2268" s="166">
        <v>0</v>
      </c>
      <c r="AN2268" s="166">
        <v>0</v>
      </c>
      <c r="AO2268" s="166">
        <v>0</v>
      </c>
      <c r="AP2268" s="166">
        <v>0</v>
      </c>
      <c r="AQ2268" s="166">
        <v>0</v>
      </c>
      <c r="AR2268" s="166">
        <v>0</v>
      </c>
      <c r="AS2268" s="166">
        <v>0</v>
      </c>
      <c r="AT2268" s="166">
        <v>0</v>
      </c>
      <c r="AU2268" s="166">
        <v>0</v>
      </c>
      <c r="AV2268" s="166">
        <v>0</v>
      </c>
      <c r="AW2268" s="166">
        <v>0</v>
      </c>
      <c r="AX2268" s="166">
        <v>0</v>
      </c>
      <c r="AY2268" s="166">
        <v>0</v>
      </c>
      <c r="AZ2268" s="166">
        <v>0</v>
      </c>
      <c r="BA2268" s="166">
        <v>0</v>
      </c>
      <c r="BB2268" s="166">
        <v>0</v>
      </c>
      <c r="BC2268" s="166">
        <v>0</v>
      </c>
      <c r="BD2268" s="166">
        <v>0</v>
      </c>
      <c r="BE2268" s="166">
        <v>0</v>
      </c>
      <c r="BF2268" s="166">
        <v>0</v>
      </c>
      <c r="BG2268" s="166">
        <v>0</v>
      </c>
      <c r="BH2268" s="166">
        <v>0</v>
      </c>
      <c r="BI2268" s="166">
        <v>0</v>
      </c>
      <c r="BJ2268" s="166">
        <v>0</v>
      </c>
      <c r="BK2268" s="166">
        <v>0</v>
      </c>
      <c r="BL2268" s="166">
        <v>0</v>
      </c>
      <c r="BM2268" s="166">
        <v>0</v>
      </c>
      <c r="BN2268" s="166">
        <v>0</v>
      </c>
      <c r="BO2268" s="166">
        <v>0</v>
      </c>
      <c r="BP2268" s="166">
        <v>0</v>
      </c>
      <c r="BQ2268" s="166">
        <v>0</v>
      </c>
      <c r="BR2268" s="166">
        <v>0</v>
      </c>
      <c r="BS2268" s="166">
        <v>0</v>
      </c>
      <c r="BT2268" s="168">
        <v>0</v>
      </c>
      <c r="BU2268" s="166">
        <v>0</v>
      </c>
      <c r="BV2268" s="166">
        <v>0</v>
      </c>
      <c r="BW2268" s="166">
        <v>0</v>
      </c>
      <c r="BX2268" s="166">
        <v>0</v>
      </c>
      <c r="BY2268" s="166">
        <v>0</v>
      </c>
      <c r="BZ2268" s="166">
        <v>0</v>
      </c>
      <c r="CA2268" s="166">
        <v>0</v>
      </c>
      <c r="CB2268" s="166">
        <v>0</v>
      </c>
      <c r="CC2268" s="166">
        <v>0</v>
      </c>
      <c r="CD2268" s="166">
        <v>0</v>
      </c>
      <c r="CE2268" s="166">
        <v>0</v>
      </c>
      <c r="CF2268" s="166">
        <v>0</v>
      </c>
      <c r="CG2268" s="166">
        <v>0</v>
      </c>
      <c r="CH2268" s="166">
        <v>0</v>
      </c>
      <c r="CI2268" s="166">
        <v>0</v>
      </c>
      <c r="CJ2268" s="166">
        <v>0</v>
      </c>
      <c r="CK2268" s="166">
        <v>0</v>
      </c>
      <c r="CL2268" s="166">
        <v>0</v>
      </c>
      <c r="CM2268" s="166">
        <v>0</v>
      </c>
      <c r="CN2268" s="166">
        <v>0</v>
      </c>
      <c r="CO2268" s="166">
        <v>0</v>
      </c>
      <c r="CP2268" s="166">
        <v>0</v>
      </c>
      <c r="CQ2268" s="166">
        <v>0</v>
      </c>
      <c r="CR2268" s="166">
        <v>0</v>
      </c>
      <c r="CS2268" s="166">
        <v>0</v>
      </c>
      <c r="CT2268" s="166">
        <v>0</v>
      </c>
      <c r="CU2268" s="166">
        <v>0</v>
      </c>
      <c r="CV2268" s="166">
        <v>0</v>
      </c>
      <c r="CW2268" s="166">
        <v>0</v>
      </c>
      <c r="CX2268" s="166">
        <v>0</v>
      </c>
      <c r="CY2268" s="166">
        <v>0</v>
      </c>
      <c r="CZ2268" s="166">
        <v>0</v>
      </c>
    </row>
    <row r="2269" spans="1:104" x14ac:dyDescent="0.2">
      <c r="A2269" s="167" t="s">
        <v>117</v>
      </c>
      <c r="B2269" s="166">
        <v>0</v>
      </c>
      <c r="C2269" s="166">
        <v>0</v>
      </c>
      <c r="D2269" s="166">
        <v>0</v>
      </c>
      <c r="E2269" s="166">
        <v>0</v>
      </c>
      <c r="F2269" s="166">
        <v>0</v>
      </c>
      <c r="G2269" s="166">
        <v>0</v>
      </c>
      <c r="H2269" s="166">
        <v>0</v>
      </c>
      <c r="I2269" s="166">
        <v>0</v>
      </c>
      <c r="J2269" s="166">
        <v>0</v>
      </c>
      <c r="K2269" s="166">
        <v>0</v>
      </c>
      <c r="L2269" s="166">
        <v>0</v>
      </c>
      <c r="M2269" s="166">
        <v>0</v>
      </c>
      <c r="N2269" s="166">
        <v>0</v>
      </c>
      <c r="O2269" s="166">
        <v>0</v>
      </c>
      <c r="P2269" s="166">
        <v>0</v>
      </c>
      <c r="Q2269" s="166">
        <v>0</v>
      </c>
      <c r="R2269" s="166">
        <v>0</v>
      </c>
      <c r="S2269" s="166">
        <v>0</v>
      </c>
      <c r="T2269" s="166">
        <v>0</v>
      </c>
      <c r="U2269" s="166">
        <v>0</v>
      </c>
      <c r="V2269" s="166">
        <v>0</v>
      </c>
      <c r="W2269" s="166">
        <v>0</v>
      </c>
      <c r="X2269" s="166">
        <v>0</v>
      </c>
      <c r="Y2269" s="166">
        <v>0</v>
      </c>
      <c r="Z2269" s="166">
        <v>0</v>
      </c>
      <c r="AA2269" s="166">
        <v>0</v>
      </c>
      <c r="AB2269" s="166">
        <v>0</v>
      </c>
      <c r="AC2269" s="166">
        <v>0</v>
      </c>
      <c r="AD2269" s="166">
        <v>0</v>
      </c>
      <c r="AE2269" s="166">
        <v>0</v>
      </c>
      <c r="AF2269" s="166">
        <v>0</v>
      </c>
      <c r="AG2269" s="166">
        <v>0</v>
      </c>
      <c r="AH2269" s="166">
        <v>0</v>
      </c>
      <c r="AI2269" s="166">
        <v>0</v>
      </c>
      <c r="AJ2269" s="166">
        <v>0</v>
      </c>
      <c r="AK2269" s="166">
        <v>0</v>
      </c>
      <c r="AL2269" s="166">
        <v>0</v>
      </c>
      <c r="AM2269" s="166">
        <v>0</v>
      </c>
      <c r="AN2269" s="166">
        <v>0</v>
      </c>
      <c r="AO2269" s="166">
        <v>0</v>
      </c>
      <c r="AP2269" s="166">
        <v>0</v>
      </c>
      <c r="AQ2269" s="166">
        <v>0</v>
      </c>
      <c r="AR2269" s="166">
        <v>0</v>
      </c>
      <c r="AS2269" s="166">
        <v>0</v>
      </c>
      <c r="AT2269" s="166">
        <v>0</v>
      </c>
      <c r="AU2269" s="166">
        <v>0</v>
      </c>
      <c r="AV2269" s="166">
        <v>0</v>
      </c>
      <c r="AW2269" s="166">
        <v>0</v>
      </c>
      <c r="AX2269" s="166">
        <v>0</v>
      </c>
      <c r="AY2269" s="166">
        <v>0</v>
      </c>
      <c r="AZ2269" s="166">
        <v>0</v>
      </c>
      <c r="BA2269" s="166">
        <v>0</v>
      </c>
      <c r="BB2269" s="166">
        <v>0</v>
      </c>
      <c r="BC2269" s="166">
        <v>0</v>
      </c>
      <c r="BD2269" s="166">
        <v>0</v>
      </c>
      <c r="BE2269" s="166">
        <v>0</v>
      </c>
      <c r="BF2269" s="166">
        <v>0</v>
      </c>
      <c r="BG2269" s="166">
        <v>0</v>
      </c>
      <c r="BH2269" s="166">
        <v>0</v>
      </c>
      <c r="BI2269" s="166">
        <v>0</v>
      </c>
      <c r="BJ2269" s="166">
        <v>0</v>
      </c>
      <c r="BK2269" s="166">
        <v>0</v>
      </c>
      <c r="BL2269" s="166">
        <v>0</v>
      </c>
      <c r="BM2269" s="166">
        <v>0</v>
      </c>
      <c r="BN2269" s="166">
        <v>0</v>
      </c>
      <c r="BO2269" s="166">
        <v>0</v>
      </c>
      <c r="BP2269" s="166">
        <v>0</v>
      </c>
      <c r="BQ2269" s="166">
        <v>0</v>
      </c>
      <c r="BR2269" s="166">
        <v>0</v>
      </c>
      <c r="BS2269" s="166">
        <v>0</v>
      </c>
      <c r="BT2269" s="166">
        <v>0</v>
      </c>
      <c r="BU2269" s="166">
        <v>0</v>
      </c>
      <c r="BV2269" s="166">
        <v>0</v>
      </c>
      <c r="BW2269" s="166">
        <v>0</v>
      </c>
      <c r="BX2269" s="166">
        <v>0</v>
      </c>
      <c r="BY2269" s="166">
        <v>0</v>
      </c>
      <c r="BZ2269" s="166">
        <v>0</v>
      </c>
      <c r="CA2269" s="166">
        <v>0</v>
      </c>
      <c r="CB2269" s="166">
        <v>0</v>
      </c>
      <c r="CC2269" s="166">
        <v>0</v>
      </c>
      <c r="CD2269" s="166">
        <v>0</v>
      </c>
      <c r="CE2269" s="166">
        <v>0</v>
      </c>
      <c r="CF2269" s="166">
        <v>0</v>
      </c>
      <c r="CG2269" s="166">
        <v>0</v>
      </c>
      <c r="CH2269" s="166">
        <v>0</v>
      </c>
      <c r="CI2269" s="166">
        <v>0</v>
      </c>
      <c r="CJ2269" s="166">
        <v>0</v>
      </c>
      <c r="CK2269" s="166">
        <v>0</v>
      </c>
      <c r="CL2269" s="166">
        <v>0</v>
      </c>
      <c r="CM2269" s="166">
        <v>0</v>
      </c>
      <c r="CN2269" s="166">
        <v>0</v>
      </c>
      <c r="CO2269" s="166">
        <v>0</v>
      </c>
      <c r="CP2269" s="166">
        <v>0</v>
      </c>
      <c r="CQ2269" s="166">
        <v>0</v>
      </c>
      <c r="CR2269" s="166">
        <v>0</v>
      </c>
      <c r="CS2269" s="166">
        <v>0</v>
      </c>
      <c r="CT2269" s="166">
        <v>0</v>
      </c>
      <c r="CU2269" s="166">
        <v>0</v>
      </c>
      <c r="CV2269" s="166">
        <v>0</v>
      </c>
      <c r="CW2269" s="166">
        <v>0</v>
      </c>
      <c r="CX2269" s="166">
        <v>0</v>
      </c>
      <c r="CY2269" s="166">
        <v>0</v>
      </c>
      <c r="CZ2269" s="166">
        <v>0</v>
      </c>
    </row>
    <row r="2270" spans="1:104" x14ac:dyDescent="0.2">
      <c r="A2270" s="167" t="s">
        <v>118</v>
      </c>
      <c r="B2270" s="166">
        <v>0</v>
      </c>
      <c r="C2270" s="166">
        <v>0</v>
      </c>
      <c r="D2270" s="166">
        <v>0</v>
      </c>
      <c r="E2270" s="166">
        <v>0</v>
      </c>
      <c r="F2270" s="166">
        <v>0</v>
      </c>
      <c r="G2270" s="166">
        <v>0</v>
      </c>
      <c r="H2270" s="166">
        <v>0</v>
      </c>
      <c r="I2270" s="166">
        <v>0</v>
      </c>
      <c r="J2270" s="166">
        <v>0</v>
      </c>
      <c r="K2270" s="166">
        <v>0</v>
      </c>
      <c r="L2270" s="166">
        <v>0</v>
      </c>
      <c r="M2270" s="166">
        <v>0</v>
      </c>
      <c r="N2270" s="166">
        <v>0</v>
      </c>
      <c r="O2270" s="166">
        <v>0</v>
      </c>
      <c r="P2270" s="166">
        <v>0</v>
      </c>
      <c r="Q2270" s="166">
        <v>0</v>
      </c>
      <c r="R2270" s="166">
        <v>0</v>
      </c>
      <c r="S2270" s="166">
        <v>0</v>
      </c>
      <c r="T2270" s="166">
        <v>0</v>
      </c>
      <c r="U2270" s="166">
        <v>0</v>
      </c>
      <c r="V2270" s="166">
        <v>0</v>
      </c>
      <c r="W2270" s="166">
        <v>0</v>
      </c>
      <c r="X2270" s="166">
        <v>0</v>
      </c>
      <c r="Y2270" s="166">
        <v>0</v>
      </c>
      <c r="Z2270" s="166">
        <v>0</v>
      </c>
      <c r="AA2270" s="166">
        <v>0</v>
      </c>
      <c r="AB2270" s="166">
        <v>0</v>
      </c>
      <c r="AC2270" s="166">
        <v>0</v>
      </c>
      <c r="AD2270" s="166">
        <v>0</v>
      </c>
      <c r="AE2270" s="166">
        <v>0</v>
      </c>
      <c r="AF2270" s="166">
        <v>0</v>
      </c>
      <c r="AG2270" s="166">
        <v>0</v>
      </c>
      <c r="AH2270" s="166">
        <v>0</v>
      </c>
      <c r="AI2270" s="166">
        <v>0</v>
      </c>
      <c r="AJ2270" s="166">
        <v>0</v>
      </c>
      <c r="AK2270" s="166">
        <v>0</v>
      </c>
      <c r="AL2270" s="166">
        <v>0</v>
      </c>
      <c r="AM2270" s="166">
        <v>0</v>
      </c>
      <c r="AN2270" s="166">
        <v>0</v>
      </c>
      <c r="AO2270" s="166">
        <v>0</v>
      </c>
      <c r="AP2270" s="166">
        <v>0</v>
      </c>
      <c r="AQ2270" s="166">
        <v>0</v>
      </c>
      <c r="AR2270" s="166">
        <v>0</v>
      </c>
      <c r="AS2270" s="166">
        <v>0</v>
      </c>
      <c r="AT2270" s="166">
        <v>0</v>
      </c>
      <c r="AU2270" s="166">
        <v>0</v>
      </c>
      <c r="AV2270" s="166">
        <v>0</v>
      </c>
      <c r="AW2270" s="166">
        <v>0</v>
      </c>
      <c r="AX2270" s="166">
        <v>0</v>
      </c>
      <c r="AY2270" s="166">
        <v>0</v>
      </c>
      <c r="AZ2270" s="166">
        <v>0</v>
      </c>
      <c r="BA2270" s="166">
        <v>0</v>
      </c>
      <c r="BB2270" s="166">
        <v>0</v>
      </c>
      <c r="BC2270" s="166">
        <v>0</v>
      </c>
      <c r="BD2270" s="166">
        <v>0</v>
      </c>
      <c r="BE2270" s="166">
        <v>0</v>
      </c>
      <c r="BF2270" s="166">
        <v>0</v>
      </c>
      <c r="BG2270" s="166">
        <v>0</v>
      </c>
      <c r="BH2270" s="166">
        <v>0</v>
      </c>
      <c r="BI2270" s="166">
        <v>0</v>
      </c>
      <c r="BJ2270" s="166">
        <v>0</v>
      </c>
      <c r="BK2270" s="166">
        <v>0</v>
      </c>
      <c r="BL2270" s="166">
        <v>0</v>
      </c>
      <c r="BM2270" s="166">
        <v>0</v>
      </c>
      <c r="BN2270" s="166">
        <v>0</v>
      </c>
      <c r="BO2270" s="166">
        <v>0</v>
      </c>
      <c r="BP2270" s="166">
        <v>0</v>
      </c>
      <c r="BQ2270" s="166">
        <v>0</v>
      </c>
      <c r="BR2270" s="166">
        <v>0</v>
      </c>
      <c r="BS2270" s="166">
        <v>0</v>
      </c>
      <c r="BT2270" s="168">
        <v>0</v>
      </c>
      <c r="BU2270" s="166">
        <v>0</v>
      </c>
      <c r="BV2270" s="166">
        <v>0</v>
      </c>
      <c r="BW2270" s="166">
        <v>0</v>
      </c>
      <c r="BX2270" s="166">
        <v>0</v>
      </c>
      <c r="BY2270" s="166">
        <v>0</v>
      </c>
      <c r="BZ2270" s="166">
        <v>0</v>
      </c>
      <c r="CA2270" s="166">
        <v>0</v>
      </c>
      <c r="CB2270" s="166">
        <v>0</v>
      </c>
      <c r="CC2270" s="166">
        <v>0</v>
      </c>
      <c r="CD2270" s="166">
        <v>0</v>
      </c>
      <c r="CE2270" s="166">
        <v>0</v>
      </c>
      <c r="CF2270" s="166">
        <v>0</v>
      </c>
      <c r="CG2270" s="166">
        <v>0</v>
      </c>
      <c r="CH2270" s="166">
        <v>0</v>
      </c>
      <c r="CI2270" s="166">
        <v>0</v>
      </c>
      <c r="CJ2270" s="166">
        <v>0</v>
      </c>
      <c r="CK2270" s="166">
        <v>0</v>
      </c>
      <c r="CL2270" s="166">
        <v>0</v>
      </c>
      <c r="CM2270" s="166">
        <v>0</v>
      </c>
      <c r="CN2270" s="166">
        <v>0</v>
      </c>
      <c r="CO2270" s="166">
        <v>0</v>
      </c>
      <c r="CP2270" s="166">
        <v>0</v>
      </c>
      <c r="CQ2270" s="166">
        <v>0</v>
      </c>
      <c r="CR2270" s="166">
        <v>0</v>
      </c>
      <c r="CS2270" s="166">
        <v>0</v>
      </c>
      <c r="CT2270" s="166">
        <v>0</v>
      </c>
      <c r="CU2270" s="166">
        <v>0</v>
      </c>
      <c r="CV2270" s="166">
        <v>0</v>
      </c>
      <c r="CW2270" s="166">
        <v>0</v>
      </c>
      <c r="CX2270" s="166">
        <v>0</v>
      </c>
      <c r="CY2270" s="166">
        <v>0</v>
      </c>
      <c r="CZ2270" s="166">
        <v>0</v>
      </c>
    </row>
    <row r="2271" spans="1:104" x14ac:dyDescent="0.2">
      <c r="A2271" s="167" t="s">
        <v>119</v>
      </c>
      <c r="B2271" s="166">
        <v>0</v>
      </c>
      <c r="C2271" s="166">
        <v>0</v>
      </c>
      <c r="D2271" s="166">
        <v>0</v>
      </c>
      <c r="E2271" s="166">
        <v>0</v>
      </c>
      <c r="F2271" s="166">
        <v>0</v>
      </c>
      <c r="G2271" s="166">
        <v>0</v>
      </c>
      <c r="H2271" s="166">
        <v>0</v>
      </c>
      <c r="I2271" s="166">
        <v>0</v>
      </c>
      <c r="J2271" s="166">
        <v>0</v>
      </c>
      <c r="K2271" s="166">
        <v>0</v>
      </c>
      <c r="L2271" s="166">
        <v>0</v>
      </c>
      <c r="M2271" s="166">
        <v>0</v>
      </c>
      <c r="N2271" s="166">
        <v>0</v>
      </c>
      <c r="O2271" s="166">
        <v>0</v>
      </c>
      <c r="P2271" s="166">
        <v>0</v>
      </c>
      <c r="Q2271" s="166">
        <v>0</v>
      </c>
      <c r="R2271" s="166">
        <v>0</v>
      </c>
      <c r="S2271" s="166">
        <v>0</v>
      </c>
      <c r="T2271" s="166">
        <v>0</v>
      </c>
      <c r="U2271" s="166">
        <v>0</v>
      </c>
      <c r="V2271" s="166">
        <v>0</v>
      </c>
      <c r="W2271" s="166">
        <v>0</v>
      </c>
      <c r="X2271" s="166">
        <v>0</v>
      </c>
      <c r="Y2271" s="166">
        <v>0</v>
      </c>
      <c r="Z2271" s="166">
        <v>0</v>
      </c>
      <c r="AA2271" s="166">
        <v>0</v>
      </c>
      <c r="AB2271" s="166">
        <v>0</v>
      </c>
      <c r="AC2271" s="166">
        <v>0</v>
      </c>
      <c r="AD2271" s="166">
        <v>0</v>
      </c>
      <c r="AE2271" s="166">
        <v>0</v>
      </c>
      <c r="AF2271" s="166">
        <v>0</v>
      </c>
      <c r="AG2271" s="166">
        <v>0</v>
      </c>
      <c r="AH2271" s="166">
        <v>0</v>
      </c>
      <c r="AI2271" s="166">
        <v>0</v>
      </c>
      <c r="AJ2271" s="166">
        <v>0</v>
      </c>
      <c r="AK2271" s="166">
        <v>0</v>
      </c>
      <c r="AL2271" s="166">
        <v>0</v>
      </c>
      <c r="AM2271" s="166">
        <v>0</v>
      </c>
      <c r="AN2271" s="166">
        <v>0</v>
      </c>
      <c r="AO2271" s="166">
        <v>0</v>
      </c>
      <c r="AP2271" s="166">
        <v>0</v>
      </c>
      <c r="AQ2271" s="166">
        <v>0</v>
      </c>
      <c r="AR2271" s="166">
        <v>0</v>
      </c>
      <c r="AS2271" s="166">
        <v>0</v>
      </c>
      <c r="AT2271" s="166">
        <v>0</v>
      </c>
      <c r="AU2271" s="166">
        <v>0</v>
      </c>
      <c r="AV2271" s="166">
        <v>0</v>
      </c>
      <c r="AW2271" s="166">
        <v>0</v>
      </c>
      <c r="AX2271" s="166">
        <v>0</v>
      </c>
      <c r="AY2271" s="166">
        <v>0</v>
      </c>
      <c r="AZ2271" s="166">
        <v>0</v>
      </c>
      <c r="BA2271" s="166">
        <v>0</v>
      </c>
      <c r="BB2271" s="166">
        <v>0</v>
      </c>
      <c r="BC2271" s="166">
        <v>0</v>
      </c>
      <c r="BD2271" s="166">
        <v>0</v>
      </c>
      <c r="BE2271" s="166">
        <v>0</v>
      </c>
      <c r="BF2271" s="166">
        <v>0</v>
      </c>
      <c r="BG2271" s="166">
        <v>0</v>
      </c>
      <c r="BH2271" s="166">
        <v>0</v>
      </c>
      <c r="BI2271" s="166">
        <v>0</v>
      </c>
      <c r="BJ2271" s="166">
        <v>0</v>
      </c>
      <c r="BK2271" s="166">
        <v>0</v>
      </c>
      <c r="BL2271" s="166">
        <v>0</v>
      </c>
      <c r="BM2271" s="166">
        <v>0</v>
      </c>
      <c r="BN2271" s="166">
        <v>0</v>
      </c>
      <c r="BO2271" s="166">
        <v>0</v>
      </c>
      <c r="BP2271" s="166">
        <v>0</v>
      </c>
      <c r="BQ2271" s="166">
        <v>0</v>
      </c>
      <c r="BR2271" s="166">
        <v>0</v>
      </c>
      <c r="BS2271" s="166">
        <v>0</v>
      </c>
      <c r="BT2271" s="168">
        <v>0</v>
      </c>
      <c r="BU2271" s="166">
        <v>0</v>
      </c>
      <c r="BV2271" s="166">
        <v>0</v>
      </c>
      <c r="BW2271" s="166">
        <v>0</v>
      </c>
      <c r="BX2271" s="166">
        <v>0</v>
      </c>
      <c r="BY2271" s="166">
        <v>0</v>
      </c>
      <c r="BZ2271" s="166">
        <v>0</v>
      </c>
      <c r="CA2271" s="166">
        <v>0</v>
      </c>
      <c r="CB2271" s="166">
        <v>0</v>
      </c>
      <c r="CC2271" s="166">
        <v>0</v>
      </c>
      <c r="CD2271" s="166">
        <v>0</v>
      </c>
      <c r="CE2271" s="166">
        <v>0</v>
      </c>
      <c r="CF2271" s="166">
        <v>0</v>
      </c>
      <c r="CG2271" s="166">
        <v>0</v>
      </c>
      <c r="CH2271" s="166">
        <v>0</v>
      </c>
      <c r="CI2271" s="166">
        <v>0</v>
      </c>
      <c r="CJ2271" s="166">
        <v>0</v>
      </c>
      <c r="CK2271" s="166">
        <v>0</v>
      </c>
      <c r="CL2271" s="166">
        <v>0</v>
      </c>
      <c r="CM2271" s="166">
        <v>0</v>
      </c>
      <c r="CN2271" s="166">
        <v>0</v>
      </c>
      <c r="CO2271" s="166">
        <v>0</v>
      </c>
      <c r="CP2271" s="166">
        <v>0</v>
      </c>
      <c r="CQ2271" s="166">
        <v>0</v>
      </c>
      <c r="CR2271" s="166">
        <v>0</v>
      </c>
      <c r="CS2271" s="166">
        <v>0</v>
      </c>
      <c r="CT2271" s="166">
        <v>0</v>
      </c>
      <c r="CU2271" s="166">
        <v>0</v>
      </c>
      <c r="CV2271" s="166">
        <v>0</v>
      </c>
      <c r="CW2271" s="166">
        <v>0</v>
      </c>
      <c r="CX2271" s="166">
        <v>0</v>
      </c>
      <c r="CY2271" s="166">
        <v>0</v>
      </c>
      <c r="CZ2271" s="166">
        <v>0</v>
      </c>
    </row>
    <row r="2272" spans="1:104" x14ac:dyDescent="0.2">
      <c r="A2272" s="167" t="s">
        <v>120</v>
      </c>
      <c r="B2272" s="166">
        <v>0</v>
      </c>
      <c r="C2272" s="166">
        <v>0</v>
      </c>
      <c r="D2272" s="166">
        <v>0</v>
      </c>
      <c r="E2272" s="166">
        <v>0</v>
      </c>
      <c r="F2272" s="166">
        <v>0</v>
      </c>
      <c r="G2272" s="166">
        <v>0</v>
      </c>
      <c r="H2272" s="166">
        <v>0</v>
      </c>
      <c r="I2272" s="166">
        <v>0</v>
      </c>
      <c r="J2272" s="166">
        <v>0</v>
      </c>
      <c r="K2272" s="166">
        <v>0</v>
      </c>
      <c r="L2272" s="166">
        <v>0</v>
      </c>
      <c r="M2272" s="166">
        <v>0</v>
      </c>
      <c r="N2272" s="166">
        <v>0</v>
      </c>
      <c r="O2272" s="166">
        <v>0</v>
      </c>
      <c r="P2272" s="166">
        <v>0</v>
      </c>
      <c r="Q2272" s="166">
        <v>0</v>
      </c>
      <c r="R2272" s="166">
        <v>0</v>
      </c>
      <c r="S2272" s="166">
        <v>0</v>
      </c>
      <c r="T2272" s="166">
        <v>0</v>
      </c>
      <c r="U2272" s="166">
        <v>0</v>
      </c>
      <c r="V2272" s="166">
        <v>0</v>
      </c>
      <c r="W2272" s="166">
        <v>0</v>
      </c>
      <c r="X2272" s="166">
        <v>0</v>
      </c>
      <c r="Y2272" s="166">
        <v>0</v>
      </c>
      <c r="Z2272" s="166">
        <v>0</v>
      </c>
      <c r="AA2272" s="166">
        <v>0</v>
      </c>
      <c r="AB2272" s="166">
        <v>0</v>
      </c>
      <c r="AC2272" s="166">
        <v>0</v>
      </c>
      <c r="AD2272" s="166">
        <v>0</v>
      </c>
      <c r="AE2272" s="166">
        <v>0</v>
      </c>
      <c r="AF2272" s="166">
        <v>0</v>
      </c>
      <c r="AG2272" s="166">
        <v>0</v>
      </c>
      <c r="AH2272" s="166">
        <v>0</v>
      </c>
      <c r="AI2272" s="166">
        <v>0</v>
      </c>
      <c r="AJ2272" s="166">
        <v>0</v>
      </c>
      <c r="AK2272" s="166">
        <v>0</v>
      </c>
      <c r="AL2272" s="166">
        <v>0</v>
      </c>
      <c r="AM2272" s="166">
        <v>0</v>
      </c>
      <c r="AN2272" s="166">
        <v>0</v>
      </c>
      <c r="AO2272" s="166">
        <v>0</v>
      </c>
      <c r="AP2272" s="166">
        <v>0</v>
      </c>
      <c r="AQ2272" s="166">
        <v>0</v>
      </c>
      <c r="AR2272" s="166">
        <v>0</v>
      </c>
      <c r="AS2272" s="166">
        <v>0</v>
      </c>
      <c r="AT2272" s="166">
        <v>0</v>
      </c>
      <c r="AU2272" s="166">
        <v>0</v>
      </c>
      <c r="AV2272" s="166">
        <v>0</v>
      </c>
      <c r="AW2272" s="166">
        <v>0</v>
      </c>
      <c r="AX2272" s="166">
        <v>0</v>
      </c>
      <c r="AY2272" s="166">
        <v>0</v>
      </c>
      <c r="AZ2272" s="166">
        <v>0</v>
      </c>
      <c r="BA2272" s="166">
        <v>0</v>
      </c>
      <c r="BB2272" s="166">
        <v>0</v>
      </c>
      <c r="BC2272" s="166">
        <v>0</v>
      </c>
      <c r="BD2272" s="166">
        <v>0</v>
      </c>
      <c r="BE2272" s="166">
        <v>0</v>
      </c>
      <c r="BF2272" s="166">
        <v>0</v>
      </c>
      <c r="BG2272" s="166">
        <v>0</v>
      </c>
      <c r="BH2272" s="166">
        <v>0</v>
      </c>
      <c r="BI2272" s="166">
        <v>0</v>
      </c>
      <c r="BJ2272" s="166">
        <v>0</v>
      </c>
      <c r="BK2272" s="166">
        <v>0</v>
      </c>
      <c r="BL2272" s="166">
        <v>0</v>
      </c>
      <c r="BM2272" s="166">
        <v>0</v>
      </c>
      <c r="BN2272" s="166">
        <v>0</v>
      </c>
      <c r="BO2272" s="166">
        <v>0</v>
      </c>
      <c r="BP2272" s="166">
        <v>0</v>
      </c>
      <c r="BQ2272" s="166">
        <v>0</v>
      </c>
      <c r="BR2272" s="166">
        <v>0</v>
      </c>
      <c r="BS2272" s="166">
        <v>0</v>
      </c>
      <c r="BT2272" s="168">
        <v>0</v>
      </c>
      <c r="BU2272" s="166">
        <v>0</v>
      </c>
      <c r="BV2272" s="166">
        <v>0</v>
      </c>
      <c r="BW2272" s="166">
        <v>0</v>
      </c>
      <c r="BX2272" s="166">
        <v>0</v>
      </c>
      <c r="BY2272" s="166">
        <v>0</v>
      </c>
      <c r="BZ2272" s="166">
        <v>0</v>
      </c>
      <c r="CA2272" s="166">
        <v>0</v>
      </c>
      <c r="CB2272" s="166">
        <v>0</v>
      </c>
      <c r="CC2272" s="166">
        <v>0</v>
      </c>
      <c r="CD2272" s="166">
        <v>0</v>
      </c>
      <c r="CE2272" s="166">
        <v>0</v>
      </c>
      <c r="CF2272" s="166">
        <v>0</v>
      </c>
      <c r="CG2272" s="166">
        <v>0</v>
      </c>
      <c r="CH2272" s="166">
        <v>0</v>
      </c>
      <c r="CI2272" s="166">
        <v>0</v>
      </c>
      <c r="CJ2272" s="166">
        <v>0</v>
      </c>
      <c r="CK2272" s="166">
        <v>0</v>
      </c>
      <c r="CL2272" s="166">
        <v>0</v>
      </c>
      <c r="CM2272" s="166">
        <v>0</v>
      </c>
      <c r="CN2272" s="166">
        <v>0</v>
      </c>
      <c r="CO2272" s="166">
        <v>0</v>
      </c>
      <c r="CP2272" s="166">
        <v>0</v>
      </c>
      <c r="CQ2272" s="166">
        <v>0</v>
      </c>
      <c r="CR2272" s="166">
        <v>0</v>
      </c>
      <c r="CS2272" s="166">
        <v>0</v>
      </c>
      <c r="CT2272" s="166">
        <v>0</v>
      </c>
      <c r="CU2272" s="166">
        <v>0</v>
      </c>
      <c r="CV2272" s="166">
        <v>0</v>
      </c>
      <c r="CW2272" s="166">
        <v>0</v>
      </c>
      <c r="CX2272" s="166">
        <v>0</v>
      </c>
      <c r="CY2272" s="166">
        <v>0</v>
      </c>
      <c r="CZ2272" s="166">
        <v>0</v>
      </c>
    </row>
    <row r="2273" spans="1:104" x14ac:dyDescent="0.2">
      <c r="A2273" s="167" t="s">
        <v>121</v>
      </c>
      <c r="B2273" s="166">
        <v>0</v>
      </c>
      <c r="C2273" s="166">
        <v>0</v>
      </c>
      <c r="D2273" s="166">
        <v>0</v>
      </c>
      <c r="E2273" s="166">
        <v>0</v>
      </c>
      <c r="F2273" s="166">
        <v>0</v>
      </c>
      <c r="G2273" s="166">
        <v>0</v>
      </c>
      <c r="H2273" s="166">
        <v>0</v>
      </c>
      <c r="I2273" s="166">
        <v>0</v>
      </c>
      <c r="J2273" s="166">
        <v>0</v>
      </c>
      <c r="K2273" s="166">
        <v>0</v>
      </c>
      <c r="L2273" s="166">
        <v>0</v>
      </c>
      <c r="M2273" s="166">
        <v>0</v>
      </c>
      <c r="N2273" s="166">
        <v>0</v>
      </c>
      <c r="O2273" s="166">
        <v>0</v>
      </c>
      <c r="P2273" s="166">
        <v>0</v>
      </c>
      <c r="Q2273" s="166">
        <v>0</v>
      </c>
      <c r="R2273" s="166">
        <v>0</v>
      </c>
      <c r="S2273" s="166">
        <v>0</v>
      </c>
      <c r="T2273" s="166">
        <v>0</v>
      </c>
      <c r="U2273" s="166">
        <v>0</v>
      </c>
      <c r="V2273" s="166">
        <v>0</v>
      </c>
      <c r="W2273" s="166">
        <v>0</v>
      </c>
      <c r="X2273" s="166">
        <v>0</v>
      </c>
      <c r="Y2273" s="166">
        <v>0</v>
      </c>
      <c r="Z2273" s="166">
        <v>0</v>
      </c>
      <c r="AA2273" s="166">
        <v>0</v>
      </c>
      <c r="AB2273" s="166">
        <v>0</v>
      </c>
      <c r="AC2273" s="166">
        <v>0</v>
      </c>
      <c r="AD2273" s="166">
        <v>0</v>
      </c>
      <c r="AE2273" s="166">
        <v>0</v>
      </c>
      <c r="AF2273" s="166">
        <v>0</v>
      </c>
      <c r="AG2273" s="166">
        <v>0</v>
      </c>
      <c r="AH2273" s="166">
        <v>0</v>
      </c>
      <c r="AI2273" s="166">
        <v>0</v>
      </c>
      <c r="AJ2273" s="166">
        <v>0</v>
      </c>
      <c r="AK2273" s="166">
        <v>0</v>
      </c>
      <c r="AL2273" s="166">
        <v>0</v>
      </c>
      <c r="AM2273" s="166">
        <v>0</v>
      </c>
      <c r="AN2273" s="166">
        <v>0</v>
      </c>
      <c r="AO2273" s="166">
        <v>0</v>
      </c>
      <c r="AP2273" s="166">
        <v>0</v>
      </c>
      <c r="AQ2273" s="166">
        <v>0</v>
      </c>
      <c r="AR2273" s="166">
        <v>0</v>
      </c>
      <c r="AS2273" s="166">
        <v>0</v>
      </c>
      <c r="AT2273" s="166">
        <v>0</v>
      </c>
      <c r="AU2273" s="166">
        <v>0</v>
      </c>
      <c r="AV2273" s="166">
        <v>0</v>
      </c>
      <c r="AW2273" s="166">
        <v>0</v>
      </c>
      <c r="AX2273" s="166">
        <v>0</v>
      </c>
      <c r="AY2273" s="166">
        <v>0</v>
      </c>
      <c r="AZ2273" s="166">
        <v>0</v>
      </c>
      <c r="BA2273" s="166">
        <v>0</v>
      </c>
      <c r="BB2273" s="166">
        <v>0</v>
      </c>
      <c r="BC2273" s="166">
        <v>0</v>
      </c>
      <c r="BD2273" s="166">
        <v>0</v>
      </c>
      <c r="BE2273" s="166">
        <v>0</v>
      </c>
      <c r="BF2273" s="166">
        <v>0</v>
      </c>
      <c r="BG2273" s="166">
        <v>0</v>
      </c>
      <c r="BH2273" s="166">
        <v>0</v>
      </c>
      <c r="BI2273" s="166">
        <v>0</v>
      </c>
      <c r="BJ2273" s="166">
        <v>0</v>
      </c>
      <c r="BK2273" s="166">
        <v>0</v>
      </c>
      <c r="BL2273" s="166">
        <v>0</v>
      </c>
      <c r="BM2273" s="166">
        <v>0</v>
      </c>
      <c r="BN2273" s="166">
        <v>0</v>
      </c>
      <c r="BO2273" s="166">
        <v>0</v>
      </c>
      <c r="BP2273" s="166">
        <v>0</v>
      </c>
      <c r="BQ2273" s="166">
        <v>0</v>
      </c>
      <c r="BR2273" s="166">
        <v>0</v>
      </c>
      <c r="BS2273" s="166">
        <v>0</v>
      </c>
      <c r="BT2273" s="166">
        <v>0</v>
      </c>
      <c r="BU2273" s="166">
        <v>0</v>
      </c>
      <c r="BV2273" s="166">
        <v>0</v>
      </c>
      <c r="BW2273" s="166">
        <v>0</v>
      </c>
      <c r="BX2273" s="166">
        <v>0</v>
      </c>
      <c r="BY2273" s="166">
        <v>0</v>
      </c>
      <c r="BZ2273" s="166">
        <v>0</v>
      </c>
      <c r="CA2273" s="166">
        <v>0</v>
      </c>
      <c r="CB2273" s="166">
        <v>0</v>
      </c>
      <c r="CC2273" s="166">
        <v>0</v>
      </c>
      <c r="CD2273" s="166">
        <v>0</v>
      </c>
      <c r="CE2273" s="166">
        <v>0</v>
      </c>
      <c r="CF2273" s="166">
        <v>0</v>
      </c>
      <c r="CG2273" s="166">
        <v>0</v>
      </c>
      <c r="CH2273" s="166">
        <v>0</v>
      </c>
      <c r="CI2273" s="166">
        <v>0</v>
      </c>
      <c r="CJ2273" s="166">
        <v>0</v>
      </c>
      <c r="CK2273" s="166">
        <v>0</v>
      </c>
      <c r="CL2273" s="166">
        <v>0</v>
      </c>
      <c r="CM2273" s="166">
        <v>0</v>
      </c>
      <c r="CN2273" s="166">
        <v>0</v>
      </c>
      <c r="CO2273" s="166">
        <v>0</v>
      </c>
      <c r="CP2273" s="166">
        <v>0</v>
      </c>
      <c r="CQ2273" s="166">
        <v>0</v>
      </c>
      <c r="CR2273" s="166">
        <v>0</v>
      </c>
      <c r="CS2273" s="166">
        <v>0</v>
      </c>
      <c r="CT2273" s="166">
        <v>0</v>
      </c>
      <c r="CU2273" s="166">
        <v>0</v>
      </c>
      <c r="CV2273" s="166">
        <v>0</v>
      </c>
      <c r="CW2273" s="166">
        <v>0</v>
      </c>
      <c r="CX2273" s="166">
        <v>0</v>
      </c>
      <c r="CY2273" s="166">
        <v>0</v>
      </c>
      <c r="CZ2273" s="166">
        <v>0</v>
      </c>
    </row>
    <row r="2274" spans="1:104" x14ac:dyDescent="0.2">
      <c r="A2274" s="167" t="s">
        <v>122</v>
      </c>
      <c r="B2274" s="166">
        <v>0</v>
      </c>
      <c r="C2274" s="166">
        <v>0</v>
      </c>
      <c r="D2274" s="166">
        <v>0</v>
      </c>
      <c r="E2274" s="166">
        <v>0</v>
      </c>
      <c r="F2274" s="166">
        <v>0</v>
      </c>
      <c r="G2274" s="166">
        <v>0</v>
      </c>
      <c r="H2274" s="166">
        <v>0</v>
      </c>
      <c r="I2274" s="166">
        <v>0</v>
      </c>
      <c r="J2274" s="166">
        <v>0</v>
      </c>
      <c r="K2274" s="166">
        <v>0</v>
      </c>
      <c r="L2274" s="166">
        <v>0</v>
      </c>
      <c r="M2274" s="166">
        <v>0</v>
      </c>
      <c r="N2274" s="166">
        <v>0</v>
      </c>
      <c r="O2274" s="166">
        <v>0</v>
      </c>
      <c r="P2274" s="166">
        <v>0</v>
      </c>
      <c r="Q2274" s="166">
        <v>0</v>
      </c>
      <c r="R2274" s="166">
        <v>0</v>
      </c>
      <c r="S2274" s="166">
        <v>0</v>
      </c>
      <c r="T2274" s="166">
        <v>0</v>
      </c>
      <c r="U2274" s="166">
        <v>0</v>
      </c>
      <c r="V2274" s="166">
        <v>0</v>
      </c>
      <c r="W2274" s="166">
        <v>0</v>
      </c>
      <c r="X2274" s="166">
        <v>0</v>
      </c>
      <c r="Y2274" s="166">
        <v>0</v>
      </c>
      <c r="Z2274" s="166">
        <v>0</v>
      </c>
      <c r="AA2274" s="166">
        <v>0</v>
      </c>
      <c r="AB2274" s="166">
        <v>0</v>
      </c>
      <c r="AC2274" s="166">
        <v>0</v>
      </c>
      <c r="AD2274" s="166">
        <v>0</v>
      </c>
      <c r="AE2274" s="166">
        <v>0</v>
      </c>
      <c r="AF2274" s="166">
        <v>0</v>
      </c>
      <c r="AG2274" s="166">
        <v>0</v>
      </c>
      <c r="AH2274" s="166">
        <v>0</v>
      </c>
      <c r="AI2274" s="166">
        <v>0</v>
      </c>
      <c r="AJ2274" s="166">
        <v>0</v>
      </c>
      <c r="AK2274" s="166">
        <v>0</v>
      </c>
      <c r="AL2274" s="166">
        <v>0</v>
      </c>
      <c r="AM2274" s="166">
        <v>0</v>
      </c>
      <c r="AN2274" s="166">
        <v>0</v>
      </c>
      <c r="AO2274" s="166">
        <v>0</v>
      </c>
      <c r="AP2274" s="166">
        <v>0</v>
      </c>
      <c r="AQ2274" s="166">
        <v>0</v>
      </c>
      <c r="AR2274" s="166">
        <v>0</v>
      </c>
      <c r="AS2274" s="166">
        <v>0</v>
      </c>
      <c r="AT2274" s="166">
        <v>0</v>
      </c>
      <c r="AU2274" s="166">
        <v>0</v>
      </c>
      <c r="AV2274" s="166">
        <v>0</v>
      </c>
      <c r="AW2274" s="166">
        <v>0</v>
      </c>
      <c r="AX2274" s="166">
        <v>0</v>
      </c>
      <c r="AY2274" s="166">
        <v>0</v>
      </c>
      <c r="AZ2274" s="166">
        <v>0</v>
      </c>
      <c r="BA2274" s="166">
        <v>0</v>
      </c>
      <c r="BB2274" s="166">
        <v>0</v>
      </c>
      <c r="BC2274" s="166">
        <v>0</v>
      </c>
      <c r="BD2274" s="166">
        <v>0</v>
      </c>
      <c r="BE2274" s="166">
        <v>0</v>
      </c>
      <c r="BF2274" s="166">
        <v>0</v>
      </c>
      <c r="BG2274" s="166">
        <v>0</v>
      </c>
      <c r="BH2274" s="166">
        <v>0</v>
      </c>
      <c r="BI2274" s="166">
        <v>0</v>
      </c>
      <c r="BJ2274" s="166">
        <v>0</v>
      </c>
      <c r="BK2274" s="166">
        <v>0</v>
      </c>
      <c r="BL2274" s="166">
        <v>0</v>
      </c>
      <c r="BM2274" s="166">
        <v>0</v>
      </c>
      <c r="BN2274" s="166">
        <v>0</v>
      </c>
      <c r="BO2274" s="166">
        <v>0</v>
      </c>
      <c r="BP2274" s="166">
        <v>0</v>
      </c>
      <c r="BQ2274" s="166">
        <v>0</v>
      </c>
      <c r="BR2274" s="166">
        <v>0</v>
      </c>
      <c r="BS2274" s="166">
        <v>0</v>
      </c>
      <c r="BT2274" s="166">
        <v>0</v>
      </c>
      <c r="BU2274" s="166">
        <v>0</v>
      </c>
      <c r="BV2274" s="166">
        <v>0</v>
      </c>
      <c r="BW2274" s="166">
        <v>0</v>
      </c>
      <c r="BX2274" s="166">
        <v>0</v>
      </c>
      <c r="BY2274" s="166">
        <v>0</v>
      </c>
      <c r="BZ2274" s="166">
        <v>0</v>
      </c>
      <c r="CA2274" s="166">
        <v>0</v>
      </c>
      <c r="CB2274" s="166">
        <v>0</v>
      </c>
      <c r="CC2274" s="166">
        <v>0</v>
      </c>
      <c r="CD2274" s="166">
        <v>0</v>
      </c>
      <c r="CE2274" s="166">
        <v>0</v>
      </c>
      <c r="CF2274" s="166">
        <v>0</v>
      </c>
      <c r="CG2274" s="166">
        <v>0</v>
      </c>
      <c r="CH2274" s="166">
        <v>0</v>
      </c>
      <c r="CI2274" s="166">
        <v>0</v>
      </c>
      <c r="CJ2274" s="166">
        <v>0</v>
      </c>
      <c r="CK2274" s="166">
        <v>0</v>
      </c>
      <c r="CL2274" s="166">
        <v>0</v>
      </c>
      <c r="CM2274" s="166">
        <v>0</v>
      </c>
      <c r="CN2274" s="166">
        <v>0</v>
      </c>
      <c r="CO2274" s="166">
        <v>0</v>
      </c>
      <c r="CP2274" s="166">
        <v>0</v>
      </c>
      <c r="CQ2274" s="166">
        <v>0</v>
      </c>
      <c r="CR2274" s="166">
        <v>0</v>
      </c>
      <c r="CS2274" s="166">
        <v>0</v>
      </c>
      <c r="CT2274" s="166">
        <v>0</v>
      </c>
      <c r="CU2274" s="166">
        <v>0</v>
      </c>
      <c r="CV2274" s="166">
        <v>0</v>
      </c>
      <c r="CW2274" s="166">
        <v>0</v>
      </c>
      <c r="CX2274" s="166">
        <v>0</v>
      </c>
      <c r="CY2274" s="166">
        <v>0</v>
      </c>
      <c r="CZ2274" s="166">
        <v>0</v>
      </c>
    </row>
    <row r="2275" spans="1:104" x14ac:dyDescent="0.2">
      <c r="A2275" s="167" t="s">
        <v>123</v>
      </c>
      <c r="B2275" s="166">
        <v>0</v>
      </c>
      <c r="C2275" s="166">
        <v>0</v>
      </c>
      <c r="D2275" s="166">
        <v>0</v>
      </c>
      <c r="E2275" s="166">
        <v>0</v>
      </c>
      <c r="F2275" s="166">
        <v>0</v>
      </c>
      <c r="G2275" s="166">
        <v>0</v>
      </c>
      <c r="H2275" s="166">
        <v>0</v>
      </c>
      <c r="I2275" s="166">
        <v>0</v>
      </c>
      <c r="J2275" s="166">
        <v>0</v>
      </c>
      <c r="K2275" s="166">
        <v>0</v>
      </c>
      <c r="L2275" s="166">
        <v>0</v>
      </c>
      <c r="M2275" s="166">
        <v>0</v>
      </c>
      <c r="N2275" s="166">
        <v>0</v>
      </c>
      <c r="O2275" s="166">
        <v>0</v>
      </c>
      <c r="P2275" s="166">
        <v>0</v>
      </c>
      <c r="Q2275" s="166">
        <v>0</v>
      </c>
      <c r="R2275" s="166">
        <v>0</v>
      </c>
      <c r="S2275" s="166">
        <v>0</v>
      </c>
      <c r="T2275" s="166">
        <v>0</v>
      </c>
      <c r="U2275" s="166">
        <v>0</v>
      </c>
      <c r="V2275" s="166">
        <v>0</v>
      </c>
      <c r="W2275" s="166">
        <v>0</v>
      </c>
      <c r="X2275" s="166">
        <v>0</v>
      </c>
      <c r="Y2275" s="166">
        <v>0</v>
      </c>
      <c r="Z2275" s="166">
        <v>0</v>
      </c>
      <c r="AA2275" s="166">
        <v>0</v>
      </c>
      <c r="AB2275" s="166">
        <v>0</v>
      </c>
      <c r="AC2275" s="166">
        <v>0</v>
      </c>
      <c r="AD2275" s="166">
        <v>0</v>
      </c>
      <c r="AE2275" s="166">
        <v>0</v>
      </c>
      <c r="AF2275" s="166">
        <v>0</v>
      </c>
      <c r="AG2275" s="166">
        <v>0</v>
      </c>
      <c r="AH2275" s="166">
        <v>0</v>
      </c>
      <c r="AI2275" s="166">
        <v>0</v>
      </c>
      <c r="AJ2275" s="166">
        <v>0</v>
      </c>
      <c r="AK2275" s="166">
        <v>0</v>
      </c>
      <c r="AL2275" s="166">
        <v>0</v>
      </c>
      <c r="AM2275" s="166">
        <v>0</v>
      </c>
      <c r="AN2275" s="166">
        <v>0</v>
      </c>
      <c r="AO2275" s="166">
        <v>0</v>
      </c>
      <c r="AP2275" s="166">
        <v>0</v>
      </c>
      <c r="AQ2275" s="166">
        <v>0</v>
      </c>
      <c r="AR2275" s="166">
        <v>0</v>
      </c>
      <c r="AS2275" s="166">
        <v>0</v>
      </c>
      <c r="AT2275" s="166">
        <v>0</v>
      </c>
      <c r="AU2275" s="166">
        <v>0</v>
      </c>
      <c r="AV2275" s="166">
        <v>0</v>
      </c>
      <c r="AW2275" s="166">
        <v>0</v>
      </c>
      <c r="AX2275" s="166">
        <v>0</v>
      </c>
      <c r="AY2275" s="166">
        <v>0</v>
      </c>
      <c r="AZ2275" s="166">
        <v>0</v>
      </c>
      <c r="BA2275" s="166">
        <v>0</v>
      </c>
      <c r="BB2275" s="166">
        <v>0</v>
      </c>
      <c r="BC2275" s="166">
        <v>0</v>
      </c>
      <c r="BD2275" s="166">
        <v>0</v>
      </c>
      <c r="BE2275" s="166">
        <v>0</v>
      </c>
      <c r="BF2275" s="166">
        <v>0</v>
      </c>
      <c r="BG2275" s="166">
        <v>0</v>
      </c>
      <c r="BH2275" s="166">
        <v>0</v>
      </c>
      <c r="BI2275" s="166">
        <v>0</v>
      </c>
      <c r="BJ2275" s="166">
        <v>0</v>
      </c>
      <c r="BK2275" s="166">
        <v>0</v>
      </c>
      <c r="BL2275" s="166">
        <v>0</v>
      </c>
      <c r="BM2275" s="166">
        <v>0</v>
      </c>
      <c r="BN2275" s="166">
        <v>0</v>
      </c>
      <c r="BO2275" s="166">
        <v>0</v>
      </c>
      <c r="BP2275" s="166">
        <v>0</v>
      </c>
      <c r="BQ2275" s="166">
        <v>0</v>
      </c>
      <c r="BR2275" s="166">
        <v>0</v>
      </c>
      <c r="BS2275" s="166">
        <v>0</v>
      </c>
      <c r="BT2275" s="168">
        <v>0</v>
      </c>
      <c r="BU2275" s="166">
        <v>0</v>
      </c>
      <c r="BV2275" s="166">
        <v>0</v>
      </c>
      <c r="BW2275" s="166">
        <v>0</v>
      </c>
      <c r="BX2275" s="166">
        <v>0</v>
      </c>
      <c r="BY2275" s="166">
        <v>0</v>
      </c>
      <c r="BZ2275" s="166">
        <v>0</v>
      </c>
      <c r="CA2275" s="166">
        <v>0</v>
      </c>
      <c r="CB2275" s="166">
        <v>0</v>
      </c>
      <c r="CC2275" s="166">
        <v>0</v>
      </c>
      <c r="CD2275" s="166">
        <v>0</v>
      </c>
      <c r="CE2275" s="166">
        <v>0</v>
      </c>
      <c r="CF2275" s="166">
        <v>0</v>
      </c>
      <c r="CG2275" s="166">
        <v>0</v>
      </c>
      <c r="CH2275" s="166">
        <v>0</v>
      </c>
      <c r="CI2275" s="166">
        <v>0</v>
      </c>
      <c r="CJ2275" s="166">
        <v>0</v>
      </c>
      <c r="CK2275" s="166">
        <v>0</v>
      </c>
      <c r="CL2275" s="166">
        <v>0</v>
      </c>
      <c r="CM2275" s="166">
        <v>0</v>
      </c>
      <c r="CN2275" s="166">
        <v>0</v>
      </c>
      <c r="CO2275" s="166">
        <v>0</v>
      </c>
      <c r="CP2275" s="166">
        <v>0</v>
      </c>
      <c r="CQ2275" s="166">
        <v>0</v>
      </c>
      <c r="CR2275" s="166">
        <v>0</v>
      </c>
      <c r="CS2275" s="166">
        <v>0</v>
      </c>
      <c r="CT2275" s="166">
        <v>0</v>
      </c>
      <c r="CU2275" s="166">
        <v>0</v>
      </c>
      <c r="CV2275" s="166">
        <v>0</v>
      </c>
      <c r="CW2275" s="166">
        <v>0</v>
      </c>
      <c r="CX2275" s="166">
        <v>0</v>
      </c>
      <c r="CY2275" s="166">
        <v>0</v>
      </c>
      <c r="CZ2275" s="166">
        <v>0</v>
      </c>
    </row>
    <row r="2276" spans="1:104" x14ac:dyDescent="0.2">
      <c r="A2276" s="167" t="s">
        <v>124</v>
      </c>
      <c r="B2276" s="166">
        <v>0</v>
      </c>
      <c r="C2276" s="166">
        <v>0</v>
      </c>
      <c r="D2276" s="166">
        <v>0</v>
      </c>
      <c r="E2276" s="166">
        <v>0</v>
      </c>
      <c r="F2276" s="166">
        <v>0</v>
      </c>
      <c r="G2276" s="166">
        <v>0</v>
      </c>
      <c r="H2276" s="166">
        <v>0</v>
      </c>
      <c r="I2276" s="166">
        <v>0</v>
      </c>
      <c r="J2276" s="166">
        <v>0</v>
      </c>
      <c r="K2276" s="166">
        <v>0</v>
      </c>
      <c r="L2276" s="166">
        <v>0</v>
      </c>
      <c r="M2276" s="166">
        <v>0</v>
      </c>
      <c r="N2276" s="166">
        <v>0</v>
      </c>
      <c r="O2276" s="166">
        <v>0</v>
      </c>
      <c r="P2276" s="166">
        <v>0</v>
      </c>
      <c r="Q2276" s="166">
        <v>0</v>
      </c>
      <c r="R2276" s="166">
        <v>0</v>
      </c>
      <c r="S2276" s="166">
        <v>0</v>
      </c>
      <c r="T2276" s="166">
        <v>0</v>
      </c>
      <c r="U2276" s="166">
        <v>0</v>
      </c>
      <c r="V2276" s="166">
        <v>0</v>
      </c>
      <c r="W2276" s="166">
        <v>0</v>
      </c>
      <c r="X2276" s="166">
        <v>0</v>
      </c>
      <c r="Y2276" s="166">
        <v>0</v>
      </c>
      <c r="Z2276" s="166">
        <v>0</v>
      </c>
      <c r="AA2276" s="166">
        <v>0</v>
      </c>
      <c r="AB2276" s="166">
        <v>0</v>
      </c>
      <c r="AC2276" s="166">
        <v>0</v>
      </c>
      <c r="AD2276" s="166">
        <v>0</v>
      </c>
      <c r="AE2276" s="166">
        <v>0</v>
      </c>
      <c r="AF2276" s="166">
        <v>0</v>
      </c>
      <c r="AG2276" s="166">
        <v>0</v>
      </c>
      <c r="AH2276" s="166">
        <v>0</v>
      </c>
      <c r="AI2276" s="166">
        <v>0</v>
      </c>
      <c r="AJ2276" s="166">
        <v>0</v>
      </c>
      <c r="AK2276" s="166">
        <v>0</v>
      </c>
      <c r="AL2276" s="166">
        <v>0</v>
      </c>
      <c r="AM2276" s="166">
        <v>0</v>
      </c>
      <c r="AN2276" s="166">
        <v>0</v>
      </c>
      <c r="AO2276" s="166">
        <v>0</v>
      </c>
      <c r="AP2276" s="166">
        <v>0</v>
      </c>
      <c r="AQ2276" s="166">
        <v>0</v>
      </c>
      <c r="AR2276" s="166">
        <v>0</v>
      </c>
      <c r="AS2276" s="166">
        <v>0</v>
      </c>
      <c r="AT2276" s="166">
        <v>0</v>
      </c>
      <c r="AU2276" s="166">
        <v>0</v>
      </c>
      <c r="AV2276" s="166">
        <v>0</v>
      </c>
      <c r="AW2276" s="166">
        <v>0</v>
      </c>
      <c r="AX2276" s="166">
        <v>0</v>
      </c>
      <c r="AY2276" s="166">
        <v>0</v>
      </c>
      <c r="AZ2276" s="166">
        <v>0</v>
      </c>
      <c r="BA2276" s="166">
        <v>0</v>
      </c>
      <c r="BB2276" s="166">
        <v>0</v>
      </c>
      <c r="BC2276" s="166">
        <v>0</v>
      </c>
      <c r="BD2276" s="166">
        <v>0</v>
      </c>
      <c r="BE2276" s="166">
        <v>0</v>
      </c>
      <c r="BF2276" s="166">
        <v>0</v>
      </c>
      <c r="BG2276" s="166">
        <v>0</v>
      </c>
      <c r="BH2276" s="166">
        <v>0</v>
      </c>
      <c r="BI2276" s="166">
        <v>0</v>
      </c>
      <c r="BJ2276" s="166">
        <v>0</v>
      </c>
      <c r="BK2276" s="166">
        <v>0</v>
      </c>
      <c r="BL2276" s="166">
        <v>0</v>
      </c>
      <c r="BM2276" s="166">
        <v>0</v>
      </c>
      <c r="BN2276" s="166">
        <v>0</v>
      </c>
      <c r="BO2276" s="166">
        <v>0</v>
      </c>
      <c r="BP2276" s="166">
        <v>0</v>
      </c>
      <c r="BQ2276" s="166">
        <v>0</v>
      </c>
      <c r="BR2276" s="166">
        <v>0</v>
      </c>
      <c r="BS2276" s="166">
        <v>0</v>
      </c>
      <c r="BT2276" s="168">
        <v>0</v>
      </c>
      <c r="BU2276" s="166">
        <v>0</v>
      </c>
      <c r="BV2276" s="166">
        <v>0</v>
      </c>
      <c r="BW2276" s="166">
        <v>0</v>
      </c>
      <c r="BX2276" s="166">
        <v>0</v>
      </c>
      <c r="BY2276" s="166">
        <v>0</v>
      </c>
      <c r="BZ2276" s="166">
        <v>0</v>
      </c>
      <c r="CA2276" s="166">
        <v>0</v>
      </c>
      <c r="CB2276" s="166">
        <v>0</v>
      </c>
      <c r="CC2276" s="166">
        <v>0</v>
      </c>
      <c r="CD2276" s="166">
        <v>0</v>
      </c>
      <c r="CE2276" s="166">
        <v>0</v>
      </c>
      <c r="CF2276" s="166">
        <v>0</v>
      </c>
      <c r="CG2276" s="166">
        <v>0</v>
      </c>
      <c r="CH2276" s="166">
        <v>0</v>
      </c>
      <c r="CI2276" s="166">
        <v>0</v>
      </c>
      <c r="CJ2276" s="166">
        <v>0</v>
      </c>
      <c r="CK2276" s="166">
        <v>0</v>
      </c>
      <c r="CL2276" s="166">
        <v>0</v>
      </c>
      <c r="CM2276" s="166">
        <v>0</v>
      </c>
      <c r="CN2276" s="166">
        <v>0</v>
      </c>
      <c r="CO2276" s="166">
        <v>0</v>
      </c>
      <c r="CP2276" s="166">
        <v>0</v>
      </c>
      <c r="CQ2276" s="166">
        <v>0</v>
      </c>
      <c r="CR2276" s="166">
        <v>0</v>
      </c>
      <c r="CS2276" s="166">
        <v>0</v>
      </c>
      <c r="CT2276" s="166">
        <v>0</v>
      </c>
      <c r="CU2276" s="166">
        <v>0</v>
      </c>
      <c r="CV2276" s="166">
        <v>0</v>
      </c>
      <c r="CW2276" s="166">
        <v>0</v>
      </c>
      <c r="CX2276" s="166">
        <v>0</v>
      </c>
      <c r="CY2276" s="166">
        <v>0</v>
      </c>
      <c r="CZ2276" s="166">
        <v>0</v>
      </c>
    </row>
    <row r="2277" spans="1:104" x14ac:dyDescent="0.2">
      <c r="A2277" s="167" t="s">
        <v>125</v>
      </c>
      <c r="B2277" s="166">
        <v>0</v>
      </c>
      <c r="C2277" s="166">
        <v>0</v>
      </c>
      <c r="D2277" s="166">
        <v>0</v>
      </c>
      <c r="E2277" s="166">
        <v>0</v>
      </c>
      <c r="F2277" s="166">
        <v>0</v>
      </c>
      <c r="G2277" s="166">
        <v>0</v>
      </c>
      <c r="H2277" s="166">
        <v>0</v>
      </c>
      <c r="I2277" s="166">
        <v>0</v>
      </c>
      <c r="J2277" s="166">
        <v>0</v>
      </c>
      <c r="K2277" s="166">
        <v>0</v>
      </c>
      <c r="L2277" s="166">
        <v>0</v>
      </c>
      <c r="M2277" s="166">
        <v>0</v>
      </c>
      <c r="N2277" s="166">
        <v>0</v>
      </c>
      <c r="O2277" s="166">
        <v>0</v>
      </c>
      <c r="P2277" s="166">
        <v>0</v>
      </c>
      <c r="Q2277" s="166">
        <v>0</v>
      </c>
      <c r="R2277" s="166">
        <v>0</v>
      </c>
      <c r="S2277" s="166">
        <v>0</v>
      </c>
      <c r="T2277" s="166">
        <v>0</v>
      </c>
      <c r="U2277" s="166">
        <v>0</v>
      </c>
      <c r="V2277" s="166">
        <v>0</v>
      </c>
      <c r="W2277" s="166">
        <v>0</v>
      </c>
      <c r="X2277" s="166">
        <v>0</v>
      </c>
      <c r="Y2277" s="166">
        <v>0</v>
      </c>
      <c r="Z2277" s="166">
        <v>0</v>
      </c>
      <c r="AA2277" s="166">
        <v>0</v>
      </c>
      <c r="AB2277" s="166">
        <v>0</v>
      </c>
      <c r="AC2277" s="166">
        <v>0</v>
      </c>
      <c r="AD2277" s="166">
        <v>0</v>
      </c>
      <c r="AE2277" s="166">
        <v>0</v>
      </c>
      <c r="AF2277" s="166">
        <v>0</v>
      </c>
      <c r="AG2277" s="166">
        <v>0</v>
      </c>
      <c r="AH2277" s="166">
        <v>0</v>
      </c>
      <c r="AI2277" s="166">
        <v>0</v>
      </c>
      <c r="AJ2277" s="166">
        <v>0</v>
      </c>
      <c r="AK2277" s="166">
        <v>0</v>
      </c>
      <c r="AL2277" s="166">
        <v>0</v>
      </c>
      <c r="AM2277" s="166">
        <v>0</v>
      </c>
      <c r="AN2277" s="166">
        <v>0</v>
      </c>
      <c r="AO2277" s="166">
        <v>0</v>
      </c>
      <c r="AP2277" s="166">
        <v>0</v>
      </c>
      <c r="AQ2277" s="166">
        <v>0</v>
      </c>
      <c r="AR2277" s="166">
        <v>0</v>
      </c>
      <c r="AS2277" s="166">
        <v>0</v>
      </c>
      <c r="AT2277" s="166">
        <v>0</v>
      </c>
      <c r="AU2277" s="166">
        <v>0</v>
      </c>
      <c r="AV2277" s="166">
        <v>0</v>
      </c>
      <c r="AW2277" s="166">
        <v>0</v>
      </c>
      <c r="AX2277" s="166">
        <v>0</v>
      </c>
      <c r="AY2277" s="166">
        <v>0</v>
      </c>
      <c r="AZ2277" s="166">
        <v>0</v>
      </c>
      <c r="BA2277" s="166">
        <v>0</v>
      </c>
      <c r="BB2277" s="166">
        <v>0</v>
      </c>
      <c r="BC2277" s="166">
        <v>0</v>
      </c>
      <c r="BD2277" s="166">
        <v>0</v>
      </c>
      <c r="BE2277" s="166">
        <v>0</v>
      </c>
      <c r="BF2277" s="166">
        <v>0</v>
      </c>
      <c r="BG2277" s="166">
        <v>0</v>
      </c>
      <c r="BH2277" s="166">
        <v>0</v>
      </c>
      <c r="BI2277" s="166">
        <v>0</v>
      </c>
      <c r="BJ2277" s="166">
        <v>0</v>
      </c>
      <c r="BK2277" s="166">
        <v>0</v>
      </c>
      <c r="BL2277" s="166">
        <v>0</v>
      </c>
      <c r="BM2277" s="166">
        <v>0</v>
      </c>
      <c r="BN2277" s="166">
        <v>0</v>
      </c>
      <c r="BO2277" s="166">
        <v>0</v>
      </c>
      <c r="BP2277" s="166">
        <v>0</v>
      </c>
      <c r="BQ2277" s="166">
        <v>0</v>
      </c>
      <c r="BR2277" s="166">
        <v>0</v>
      </c>
      <c r="BS2277" s="166">
        <v>0</v>
      </c>
      <c r="BT2277" s="168">
        <v>0</v>
      </c>
      <c r="BU2277" s="166">
        <v>0</v>
      </c>
      <c r="BV2277" s="166">
        <v>0</v>
      </c>
      <c r="BW2277" s="166">
        <v>0</v>
      </c>
      <c r="BX2277" s="166">
        <v>0</v>
      </c>
      <c r="BY2277" s="166">
        <v>0</v>
      </c>
      <c r="BZ2277" s="166">
        <v>0</v>
      </c>
      <c r="CA2277" s="166">
        <v>0</v>
      </c>
      <c r="CB2277" s="166">
        <v>0</v>
      </c>
      <c r="CC2277" s="166">
        <v>0</v>
      </c>
      <c r="CD2277" s="166">
        <v>0</v>
      </c>
      <c r="CE2277" s="166">
        <v>0</v>
      </c>
      <c r="CF2277" s="166">
        <v>0</v>
      </c>
      <c r="CG2277" s="166">
        <v>0</v>
      </c>
      <c r="CH2277" s="166">
        <v>0</v>
      </c>
      <c r="CI2277" s="166">
        <v>0</v>
      </c>
      <c r="CJ2277" s="166">
        <v>0</v>
      </c>
      <c r="CK2277" s="166">
        <v>0</v>
      </c>
      <c r="CL2277" s="166">
        <v>0</v>
      </c>
      <c r="CM2277" s="166">
        <v>0</v>
      </c>
      <c r="CN2277" s="166">
        <v>0</v>
      </c>
      <c r="CO2277" s="166">
        <v>0</v>
      </c>
      <c r="CP2277" s="166">
        <v>0</v>
      </c>
      <c r="CQ2277" s="166">
        <v>0</v>
      </c>
      <c r="CR2277" s="166">
        <v>0</v>
      </c>
      <c r="CS2277" s="166">
        <v>0</v>
      </c>
      <c r="CT2277" s="166">
        <v>0</v>
      </c>
      <c r="CU2277" s="166">
        <v>0</v>
      </c>
      <c r="CV2277" s="166">
        <v>0</v>
      </c>
      <c r="CW2277" s="166">
        <v>0</v>
      </c>
      <c r="CX2277" s="166">
        <v>0</v>
      </c>
      <c r="CY2277" s="166">
        <v>0</v>
      </c>
      <c r="CZ2277" s="166">
        <v>0</v>
      </c>
    </row>
    <row r="2278" spans="1:104" x14ac:dyDescent="0.2">
      <c r="A2278" s="167" t="s">
        <v>126</v>
      </c>
      <c r="B2278" s="166">
        <v>0</v>
      </c>
      <c r="C2278" s="166">
        <v>0</v>
      </c>
      <c r="D2278" s="166">
        <v>0</v>
      </c>
      <c r="E2278" s="166">
        <v>0</v>
      </c>
      <c r="F2278" s="166">
        <v>0</v>
      </c>
      <c r="G2278" s="166">
        <v>0</v>
      </c>
      <c r="H2278" s="166">
        <v>0</v>
      </c>
      <c r="I2278" s="166">
        <v>0</v>
      </c>
      <c r="J2278" s="166">
        <v>0</v>
      </c>
      <c r="K2278" s="166">
        <v>0</v>
      </c>
      <c r="L2278" s="166">
        <v>0</v>
      </c>
      <c r="M2278" s="166">
        <v>0</v>
      </c>
      <c r="N2278" s="166">
        <v>0</v>
      </c>
      <c r="O2278" s="166">
        <v>0</v>
      </c>
      <c r="P2278" s="166">
        <v>0</v>
      </c>
      <c r="Q2278" s="166">
        <v>0</v>
      </c>
      <c r="R2278" s="166">
        <v>0</v>
      </c>
      <c r="S2278" s="166">
        <v>0</v>
      </c>
      <c r="T2278" s="166">
        <v>0</v>
      </c>
      <c r="U2278" s="166">
        <v>0</v>
      </c>
      <c r="V2278" s="166">
        <v>0</v>
      </c>
      <c r="W2278" s="166">
        <v>0</v>
      </c>
      <c r="X2278" s="166">
        <v>0</v>
      </c>
      <c r="Y2278" s="166">
        <v>0</v>
      </c>
      <c r="Z2278" s="166">
        <v>0</v>
      </c>
      <c r="AA2278" s="166">
        <v>0</v>
      </c>
      <c r="AB2278" s="166">
        <v>0</v>
      </c>
      <c r="AC2278" s="166">
        <v>0</v>
      </c>
      <c r="AD2278" s="166">
        <v>0</v>
      </c>
      <c r="AE2278" s="166">
        <v>0</v>
      </c>
      <c r="AF2278" s="166">
        <v>0</v>
      </c>
      <c r="AG2278" s="166">
        <v>0</v>
      </c>
      <c r="AH2278" s="166">
        <v>0</v>
      </c>
      <c r="AI2278" s="166">
        <v>0</v>
      </c>
      <c r="AJ2278" s="166">
        <v>0</v>
      </c>
      <c r="AK2278" s="166">
        <v>0</v>
      </c>
      <c r="AL2278" s="166">
        <v>0</v>
      </c>
      <c r="AM2278" s="166">
        <v>0</v>
      </c>
      <c r="AN2278" s="166">
        <v>0</v>
      </c>
      <c r="AO2278" s="166">
        <v>0</v>
      </c>
      <c r="AP2278" s="166">
        <v>0</v>
      </c>
      <c r="AQ2278" s="166">
        <v>0</v>
      </c>
      <c r="AR2278" s="166">
        <v>0</v>
      </c>
      <c r="AS2278" s="166">
        <v>0</v>
      </c>
      <c r="AT2278" s="166">
        <v>0</v>
      </c>
      <c r="AU2278" s="166">
        <v>0</v>
      </c>
      <c r="AV2278" s="166">
        <v>0</v>
      </c>
      <c r="AW2278" s="166">
        <v>0</v>
      </c>
      <c r="AX2278" s="166">
        <v>0</v>
      </c>
      <c r="AY2278" s="166">
        <v>0</v>
      </c>
      <c r="AZ2278" s="166">
        <v>0</v>
      </c>
      <c r="BA2278" s="166">
        <v>0</v>
      </c>
      <c r="BB2278" s="166">
        <v>0</v>
      </c>
      <c r="BC2278" s="166">
        <v>0</v>
      </c>
      <c r="BD2278" s="166">
        <v>0</v>
      </c>
      <c r="BE2278" s="166">
        <v>0</v>
      </c>
      <c r="BF2278" s="166">
        <v>0</v>
      </c>
      <c r="BG2278" s="166">
        <v>0</v>
      </c>
      <c r="BH2278" s="166">
        <v>0</v>
      </c>
      <c r="BI2278" s="166">
        <v>0</v>
      </c>
      <c r="BJ2278" s="166">
        <v>0</v>
      </c>
      <c r="BK2278" s="166">
        <v>0</v>
      </c>
      <c r="BL2278" s="166">
        <v>0</v>
      </c>
      <c r="BM2278" s="166">
        <v>0</v>
      </c>
      <c r="BN2278" s="166">
        <v>0</v>
      </c>
      <c r="BO2278" s="166">
        <v>0</v>
      </c>
      <c r="BP2278" s="166">
        <v>0</v>
      </c>
      <c r="BQ2278" s="166">
        <v>0</v>
      </c>
      <c r="BR2278" s="166">
        <v>0</v>
      </c>
      <c r="BS2278" s="166">
        <v>0</v>
      </c>
      <c r="BT2278" s="168">
        <v>0</v>
      </c>
      <c r="BU2278" s="166">
        <v>0</v>
      </c>
      <c r="BV2278" s="166">
        <v>0</v>
      </c>
      <c r="BW2278" s="166">
        <v>0</v>
      </c>
      <c r="BX2278" s="166">
        <v>0</v>
      </c>
      <c r="BY2278" s="166">
        <v>0</v>
      </c>
      <c r="BZ2278" s="166">
        <v>0</v>
      </c>
      <c r="CA2278" s="166">
        <v>0</v>
      </c>
      <c r="CB2278" s="166">
        <v>0</v>
      </c>
      <c r="CC2278" s="166">
        <v>0</v>
      </c>
      <c r="CD2278" s="166">
        <v>0</v>
      </c>
      <c r="CE2278" s="166">
        <v>0</v>
      </c>
      <c r="CF2278" s="166">
        <v>0</v>
      </c>
      <c r="CG2278" s="166">
        <v>0</v>
      </c>
      <c r="CH2278" s="166">
        <v>0</v>
      </c>
      <c r="CI2278" s="166">
        <v>0</v>
      </c>
      <c r="CJ2278" s="166">
        <v>0</v>
      </c>
      <c r="CK2278" s="166">
        <v>0</v>
      </c>
      <c r="CL2278" s="166">
        <v>0</v>
      </c>
      <c r="CM2278" s="166">
        <v>0</v>
      </c>
      <c r="CN2278" s="166">
        <v>0</v>
      </c>
      <c r="CO2278" s="166">
        <v>0</v>
      </c>
      <c r="CP2278" s="166">
        <v>0</v>
      </c>
      <c r="CQ2278" s="166">
        <v>0</v>
      </c>
      <c r="CR2278" s="166">
        <v>0</v>
      </c>
      <c r="CS2278" s="166">
        <v>0</v>
      </c>
      <c r="CT2278" s="166">
        <v>0</v>
      </c>
      <c r="CU2278" s="166">
        <v>0</v>
      </c>
      <c r="CV2278" s="166">
        <v>0</v>
      </c>
      <c r="CW2278" s="166">
        <v>0</v>
      </c>
      <c r="CX2278" s="166">
        <v>0</v>
      </c>
      <c r="CY2278" s="166">
        <v>0</v>
      </c>
      <c r="CZ2278" s="166">
        <v>0</v>
      </c>
    </row>
    <row r="2279" spans="1:104" x14ac:dyDescent="0.2">
      <c r="A2279" s="167" t="s">
        <v>127</v>
      </c>
      <c r="B2279" s="166">
        <v>0</v>
      </c>
      <c r="C2279" s="166">
        <v>0</v>
      </c>
      <c r="D2279" s="166">
        <v>0</v>
      </c>
      <c r="E2279" s="166">
        <v>0</v>
      </c>
      <c r="F2279" s="166">
        <v>0</v>
      </c>
      <c r="G2279" s="166">
        <v>0</v>
      </c>
      <c r="H2279" s="166">
        <v>0</v>
      </c>
      <c r="I2279" s="166">
        <v>0</v>
      </c>
      <c r="J2279" s="166">
        <v>0</v>
      </c>
      <c r="K2279" s="166">
        <v>0</v>
      </c>
      <c r="L2279" s="166">
        <v>0</v>
      </c>
      <c r="M2279" s="166">
        <v>0</v>
      </c>
      <c r="N2279" s="166">
        <v>0</v>
      </c>
      <c r="O2279" s="166">
        <v>0</v>
      </c>
      <c r="P2279" s="166">
        <v>0</v>
      </c>
      <c r="Q2279" s="166">
        <v>0</v>
      </c>
      <c r="R2279" s="166">
        <v>0</v>
      </c>
      <c r="S2279" s="166">
        <v>0</v>
      </c>
      <c r="T2279" s="166">
        <v>0</v>
      </c>
      <c r="U2279" s="166">
        <v>0</v>
      </c>
      <c r="V2279" s="166">
        <v>0</v>
      </c>
      <c r="W2279" s="166">
        <v>0</v>
      </c>
      <c r="X2279" s="166">
        <v>0</v>
      </c>
      <c r="Y2279" s="166">
        <v>0</v>
      </c>
      <c r="Z2279" s="166">
        <v>0</v>
      </c>
      <c r="AA2279" s="166">
        <v>0</v>
      </c>
      <c r="AB2279" s="166">
        <v>0</v>
      </c>
      <c r="AC2279" s="166">
        <v>0</v>
      </c>
      <c r="AD2279" s="166">
        <v>0</v>
      </c>
      <c r="AE2279" s="166">
        <v>0</v>
      </c>
      <c r="AF2279" s="166">
        <v>0</v>
      </c>
      <c r="AG2279" s="166">
        <v>0</v>
      </c>
      <c r="AH2279" s="166">
        <v>0</v>
      </c>
      <c r="AI2279" s="166">
        <v>0</v>
      </c>
      <c r="AJ2279" s="166">
        <v>0</v>
      </c>
      <c r="AK2279" s="166">
        <v>0</v>
      </c>
      <c r="AL2279" s="166">
        <v>0</v>
      </c>
      <c r="AM2279" s="166">
        <v>0</v>
      </c>
      <c r="AN2279" s="166">
        <v>0</v>
      </c>
      <c r="AO2279" s="166">
        <v>0</v>
      </c>
      <c r="AP2279" s="166">
        <v>0</v>
      </c>
      <c r="AQ2279" s="166">
        <v>0</v>
      </c>
      <c r="AR2279" s="166">
        <v>0</v>
      </c>
      <c r="AS2279" s="166">
        <v>0</v>
      </c>
      <c r="AT2279" s="166">
        <v>0</v>
      </c>
      <c r="AU2279" s="166">
        <v>0</v>
      </c>
      <c r="AV2279" s="166">
        <v>0</v>
      </c>
      <c r="AW2279" s="166">
        <v>0</v>
      </c>
      <c r="AX2279" s="166">
        <v>0</v>
      </c>
      <c r="AY2279" s="166">
        <v>0</v>
      </c>
      <c r="AZ2279" s="166">
        <v>0</v>
      </c>
      <c r="BA2279" s="166">
        <v>0</v>
      </c>
      <c r="BB2279" s="166">
        <v>0</v>
      </c>
      <c r="BC2279" s="166">
        <v>0</v>
      </c>
      <c r="BD2279" s="166">
        <v>0</v>
      </c>
      <c r="BE2279" s="166">
        <v>0</v>
      </c>
      <c r="BF2279" s="166">
        <v>0</v>
      </c>
      <c r="BG2279" s="166">
        <v>0</v>
      </c>
      <c r="BH2279" s="166">
        <v>0</v>
      </c>
      <c r="BI2279" s="166">
        <v>0</v>
      </c>
      <c r="BJ2279" s="166">
        <v>0</v>
      </c>
      <c r="BK2279" s="166">
        <v>0</v>
      </c>
      <c r="BL2279" s="166">
        <v>0</v>
      </c>
      <c r="BM2279" s="166">
        <v>0</v>
      </c>
      <c r="BN2279" s="166">
        <v>0</v>
      </c>
      <c r="BO2279" s="166">
        <v>0</v>
      </c>
      <c r="BP2279" s="166">
        <v>0</v>
      </c>
      <c r="BQ2279" s="166">
        <v>0</v>
      </c>
      <c r="BR2279" s="166">
        <v>0</v>
      </c>
      <c r="BS2279" s="166">
        <v>0</v>
      </c>
      <c r="BT2279" s="168">
        <v>0</v>
      </c>
      <c r="BU2279" s="166">
        <v>0</v>
      </c>
      <c r="BV2279" s="166">
        <v>0</v>
      </c>
      <c r="BW2279" s="166">
        <v>0</v>
      </c>
      <c r="BX2279" s="166">
        <v>0</v>
      </c>
      <c r="BY2279" s="166">
        <v>0</v>
      </c>
      <c r="BZ2279" s="166">
        <v>0</v>
      </c>
      <c r="CA2279" s="166">
        <v>0</v>
      </c>
      <c r="CB2279" s="166">
        <v>0</v>
      </c>
      <c r="CC2279" s="166">
        <v>0</v>
      </c>
      <c r="CD2279" s="166">
        <v>0</v>
      </c>
      <c r="CE2279" s="166">
        <v>0</v>
      </c>
      <c r="CF2279" s="166">
        <v>0</v>
      </c>
      <c r="CG2279" s="166">
        <v>0</v>
      </c>
      <c r="CH2279" s="166">
        <v>0</v>
      </c>
      <c r="CI2279" s="166">
        <v>0</v>
      </c>
      <c r="CJ2279" s="166">
        <v>0</v>
      </c>
      <c r="CK2279" s="166">
        <v>0</v>
      </c>
      <c r="CL2279" s="166">
        <v>0</v>
      </c>
      <c r="CM2279" s="166">
        <v>0</v>
      </c>
      <c r="CN2279" s="166">
        <v>0</v>
      </c>
      <c r="CO2279" s="166">
        <v>0</v>
      </c>
      <c r="CP2279" s="166">
        <v>0</v>
      </c>
      <c r="CQ2279" s="166">
        <v>0</v>
      </c>
      <c r="CR2279" s="166">
        <v>0</v>
      </c>
      <c r="CS2279" s="166">
        <v>0</v>
      </c>
      <c r="CT2279" s="166">
        <v>0</v>
      </c>
      <c r="CU2279" s="166">
        <v>0</v>
      </c>
      <c r="CV2279" s="166">
        <v>0</v>
      </c>
      <c r="CW2279" s="166">
        <v>0</v>
      </c>
      <c r="CX2279" s="166">
        <v>0</v>
      </c>
      <c r="CY2279" s="166">
        <v>0</v>
      </c>
      <c r="CZ2279" s="166">
        <v>0</v>
      </c>
    </row>
    <row r="2280" spans="1:104" x14ac:dyDescent="0.2">
      <c r="A2280" s="167" t="s">
        <v>128</v>
      </c>
      <c r="B2280" s="166">
        <v>0</v>
      </c>
      <c r="C2280" s="166">
        <v>20338587615.669998</v>
      </c>
      <c r="D2280" s="166">
        <v>0</v>
      </c>
      <c r="E2280" s="166">
        <v>0</v>
      </c>
      <c r="F2280" s="166">
        <v>0</v>
      </c>
      <c r="G2280" s="166">
        <v>0</v>
      </c>
      <c r="H2280" s="166">
        <v>0</v>
      </c>
      <c r="I2280" s="166">
        <v>0</v>
      </c>
      <c r="J2280" s="166">
        <v>0</v>
      </c>
      <c r="K2280" s="166">
        <v>0</v>
      </c>
      <c r="L2280" s="166">
        <v>0</v>
      </c>
      <c r="M2280" s="166">
        <v>0</v>
      </c>
      <c r="N2280" s="166">
        <v>0</v>
      </c>
      <c r="O2280" s="166">
        <v>0</v>
      </c>
      <c r="P2280" s="166">
        <v>0</v>
      </c>
      <c r="Q2280" s="166">
        <v>0</v>
      </c>
      <c r="R2280" s="166">
        <v>0</v>
      </c>
      <c r="S2280" s="166">
        <v>0</v>
      </c>
      <c r="T2280" s="166">
        <v>0</v>
      </c>
      <c r="U2280" s="166">
        <v>0</v>
      </c>
      <c r="V2280" s="166">
        <v>0</v>
      </c>
      <c r="W2280" s="166">
        <v>0</v>
      </c>
      <c r="X2280" s="166">
        <v>0</v>
      </c>
      <c r="Y2280" s="166">
        <v>0</v>
      </c>
      <c r="Z2280" s="166">
        <v>0</v>
      </c>
      <c r="AA2280" s="166">
        <v>0</v>
      </c>
      <c r="AB2280" s="166">
        <v>0</v>
      </c>
      <c r="AC2280" s="166">
        <v>0</v>
      </c>
      <c r="AD2280" s="166">
        <v>0</v>
      </c>
      <c r="AE2280" s="166">
        <v>0</v>
      </c>
      <c r="AF2280" s="166">
        <v>0</v>
      </c>
      <c r="AG2280" s="166">
        <v>0</v>
      </c>
      <c r="AH2280" s="166">
        <v>0</v>
      </c>
      <c r="AI2280" s="166">
        <v>0</v>
      </c>
      <c r="AJ2280" s="166">
        <v>0</v>
      </c>
      <c r="AK2280" s="166">
        <v>0</v>
      </c>
      <c r="AL2280" s="166">
        <v>0</v>
      </c>
      <c r="AM2280" s="166">
        <v>0</v>
      </c>
      <c r="AN2280" s="166">
        <v>0</v>
      </c>
      <c r="AO2280" s="166">
        <v>0</v>
      </c>
      <c r="AP2280" s="166">
        <v>0</v>
      </c>
      <c r="AQ2280" s="166">
        <v>0</v>
      </c>
      <c r="AR2280" s="166">
        <v>0</v>
      </c>
      <c r="AS2280" s="166">
        <v>0</v>
      </c>
      <c r="AT2280" s="166">
        <v>0</v>
      </c>
      <c r="AU2280" s="166">
        <v>0</v>
      </c>
      <c r="AV2280" s="166">
        <v>0</v>
      </c>
      <c r="AW2280" s="166">
        <v>0</v>
      </c>
      <c r="AX2280" s="166">
        <v>0</v>
      </c>
      <c r="AY2280" s="166">
        <v>0</v>
      </c>
      <c r="AZ2280" s="166">
        <v>0</v>
      </c>
      <c r="BA2280" s="166">
        <v>0</v>
      </c>
      <c r="BB2280" s="166">
        <v>0</v>
      </c>
      <c r="BC2280" s="166">
        <v>0</v>
      </c>
      <c r="BD2280" s="166">
        <v>0</v>
      </c>
      <c r="BE2280" s="166">
        <v>0</v>
      </c>
      <c r="BF2280" s="166">
        <v>0</v>
      </c>
      <c r="BG2280" s="166">
        <v>0</v>
      </c>
      <c r="BH2280" s="166">
        <v>0</v>
      </c>
      <c r="BI2280" s="166">
        <v>0</v>
      </c>
      <c r="BJ2280" s="166">
        <v>0</v>
      </c>
      <c r="BK2280" s="166">
        <v>0</v>
      </c>
      <c r="BL2280" s="166">
        <v>0</v>
      </c>
      <c r="BM2280" s="166">
        <v>0</v>
      </c>
      <c r="BN2280" s="166">
        <v>0</v>
      </c>
      <c r="BO2280" s="166">
        <v>0</v>
      </c>
      <c r="BP2280" s="166">
        <v>0</v>
      </c>
      <c r="BQ2280" s="166">
        <v>0</v>
      </c>
      <c r="BR2280" s="166">
        <v>1650545400.95925</v>
      </c>
      <c r="BS2280" s="166">
        <v>0</v>
      </c>
      <c r="BT2280" s="166">
        <v>0</v>
      </c>
      <c r="BU2280" s="166">
        <v>0</v>
      </c>
      <c r="BV2280" s="166">
        <v>0</v>
      </c>
      <c r="BW2280" s="166">
        <v>0</v>
      </c>
      <c r="BX2280" s="166">
        <v>0</v>
      </c>
      <c r="BY2280" s="166">
        <v>0</v>
      </c>
      <c r="BZ2280" s="166">
        <v>0</v>
      </c>
      <c r="CA2280" s="166">
        <v>0</v>
      </c>
      <c r="CB2280" s="166">
        <v>0</v>
      </c>
      <c r="CC2280" s="166">
        <v>0</v>
      </c>
      <c r="CD2280" s="166">
        <v>0</v>
      </c>
      <c r="CE2280" s="166">
        <v>0</v>
      </c>
      <c r="CF2280" s="166">
        <v>0</v>
      </c>
      <c r="CG2280" s="166">
        <v>0</v>
      </c>
      <c r="CH2280" s="166">
        <v>0</v>
      </c>
      <c r="CI2280" s="166">
        <v>0</v>
      </c>
      <c r="CJ2280" s="166">
        <v>0</v>
      </c>
      <c r="CK2280" s="166">
        <v>0</v>
      </c>
      <c r="CL2280" s="166">
        <v>0</v>
      </c>
      <c r="CM2280" s="166">
        <v>0</v>
      </c>
      <c r="CN2280" s="166">
        <v>0</v>
      </c>
      <c r="CO2280" s="166">
        <v>0</v>
      </c>
      <c r="CP2280" s="166">
        <v>0</v>
      </c>
      <c r="CQ2280" s="166">
        <v>0</v>
      </c>
      <c r="CR2280" s="166">
        <v>0</v>
      </c>
      <c r="CS2280" s="166">
        <v>0</v>
      </c>
      <c r="CT2280" s="166">
        <v>0</v>
      </c>
      <c r="CU2280" s="166">
        <v>0</v>
      </c>
      <c r="CV2280" s="166">
        <v>0</v>
      </c>
      <c r="CW2280" s="166">
        <v>0</v>
      </c>
      <c r="CX2280" s="166">
        <v>0</v>
      </c>
      <c r="CY2280" s="166">
        <v>0</v>
      </c>
      <c r="CZ2280" s="166">
        <v>0</v>
      </c>
    </row>
    <row r="2281" spans="1:104" x14ac:dyDescent="0.2">
      <c r="A2281" s="167" t="s">
        <v>129</v>
      </c>
    </row>
    <row r="2282" spans="1:104" x14ac:dyDescent="0.2">
      <c r="A2282" s="167" t="s">
        <v>130</v>
      </c>
    </row>
    <row r="2283" spans="1:104" ht="10.8" thickBot="1" x14ac:dyDescent="0.25">
      <c r="A2283" s="169" t="s">
        <v>131</v>
      </c>
    </row>
    <row r="2284" spans="1:104" x14ac:dyDescent="0.2">
      <c r="A2284" s="170" t="s">
        <v>132</v>
      </c>
    </row>
    <row r="2285" spans="1:104" x14ac:dyDescent="0.2">
      <c r="A2285" s="167" t="s">
        <v>133</v>
      </c>
      <c r="B2285" s="166">
        <v>11600921.169172401</v>
      </c>
      <c r="C2285" s="166">
        <v>11600921.169172401</v>
      </c>
      <c r="D2285" s="166">
        <v>0</v>
      </c>
      <c r="E2285" s="166">
        <v>0</v>
      </c>
      <c r="F2285" s="166">
        <v>0</v>
      </c>
      <c r="G2285" s="166">
        <v>0</v>
      </c>
      <c r="H2285" s="166">
        <v>0</v>
      </c>
      <c r="I2285" s="166">
        <v>0</v>
      </c>
      <c r="J2285" s="166">
        <v>0</v>
      </c>
      <c r="K2285" s="166">
        <v>0</v>
      </c>
      <c r="L2285" s="166">
        <v>0</v>
      </c>
      <c r="M2285" s="166">
        <v>0</v>
      </c>
      <c r="N2285" s="166">
        <v>0</v>
      </c>
      <c r="O2285" s="166">
        <v>0</v>
      </c>
      <c r="P2285" s="166">
        <v>0</v>
      </c>
      <c r="Q2285" s="166">
        <v>0</v>
      </c>
      <c r="R2285" s="166">
        <v>0</v>
      </c>
      <c r="S2285" s="166">
        <v>0</v>
      </c>
      <c r="T2285" s="166">
        <v>0</v>
      </c>
      <c r="U2285" s="166">
        <v>0</v>
      </c>
      <c r="V2285" s="166">
        <v>0</v>
      </c>
      <c r="W2285" s="166">
        <v>0</v>
      </c>
      <c r="X2285" s="166">
        <v>0</v>
      </c>
      <c r="Y2285" s="166">
        <v>0</v>
      </c>
      <c r="Z2285" s="166">
        <v>0</v>
      </c>
      <c r="AA2285" s="166">
        <v>0</v>
      </c>
      <c r="AB2285" s="166">
        <v>0</v>
      </c>
      <c r="AC2285" s="166">
        <v>0</v>
      </c>
      <c r="AD2285" s="166">
        <v>0</v>
      </c>
      <c r="AE2285" s="166">
        <v>0</v>
      </c>
      <c r="AF2285" s="166">
        <v>0</v>
      </c>
      <c r="AG2285" s="166">
        <v>0</v>
      </c>
      <c r="AH2285" s="166">
        <v>0</v>
      </c>
      <c r="AI2285" s="166">
        <v>0</v>
      </c>
      <c r="AJ2285" s="166">
        <v>0</v>
      </c>
      <c r="AK2285" s="166">
        <v>0</v>
      </c>
      <c r="AL2285" s="166">
        <v>0</v>
      </c>
      <c r="AM2285" s="166">
        <v>0</v>
      </c>
      <c r="AN2285" s="166">
        <v>0</v>
      </c>
      <c r="AO2285" s="166">
        <v>0</v>
      </c>
      <c r="AP2285" s="166">
        <v>0</v>
      </c>
      <c r="AQ2285" s="166">
        <v>0</v>
      </c>
      <c r="AR2285" s="166">
        <v>0</v>
      </c>
      <c r="AS2285" s="166">
        <v>0</v>
      </c>
      <c r="AT2285" s="166">
        <v>0</v>
      </c>
      <c r="AU2285" s="166">
        <v>0</v>
      </c>
      <c r="AV2285" s="166">
        <v>0</v>
      </c>
      <c r="AW2285" s="166">
        <v>0</v>
      </c>
      <c r="AX2285" s="166">
        <v>0</v>
      </c>
      <c r="AY2285" s="166">
        <v>0</v>
      </c>
      <c r="AZ2285" s="166">
        <v>0</v>
      </c>
      <c r="BA2285" s="166">
        <v>0</v>
      </c>
      <c r="BB2285" s="166">
        <v>0</v>
      </c>
      <c r="BC2285" s="166">
        <v>0</v>
      </c>
      <c r="BD2285" s="166">
        <v>0</v>
      </c>
      <c r="BE2285" s="166">
        <v>0</v>
      </c>
      <c r="BF2285" s="166">
        <v>0</v>
      </c>
      <c r="BG2285" s="166">
        <v>0</v>
      </c>
      <c r="BH2285" s="166">
        <v>0</v>
      </c>
      <c r="BI2285" s="166">
        <v>0</v>
      </c>
      <c r="BJ2285" s="166">
        <v>0</v>
      </c>
      <c r="BK2285" s="166">
        <v>0</v>
      </c>
      <c r="BL2285" s="166">
        <v>0</v>
      </c>
      <c r="BM2285" s="166">
        <v>0</v>
      </c>
      <c r="BN2285" s="166">
        <v>0</v>
      </c>
      <c r="BO2285" s="166">
        <v>0</v>
      </c>
      <c r="BP2285" s="166">
        <v>0</v>
      </c>
      <c r="BQ2285" s="166">
        <v>0</v>
      </c>
      <c r="BR2285" s="166">
        <v>11600921.169172401</v>
      </c>
      <c r="BS2285" s="166">
        <v>11600921.169172401</v>
      </c>
      <c r="BT2285" s="168">
        <v>0.99999812279077205</v>
      </c>
      <c r="BU2285" s="166">
        <v>975090.14536481397</v>
      </c>
      <c r="BV2285" s="166">
        <v>11600899.3918161</v>
      </c>
      <c r="BW2285" s="166">
        <v>0</v>
      </c>
      <c r="BX2285" s="166">
        <v>0</v>
      </c>
      <c r="BY2285" s="166">
        <v>0</v>
      </c>
      <c r="BZ2285" s="166">
        <v>0</v>
      </c>
      <c r="CA2285" s="166">
        <v>0</v>
      </c>
      <c r="CB2285" s="166">
        <v>0</v>
      </c>
      <c r="CC2285" s="166">
        <v>0</v>
      </c>
      <c r="CD2285" s="166">
        <v>0</v>
      </c>
      <c r="CE2285" s="166">
        <v>0</v>
      </c>
      <c r="CF2285" s="166">
        <v>0</v>
      </c>
      <c r="CG2285" s="166">
        <v>0</v>
      </c>
      <c r="CH2285" s="166">
        <v>0</v>
      </c>
      <c r="CI2285" s="166">
        <v>0</v>
      </c>
      <c r="CJ2285" s="166">
        <v>0</v>
      </c>
      <c r="CK2285" s="166">
        <v>0</v>
      </c>
      <c r="CL2285" s="166">
        <v>0</v>
      </c>
      <c r="CM2285" s="166">
        <v>0</v>
      </c>
      <c r="CN2285" s="166">
        <v>0</v>
      </c>
      <c r="CO2285" s="166">
        <v>0</v>
      </c>
      <c r="CP2285" s="166">
        <v>0</v>
      </c>
      <c r="CQ2285" s="166">
        <v>0</v>
      </c>
      <c r="CR2285" s="166">
        <v>0</v>
      </c>
      <c r="CS2285" s="166">
        <v>0</v>
      </c>
      <c r="CT2285" s="166">
        <v>0</v>
      </c>
      <c r="CU2285" s="166">
        <v>0</v>
      </c>
      <c r="CV2285" s="166">
        <v>0</v>
      </c>
      <c r="CW2285" s="166">
        <v>0</v>
      </c>
      <c r="CX2285" s="166">
        <v>0</v>
      </c>
      <c r="CY2285" s="166">
        <v>11600899.3918161</v>
      </c>
      <c r="CZ2285" s="166">
        <v>11600899.3918161</v>
      </c>
    </row>
    <row r="2286" spans="1:104" x14ac:dyDescent="0.2">
      <c r="A2286" s="167" t="s">
        <v>134</v>
      </c>
      <c r="B2286" s="166">
        <v>7382344.1169610899</v>
      </c>
      <c r="C2286" s="166">
        <v>7382344.1169610899</v>
      </c>
      <c r="D2286" s="166">
        <v>0</v>
      </c>
      <c r="E2286" s="166">
        <v>0</v>
      </c>
      <c r="F2286" s="166">
        <v>0</v>
      </c>
      <c r="G2286" s="166">
        <v>0</v>
      </c>
      <c r="H2286" s="166">
        <v>0</v>
      </c>
      <c r="I2286" s="166">
        <v>0</v>
      </c>
      <c r="J2286" s="166">
        <v>0</v>
      </c>
      <c r="K2286" s="166">
        <v>0</v>
      </c>
      <c r="L2286" s="166">
        <v>0</v>
      </c>
      <c r="M2286" s="166">
        <v>0</v>
      </c>
      <c r="N2286" s="166">
        <v>0</v>
      </c>
      <c r="O2286" s="166">
        <v>0</v>
      </c>
      <c r="P2286" s="166">
        <v>0</v>
      </c>
      <c r="Q2286" s="166">
        <v>0</v>
      </c>
      <c r="R2286" s="166">
        <v>0</v>
      </c>
      <c r="S2286" s="166">
        <v>0</v>
      </c>
      <c r="T2286" s="166">
        <v>0</v>
      </c>
      <c r="U2286" s="166">
        <v>0</v>
      </c>
      <c r="V2286" s="166">
        <v>0</v>
      </c>
      <c r="W2286" s="166">
        <v>0</v>
      </c>
      <c r="X2286" s="166">
        <v>0</v>
      </c>
      <c r="Y2286" s="166">
        <v>0</v>
      </c>
      <c r="Z2286" s="166">
        <v>0</v>
      </c>
      <c r="AA2286" s="166">
        <v>0</v>
      </c>
      <c r="AB2286" s="166">
        <v>0</v>
      </c>
      <c r="AC2286" s="166">
        <v>0</v>
      </c>
      <c r="AD2286" s="166">
        <v>0</v>
      </c>
      <c r="AE2286" s="166">
        <v>0</v>
      </c>
      <c r="AF2286" s="166">
        <v>0</v>
      </c>
      <c r="AG2286" s="166">
        <v>0</v>
      </c>
      <c r="AH2286" s="166">
        <v>0</v>
      </c>
      <c r="AI2286" s="166">
        <v>0</v>
      </c>
      <c r="AJ2286" s="166">
        <v>0</v>
      </c>
      <c r="AK2286" s="166">
        <v>0</v>
      </c>
      <c r="AL2286" s="166">
        <v>0</v>
      </c>
      <c r="AM2286" s="166">
        <v>0</v>
      </c>
      <c r="AN2286" s="166">
        <v>0</v>
      </c>
      <c r="AO2286" s="166">
        <v>0</v>
      </c>
      <c r="AP2286" s="166">
        <v>0</v>
      </c>
      <c r="AQ2286" s="166">
        <v>0</v>
      </c>
      <c r="AR2286" s="166">
        <v>0</v>
      </c>
      <c r="AS2286" s="166">
        <v>0</v>
      </c>
      <c r="AT2286" s="166">
        <v>0</v>
      </c>
      <c r="AU2286" s="166">
        <v>0</v>
      </c>
      <c r="AV2286" s="166">
        <v>0</v>
      </c>
      <c r="AW2286" s="166">
        <v>0</v>
      </c>
      <c r="AX2286" s="166">
        <v>0</v>
      </c>
      <c r="AY2286" s="166">
        <v>0</v>
      </c>
      <c r="AZ2286" s="166">
        <v>0</v>
      </c>
      <c r="BA2286" s="166">
        <v>0</v>
      </c>
      <c r="BB2286" s="166">
        <v>0</v>
      </c>
      <c r="BC2286" s="166">
        <v>0</v>
      </c>
      <c r="BD2286" s="166">
        <v>0</v>
      </c>
      <c r="BE2286" s="166">
        <v>0</v>
      </c>
      <c r="BF2286" s="166">
        <v>0</v>
      </c>
      <c r="BG2286" s="166">
        <v>0</v>
      </c>
      <c r="BH2286" s="166">
        <v>0</v>
      </c>
      <c r="BI2286" s="166">
        <v>0</v>
      </c>
      <c r="BJ2286" s="166">
        <v>0</v>
      </c>
      <c r="BK2286" s="166">
        <v>0</v>
      </c>
      <c r="BL2286" s="166">
        <v>0</v>
      </c>
      <c r="BM2286" s="166">
        <v>0</v>
      </c>
      <c r="BN2286" s="166">
        <v>0</v>
      </c>
      <c r="BO2286" s="166">
        <v>0</v>
      </c>
      <c r="BP2286" s="166">
        <v>0</v>
      </c>
      <c r="BQ2286" s="166">
        <v>0</v>
      </c>
      <c r="BR2286" s="166">
        <v>7382344.1169610899</v>
      </c>
      <c r="BS2286" s="166">
        <v>7382344.1169610899</v>
      </c>
      <c r="BT2286" s="168">
        <v>0.95155251328940305</v>
      </c>
      <c r="BU2286" s="166">
        <v>587187.169544706</v>
      </c>
      <c r="BV2286" s="166">
        <v>7024688.09846156</v>
      </c>
      <c r="BW2286" s="166">
        <v>0</v>
      </c>
      <c r="BX2286" s="166">
        <v>0</v>
      </c>
      <c r="BY2286" s="166">
        <v>0</v>
      </c>
      <c r="BZ2286" s="166">
        <v>0</v>
      </c>
      <c r="CA2286" s="166">
        <v>0</v>
      </c>
      <c r="CB2286" s="166">
        <v>0</v>
      </c>
      <c r="CC2286" s="166">
        <v>0</v>
      </c>
      <c r="CD2286" s="166">
        <v>0</v>
      </c>
      <c r="CE2286" s="166">
        <v>0</v>
      </c>
      <c r="CF2286" s="166">
        <v>0</v>
      </c>
      <c r="CG2286" s="166">
        <v>0</v>
      </c>
      <c r="CH2286" s="166">
        <v>0</v>
      </c>
      <c r="CI2286" s="166">
        <v>0</v>
      </c>
      <c r="CJ2286" s="166">
        <v>0</v>
      </c>
      <c r="CK2286" s="166">
        <v>0</v>
      </c>
      <c r="CL2286" s="166">
        <v>0</v>
      </c>
      <c r="CM2286" s="166">
        <v>0</v>
      </c>
      <c r="CN2286" s="166">
        <v>0</v>
      </c>
      <c r="CO2286" s="166">
        <v>0</v>
      </c>
      <c r="CP2286" s="166">
        <v>0</v>
      </c>
      <c r="CQ2286" s="166">
        <v>0</v>
      </c>
      <c r="CR2286" s="166">
        <v>0</v>
      </c>
      <c r="CS2286" s="166">
        <v>0</v>
      </c>
      <c r="CT2286" s="166">
        <v>0</v>
      </c>
      <c r="CU2286" s="166">
        <v>0</v>
      </c>
      <c r="CV2286" s="166">
        <v>0</v>
      </c>
      <c r="CW2286" s="166">
        <v>0</v>
      </c>
      <c r="CX2286" s="166">
        <v>0</v>
      </c>
      <c r="CY2286" s="166">
        <v>7024688.09846156</v>
      </c>
      <c r="CZ2286" s="166">
        <v>7024688.09846156</v>
      </c>
    </row>
    <row r="2287" spans="1:104" x14ac:dyDescent="0.2">
      <c r="A2287" s="167" t="s">
        <v>135</v>
      </c>
      <c r="B2287" s="166">
        <v>1090020.76386647</v>
      </c>
      <c r="C2287" s="166">
        <v>1090020.76386647</v>
      </c>
      <c r="D2287" s="166">
        <v>0</v>
      </c>
      <c r="E2287" s="166">
        <v>0</v>
      </c>
      <c r="F2287" s="166">
        <v>0</v>
      </c>
      <c r="G2287" s="166">
        <v>0</v>
      </c>
      <c r="H2287" s="166">
        <v>0</v>
      </c>
      <c r="I2287" s="166">
        <v>0</v>
      </c>
      <c r="J2287" s="166">
        <v>0</v>
      </c>
      <c r="K2287" s="166">
        <v>0</v>
      </c>
      <c r="L2287" s="166">
        <v>0</v>
      </c>
      <c r="M2287" s="166">
        <v>0</v>
      </c>
      <c r="N2287" s="166">
        <v>0</v>
      </c>
      <c r="O2287" s="166">
        <v>0</v>
      </c>
      <c r="P2287" s="166">
        <v>0</v>
      </c>
      <c r="Q2287" s="166">
        <v>0</v>
      </c>
      <c r="R2287" s="166">
        <v>0</v>
      </c>
      <c r="S2287" s="166">
        <v>0</v>
      </c>
      <c r="T2287" s="166">
        <v>0</v>
      </c>
      <c r="U2287" s="166">
        <v>0</v>
      </c>
      <c r="V2287" s="166">
        <v>0</v>
      </c>
      <c r="W2287" s="166">
        <v>0</v>
      </c>
      <c r="X2287" s="166">
        <v>0</v>
      </c>
      <c r="Y2287" s="166">
        <v>0</v>
      </c>
      <c r="Z2287" s="166">
        <v>0</v>
      </c>
      <c r="AA2287" s="166">
        <v>0</v>
      </c>
      <c r="AB2287" s="166">
        <v>0</v>
      </c>
      <c r="AC2287" s="166">
        <v>0</v>
      </c>
      <c r="AD2287" s="166">
        <v>0</v>
      </c>
      <c r="AE2287" s="166">
        <v>0</v>
      </c>
      <c r="AF2287" s="166">
        <v>0</v>
      </c>
      <c r="AG2287" s="166">
        <v>0</v>
      </c>
      <c r="AH2287" s="166">
        <v>0</v>
      </c>
      <c r="AI2287" s="166">
        <v>0</v>
      </c>
      <c r="AJ2287" s="166">
        <v>0</v>
      </c>
      <c r="AK2287" s="166">
        <v>0</v>
      </c>
      <c r="AL2287" s="166">
        <v>0</v>
      </c>
      <c r="AM2287" s="166">
        <v>0</v>
      </c>
      <c r="AN2287" s="166">
        <v>0</v>
      </c>
      <c r="AO2287" s="166">
        <v>0</v>
      </c>
      <c r="AP2287" s="166">
        <v>0</v>
      </c>
      <c r="AQ2287" s="166">
        <v>0</v>
      </c>
      <c r="AR2287" s="166">
        <v>0</v>
      </c>
      <c r="AS2287" s="166">
        <v>0</v>
      </c>
      <c r="AT2287" s="166">
        <v>0</v>
      </c>
      <c r="AU2287" s="166">
        <v>0</v>
      </c>
      <c r="AV2287" s="166">
        <v>0</v>
      </c>
      <c r="AW2287" s="166">
        <v>0</v>
      </c>
      <c r="AX2287" s="166">
        <v>0</v>
      </c>
      <c r="AY2287" s="166">
        <v>0</v>
      </c>
      <c r="AZ2287" s="166">
        <v>0</v>
      </c>
      <c r="BA2287" s="166">
        <v>0</v>
      </c>
      <c r="BB2287" s="166">
        <v>0</v>
      </c>
      <c r="BC2287" s="166">
        <v>0</v>
      </c>
      <c r="BD2287" s="166">
        <v>0</v>
      </c>
      <c r="BE2287" s="166">
        <v>0</v>
      </c>
      <c r="BF2287" s="166">
        <v>0</v>
      </c>
      <c r="BG2287" s="166">
        <v>0</v>
      </c>
      <c r="BH2287" s="166">
        <v>0</v>
      </c>
      <c r="BI2287" s="166">
        <v>0</v>
      </c>
      <c r="BJ2287" s="166">
        <v>0</v>
      </c>
      <c r="BK2287" s="166">
        <v>0</v>
      </c>
      <c r="BL2287" s="166">
        <v>0</v>
      </c>
      <c r="BM2287" s="166">
        <v>0</v>
      </c>
      <c r="BN2287" s="166">
        <v>0</v>
      </c>
      <c r="BO2287" s="166">
        <v>0</v>
      </c>
      <c r="BP2287" s="166">
        <v>0</v>
      </c>
      <c r="BQ2287" s="166">
        <v>0</v>
      </c>
      <c r="BR2287" s="166">
        <v>1090020.76386647</v>
      </c>
      <c r="BS2287" s="166">
        <v>1090020.76386647</v>
      </c>
      <c r="BT2287" s="168">
        <v>0.97794258413195501</v>
      </c>
      <c r="BU2287" s="166">
        <v>95185.693809368298</v>
      </c>
      <c r="BV2287" s="166">
        <v>1065977.7225730601</v>
      </c>
      <c r="BW2287" s="166">
        <v>0</v>
      </c>
      <c r="BX2287" s="166">
        <v>0</v>
      </c>
      <c r="BY2287" s="166">
        <v>0</v>
      </c>
      <c r="BZ2287" s="166">
        <v>0</v>
      </c>
      <c r="CA2287" s="166">
        <v>0</v>
      </c>
      <c r="CB2287" s="166">
        <v>0</v>
      </c>
      <c r="CC2287" s="166">
        <v>0</v>
      </c>
      <c r="CD2287" s="166">
        <v>0</v>
      </c>
      <c r="CE2287" s="166">
        <v>0</v>
      </c>
      <c r="CF2287" s="166">
        <v>0</v>
      </c>
      <c r="CG2287" s="166">
        <v>0</v>
      </c>
      <c r="CH2287" s="166">
        <v>0</v>
      </c>
      <c r="CI2287" s="166">
        <v>0</v>
      </c>
      <c r="CJ2287" s="166">
        <v>0</v>
      </c>
      <c r="CK2287" s="166">
        <v>0</v>
      </c>
      <c r="CL2287" s="166">
        <v>0</v>
      </c>
      <c r="CM2287" s="166">
        <v>0</v>
      </c>
      <c r="CN2287" s="166">
        <v>0</v>
      </c>
      <c r="CO2287" s="166">
        <v>0</v>
      </c>
      <c r="CP2287" s="166">
        <v>0</v>
      </c>
      <c r="CQ2287" s="166">
        <v>0</v>
      </c>
      <c r="CR2287" s="166">
        <v>0</v>
      </c>
      <c r="CS2287" s="166">
        <v>0</v>
      </c>
      <c r="CT2287" s="166">
        <v>0</v>
      </c>
      <c r="CU2287" s="166">
        <v>0</v>
      </c>
      <c r="CV2287" s="166">
        <v>0</v>
      </c>
      <c r="CW2287" s="166">
        <v>0</v>
      </c>
      <c r="CX2287" s="166">
        <v>0</v>
      </c>
      <c r="CY2287" s="166">
        <v>1065977.7225730601</v>
      </c>
      <c r="CZ2287" s="166">
        <v>1065977.7225730601</v>
      </c>
    </row>
    <row r="2288" spans="1:104" x14ac:dyDescent="0.2">
      <c r="A2288" s="167" t="s">
        <v>136</v>
      </c>
      <c r="B2288" s="166">
        <v>20073286.0499999</v>
      </c>
      <c r="C2288" s="166">
        <v>20073286.0499999</v>
      </c>
      <c r="D2288" s="166">
        <v>0</v>
      </c>
      <c r="E2288" s="166">
        <v>0</v>
      </c>
      <c r="F2288" s="166">
        <v>0</v>
      </c>
      <c r="G2288" s="166">
        <v>0</v>
      </c>
      <c r="H2288" s="166">
        <v>0</v>
      </c>
      <c r="I2288" s="166">
        <v>0</v>
      </c>
      <c r="J2288" s="166">
        <v>0</v>
      </c>
      <c r="K2288" s="166">
        <v>0</v>
      </c>
      <c r="L2288" s="166">
        <v>0</v>
      </c>
      <c r="M2288" s="166">
        <v>0</v>
      </c>
      <c r="N2288" s="166">
        <v>0</v>
      </c>
      <c r="O2288" s="166">
        <v>0</v>
      </c>
      <c r="P2288" s="166">
        <v>0</v>
      </c>
      <c r="Q2288" s="166">
        <v>0</v>
      </c>
      <c r="R2288" s="166">
        <v>0</v>
      </c>
      <c r="S2288" s="166">
        <v>0</v>
      </c>
      <c r="T2288" s="166">
        <v>0</v>
      </c>
      <c r="U2288" s="166">
        <v>0</v>
      </c>
      <c r="V2288" s="166">
        <v>0</v>
      </c>
      <c r="W2288" s="166">
        <v>0</v>
      </c>
      <c r="X2288" s="166">
        <v>0</v>
      </c>
      <c r="Y2288" s="166">
        <v>0</v>
      </c>
      <c r="Z2288" s="166">
        <v>0</v>
      </c>
      <c r="AA2288" s="166">
        <v>0</v>
      </c>
      <c r="AB2288" s="166">
        <v>0</v>
      </c>
      <c r="AC2288" s="166">
        <v>0</v>
      </c>
      <c r="AD2288" s="166">
        <v>0</v>
      </c>
      <c r="AE2288" s="166">
        <v>0</v>
      </c>
      <c r="AF2288" s="166">
        <v>0</v>
      </c>
      <c r="AG2288" s="166">
        <v>0</v>
      </c>
      <c r="AH2288" s="166">
        <v>0</v>
      </c>
      <c r="AI2288" s="166">
        <v>0</v>
      </c>
      <c r="AJ2288" s="166">
        <v>0</v>
      </c>
      <c r="AK2288" s="166">
        <v>0</v>
      </c>
      <c r="AL2288" s="166">
        <v>0</v>
      </c>
      <c r="AM2288" s="166">
        <v>0</v>
      </c>
      <c r="AN2288" s="166">
        <v>0</v>
      </c>
      <c r="AO2288" s="166">
        <v>0</v>
      </c>
      <c r="AP2288" s="166">
        <v>0</v>
      </c>
      <c r="AQ2288" s="166">
        <v>0</v>
      </c>
      <c r="AR2288" s="166">
        <v>0</v>
      </c>
      <c r="AS2288" s="166">
        <v>0</v>
      </c>
      <c r="AT2288" s="166">
        <v>0</v>
      </c>
      <c r="AU2288" s="166">
        <v>0</v>
      </c>
      <c r="AV2288" s="166">
        <v>0</v>
      </c>
      <c r="AW2288" s="166">
        <v>0</v>
      </c>
      <c r="AX2288" s="166">
        <v>0</v>
      </c>
      <c r="AY2288" s="166">
        <v>0</v>
      </c>
      <c r="AZ2288" s="166">
        <v>0</v>
      </c>
      <c r="BA2288" s="166">
        <v>0</v>
      </c>
      <c r="BB2288" s="166">
        <v>0</v>
      </c>
      <c r="BC2288" s="166">
        <v>0</v>
      </c>
      <c r="BD2288" s="166">
        <v>0</v>
      </c>
      <c r="BE2288" s="166">
        <v>0</v>
      </c>
      <c r="BF2288" s="166">
        <v>0</v>
      </c>
      <c r="BG2288" s="166">
        <v>0</v>
      </c>
      <c r="BH2288" s="166">
        <v>0</v>
      </c>
      <c r="BI2288" s="166">
        <v>0</v>
      </c>
      <c r="BJ2288" s="166">
        <v>0</v>
      </c>
      <c r="BK2288" s="166">
        <v>0</v>
      </c>
      <c r="BL2288" s="166">
        <v>0</v>
      </c>
      <c r="BM2288" s="166">
        <v>0</v>
      </c>
      <c r="BN2288" s="166">
        <v>0</v>
      </c>
      <c r="BO2288" s="166">
        <v>0</v>
      </c>
      <c r="BP2288" s="166">
        <v>0</v>
      </c>
      <c r="BQ2288" s="166">
        <v>0</v>
      </c>
      <c r="BR2288" s="166">
        <v>20073286.0499999</v>
      </c>
      <c r="BS2288" s="166">
        <v>20073286.0499999</v>
      </c>
      <c r="BT2288" s="168">
        <v>0</v>
      </c>
      <c r="BU2288" s="166">
        <v>1657463.0087188799</v>
      </c>
      <c r="BV2288" s="166">
        <v>19691565.212850701</v>
      </c>
      <c r="BW2288" s="166">
        <v>0</v>
      </c>
      <c r="BX2288" s="166">
        <v>0</v>
      </c>
      <c r="BY2288" s="166">
        <v>0</v>
      </c>
      <c r="BZ2288" s="166">
        <v>0</v>
      </c>
      <c r="CA2288" s="166">
        <v>0</v>
      </c>
      <c r="CB2288" s="166">
        <v>0</v>
      </c>
      <c r="CC2288" s="166">
        <v>0</v>
      </c>
      <c r="CD2288" s="166">
        <v>0</v>
      </c>
      <c r="CE2288" s="166">
        <v>0</v>
      </c>
      <c r="CF2288" s="166">
        <v>0</v>
      </c>
      <c r="CG2288" s="166">
        <v>0</v>
      </c>
      <c r="CH2288" s="166">
        <v>0</v>
      </c>
      <c r="CI2288" s="166">
        <v>0</v>
      </c>
      <c r="CJ2288" s="166">
        <v>0</v>
      </c>
      <c r="CK2288" s="166">
        <v>0</v>
      </c>
      <c r="CL2288" s="166">
        <v>0</v>
      </c>
      <c r="CM2288" s="166">
        <v>0</v>
      </c>
      <c r="CN2288" s="166">
        <v>0</v>
      </c>
      <c r="CO2288" s="166">
        <v>0</v>
      </c>
      <c r="CP2288" s="166">
        <v>0</v>
      </c>
      <c r="CQ2288" s="166">
        <v>0</v>
      </c>
      <c r="CR2288" s="166">
        <v>0</v>
      </c>
      <c r="CS2288" s="166">
        <v>0</v>
      </c>
      <c r="CT2288" s="166">
        <v>0</v>
      </c>
      <c r="CU2288" s="166">
        <v>0</v>
      </c>
      <c r="CV2288" s="166">
        <v>0</v>
      </c>
      <c r="CW2288" s="166">
        <v>0</v>
      </c>
      <c r="CX2288" s="166">
        <v>0</v>
      </c>
      <c r="CY2288" s="166">
        <v>19691565.212850701</v>
      </c>
      <c r="CZ2288" s="166">
        <v>19691565.212850701</v>
      </c>
    </row>
    <row r="2289" spans="1:104" x14ac:dyDescent="0.2">
      <c r="A2289" s="167" t="s">
        <v>137</v>
      </c>
    </row>
    <row r="2290" spans="1:104" x14ac:dyDescent="0.2">
      <c r="A2290" s="167" t="s">
        <v>138</v>
      </c>
      <c r="B2290" s="166">
        <v>43097270.189887203</v>
      </c>
      <c r="C2290" s="166">
        <v>43097270.189887203</v>
      </c>
      <c r="D2290" s="166">
        <v>0</v>
      </c>
      <c r="E2290" s="166">
        <v>0</v>
      </c>
      <c r="F2290" s="166">
        <v>0</v>
      </c>
      <c r="G2290" s="166">
        <v>0</v>
      </c>
      <c r="H2290" s="166">
        <v>0</v>
      </c>
      <c r="I2290" s="166">
        <v>0</v>
      </c>
      <c r="J2290" s="166">
        <v>0</v>
      </c>
      <c r="K2290" s="166">
        <v>0</v>
      </c>
      <c r="L2290" s="166">
        <v>0</v>
      </c>
      <c r="M2290" s="166">
        <v>0</v>
      </c>
      <c r="N2290" s="166">
        <v>0</v>
      </c>
      <c r="O2290" s="166">
        <v>0</v>
      </c>
      <c r="P2290" s="166">
        <v>0</v>
      </c>
      <c r="Q2290" s="166">
        <v>0</v>
      </c>
      <c r="R2290" s="166">
        <v>0</v>
      </c>
      <c r="S2290" s="166">
        <v>0</v>
      </c>
      <c r="T2290" s="166">
        <v>0</v>
      </c>
      <c r="U2290" s="166">
        <v>0</v>
      </c>
      <c r="V2290" s="166">
        <v>0</v>
      </c>
      <c r="W2290" s="166">
        <v>0</v>
      </c>
      <c r="X2290" s="166">
        <v>0</v>
      </c>
      <c r="Y2290" s="166">
        <v>0</v>
      </c>
      <c r="Z2290" s="166">
        <v>0</v>
      </c>
      <c r="AA2290" s="166">
        <v>0</v>
      </c>
      <c r="AB2290" s="166">
        <v>0</v>
      </c>
      <c r="AC2290" s="166">
        <v>0</v>
      </c>
      <c r="AD2290" s="166">
        <v>0</v>
      </c>
      <c r="AE2290" s="166">
        <v>0</v>
      </c>
      <c r="AF2290" s="166">
        <v>0</v>
      </c>
      <c r="AG2290" s="166">
        <v>0</v>
      </c>
      <c r="AH2290" s="166">
        <v>0</v>
      </c>
      <c r="AI2290" s="166">
        <v>0</v>
      </c>
      <c r="AJ2290" s="166">
        <v>0</v>
      </c>
      <c r="AK2290" s="166">
        <v>0</v>
      </c>
      <c r="AL2290" s="166">
        <v>0</v>
      </c>
      <c r="AM2290" s="166">
        <v>0</v>
      </c>
      <c r="AN2290" s="166">
        <v>0</v>
      </c>
      <c r="AO2290" s="166">
        <v>0</v>
      </c>
      <c r="AP2290" s="166">
        <v>0</v>
      </c>
      <c r="AQ2290" s="166">
        <v>0</v>
      </c>
      <c r="AR2290" s="166">
        <v>0</v>
      </c>
      <c r="AS2290" s="166">
        <v>0</v>
      </c>
      <c r="AT2290" s="166">
        <v>0</v>
      </c>
      <c r="AU2290" s="166">
        <v>0</v>
      </c>
      <c r="AV2290" s="166">
        <v>0</v>
      </c>
      <c r="AW2290" s="166">
        <v>0</v>
      </c>
      <c r="AX2290" s="166">
        <v>0</v>
      </c>
      <c r="AY2290" s="166">
        <v>0</v>
      </c>
      <c r="AZ2290" s="166">
        <v>0</v>
      </c>
      <c r="BA2290" s="166">
        <v>0</v>
      </c>
      <c r="BB2290" s="166">
        <v>0</v>
      </c>
      <c r="BC2290" s="166">
        <v>0</v>
      </c>
      <c r="BD2290" s="166">
        <v>0</v>
      </c>
      <c r="BE2290" s="166">
        <v>0</v>
      </c>
      <c r="BF2290" s="166">
        <v>0</v>
      </c>
      <c r="BG2290" s="166">
        <v>0</v>
      </c>
      <c r="BH2290" s="166">
        <v>0</v>
      </c>
      <c r="BI2290" s="166">
        <v>0</v>
      </c>
      <c r="BJ2290" s="166">
        <v>0</v>
      </c>
      <c r="BK2290" s="166">
        <v>0</v>
      </c>
      <c r="BL2290" s="166">
        <v>0</v>
      </c>
      <c r="BM2290" s="166">
        <v>0</v>
      </c>
      <c r="BN2290" s="166">
        <v>0</v>
      </c>
      <c r="BO2290" s="166">
        <v>0</v>
      </c>
      <c r="BP2290" s="166">
        <v>0</v>
      </c>
      <c r="BQ2290" s="166">
        <v>0</v>
      </c>
      <c r="BR2290" s="166">
        <v>43097270.189887203</v>
      </c>
      <c r="BS2290" s="166">
        <v>43097270.189887203</v>
      </c>
      <c r="BT2290" s="168">
        <v>0.99999527731777005</v>
      </c>
      <c r="BU2290" s="166">
        <v>5511992.7354666302</v>
      </c>
      <c r="BV2290" s="166">
        <v>43097066.655175097</v>
      </c>
      <c r="BW2290" s="166">
        <v>0</v>
      </c>
      <c r="BX2290" s="166">
        <v>0</v>
      </c>
      <c r="BY2290" s="166">
        <v>0</v>
      </c>
      <c r="BZ2290" s="166">
        <v>0</v>
      </c>
      <c r="CA2290" s="166">
        <v>0</v>
      </c>
      <c r="CB2290" s="166">
        <v>0</v>
      </c>
      <c r="CC2290" s="166">
        <v>0</v>
      </c>
      <c r="CD2290" s="166">
        <v>0</v>
      </c>
      <c r="CE2290" s="166">
        <v>0</v>
      </c>
      <c r="CF2290" s="166">
        <v>0</v>
      </c>
      <c r="CG2290" s="166">
        <v>0</v>
      </c>
      <c r="CH2290" s="166">
        <v>0</v>
      </c>
      <c r="CI2290" s="166">
        <v>0</v>
      </c>
      <c r="CJ2290" s="166">
        <v>0</v>
      </c>
      <c r="CK2290" s="166">
        <v>0</v>
      </c>
      <c r="CL2290" s="166">
        <v>0</v>
      </c>
      <c r="CM2290" s="166">
        <v>0</v>
      </c>
      <c r="CN2290" s="166">
        <v>0</v>
      </c>
      <c r="CO2290" s="166">
        <v>0</v>
      </c>
      <c r="CP2290" s="166">
        <v>0</v>
      </c>
      <c r="CQ2290" s="166">
        <v>0</v>
      </c>
      <c r="CR2290" s="166">
        <v>0</v>
      </c>
      <c r="CS2290" s="166">
        <v>0</v>
      </c>
      <c r="CT2290" s="166">
        <v>0</v>
      </c>
      <c r="CU2290" s="166">
        <v>0</v>
      </c>
      <c r="CV2290" s="166">
        <v>0</v>
      </c>
      <c r="CW2290" s="166">
        <v>0</v>
      </c>
      <c r="CX2290" s="166">
        <v>0</v>
      </c>
      <c r="CY2290" s="166">
        <v>43097066.655175097</v>
      </c>
      <c r="CZ2290" s="166">
        <v>43097066.655175097</v>
      </c>
    </row>
    <row r="2291" spans="1:104" x14ac:dyDescent="0.2">
      <c r="A2291" s="167" t="s">
        <v>139</v>
      </c>
      <c r="B2291" s="166">
        <v>5965463.91749488</v>
      </c>
      <c r="C2291" s="166">
        <v>5965463.91749488</v>
      </c>
      <c r="D2291" s="166">
        <v>0</v>
      </c>
      <c r="E2291" s="166">
        <v>0</v>
      </c>
      <c r="F2291" s="166">
        <v>0</v>
      </c>
      <c r="G2291" s="166">
        <v>0</v>
      </c>
      <c r="H2291" s="166">
        <v>0</v>
      </c>
      <c r="I2291" s="166">
        <v>0</v>
      </c>
      <c r="J2291" s="166">
        <v>0</v>
      </c>
      <c r="K2291" s="166">
        <v>0</v>
      </c>
      <c r="L2291" s="166">
        <v>0</v>
      </c>
      <c r="M2291" s="166">
        <v>0</v>
      </c>
      <c r="N2291" s="166">
        <v>0</v>
      </c>
      <c r="O2291" s="166">
        <v>0</v>
      </c>
      <c r="P2291" s="166">
        <v>0</v>
      </c>
      <c r="Q2291" s="166">
        <v>0</v>
      </c>
      <c r="R2291" s="166">
        <v>0</v>
      </c>
      <c r="S2291" s="166">
        <v>0</v>
      </c>
      <c r="T2291" s="166">
        <v>0</v>
      </c>
      <c r="U2291" s="166">
        <v>0</v>
      </c>
      <c r="V2291" s="166">
        <v>0</v>
      </c>
      <c r="W2291" s="166">
        <v>0</v>
      </c>
      <c r="X2291" s="166">
        <v>0</v>
      </c>
      <c r="Y2291" s="166">
        <v>0</v>
      </c>
      <c r="Z2291" s="166">
        <v>0</v>
      </c>
      <c r="AA2291" s="166">
        <v>0</v>
      </c>
      <c r="AB2291" s="166">
        <v>0</v>
      </c>
      <c r="AC2291" s="166">
        <v>0</v>
      </c>
      <c r="AD2291" s="166">
        <v>0</v>
      </c>
      <c r="AE2291" s="166">
        <v>0</v>
      </c>
      <c r="AF2291" s="166">
        <v>0</v>
      </c>
      <c r="AG2291" s="166">
        <v>0</v>
      </c>
      <c r="AH2291" s="166">
        <v>0</v>
      </c>
      <c r="AI2291" s="166">
        <v>0</v>
      </c>
      <c r="AJ2291" s="166">
        <v>0</v>
      </c>
      <c r="AK2291" s="166">
        <v>0</v>
      </c>
      <c r="AL2291" s="166">
        <v>0</v>
      </c>
      <c r="AM2291" s="166">
        <v>0</v>
      </c>
      <c r="AN2291" s="166">
        <v>0</v>
      </c>
      <c r="AO2291" s="166">
        <v>0</v>
      </c>
      <c r="AP2291" s="166">
        <v>0</v>
      </c>
      <c r="AQ2291" s="166">
        <v>0</v>
      </c>
      <c r="AR2291" s="166">
        <v>0</v>
      </c>
      <c r="AS2291" s="166">
        <v>0</v>
      </c>
      <c r="AT2291" s="166">
        <v>0</v>
      </c>
      <c r="AU2291" s="166">
        <v>0</v>
      </c>
      <c r="AV2291" s="166">
        <v>0</v>
      </c>
      <c r="AW2291" s="166">
        <v>0</v>
      </c>
      <c r="AX2291" s="166">
        <v>0</v>
      </c>
      <c r="AY2291" s="166">
        <v>0</v>
      </c>
      <c r="AZ2291" s="166">
        <v>0</v>
      </c>
      <c r="BA2291" s="166">
        <v>0</v>
      </c>
      <c r="BB2291" s="166">
        <v>0</v>
      </c>
      <c r="BC2291" s="166">
        <v>0</v>
      </c>
      <c r="BD2291" s="166">
        <v>0</v>
      </c>
      <c r="BE2291" s="166">
        <v>0</v>
      </c>
      <c r="BF2291" s="166">
        <v>0</v>
      </c>
      <c r="BG2291" s="166">
        <v>0</v>
      </c>
      <c r="BH2291" s="166">
        <v>0</v>
      </c>
      <c r="BI2291" s="166">
        <v>0</v>
      </c>
      <c r="BJ2291" s="166">
        <v>0</v>
      </c>
      <c r="BK2291" s="166">
        <v>0</v>
      </c>
      <c r="BL2291" s="166">
        <v>0</v>
      </c>
      <c r="BM2291" s="166">
        <v>0</v>
      </c>
      <c r="BN2291" s="166">
        <v>0</v>
      </c>
      <c r="BO2291" s="166">
        <v>0</v>
      </c>
      <c r="BP2291" s="166">
        <v>0</v>
      </c>
      <c r="BQ2291" s="166">
        <v>0</v>
      </c>
      <c r="BR2291" s="166">
        <v>5965463.91749488</v>
      </c>
      <c r="BS2291" s="166">
        <v>5965463.91749488</v>
      </c>
      <c r="BT2291" s="168">
        <v>0.94316267309527801</v>
      </c>
      <c r="BU2291" s="166">
        <v>282948.56429099001</v>
      </c>
      <c r="BV2291" s="166">
        <v>5626402.8946778998</v>
      </c>
      <c r="BW2291" s="166">
        <v>0</v>
      </c>
      <c r="BX2291" s="166">
        <v>0</v>
      </c>
      <c r="BY2291" s="166">
        <v>0</v>
      </c>
      <c r="BZ2291" s="166">
        <v>0</v>
      </c>
      <c r="CA2291" s="166">
        <v>0</v>
      </c>
      <c r="CB2291" s="166">
        <v>0</v>
      </c>
      <c r="CC2291" s="166">
        <v>0</v>
      </c>
      <c r="CD2291" s="166">
        <v>0</v>
      </c>
      <c r="CE2291" s="166">
        <v>0</v>
      </c>
      <c r="CF2291" s="166">
        <v>0</v>
      </c>
      <c r="CG2291" s="166">
        <v>0</v>
      </c>
      <c r="CH2291" s="166">
        <v>0</v>
      </c>
      <c r="CI2291" s="166">
        <v>0</v>
      </c>
      <c r="CJ2291" s="166">
        <v>0</v>
      </c>
      <c r="CK2291" s="166">
        <v>0</v>
      </c>
      <c r="CL2291" s="166">
        <v>0</v>
      </c>
      <c r="CM2291" s="166">
        <v>0</v>
      </c>
      <c r="CN2291" s="166">
        <v>0</v>
      </c>
      <c r="CO2291" s="166">
        <v>0</v>
      </c>
      <c r="CP2291" s="166">
        <v>0</v>
      </c>
      <c r="CQ2291" s="166">
        <v>0</v>
      </c>
      <c r="CR2291" s="166">
        <v>0</v>
      </c>
      <c r="CS2291" s="166">
        <v>0</v>
      </c>
      <c r="CT2291" s="166">
        <v>0</v>
      </c>
      <c r="CU2291" s="166">
        <v>0</v>
      </c>
      <c r="CV2291" s="166">
        <v>0</v>
      </c>
      <c r="CW2291" s="166">
        <v>0</v>
      </c>
      <c r="CX2291" s="166">
        <v>0</v>
      </c>
      <c r="CY2291" s="166">
        <v>5626402.8946778998</v>
      </c>
      <c r="CZ2291" s="166">
        <v>5626402.8946778998</v>
      </c>
    </row>
    <row r="2292" spans="1:104" x14ac:dyDescent="0.2">
      <c r="A2292" s="167" t="s">
        <v>140</v>
      </c>
      <c r="B2292" s="166">
        <v>1049734.0626179001</v>
      </c>
      <c r="C2292" s="166">
        <v>1049734.0626179001</v>
      </c>
      <c r="D2292" s="166">
        <v>0</v>
      </c>
      <c r="E2292" s="166">
        <v>0</v>
      </c>
      <c r="F2292" s="166">
        <v>0</v>
      </c>
      <c r="G2292" s="166">
        <v>0</v>
      </c>
      <c r="H2292" s="166">
        <v>0</v>
      </c>
      <c r="I2292" s="166">
        <v>0</v>
      </c>
      <c r="J2292" s="166">
        <v>0</v>
      </c>
      <c r="K2292" s="166">
        <v>0</v>
      </c>
      <c r="L2292" s="166">
        <v>0</v>
      </c>
      <c r="M2292" s="166">
        <v>0</v>
      </c>
      <c r="N2292" s="166">
        <v>0</v>
      </c>
      <c r="O2292" s="166">
        <v>0</v>
      </c>
      <c r="P2292" s="166">
        <v>0</v>
      </c>
      <c r="Q2292" s="166">
        <v>0</v>
      </c>
      <c r="R2292" s="166">
        <v>0</v>
      </c>
      <c r="S2292" s="166">
        <v>0</v>
      </c>
      <c r="T2292" s="166">
        <v>0</v>
      </c>
      <c r="U2292" s="166">
        <v>0</v>
      </c>
      <c r="V2292" s="166">
        <v>0</v>
      </c>
      <c r="W2292" s="166">
        <v>0</v>
      </c>
      <c r="X2292" s="166">
        <v>0</v>
      </c>
      <c r="Y2292" s="166">
        <v>0</v>
      </c>
      <c r="Z2292" s="166">
        <v>0</v>
      </c>
      <c r="AA2292" s="166">
        <v>0</v>
      </c>
      <c r="AB2292" s="166">
        <v>0</v>
      </c>
      <c r="AC2292" s="166">
        <v>0</v>
      </c>
      <c r="AD2292" s="166">
        <v>0</v>
      </c>
      <c r="AE2292" s="166">
        <v>0</v>
      </c>
      <c r="AF2292" s="166">
        <v>0</v>
      </c>
      <c r="AG2292" s="166">
        <v>0</v>
      </c>
      <c r="AH2292" s="166">
        <v>0</v>
      </c>
      <c r="AI2292" s="166">
        <v>0</v>
      </c>
      <c r="AJ2292" s="166">
        <v>0</v>
      </c>
      <c r="AK2292" s="166">
        <v>0</v>
      </c>
      <c r="AL2292" s="166">
        <v>0</v>
      </c>
      <c r="AM2292" s="166">
        <v>0</v>
      </c>
      <c r="AN2292" s="166">
        <v>0</v>
      </c>
      <c r="AO2292" s="166">
        <v>0</v>
      </c>
      <c r="AP2292" s="166">
        <v>0</v>
      </c>
      <c r="AQ2292" s="166">
        <v>0</v>
      </c>
      <c r="AR2292" s="166">
        <v>0</v>
      </c>
      <c r="AS2292" s="166">
        <v>0</v>
      </c>
      <c r="AT2292" s="166">
        <v>0</v>
      </c>
      <c r="AU2292" s="166">
        <v>0</v>
      </c>
      <c r="AV2292" s="166">
        <v>0</v>
      </c>
      <c r="AW2292" s="166">
        <v>0</v>
      </c>
      <c r="AX2292" s="166">
        <v>0</v>
      </c>
      <c r="AY2292" s="166">
        <v>0</v>
      </c>
      <c r="AZ2292" s="166">
        <v>0</v>
      </c>
      <c r="BA2292" s="166">
        <v>0</v>
      </c>
      <c r="BB2292" s="166">
        <v>0</v>
      </c>
      <c r="BC2292" s="166">
        <v>0</v>
      </c>
      <c r="BD2292" s="166">
        <v>0</v>
      </c>
      <c r="BE2292" s="166">
        <v>0</v>
      </c>
      <c r="BF2292" s="166">
        <v>0</v>
      </c>
      <c r="BG2292" s="166">
        <v>0</v>
      </c>
      <c r="BH2292" s="166">
        <v>0</v>
      </c>
      <c r="BI2292" s="166">
        <v>0</v>
      </c>
      <c r="BJ2292" s="166">
        <v>0</v>
      </c>
      <c r="BK2292" s="166">
        <v>0</v>
      </c>
      <c r="BL2292" s="166">
        <v>0</v>
      </c>
      <c r="BM2292" s="166">
        <v>0</v>
      </c>
      <c r="BN2292" s="166">
        <v>0</v>
      </c>
      <c r="BO2292" s="166">
        <v>0</v>
      </c>
      <c r="BP2292" s="166">
        <v>0</v>
      </c>
      <c r="BQ2292" s="166">
        <v>0</v>
      </c>
      <c r="BR2292" s="166">
        <v>1049734.0626179001</v>
      </c>
      <c r="BS2292" s="166">
        <v>1049734.0626179001</v>
      </c>
      <c r="BT2292" s="168">
        <v>0.96863605187968405</v>
      </c>
      <c r="BU2292" s="166">
        <v>98223.468477210001</v>
      </c>
      <c r="BV2292" s="166">
        <v>1016810.2579378301</v>
      </c>
      <c r="BW2292" s="166">
        <v>0</v>
      </c>
      <c r="BX2292" s="166">
        <v>0</v>
      </c>
      <c r="BY2292" s="166">
        <v>0</v>
      </c>
      <c r="BZ2292" s="166">
        <v>0</v>
      </c>
      <c r="CA2292" s="166">
        <v>0</v>
      </c>
      <c r="CB2292" s="166">
        <v>0</v>
      </c>
      <c r="CC2292" s="166">
        <v>0</v>
      </c>
      <c r="CD2292" s="166">
        <v>0</v>
      </c>
      <c r="CE2292" s="166">
        <v>0</v>
      </c>
      <c r="CF2292" s="166">
        <v>0</v>
      </c>
      <c r="CG2292" s="166">
        <v>0</v>
      </c>
      <c r="CH2292" s="166">
        <v>0</v>
      </c>
      <c r="CI2292" s="166">
        <v>0</v>
      </c>
      <c r="CJ2292" s="166">
        <v>0</v>
      </c>
      <c r="CK2292" s="166">
        <v>0</v>
      </c>
      <c r="CL2292" s="166">
        <v>0</v>
      </c>
      <c r="CM2292" s="166">
        <v>0</v>
      </c>
      <c r="CN2292" s="166">
        <v>0</v>
      </c>
      <c r="CO2292" s="166">
        <v>0</v>
      </c>
      <c r="CP2292" s="166">
        <v>0</v>
      </c>
      <c r="CQ2292" s="166">
        <v>0</v>
      </c>
      <c r="CR2292" s="166">
        <v>0</v>
      </c>
      <c r="CS2292" s="166">
        <v>0</v>
      </c>
      <c r="CT2292" s="166">
        <v>0</v>
      </c>
      <c r="CU2292" s="166">
        <v>0</v>
      </c>
      <c r="CV2292" s="166">
        <v>0</v>
      </c>
      <c r="CW2292" s="166">
        <v>0</v>
      </c>
      <c r="CX2292" s="166">
        <v>0</v>
      </c>
      <c r="CY2292" s="166">
        <v>1016810.2579378301</v>
      </c>
      <c r="CZ2292" s="166">
        <v>1016810.2579378301</v>
      </c>
    </row>
    <row r="2293" spans="1:104" x14ac:dyDescent="0.2">
      <c r="A2293" s="167" t="s">
        <v>141</v>
      </c>
      <c r="B2293" s="166">
        <v>50112468.169999897</v>
      </c>
      <c r="C2293" s="166">
        <v>50112468.169999897</v>
      </c>
      <c r="D2293" s="166">
        <v>0</v>
      </c>
      <c r="E2293" s="166">
        <v>0</v>
      </c>
      <c r="F2293" s="166">
        <v>0</v>
      </c>
      <c r="G2293" s="166">
        <v>0</v>
      </c>
      <c r="H2293" s="166">
        <v>0</v>
      </c>
      <c r="I2293" s="166">
        <v>0</v>
      </c>
      <c r="J2293" s="166">
        <v>0</v>
      </c>
      <c r="K2293" s="166">
        <v>0</v>
      </c>
      <c r="L2293" s="166">
        <v>0</v>
      </c>
      <c r="M2293" s="166">
        <v>0</v>
      </c>
      <c r="N2293" s="166">
        <v>0</v>
      </c>
      <c r="O2293" s="166">
        <v>0</v>
      </c>
      <c r="P2293" s="166">
        <v>0</v>
      </c>
      <c r="Q2293" s="166">
        <v>0</v>
      </c>
      <c r="R2293" s="166">
        <v>0</v>
      </c>
      <c r="S2293" s="166">
        <v>0</v>
      </c>
      <c r="T2293" s="166">
        <v>0</v>
      </c>
      <c r="U2293" s="166">
        <v>0</v>
      </c>
      <c r="V2293" s="166">
        <v>0</v>
      </c>
      <c r="W2293" s="166">
        <v>0</v>
      </c>
      <c r="X2293" s="166">
        <v>0</v>
      </c>
      <c r="Y2293" s="166">
        <v>0</v>
      </c>
      <c r="Z2293" s="166">
        <v>0</v>
      </c>
      <c r="AA2293" s="166">
        <v>0</v>
      </c>
      <c r="AB2293" s="166">
        <v>0</v>
      </c>
      <c r="AC2293" s="166">
        <v>0</v>
      </c>
      <c r="AD2293" s="166">
        <v>0</v>
      </c>
      <c r="AE2293" s="166">
        <v>0</v>
      </c>
      <c r="AF2293" s="166">
        <v>0</v>
      </c>
      <c r="AG2293" s="166">
        <v>0</v>
      </c>
      <c r="AH2293" s="166">
        <v>0</v>
      </c>
      <c r="AI2293" s="166">
        <v>0</v>
      </c>
      <c r="AJ2293" s="166">
        <v>0</v>
      </c>
      <c r="AK2293" s="166">
        <v>0</v>
      </c>
      <c r="AL2293" s="166">
        <v>0</v>
      </c>
      <c r="AM2293" s="166">
        <v>0</v>
      </c>
      <c r="AN2293" s="166">
        <v>0</v>
      </c>
      <c r="AO2293" s="166">
        <v>0</v>
      </c>
      <c r="AP2293" s="166">
        <v>0</v>
      </c>
      <c r="AQ2293" s="166">
        <v>0</v>
      </c>
      <c r="AR2293" s="166">
        <v>0</v>
      </c>
      <c r="AS2293" s="166">
        <v>0</v>
      </c>
      <c r="AT2293" s="166">
        <v>0</v>
      </c>
      <c r="AU2293" s="166">
        <v>0</v>
      </c>
      <c r="AV2293" s="166">
        <v>0</v>
      </c>
      <c r="AW2293" s="166">
        <v>0</v>
      </c>
      <c r="AX2293" s="166">
        <v>0</v>
      </c>
      <c r="AY2293" s="166">
        <v>0</v>
      </c>
      <c r="AZ2293" s="166">
        <v>0</v>
      </c>
      <c r="BA2293" s="166">
        <v>0</v>
      </c>
      <c r="BB2293" s="166">
        <v>0</v>
      </c>
      <c r="BC2293" s="166">
        <v>0</v>
      </c>
      <c r="BD2293" s="166">
        <v>0</v>
      </c>
      <c r="BE2293" s="166">
        <v>0</v>
      </c>
      <c r="BF2293" s="166">
        <v>0</v>
      </c>
      <c r="BG2293" s="166">
        <v>0</v>
      </c>
      <c r="BH2293" s="166">
        <v>0</v>
      </c>
      <c r="BI2293" s="166">
        <v>0</v>
      </c>
      <c r="BJ2293" s="166">
        <v>0</v>
      </c>
      <c r="BK2293" s="166">
        <v>0</v>
      </c>
      <c r="BL2293" s="166">
        <v>0</v>
      </c>
      <c r="BM2293" s="166">
        <v>0</v>
      </c>
      <c r="BN2293" s="166">
        <v>0</v>
      </c>
      <c r="BO2293" s="166">
        <v>0</v>
      </c>
      <c r="BP2293" s="166">
        <v>0</v>
      </c>
      <c r="BQ2293" s="166">
        <v>0</v>
      </c>
      <c r="BR2293" s="166">
        <v>50112468.169999897</v>
      </c>
      <c r="BS2293" s="166">
        <v>50112468.170000002</v>
      </c>
      <c r="BT2293" s="168">
        <v>0</v>
      </c>
      <c r="BU2293" s="166">
        <v>5893164.7682348303</v>
      </c>
      <c r="BV2293" s="166">
        <v>49740279.807790898</v>
      </c>
      <c r="BW2293" s="166">
        <v>0</v>
      </c>
      <c r="BX2293" s="166">
        <v>0</v>
      </c>
      <c r="BY2293" s="166">
        <v>0</v>
      </c>
      <c r="BZ2293" s="166">
        <v>0</v>
      </c>
      <c r="CA2293" s="166">
        <v>0</v>
      </c>
      <c r="CB2293" s="166">
        <v>0</v>
      </c>
      <c r="CC2293" s="166">
        <v>0</v>
      </c>
      <c r="CD2293" s="166">
        <v>0</v>
      </c>
      <c r="CE2293" s="166">
        <v>0</v>
      </c>
      <c r="CF2293" s="166">
        <v>0</v>
      </c>
      <c r="CG2293" s="166">
        <v>0</v>
      </c>
      <c r="CH2293" s="166">
        <v>0</v>
      </c>
      <c r="CI2293" s="166">
        <v>0</v>
      </c>
      <c r="CJ2293" s="166">
        <v>0</v>
      </c>
      <c r="CK2293" s="166">
        <v>0</v>
      </c>
      <c r="CL2293" s="166">
        <v>0</v>
      </c>
      <c r="CM2293" s="166">
        <v>0</v>
      </c>
      <c r="CN2293" s="166">
        <v>0</v>
      </c>
      <c r="CO2293" s="166">
        <v>0</v>
      </c>
      <c r="CP2293" s="166">
        <v>0</v>
      </c>
      <c r="CQ2293" s="166">
        <v>0</v>
      </c>
      <c r="CR2293" s="166">
        <v>0</v>
      </c>
      <c r="CS2293" s="166">
        <v>0</v>
      </c>
      <c r="CT2293" s="166">
        <v>0</v>
      </c>
      <c r="CU2293" s="166">
        <v>0</v>
      </c>
      <c r="CV2293" s="166">
        <v>0</v>
      </c>
      <c r="CW2293" s="166">
        <v>0</v>
      </c>
      <c r="CX2293" s="166">
        <v>0</v>
      </c>
      <c r="CY2293" s="166">
        <v>49740279.807790898</v>
      </c>
      <c r="CZ2293" s="166">
        <v>49740279.807790898</v>
      </c>
    </row>
    <row r="2294" spans="1:104" x14ac:dyDescent="0.2">
      <c r="A2294" s="170" t="s">
        <v>142</v>
      </c>
      <c r="B2294" s="166">
        <v>70185754.219999999</v>
      </c>
      <c r="C2294" s="166">
        <v>70185754.219999999</v>
      </c>
      <c r="D2294" s="166">
        <v>0</v>
      </c>
      <c r="E2294" s="166">
        <v>0</v>
      </c>
      <c r="F2294" s="166">
        <v>0</v>
      </c>
      <c r="G2294" s="166">
        <v>0</v>
      </c>
      <c r="H2294" s="166">
        <v>0</v>
      </c>
      <c r="I2294" s="166">
        <v>0</v>
      </c>
      <c r="J2294" s="166">
        <v>0</v>
      </c>
      <c r="K2294" s="166">
        <v>0</v>
      </c>
      <c r="L2294" s="166">
        <v>0</v>
      </c>
      <c r="M2294" s="166">
        <v>0</v>
      </c>
      <c r="N2294" s="166">
        <v>0</v>
      </c>
      <c r="O2294" s="166">
        <v>0</v>
      </c>
      <c r="P2294" s="166">
        <v>0</v>
      </c>
      <c r="Q2294" s="166">
        <v>0</v>
      </c>
      <c r="R2294" s="166">
        <v>0</v>
      </c>
      <c r="S2294" s="166">
        <v>0</v>
      </c>
      <c r="T2294" s="166">
        <v>0</v>
      </c>
      <c r="U2294" s="166">
        <v>0</v>
      </c>
      <c r="V2294" s="166">
        <v>0</v>
      </c>
      <c r="W2294" s="166">
        <v>0</v>
      </c>
      <c r="X2294" s="166">
        <v>0</v>
      </c>
      <c r="Y2294" s="166">
        <v>0</v>
      </c>
      <c r="Z2294" s="166">
        <v>0</v>
      </c>
      <c r="AA2294" s="166">
        <v>0</v>
      </c>
      <c r="AB2294" s="166">
        <v>0</v>
      </c>
      <c r="AC2294" s="166">
        <v>0</v>
      </c>
      <c r="AD2294" s="166">
        <v>0</v>
      </c>
      <c r="AE2294" s="166">
        <v>0</v>
      </c>
      <c r="AF2294" s="166">
        <v>0</v>
      </c>
      <c r="AG2294" s="166">
        <v>0</v>
      </c>
      <c r="AH2294" s="166">
        <v>0</v>
      </c>
      <c r="AI2294" s="166">
        <v>0</v>
      </c>
      <c r="AJ2294" s="166">
        <v>0</v>
      </c>
      <c r="AK2294" s="166">
        <v>0</v>
      </c>
      <c r="AL2294" s="166">
        <v>0</v>
      </c>
      <c r="AM2294" s="166">
        <v>0</v>
      </c>
      <c r="AN2294" s="166">
        <v>0</v>
      </c>
      <c r="AO2294" s="166">
        <v>0</v>
      </c>
      <c r="AP2294" s="166">
        <v>0</v>
      </c>
      <c r="AQ2294" s="166">
        <v>0</v>
      </c>
      <c r="AR2294" s="166">
        <v>0</v>
      </c>
      <c r="AS2294" s="166">
        <v>0</v>
      </c>
      <c r="AT2294" s="166">
        <v>0</v>
      </c>
      <c r="AU2294" s="166">
        <v>0</v>
      </c>
      <c r="AV2294" s="166">
        <v>0</v>
      </c>
      <c r="AW2294" s="166">
        <v>0</v>
      </c>
      <c r="AX2294" s="166">
        <v>0</v>
      </c>
      <c r="AY2294" s="166">
        <v>0</v>
      </c>
      <c r="AZ2294" s="166">
        <v>0</v>
      </c>
      <c r="BA2294" s="166">
        <v>0</v>
      </c>
      <c r="BB2294" s="166">
        <v>0</v>
      </c>
      <c r="BC2294" s="166">
        <v>0</v>
      </c>
      <c r="BD2294" s="166">
        <v>0</v>
      </c>
      <c r="BE2294" s="166">
        <v>0</v>
      </c>
      <c r="BF2294" s="166">
        <v>0</v>
      </c>
      <c r="BG2294" s="166">
        <v>0</v>
      </c>
      <c r="BH2294" s="166">
        <v>0</v>
      </c>
      <c r="BI2294" s="166">
        <v>0</v>
      </c>
      <c r="BJ2294" s="166">
        <v>0</v>
      </c>
      <c r="BK2294" s="166">
        <v>0</v>
      </c>
      <c r="BL2294" s="166">
        <v>0</v>
      </c>
      <c r="BM2294" s="166">
        <v>0</v>
      </c>
      <c r="BN2294" s="166">
        <v>0</v>
      </c>
      <c r="BO2294" s="166">
        <v>0</v>
      </c>
      <c r="BP2294" s="166">
        <v>0</v>
      </c>
      <c r="BQ2294" s="166">
        <v>0</v>
      </c>
      <c r="BR2294" s="166">
        <v>140371508.44</v>
      </c>
      <c r="BS2294" s="166">
        <v>70185754.219999999</v>
      </c>
      <c r="BT2294" s="168">
        <v>0</v>
      </c>
      <c r="BU2294" s="166">
        <v>7550627.7769537196</v>
      </c>
      <c r="BV2294" s="166">
        <v>69431845.020641699</v>
      </c>
      <c r="BW2294" s="166">
        <v>0</v>
      </c>
      <c r="BX2294" s="166">
        <v>0</v>
      </c>
      <c r="BY2294" s="166">
        <v>0</v>
      </c>
      <c r="BZ2294" s="166">
        <v>0</v>
      </c>
      <c r="CA2294" s="166">
        <v>0</v>
      </c>
      <c r="CB2294" s="166">
        <v>0</v>
      </c>
      <c r="CC2294" s="166">
        <v>0</v>
      </c>
      <c r="CD2294" s="166">
        <v>0</v>
      </c>
      <c r="CE2294" s="166">
        <v>0</v>
      </c>
      <c r="CF2294" s="166">
        <v>0</v>
      </c>
      <c r="CG2294" s="166">
        <v>0</v>
      </c>
      <c r="CH2294" s="166">
        <v>0</v>
      </c>
      <c r="CI2294" s="166">
        <v>0</v>
      </c>
      <c r="CJ2294" s="166">
        <v>0</v>
      </c>
      <c r="CK2294" s="166">
        <v>0</v>
      </c>
      <c r="CL2294" s="166">
        <v>0</v>
      </c>
      <c r="CM2294" s="166">
        <v>0</v>
      </c>
      <c r="CN2294" s="166">
        <v>0</v>
      </c>
      <c r="CO2294" s="166">
        <v>0</v>
      </c>
      <c r="CP2294" s="166">
        <v>0</v>
      </c>
      <c r="CQ2294" s="166">
        <v>0</v>
      </c>
      <c r="CR2294" s="166">
        <v>0</v>
      </c>
      <c r="CS2294" s="166">
        <v>0</v>
      </c>
      <c r="CT2294" s="166">
        <v>0</v>
      </c>
      <c r="CU2294" s="166">
        <v>0</v>
      </c>
      <c r="CV2294" s="166">
        <v>0</v>
      </c>
      <c r="CW2294" s="166">
        <v>0</v>
      </c>
      <c r="CX2294" s="166">
        <v>0</v>
      </c>
      <c r="CY2294" s="166">
        <v>69431845.020641699</v>
      </c>
      <c r="CZ2294" s="166">
        <v>69431845.020641699</v>
      </c>
    </row>
    <row r="2295" spans="1:104" x14ac:dyDescent="0.2">
      <c r="A2295" s="167" t="s">
        <v>143</v>
      </c>
    </row>
    <row r="2296" spans="1:104" x14ac:dyDescent="0.2">
      <c r="A2296" s="170" t="s">
        <v>144</v>
      </c>
    </row>
    <row r="2297" spans="1:104" x14ac:dyDescent="0.2">
      <c r="A2297" s="167" t="s">
        <v>1050</v>
      </c>
      <c r="B2297" s="166">
        <v>-2513029</v>
      </c>
      <c r="C2297" s="166">
        <v>-2513029</v>
      </c>
      <c r="D2297" s="166">
        <v>0</v>
      </c>
      <c r="E2297" s="166">
        <v>0</v>
      </c>
      <c r="F2297" s="166">
        <v>0</v>
      </c>
      <c r="G2297" s="166">
        <v>0</v>
      </c>
      <c r="H2297" s="166">
        <v>0</v>
      </c>
      <c r="I2297" s="166">
        <v>0</v>
      </c>
      <c r="J2297" s="166">
        <v>0</v>
      </c>
      <c r="K2297" s="166">
        <v>0</v>
      </c>
      <c r="L2297" s="166">
        <v>0</v>
      </c>
      <c r="M2297" s="166">
        <v>0</v>
      </c>
      <c r="N2297" s="166">
        <v>0</v>
      </c>
      <c r="O2297" s="166">
        <v>0</v>
      </c>
      <c r="P2297" s="166">
        <v>0</v>
      </c>
      <c r="Q2297" s="166">
        <v>0</v>
      </c>
      <c r="R2297" s="166">
        <v>0</v>
      </c>
      <c r="S2297" s="166">
        <v>0</v>
      </c>
      <c r="T2297" s="166">
        <v>0</v>
      </c>
      <c r="U2297" s="166">
        <v>0</v>
      </c>
      <c r="V2297" s="166">
        <v>0</v>
      </c>
      <c r="W2297" s="166">
        <v>0</v>
      </c>
      <c r="X2297" s="166">
        <v>0</v>
      </c>
      <c r="Y2297" s="166">
        <v>0</v>
      </c>
      <c r="Z2297" s="166">
        <v>0</v>
      </c>
      <c r="AA2297" s="166">
        <v>0</v>
      </c>
      <c r="AB2297" s="166">
        <v>0</v>
      </c>
      <c r="AC2297" s="166">
        <v>0</v>
      </c>
      <c r="AD2297" s="166">
        <v>0</v>
      </c>
      <c r="AE2297" s="166">
        <v>0</v>
      </c>
      <c r="AF2297" s="166">
        <v>0</v>
      </c>
      <c r="AG2297" s="166">
        <v>0</v>
      </c>
      <c r="AH2297" s="166">
        <v>0</v>
      </c>
      <c r="AI2297" s="166">
        <v>0</v>
      </c>
      <c r="AJ2297" s="166">
        <v>0</v>
      </c>
      <c r="AK2297" s="166">
        <v>0</v>
      </c>
      <c r="AL2297" s="166">
        <v>0</v>
      </c>
      <c r="AM2297" s="166">
        <v>0</v>
      </c>
      <c r="AN2297" s="166">
        <v>0</v>
      </c>
      <c r="AO2297" s="166">
        <v>0</v>
      </c>
      <c r="AP2297" s="166">
        <v>0</v>
      </c>
      <c r="AQ2297" s="166">
        <v>0</v>
      </c>
      <c r="AR2297" s="166">
        <v>0</v>
      </c>
      <c r="AS2297" s="166">
        <v>0</v>
      </c>
      <c r="AT2297" s="166">
        <v>0</v>
      </c>
      <c r="AU2297" s="166">
        <v>0</v>
      </c>
      <c r="AV2297" s="166">
        <v>0</v>
      </c>
      <c r="AW2297" s="166">
        <v>0</v>
      </c>
      <c r="AX2297" s="166">
        <v>0</v>
      </c>
      <c r="AY2297" s="166">
        <v>0</v>
      </c>
      <c r="AZ2297" s="166">
        <v>0</v>
      </c>
      <c r="BA2297" s="166">
        <v>0</v>
      </c>
      <c r="BB2297" s="166">
        <v>0</v>
      </c>
      <c r="BC2297" s="166">
        <v>0</v>
      </c>
      <c r="BD2297" s="166">
        <v>0</v>
      </c>
      <c r="BE2297" s="166">
        <v>0</v>
      </c>
      <c r="BF2297" s="166">
        <v>0</v>
      </c>
      <c r="BG2297" s="166">
        <v>0</v>
      </c>
      <c r="BH2297" s="166">
        <v>0</v>
      </c>
      <c r="BI2297" s="166">
        <v>0</v>
      </c>
      <c r="BJ2297" s="166">
        <v>0</v>
      </c>
      <c r="BK2297" s="166">
        <v>0</v>
      </c>
      <c r="BL2297" s="166">
        <v>0</v>
      </c>
      <c r="BM2297" s="166">
        <v>0</v>
      </c>
      <c r="BN2297" s="166">
        <v>0</v>
      </c>
      <c r="BO2297" s="166">
        <v>0</v>
      </c>
      <c r="BP2297" s="166">
        <v>0</v>
      </c>
      <c r="BQ2297" s="166">
        <v>0</v>
      </c>
      <c r="BR2297" s="166">
        <v>-2513029</v>
      </c>
      <c r="BS2297" s="166">
        <v>-2513029</v>
      </c>
      <c r="BT2297" s="168">
        <v>0.99999812279077205</v>
      </c>
      <c r="BU2297" s="166">
        <v>-2003129.85969908</v>
      </c>
      <c r="BV2297" s="166">
        <v>-2513024.2825187701</v>
      </c>
      <c r="BW2297" s="166">
        <v>0</v>
      </c>
      <c r="BX2297" s="166">
        <v>0</v>
      </c>
      <c r="BY2297" s="166">
        <v>0</v>
      </c>
      <c r="BZ2297" s="166">
        <v>0</v>
      </c>
      <c r="CA2297" s="166">
        <v>0</v>
      </c>
      <c r="CB2297" s="166">
        <v>0</v>
      </c>
      <c r="CC2297" s="166">
        <v>0</v>
      </c>
      <c r="CD2297" s="166">
        <v>0</v>
      </c>
      <c r="CE2297" s="166">
        <v>0</v>
      </c>
      <c r="CF2297" s="166">
        <v>0</v>
      </c>
      <c r="CG2297" s="166">
        <v>0</v>
      </c>
      <c r="CH2297" s="166">
        <v>0</v>
      </c>
      <c r="CI2297" s="166">
        <v>0</v>
      </c>
      <c r="CJ2297" s="166">
        <v>0</v>
      </c>
      <c r="CK2297" s="166">
        <v>0</v>
      </c>
      <c r="CL2297" s="166">
        <v>0</v>
      </c>
      <c r="CM2297" s="166">
        <v>0</v>
      </c>
      <c r="CN2297" s="166">
        <v>0</v>
      </c>
      <c r="CO2297" s="166">
        <v>0</v>
      </c>
      <c r="CP2297" s="166">
        <v>0</v>
      </c>
      <c r="CQ2297" s="166">
        <v>0</v>
      </c>
      <c r="CR2297" s="166">
        <v>0</v>
      </c>
      <c r="CS2297" s="166">
        <v>0</v>
      </c>
      <c r="CT2297" s="166">
        <v>0</v>
      </c>
      <c r="CU2297" s="166">
        <v>0</v>
      </c>
      <c r="CV2297" s="166">
        <v>0</v>
      </c>
      <c r="CW2297" s="166">
        <v>0</v>
      </c>
      <c r="CX2297" s="166">
        <v>0</v>
      </c>
      <c r="CY2297" s="166">
        <v>-2513024.2825187701</v>
      </c>
      <c r="CZ2297" s="166">
        <v>-2513024.2825187701</v>
      </c>
    </row>
    <row r="2298" spans="1:104" x14ac:dyDescent="0.2">
      <c r="A2298" s="167" t="s">
        <v>146</v>
      </c>
      <c r="B2298" s="166">
        <v>0</v>
      </c>
      <c r="C2298" s="166">
        <v>0</v>
      </c>
      <c r="D2298" s="166">
        <v>0</v>
      </c>
      <c r="E2298" s="166">
        <v>0</v>
      </c>
      <c r="F2298" s="166">
        <v>0</v>
      </c>
      <c r="G2298" s="166">
        <v>0</v>
      </c>
      <c r="H2298" s="166">
        <v>0</v>
      </c>
      <c r="I2298" s="166">
        <v>0</v>
      </c>
      <c r="J2298" s="166">
        <v>0</v>
      </c>
      <c r="K2298" s="166">
        <v>0</v>
      </c>
      <c r="L2298" s="166">
        <v>0</v>
      </c>
      <c r="M2298" s="166">
        <v>0</v>
      </c>
      <c r="N2298" s="166">
        <v>0</v>
      </c>
      <c r="O2298" s="166">
        <v>0</v>
      </c>
      <c r="P2298" s="166">
        <v>0</v>
      </c>
      <c r="Q2298" s="166">
        <v>0</v>
      </c>
      <c r="R2298" s="166">
        <v>0</v>
      </c>
      <c r="S2298" s="166">
        <v>0</v>
      </c>
      <c r="T2298" s="166">
        <v>0</v>
      </c>
      <c r="U2298" s="166">
        <v>0</v>
      </c>
      <c r="V2298" s="166">
        <v>0</v>
      </c>
      <c r="W2298" s="166">
        <v>0</v>
      </c>
      <c r="X2298" s="166">
        <v>0</v>
      </c>
      <c r="Y2298" s="166">
        <v>0</v>
      </c>
      <c r="Z2298" s="166">
        <v>0</v>
      </c>
      <c r="AA2298" s="166">
        <v>0</v>
      </c>
      <c r="AB2298" s="166">
        <v>0</v>
      </c>
      <c r="AC2298" s="166">
        <v>0</v>
      </c>
      <c r="AD2298" s="166">
        <v>0</v>
      </c>
      <c r="AE2298" s="166">
        <v>0</v>
      </c>
      <c r="AF2298" s="166">
        <v>0</v>
      </c>
      <c r="AG2298" s="166">
        <v>0</v>
      </c>
      <c r="AH2298" s="166">
        <v>0</v>
      </c>
      <c r="AI2298" s="166">
        <v>0</v>
      </c>
      <c r="AJ2298" s="166">
        <v>0</v>
      </c>
      <c r="AK2298" s="166">
        <v>0</v>
      </c>
      <c r="AL2298" s="166">
        <v>0</v>
      </c>
      <c r="AM2298" s="166">
        <v>0</v>
      </c>
      <c r="AN2298" s="166">
        <v>0</v>
      </c>
      <c r="AO2298" s="166">
        <v>0</v>
      </c>
      <c r="AP2298" s="166">
        <v>0</v>
      </c>
      <c r="AQ2298" s="166">
        <v>0</v>
      </c>
      <c r="AR2298" s="166">
        <v>0</v>
      </c>
      <c r="AS2298" s="166">
        <v>0</v>
      </c>
      <c r="AT2298" s="166">
        <v>0</v>
      </c>
      <c r="AU2298" s="166">
        <v>0</v>
      </c>
      <c r="AV2298" s="166">
        <v>0</v>
      </c>
      <c r="AW2298" s="166">
        <v>0</v>
      </c>
      <c r="AX2298" s="166">
        <v>0</v>
      </c>
      <c r="AY2298" s="166">
        <v>0</v>
      </c>
      <c r="AZ2298" s="166">
        <v>0</v>
      </c>
      <c r="BA2298" s="166">
        <v>0</v>
      </c>
      <c r="BB2298" s="166">
        <v>0</v>
      </c>
      <c r="BC2298" s="166">
        <v>0</v>
      </c>
      <c r="BD2298" s="166">
        <v>0</v>
      </c>
      <c r="BE2298" s="166">
        <v>0</v>
      </c>
      <c r="BF2298" s="166">
        <v>0</v>
      </c>
      <c r="BG2298" s="166">
        <v>0</v>
      </c>
      <c r="BH2298" s="166">
        <v>0</v>
      </c>
      <c r="BI2298" s="166">
        <v>0</v>
      </c>
      <c r="BJ2298" s="166">
        <v>0</v>
      </c>
      <c r="BK2298" s="166">
        <v>0</v>
      </c>
      <c r="BL2298" s="166">
        <v>0</v>
      </c>
      <c r="BM2298" s="166">
        <v>0</v>
      </c>
      <c r="BN2298" s="166">
        <v>0</v>
      </c>
      <c r="BO2298" s="166">
        <v>0</v>
      </c>
      <c r="BP2298" s="166">
        <v>0</v>
      </c>
      <c r="BQ2298" s="166">
        <v>0</v>
      </c>
      <c r="BR2298" s="166">
        <v>0</v>
      </c>
      <c r="BS2298" s="166">
        <v>0</v>
      </c>
      <c r="BT2298" s="168">
        <v>0.99999527731777005</v>
      </c>
      <c r="BU2298" s="166">
        <v>0</v>
      </c>
      <c r="BV2298" s="166">
        <v>0</v>
      </c>
      <c r="BW2298" s="166">
        <v>0</v>
      </c>
      <c r="BX2298" s="166">
        <v>0</v>
      </c>
      <c r="BY2298" s="166">
        <v>0</v>
      </c>
      <c r="BZ2298" s="166">
        <v>0</v>
      </c>
      <c r="CA2298" s="166">
        <v>0</v>
      </c>
      <c r="CB2298" s="166">
        <v>0</v>
      </c>
      <c r="CC2298" s="166">
        <v>0</v>
      </c>
      <c r="CD2298" s="166">
        <v>0</v>
      </c>
      <c r="CE2298" s="166">
        <v>0</v>
      </c>
      <c r="CF2298" s="166">
        <v>0</v>
      </c>
      <c r="CG2298" s="166">
        <v>0</v>
      </c>
      <c r="CH2298" s="166">
        <v>0</v>
      </c>
      <c r="CI2298" s="166">
        <v>0</v>
      </c>
      <c r="CJ2298" s="166">
        <v>0</v>
      </c>
      <c r="CK2298" s="166">
        <v>0</v>
      </c>
      <c r="CL2298" s="166">
        <v>0</v>
      </c>
      <c r="CM2298" s="166">
        <v>0</v>
      </c>
      <c r="CN2298" s="166">
        <v>0</v>
      </c>
      <c r="CO2298" s="166">
        <v>0</v>
      </c>
      <c r="CP2298" s="166">
        <v>0</v>
      </c>
      <c r="CQ2298" s="166">
        <v>0</v>
      </c>
      <c r="CR2298" s="166">
        <v>0</v>
      </c>
      <c r="CS2298" s="166">
        <v>0</v>
      </c>
      <c r="CT2298" s="166">
        <v>0</v>
      </c>
      <c r="CU2298" s="166">
        <v>0</v>
      </c>
      <c r="CV2298" s="166">
        <v>0</v>
      </c>
      <c r="CW2298" s="166">
        <v>0</v>
      </c>
      <c r="CX2298" s="166">
        <v>0</v>
      </c>
      <c r="CY2298" s="166">
        <v>0</v>
      </c>
      <c r="CZ2298" s="166">
        <v>0</v>
      </c>
    </row>
    <row r="2299" spans="1:104" x14ac:dyDescent="0.2">
      <c r="A2299" s="170" t="s">
        <v>147</v>
      </c>
      <c r="B2299" s="166">
        <v>-2513029</v>
      </c>
      <c r="C2299" s="166">
        <v>-2513029</v>
      </c>
      <c r="D2299" s="166">
        <v>0</v>
      </c>
      <c r="E2299" s="166">
        <v>0</v>
      </c>
      <c r="F2299" s="166">
        <v>0</v>
      </c>
      <c r="G2299" s="166">
        <v>0</v>
      </c>
      <c r="H2299" s="166">
        <v>0</v>
      </c>
      <c r="I2299" s="166">
        <v>0</v>
      </c>
      <c r="J2299" s="166">
        <v>0</v>
      </c>
      <c r="K2299" s="166">
        <v>0</v>
      </c>
      <c r="L2299" s="166">
        <v>0</v>
      </c>
      <c r="M2299" s="166">
        <v>0</v>
      </c>
      <c r="N2299" s="166">
        <v>0</v>
      </c>
      <c r="O2299" s="166">
        <v>0</v>
      </c>
      <c r="P2299" s="166">
        <v>0</v>
      </c>
      <c r="Q2299" s="166">
        <v>0</v>
      </c>
      <c r="R2299" s="166">
        <v>0</v>
      </c>
      <c r="S2299" s="166">
        <v>0</v>
      </c>
      <c r="T2299" s="166">
        <v>0</v>
      </c>
      <c r="U2299" s="166">
        <v>0</v>
      </c>
      <c r="V2299" s="166">
        <v>0</v>
      </c>
      <c r="W2299" s="166">
        <v>0</v>
      </c>
      <c r="X2299" s="166">
        <v>0</v>
      </c>
      <c r="Y2299" s="166">
        <v>0</v>
      </c>
      <c r="Z2299" s="166">
        <v>0</v>
      </c>
      <c r="AA2299" s="166">
        <v>0</v>
      </c>
      <c r="AB2299" s="166">
        <v>0</v>
      </c>
      <c r="AC2299" s="166">
        <v>0</v>
      </c>
      <c r="AD2299" s="166">
        <v>0</v>
      </c>
      <c r="AE2299" s="166">
        <v>0</v>
      </c>
      <c r="AF2299" s="166">
        <v>0</v>
      </c>
      <c r="AG2299" s="166">
        <v>0</v>
      </c>
      <c r="AH2299" s="166">
        <v>0</v>
      </c>
      <c r="AI2299" s="166">
        <v>0</v>
      </c>
      <c r="AJ2299" s="166">
        <v>0</v>
      </c>
      <c r="AK2299" s="166">
        <v>0</v>
      </c>
      <c r="AL2299" s="166">
        <v>0</v>
      </c>
      <c r="AM2299" s="166">
        <v>0</v>
      </c>
      <c r="AN2299" s="166">
        <v>0</v>
      </c>
      <c r="AO2299" s="166">
        <v>0</v>
      </c>
      <c r="AP2299" s="166">
        <v>0</v>
      </c>
      <c r="AQ2299" s="166">
        <v>0</v>
      </c>
      <c r="AR2299" s="166">
        <v>0</v>
      </c>
      <c r="AS2299" s="166">
        <v>0</v>
      </c>
      <c r="AT2299" s="166">
        <v>0</v>
      </c>
      <c r="AU2299" s="166">
        <v>0</v>
      </c>
      <c r="AV2299" s="166">
        <v>0</v>
      </c>
      <c r="AW2299" s="166">
        <v>0</v>
      </c>
      <c r="AX2299" s="166">
        <v>0</v>
      </c>
      <c r="AY2299" s="166">
        <v>0</v>
      </c>
      <c r="AZ2299" s="166">
        <v>0</v>
      </c>
      <c r="BA2299" s="166">
        <v>0</v>
      </c>
      <c r="BB2299" s="166">
        <v>0</v>
      </c>
      <c r="BC2299" s="166">
        <v>0</v>
      </c>
      <c r="BD2299" s="166">
        <v>0</v>
      </c>
      <c r="BE2299" s="166">
        <v>0</v>
      </c>
      <c r="BF2299" s="166">
        <v>0</v>
      </c>
      <c r="BG2299" s="166">
        <v>0</v>
      </c>
      <c r="BH2299" s="166">
        <v>0</v>
      </c>
      <c r="BI2299" s="166">
        <v>0</v>
      </c>
      <c r="BJ2299" s="166">
        <v>0</v>
      </c>
      <c r="BK2299" s="166">
        <v>0</v>
      </c>
      <c r="BL2299" s="166">
        <v>0</v>
      </c>
      <c r="BM2299" s="166">
        <v>0</v>
      </c>
      <c r="BN2299" s="166">
        <v>0</v>
      </c>
      <c r="BO2299" s="166">
        <v>0</v>
      </c>
      <c r="BP2299" s="166">
        <v>0</v>
      </c>
      <c r="BQ2299" s="166">
        <v>0</v>
      </c>
      <c r="BR2299" s="166">
        <v>-2513029</v>
      </c>
      <c r="BS2299" s="166">
        <v>-2513029</v>
      </c>
      <c r="BT2299" s="168">
        <v>0</v>
      </c>
      <c r="BU2299" s="166">
        <v>-2003129.85969908</v>
      </c>
      <c r="BV2299" s="166">
        <v>-2513024.2825187701</v>
      </c>
      <c r="BW2299" s="166">
        <v>0</v>
      </c>
      <c r="BX2299" s="166">
        <v>0</v>
      </c>
      <c r="BY2299" s="166">
        <v>0</v>
      </c>
      <c r="BZ2299" s="166">
        <v>0</v>
      </c>
      <c r="CA2299" s="166">
        <v>0</v>
      </c>
      <c r="CB2299" s="166">
        <v>0</v>
      </c>
      <c r="CC2299" s="166">
        <v>0</v>
      </c>
      <c r="CD2299" s="166">
        <v>0</v>
      </c>
      <c r="CE2299" s="166">
        <v>0</v>
      </c>
      <c r="CF2299" s="166">
        <v>0</v>
      </c>
      <c r="CG2299" s="166">
        <v>0</v>
      </c>
      <c r="CH2299" s="166">
        <v>0</v>
      </c>
      <c r="CI2299" s="166">
        <v>0</v>
      </c>
      <c r="CJ2299" s="166">
        <v>0</v>
      </c>
      <c r="CK2299" s="166">
        <v>0</v>
      </c>
      <c r="CL2299" s="166">
        <v>0</v>
      </c>
      <c r="CM2299" s="166">
        <v>0</v>
      </c>
      <c r="CN2299" s="166">
        <v>0</v>
      </c>
      <c r="CO2299" s="166">
        <v>0</v>
      </c>
      <c r="CP2299" s="166">
        <v>0</v>
      </c>
      <c r="CQ2299" s="166">
        <v>0</v>
      </c>
      <c r="CR2299" s="166">
        <v>0</v>
      </c>
      <c r="CS2299" s="166">
        <v>0</v>
      </c>
      <c r="CT2299" s="166">
        <v>0</v>
      </c>
      <c r="CU2299" s="166">
        <v>0</v>
      </c>
      <c r="CV2299" s="166">
        <v>0</v>
      </c>
      <c r="CW2299" s="166">
        <v>0</v>
      </c>
      <c r="CX2299" s="166">
        <v>0</v>
      </c>
      <c r="CY2299" s="166">
        <v>-2513024.2825187701</v>
      </c>
      <c r="CZ2299" s="166">
        <v>-2513024.2825187701</v>
      </c>
    </row>
    <row r="2300" spans="1:104" x14ac:dyDescent="0.2">
      <c r="A2300" s="167" t="s">
        <v>148</v>
      </c>
    </row>
    <row r="2301" spans="1:104" x14ac:dyDescent="0.2">
      <c r="A2301" s="170" t="s">
        <v>149</v>
      </c>
    </row>
    <row r="2302" spans="1:104" x14ac:dyDescent="0.2">
      <c r="A2302" s="167" t="s">
        <v>1051</v>
      </c>
      <c r="B2302" s="166">
        <v>11755259.5287569</v>
      </c>
      <c r="C2302" s="166">
        <v>11755259.5287569</v>
      </c>
      <c r="D2302" s="166">
        <v>0</v>
      </c>
      <c r="E2302" s="166">
        <v>0</v>
      </c>
      <c r="F2302" s="166">
        <v>0</v>
      </c>
      <c r="G2302" s="166">
        <v>0</v>
      </c>
      <c r="H2302" s="166">
        <v>0</v>
      </c>
      <c r="I2302" s="166">
        <v>0</v>
      </c>
      <c r="J2302" s="166">
        <v>0</v>
      </c>
      <c r="K2302" s="166">
        <v>0</v>
      </c>
      <c r="L2302" s="166">
        <v>0</v>
      </c>
      <c r="M2302" s="166">
        <v>0</v>
      </c>
      <c r="N2302" s="166">
        <v>0</v>
      </c>
      <c r="O2302" s="166">
        <v>0</v>
      </c>
      <c r="P2302" s="166">
        <v>0</v>
      </c>
      <c r="Q2302" s="166">
        <v>0</v>
      </c>
      <c r="R2302" s="166">
        <v>0</v>
      </c>
      <c r="S2302" s="166">
        <v>0</v>
      </c>
      <c r="T2302" s="166">
        <v>0</v>
      </c>
      <c r="U2302" s="166">
        <v>0</v>
      </c>
      <c r="V2302" s="166">
        <v>0</v>
      </c>
      <c r="W2302" s="166">
        <v>0</v>
      </c>
      <c r="X2302" s="166">
        <v>0</v>
      </c>
      <c r="Y2302" s="166">
        <v>0</v>
      </c>
      <c r="Z2302" s="166">
        <v>0</v>
      </c>
      <c r="AA2302" s="166">
        <v>0</v>
      </c>
      <c r="AB2302" s="166">
        <v>0</v>
      </c>
      <c r="AC2302" s="166">
        <v>0</v>
      </c>
      <c r="AD2302" s="166">
        <v>0</v>
      </c>
      <c r="AE2302" s="166">
        <v>0</v>
      </c>
      <c r="AF2302" s="166">
        <v>0</v>
      </c>
      <c r="AG2302" s="166">
        <v>0</v>
      </c>
      <c r="AH2302" s="166">
        <v>0</v>
      </c>
      <c r="AI2302" s="166">
        <v>0</v>
      </c>
      <c r="AJ2302" s="166">
        <v>0</v>
      </c>
      <c r="AK2302" s="166">
        <v>0</v>
      </c>
      <c r="AL2302" s="166">
        <v>0</v>
      </c>
      <c r="AM2302" s="166">
        <v>0</v>
      </c>
      <c r="AN2302" s="166">
        <v>0</v>
      </c>
      <c r="AO2302" s="166">
        <v>0</v>
      </c>
      <c r="AP2302" s="166">
        <v>0</v>
      </c>
      <c r="AQ2302" s="166">
        <v>0</v>
      </c>
      <c r="AR2302" s="166">
        <v>0</v>
      </c>
      <c r="AS2302" s="166">
        <v>0</v>
      </c>
      <c r="AT2302" s="166">
        <v>0</v>
      </c>
      <c r="AU2302" s="166">
        <v>0</v>
      </c>
      <c r="AV2302" s="166">
        <v>0</v>
      </c>
      <c r="AW2302" s="166">
        <v>0</v>
      </c>
      <c r="AX2302" s="166">
        <v>0</v>
      </c>
      <c r="AY2302" s="166">
        <v>0</v>
      </c>
      <c r="AZ2302" s="166">
        <v>0</v>
      </c>
      <c r="BA2302" s="166">
        <v>0</v>
      </c>
      <c r="BB2302" s="166">
        <v>0</v>
      </c>
      <c r="BC2302" s="166">
        <v>0</v>
      </c>
      <c r="BD2302" s="166">
        <v>0</v>
      </c>
      <c r="BE2302" s="166">
        <v>0</v>
      </c>
      <c r="BF2302" s="166">
        <v>0</v>
      </c>
      <c r="BG2302" s="166">
        <v>0</v>
      </c>
      <c r="BH2302" s="166">
        <v>0</v>
      </c>
      <c r="BI2302" s="166">
        <v>0</v>
      </c>
      <c r="BJ2302" s="166">
        <v>0</v>
      </c>
      <c r="BK2302" s="166">
        <v>0</v>
      </c>
      <c r="BL2302" s="166">
        <v>0</v>
      </c>
      <c r="BM2302" s="166">
        <v>0</v>
      </c>
      <c r="BN2302" s="166">
        <v>0</v>
      </c>
      <c r="BO2302" s="166">
        <v>0</v>
      </c>
      <c r="BP2302" s="166">
        <v>0</v>
      </c>
      <c r="BQ2302" s="166">
        <v>0</v>
      </c>
      <c r="BR2302" s="166">
        <v>11755259.5287569</v>
      </c>
      <c r="BS2302" s="166">
        <v>11755259.5287569</v>
      </c>
      <c r="BT2302" s="168">
        <v>0.99999812279077205</v>
      </c>
      <c r="BU2302" s="166">
        <v>926023.33688221499</v>
      </c>
      <c r="BV2302" s="166">
        <v>11755237.461675299</v>
      </c>
      <c r="BW2302" s="166">
        <v>0</v>
      </c>
      <c r="BX2302" s="166">
        <v>0</v>
      </c>
      <c r="BY2302" s="166">
        <v>0</v>
      </c>
      <c r="BZ2302" s="166">
        <v>0</v>
      </c>
      <c r="CA2302" s="166">
        <v>0</v>
      </c>
      <c r="CB2302" s="166">
        <v>0</v>
      </c>
      <c r="CC2302" s="166">
        <v>0</v>
      </c>
      <c r="CD2302" s="166">
        <v>0</v>
      </c>
      <c r="CE2302" s="166">
        <v>0</v>
      </c>
      <c r="CF2302" s="166">
        <v>0</v>
      </c>
      <c r="CG2302" s="166">
        <v>0</v>
      </c>
      <c r="CH2302" s="166">
        <v>0</v>
      </c>
      <c r="CI2302" s="166">
        <v>0</v>
      </c>
      <c r="CJ2302" s="166">
        <v>0</v>
      </c>
      <c r="CK2302" s="166">
        <v>0</v>
      </c>
      <c r="CL2302" s="166">
        <v>0</v>
      </c>
      <c r="CM2302" s="166">
        <v>0</v>
      </c>
      <c r="CN2302" s="166">
        <v>0</v>
      </c>
      <c r="CO2302" s="166">
        <v>0</v>
      </c>
      <c r="CP2302" s="166">
        <v>0</v>
      </c>
      <c r="CQ2302" s="166">
        <v>0</v>
      </c>
      <c r="CR2302" s="166">
        <v>0</v>
      </c>
      <c r="CS2302" s="166">
        <v>0</v>
      </c>
      <c r="CT2302" s="166">
        <v>0</v>
      </c>
      <c r="CU2302" s="166">
        <v>0</v>
      </c>
      <c r="CV2302" s="166">
        <v>0</v>
      </c>
      <c r="CW2302" s="166">
        <v>0</v>
      </c>
      <c r="CX2302" s="166">
        <v>0</v>
      </c>
      <c r="CY2302" s="166">
        <v>11755237.461675299</v>
      </c>
      <c r="CZ2302" s="166">
        <v>11755237.461675299</v>
      </c>
    </row>
    <row r="2303" spans="1:104" x14ac:dyDescent="0.2">
      <c r="A2303" s="167" t="s">
        <v>1052</v>
      </c>
      <c r="B2303" s="166">
        <v>-36208.4294640273</v>
      </c>
      <c r="C2303" s="166">
        <v>-36208.4294640273</v>
      </c>
      <c r="D2303" s="166">
        <v>0</v>
      </c>
      <c r="E2303" s="166">
        <v>0</v>
      </c>
      <c r="F2303" s="166">
        <v>0</v>
      </c>
      <c r="G2303" s="166">
        <v>0</v>
      </c>
      <c r="H2303" s="166">
        <v>0</v>
      </c>
      <c r="I2303" s="166">
        <v>0</v>
      </c>
      <c r="J2303" s="166">
        <v>0</v>
      </c>
      <c r="K2303" s="166">
        <v>0</v>
      </c>
      <c r="L2303" s="166">
        <v>0</v>
      </c>
      <c r="M2303" s="166">
        <v>0</v>
      </c>
      <c r="N2303" s="166">
        <v>0</v>
      </c>
      <c r="O2303" s="166">
        <v>0</v>
      </c>
      <c r="P2303" s="166">
        <v>0</v>
      </c>
      <c r="Q2303" s="166">
        <v>0</v>
      </c>
      <c r="R2303" s="166">
        <v>0</v>
      </c>
      <c r="S2303" s="166">
        <v>0</v>
      </c>
      <c r="T2303" s="166">
        <v>0</v>
      </c>
      <c r="U2303" s="166">
        <v>0</v>
      </c>
      <c r="V2303" s="166">
        <v>0</v>
      </c>
      <c r="W2303" s="166">
        <v>0</v>
      </c>
      <c r="X2303" s="166">
        <v>0</v>
      </c>
      <c r="Y2303" s="166">
        <v>0</v>
      </c>
      <c r="Z2303" s="166">
        <v>0</v>
      </c>
      <c r="AA2303" s="166">
        <v>0</v>
      </c>
      <c r="AB2303" s="166">
        <v>0</v>
      </c>
      <c r="AC2303" s="166">
        <v>0</v>
      </c>
      <c r="AD2303" s="166">
        <v>0</v>
      </c>
      <c r="AE2303" s="166">
        <v>0</v>
      </c>
      <c r="AF2303" s="166">
        <v>0</v>
      </c>
      <c r="AG2303" s="166">
        <v>0</v>
      </c>
      <c r="AH2303" s="166">
        <v>0</v>
      </c>
      <c r="AI2303" s="166">
        <v>0</v>
      </c>
      <c r="AJ2303" s="166">
        <v>0</v>
      </c>
      <c r="AK2303" s="166">
        <v>0</v>
      </c>
      <c r="AL2303" s="166">
        <v>0</v>
      </c>
      <c r="AM2303" s="166">
        <v>0</v>
      </c>
      <c r="AN2303" s="166">
        <v>0</v>
      </c>
      <c r="AO2303" s="166">
        <v>0</v>
      </c>
      <c r="AP2303" s="166">
        <v>0</v>
      </c>
      <c r="AQ2303" s="166">
        <v>0</v>
      </c>
      <c r="AR2303" s="166">
        <v>0</v>
      </c>
      <c r="AS2303" s="166">
        <v>0</v>
      </c>
      <c r="AT2303" s="166">
        <v>0</v>
      </c>
      <c r="AU2303" s="166">
        <v>0</v>
      </c>
      <c r="AV2303" s="166">
        <v>0</v>
      </c>
      <c r="AW2303" s="166">
        <v>0</v>
      </c>
      <c r="AX2303" s="166">
        <v>0</v>
      </c>
      <c r="AY2303" s="166">
        <v>0</v>
      </c>
      <c r="AZ2303" s="166">
        <v>0</v>
      </c>
      <c r="BA2303" s="166">
        <v>0</v>
      </c>
      <c r="BB2303" s="166">
        <v>0</v>
      </c>
      <c r="BC2303" s="166">
        <v>0</v>
      </c>
      <c r="BD2303" s="166">
        <v>0</v>
      </c>
      <c r="BE2303" s="166">
        <v>0</v>
      </c>
      <c r="BF2303" s="166">
        <v>0</v>
      </c>
      <c r="BG2303" s="166">
        <v>0</v>
      </c>
      <c r="BH2303" s="166">
        <v>0</v>
      </c>
      <c r="BI2303" s="166">
        <v>0</v>
      </c>
      <c r="BJ2303" s="166">
        <v>0</v>
      </c>
      <c r="BK2303" s="166">
        <v>0</v>
      </c>
      <c r="BL2303" s="166">
        <v>0</v>
      </c>
      <c r="BM2303" s="166">
        <v>0</v>
      </c>
      <c r="BN2303" s="166">
        <v>0</v>
      </c>
      <c r="BO2303" s="166">
        <v>0</v>
      </c>
      <c r="BP2303" s="166">
        <v>0</v>
      </c>
      <c r="BQ2303" s="166">
        <v>0</v>
      </c>
      <c r="BR2303" s="166">
        <v>-36208.4294640273</v>
      </c>
      <c r="BS2303" s="166">
        <v>-36208.4294640273</v>
      </c>
      <c r="BT2303" s="168">
        <v>0.95155251328940305</v>
      </c>
      <c r="BU2303" s="166">
        <v>-1593.3207241866301</v>
      </c>
      <c r="BV2303" s="166">
        <v>-34454.222058757303</v>
      </c>
      <c r="BW2303" s="166">
        <v>0</v>
      </c>
      <c r="BX2303" s="166">
        <v>0</v>
      </c>
      <c r="BY2303" s="166">
        <v>0</v>
      </c>
      <c r="BZ2303" s="166">
        <v>0</v>
      </c>
      <c r="CA2303" s="166">
        <v>0</v>
      </c>
      <c r="CB2303" s="166">
        <v>0</v>
      </c>
      <c r="CC2303" s="166">
        <v>0</v>
      </c>
      <c r="CD2303" s="166">
        <v>0</v>
      </c>
      <c r="CE2303" s="166">
        <v>0</v>
      </c>
      <c r="CF2303" s="166">
        <v>0</v>
      </c>
      <c r="CG2303" s="166">
        <v>0</v>
      </c>
      <c r="CH2303" s="166">
        <v>0</v>
      </c>
      <c r="CI2303" s="166">
        <v>0</v>
      </c>
      <c r="CJ2303" s="166">
        <v>0</v>
      </c>
      <c r="CK2303" s="166">
        <v>0</v>
      </c>
      <c r="CL2303" s="166">
        <v>0</v>
      </c>
      <c r="CM2303" s="166">
        <v>0</v>
      </c>
      <c r="CN2303" s="166">
        <v>0</v>
      </c>
      <c r="CO2303" s="166">
        <v>0</v>
      </c>
      <c r="CP2303" s="166">
        <v>0</v>
      </c>
      <c r="CQ2303" s="166">
        <v>0</v>
      </c>
      <c r="CR2303" s="166">
        <v>0</v>
      </c>
      <c r="CS2303" s="166">
        <v>0</v>
      </c>
      <c r="CT2303" s="166">
        <v>0</v>
      </c>
      <c r="CU2303" s="166">
        <v>0</v>
      </c>
      <c r="CV2303" s="166">
        <v>0</v>
      </c>
      <c r="CW2303" s="166">
        <v>0</v>
      </c>
      <c r="CX2303" s="166">
        <v>0</v>
      </c>
      <c r="CY2303" s="166">
        <v>-34454.222058757303</v>
      </c>
      <c r="CZ2303" s="166">
        <v>-34454.222058757303</v>
      </c>
    </row>
    <row r="2304" spans="1:104" x14ac:dyDescent="0.2">
      <c r="A2304" s="167" t="s">
        <v>1053</v>
      </c>
      <c r="B2304" s="166">
        <v>5082059.4034271101</v>
      </c>
      <c r="C2304" s="166">
        <v>5082059.4034271101</v>
      </c>
      <c r="D2304" s="166">
        <v>0</v>
      </c>
      <c r="E2304" s="166">
        <v>0</v>
      </c>
      <c r="F2304" s="166">
        <v>0</v>
      </c>
      <c r="G2304" s="166">
        <v>0</v>
      </c>
      <c r="H2304" s="166">
        <v>0</v>
      </c>
      <c r="I2304" s="166">
        <v>0</v>
      </c>
      <c r="J2304" s="166">
        <v>0</v>
      </c>
      <c r="K2304" s="166">
        <v>0</v>
      </c>
      <c r="L2304" s="166">
        <v>0</v>
      </c>
      <c r="M2304" s="166">
        <v>0</v>
      </c>
      <c r="N2304" s="166">
        <v>0</v>
      </c>
      <c r="O2304" s="166">
        <v>0</v>
      </c>
      <c r="P2304" s="166">
        <v>0</v>
      </c>
      <c r="Q2304" s="166">
        <v>0</v>
      </c>
      <c r="R2304" s="166">
        <v>0</v>
      </c>
      <c r="S2304" s="166">
        <v>0</v>
      </c>
      <c r="T2304" s="166">
        <v>0</v>
      </c>
      <c r="U2304" s="166">
        <v>0</v>
      </c>
      <c r="V2304" s="166">
        <v>0</v>
      </c>
      <c r="W2304" s="166">
        <v>0</v>
      </c>
      <c r="X2304" s="166">
        <v>0</v>
      </c>
      <c r="Y2304" s="166">
        <v>0</v>
      </c>
      <c r="Z2304" s="166">
        <v>0</v>
      </c>
      <c r="AA2304" s="166">
        <v>0</v>
      </c>
      <c r="AB2304" s="166">
        <v>0</v>
      </c>
      <c r="AC2304" s="166">
        <v>0</v>
      </c>
      <c r="AD2304" s="166">
        <v>0</v>
      </c>
      <c r="AE2304" s="166">
        <v>0</v>
      </c>
      <c r="AF2304" s="166">
        <v>0</v>
      </c>
      <c r="AG2304" s="166">
        <v>0</v>
      </c>
      <c r="AH2304" s="166">
        <v>0</v>
      </c>
      <c r="AI2304" s="166">
        <v>0</v>
      </c>
      <c r="AJ2304" s="166">
        <v>0</v>
      </c>
      <c r="AK2304" s="166">
        <v>0</v>
      </c>
      <c r="AL2304" s="166">
        <v>0</v>
      </c>
      <c r="AM2304" s="166">
        <v>0</v>
      </c>
      <c r="AN2304" s="166">
        <v>0</v>
      </c>
      <c r="AO2304" s="166">
        <v>0</v>
      </c>
      <c r="AP2304" s="166">
        <v>0</v>
      </c>
      <c r="AQ2304" s="166">
        <v>0</v>
      </c>
      <c r="AR2304" s="166">
        <v>0</v>
      </c>
      <c r="AS2304" s="166">
        <v>0</v>
      </c>
      <c r="AT2304" s="166">
        <v>0</v>
      </c>
      <c r="AU2304" s="166">
        <v>0</v>
      </c>
      <c r="AV2304" s="166">
        <v>0</v>
      </c>
      <c r="AW2304" s="166">
        <v>0</v>
      </c>
      <c r="AX2304" s="166">
        <v>0</v>
      </c>
      <c r="AY2304" s="166">
        <v>0</v>
      </c>
      <c r="AZ2304" s="166">
        <v>0</v>
      </c>
      <c r="BA2304" s="166">
        <v>0</v>
      </c>
      <c r="BB2304" s="166">
        <v>0</v>
      </c>
      <c r="BC2304" s="166">
        <v>0</v>
      </c>
      <c r="BD2304" s="166">
        <v>0</v>
      </c>
      <c r="BE2304" s="166">
        <v>0</v>
      </c>
      <c r="BF2304" s="166">
        <v>0</v>
      </c>
      <c r="BG2304" s="166">
        <v>0</v>
      </c>
      <c r="BH2304" s="166">
        <v>0</v>
      </c>
      <c r="BI2304" s="166">
        <v>0</v>
      </c>
      <c r="BJ2304" s="166">
        <v>0</v>
      </c>
      <c r="BK2304" s="166">
        <v>0</v>
      </c>
      <c r="BL2304" s="166">
        <v>0</v>
      </c>
      <c r="BM2304" s="166">
        <v>0</v>
      </c>
      <c r="BN2304" s="166">
        <v>0</v>
      </c>
      <c r="BO2304" s="166">
        <v>0</v>
      </c>
      <c r="BP2304" s="166">
        <v>0</v>
      </c>
      <c r="BQ2304" s="166">
        <v>0</v>
      </c>
      <c r="BR2304" s="166">
        <v>5082059.4034271101</v>
      </c>
      <c r="BS2304" s="166">
        <v>5082059.4034271101</v>
      </c>
      <c r="BT2304" s="168">
        <v>0.97794258413195501</v>
      </c>
      <c r="BU2304" s="166">
        <v>476652.29798019602</v>
      </c>
      <c r="BV2304" s="166">
        <v>4969962.3056996102</v>
      </c>
      <c r="BW2304" s="166">
        <v>0</v>
      </c>
      <c r="BX2304" s="166">
        <v>0</v>
      </c>
      <c r="BY2304" s="166">
        <v>0</v>
      </c>
      <c r="BZ2304" s="166">
        <v>0</v>
      </c>
      <c r="CA2304" s="166">
        <v>0</v>
      </c>
      <c r="CB2304" s="166">
        <v>0</v>
      </c>
      <c r="CC2304" s="166">
        <v>0</v>
      </c>
      <c r="CD2304" s="166">
        <v>0</v>
      </c>
      <c r="CE2304" s="166">
        <v>0</v>
      </c>
      <c r="CF2304" s="166">
        <v>0</v>
      </c>
      <c r="CG2304" s="166">
        <v>0</v>
      </c>
      <c r="CH2304" s="166">
        <v>0</v>
      </c>
      <c r="CI2304" s="166">
        <v>0</v>
      </c>
      <c r="CJ2304" s="166">
        <v>0</v>
      </c>
      <c r="CK2304" s="166">
        <v>0</v>
      </c>
      <c r="CL2304" s="166">
        <v>0</v>
      </c>
      <c r="CM2304" s="166">
        <v>0</v>
      </c>
      <c r="CN2304" s="166">
        <v>0</v>
      </c>
      <c r="CO2304" s="166">
        <v>0</v>
      </c>
      <c r="CP2304" s="166">
        <v>0</v>
      </c>
      <c r="CQ2304" s="166">
        <v>0</v>
      </c>
      <c r="CR2304" s="166">
        <v>0</v>
      </c>
      <c r="CS2304" s="166">
        <v>0</v>
      </c>
      <c r="CT2304" s="166">
        <v>0</v>
      </c>
      <c r="CU2304" s="166">
        <v>0</v>
      </c>
      <c r="CV2304" s="166">
        <v>0</v>
      </c>
      <c r="CW2304" s="166">
        <v>0</v>
      </c>
      <c r="CX2304" s="166">
        <v>0</v>
      </c>
      <c r="CY2304" s="166">
        <v>4969962.3056996102</v>
      </c>
      <c r="CZ2304" s="166">
        <v>4969962.3056996102</v>
      </c>
    </row>
    <row r="2305" spans="1:104" x14ac:dyDescent="0.2">
      <c r="A2305" s="167" t="s">
        <v>153</v>
      </c>
      <c r="B2305" s="166">
        <v>6898724.2472799299</v>
      </c>
      <c r="C2305" s="166">
        <v>6898724.2472799299</v>
      </c>
      <c r="D2305" s="166">
        <v>0</v>
      </c>
      <c r="E2305" s="166">
        <v>0</v>
      </c>
      <c r="F2305" s="166">
        <v>0</v>
      </c>
      <c r="G2305" s="166">
        <v>0</v>
      </c>
      <c r="H2305" s="166">
        <v>0</v>
      </c>
      <c r="I2305" s="166">
        <v>0</v>
      </c>
      <c r="J2305" s="166">
        <v>0</v>
      </c>
      <c r="K2305" s="166">
        <v>0</v>
      </c>
      <c r="L2305" s="166">
        <v>0</v>
      </c>
      <c r="M2305" s="166">
        <v>0</v>
      </c>
      <c r="N2305" s="166">
        <v>0</v>
      </c>
      <c r="O2305" s="166">
        <v>0</v>
      </c>
      <c r="P2305" s="166">
        <v>0</v>
      </c>
      <c r="Q2305" s="166">
        <v>0</v>
      </c>
      <c r="R2305" s="166">
        <v>0</v>
      </c>
      <c r="S2305" s="166">
        <v>0</v>
      </c>
      <c r="T2305" s="166">
        <v>0</v>
      </c>
      <c r="U2305" s="166">
        <v>0</v>
      </c>
      <c r="V2305" s="166">
        <v>0</v>
      </c>
      <c r="W2305" s="166">
        <v>0</v>
      </c>
      <c r="X2305" s="166">
        <v>0</v>
      </c>
      <c r="Y2305" s="166">
        <v>0</v>
      </c>
      <c r="Z2305" s="166">
        <v>0</v>
      </c>
      <c r="AA2305" s="166">
        <v>0</v>
      </c>
      <c r="AB2305" s="166">
        <v>0</v>
      </c>
      <c r="AC2305" s="166">
        <v>0</v>
      </c>
      <c r="AD2305" s="166">
        <v>0</v>
      </c>
      <c r="AE2305" s="166">
        <v>0</v>
      </c>
      <c r="AF2305" s="166">
        <v>0</v>
      </c>
      <c r="AG2305" s="166">
        <v>0</v>
      </c>
      <c r="AH2305" s="166">
        <v>0</v>
      </c>
      <c r="AI2305" s="166">
        <v>0</v>
      </c>
      <c r="AJ2305" s="166">
        <v>0</v>
      </c>
      <c r="AK2305" s="166">
        <v>0</v>
      </c>
      <c r="AL2305" s="166">
        <v>0</v>
      </c>
      <c r="AM2305" s="166">
        <v>0</v>
      </c>
      <c r="AN2305" s="166">
        <v>0</v>
      </c>
      <c r="AO2305" s="166">
        <v>0</v>
      </c>
      <c r="AP2305" s="166">
        <v>0</v>
      </c>
      <c r="AQ2305" s="166">
        <v>0</v>
      </c>
      <c r="AR2305" s="166">
        <v>0</v>
      </c>
      <c r="AS2305" s="166">
        <v>0</v>
      </c>
      <c r="AT2305" s="166">
        <v>0</v>
      </c>
      <c r="AU2305" s="166">
        <v>0</v>
      </c>
      <c r="AV2305" s="166">
        <v>0</v>
      </c>
      <c r="AW2305" s="166">
        <v>0</v>
      </c>
      <c r="AX2305" s="166">
        <v>0</v>
      </c>
      <c r="AY2305" s="166">
        <v>0</v>
      </c>
      <c r="AZ2305" s="166">
        <v>0</v>
      </c>
      <c r="BA2305" s="166">
        <v>0</v>
      </c>
      <c r="BB2305" s="166">
        <v>0</v>
      </c>
      <c r="BC2305" s="166">
        <v>0</v>
      </c>
      <c r="BD2305" s="166">
        <v>0</v>
      </c>
      <c r="BE2305" s="166">
        <v>0</v>
      </c>
      <c r="BF2305" s="166">
        <v>0</v>
      </c>
      <c r="BG2305" s="166">
        <v>0</v>
      </c>
      <c r="BH2305" s="166">
        <v>0</v>
      </c>
      <c r="BI2305" s="166">
        <v>0</v>
      </c>
      <c r="BJ2305" s="166">
        <v>0</v>
      </c>
      <c r="BK2305" s="166">
        <v>0</v>
      </c>
      <c r="BL2305" s="166">
        <v>0</v>
      </c>
      <c r="BM2305" s="166">
        <v>0</v>
      </c>
      <c r="BN2305" s="166">
        <v>0</v>
      </c>
      <c r="BO2305" s="166">
        <v>0</v>
      </c>
      <c r="BP2305" s="166">
        <v>0</v>
      </c>
      <c r="BQ2305" s="166">
        <v>0</v>
      </c>
      <c r="BR2305" s="166">
        <v>6898724.2472799299</v>
      </c>
      <c r="BS2305" s="166">
        <v>6898724.2472799299</v>
      </c>
      <c r="BT2305" s="168">
        <v>0.99999812279077205</v>
      </c>
      <c r="BU2305" s="166">
        <v>210016.70182308799</v>
      </c>
      <c r="BV2305" s="166">
        <v>6898711.2969311103</v>
      </c>
      <c r="BW2305" s="166">
        <v>0</v>
      </c>
      <c r="BX2305" s="166">
        <v>0</v>
      </c>
      <c r="BY2305" s="166">
        <v>0</v>
      </c>
      <c r="BZ2305" s="166">
        <v>0</v>
      </c>
      <c r="CA2305" s="166">
        <v>0</v>
      </c>
      <c r="CB2305" s="166">
        <v>0</v>
      </c>
      <c r="CC2305" s="166">
        <v>0</v>
      </c>
      <c r="CD2305" s="166">
        <v>0</v>
      </c>
      <c r="CE2305" s="166">
        <v>0</v>
      </c>
      <c r="CF2305" s="166">
        <v>0</v>
      </c>
      <c r="CG2305" s="166">
        <v>0</v>
      </c>
      <c r="CH2305" s="166">
        <v>0</v>
      </c>
      <c r="CI2305" s="166">
        <v>0</v>
      </c>
      <c r="CJ2305" s="166">
        <v>0</v>
      </c>
      <c r="CK2305" s="166">
        <v>0</v>
      </c>
      <c r="CL2305" s="166">
        <v>0</v>
      </c>
      <c r="CM2305" s="166">
        <v>0</v>
      </c>
      <c r="CN2305" s="166">
        <v>0</v>
      </c>
      <c r="CO2305" s="166">
        <v>0</v>
      </c>
      <c r="CP2305" s="166">
        <v>0</v>
      </c>
      <c r="CQ2305" s="166">
        <v>0</v>
      </c>
      <c r="CR2305" s="166">
        <v>0</v>
      </c>
      <c r="CS2305" s="166">
        <v>0</v>
      </c>
      <c r="CT2305" s="166">
        <v>0</v>
      </c>
      <c r="CU2305" s="166">
        <v>0</v>
      </c>
      <c r="CV2305" s="166">
        <v>0</v>
      </c>
      <c r="CW2305" s="166">
        <v>0</v>
      </c>
      <c r="CX2305" s="166">
        <v>0</v>
      </c>
      <c r="CY2305" s="166">
        <v>6898711.2969311103</v>
      </c>
      <c r="CZ2305" s="166">
        <v>6898711.2969311103</v>
      </c>
    </row>
    <row r="2306" spans="1:104" x14ac:dyDescent="0.2">
      <c r="A2306" s="167" t="s">
        <v>154</v>
      </c>
      <c r="B2306" s="166">
        <v>23699834.75</v>
      </c>
      <c r="C2306" s="166">
        <v>23699834.75</v>
      </c>
      <c r="D2306" s="166">
        <v>0</v>
      </c>
      <c r="E2306" s="166">
        <v>0</v>
      </c>
      <c r="F2306" s="166">
        <v>0</v>
      </c>
      <c r="G2306" s="166">
        <v>0</v>
      </c>
      <c r="H2306" s="166">
        <v>0</v>
      </c>
      <c r="I2306" s="166">
        <v>0</v>
      </c>
      <c r="J2306" s="166">
        <v>0</v>
      </c>
      <c r="K2306" s="166">
        <v>0</v>
      </c>
      <c r="L2306" s="166">
        <v>0</v>
      </c>
      <c r="M2306" s="166">
        <v>0</v>
      </c>
      <c r="N2306" s="166">
        <v>0</v>
      </c>
      <c r="O2306" s="166">
        <v>0</v>
      </c>
      <c r="P2306" s="166">
        <v>0</v>
      </c>
      <c r="Q2306" s="166">
        <v>0</v>
      </c>
      <c r="R2306" s="166">
        <v>0</v>
      </c>
      <c r="S2306" s="166">
        <v>0</v>
      </c>
      <c r="T2306" s="166">
        <v>0</v>
      </c>
      <c r="U2306" s="166">
        <v>0</v>
      </c>
      <c r="V2306" s="166">
        <v>0</v>
      </c>
      <c r="W2306" s="166">
        <v>0</v>
      </c>
      <c r="X2306" s="166">
        <v>0</v>
      </c>
      <c r="Y2306" s="166">
        <v>0</v>
      </c>
      <c r="Z2306" s="166">
        <v>0</v>
      </c>
      <c r="AA2306" s="166">
        <v>0</v>
      </c>
      <c r="AB2306" s="166">
        <v>0</v>
      </c>
      <c r="AC2306" s="166">
        <v>0</v>
      </c>
      <c r="AD2306" s="166">
        <v>0</v>
      </c>
      <c r="AE2306" s="166">
        <v>0</v>
      </c>
      <c r="AF2306" s="166">
        <v>0</v>
      </c>
      <c r="AG2306" s="166">
        <v>0</v>
      </c>
      <c r="AH2306" s="166">
        <v>0</v>
      </c>
      <c r="AI2306" s="166">
        <v>0</v>
      </c>
      <c r="AJ2306" s="166">
        <v>0</v>
      </c>
      <c r="AK2306" s="166">
        <v>0</v>
      </c>
      <c r="AL2306" s="166">
        <v>0</v>
      </c>
      <c r="AM2306" s="166">
        <v>0</v>
      </c>
      <c r="AN2306" s="166">
        <v>0</v>
      </c>
      <c r="AO2306" s="166">
        <v>0</v>
      </c>
      <c r="AP2306" s="166">
        <v>0</v>
      </c>
      <c r="AQ2306" s="166">
        <v>0</v>
      </c>
      <c r="AR2306" s="166">
        <v>0</v>
      </c>
      <c r="AS2306" s="166">
        <v>0</v>
      </c>
      <c r="AT2306" s="166">
        <v>0</v>
      </c>
      <c r="AU2306" s="166">
        <v>0</v>
      </c>
      <c r="AV2306" s="166">
        <v>0</v>
      </c>
      <c r="AW2306" s="166">
        <v>0</v>
      </c>
      <c r="AX2306" s="166">
        <v>0</v>
      </c>
      <c r="AY2306" s="166">
        <v>0</v>
      </c>
      <c r="AZ2306" s="166">
        <v>0</v>
      </c>
      <c r="BA2306" s="166">
        <v>0</v>
      </c>
      <c r="BB2306" s="166">
        <v>0</v>
      </c>
      <c r="BC2306" s="166">
        <v>0</v>
      </c>
      <c r="BD2306" s="166">
        <v>0</v>
      </c>
      <c r="BE2306" s="166">
        <v>0</v>
      </c>
      <c r="BF2306" s="166">
        <v>0</v>
      </c>
      <c r="BG2306" s="166">
        <v>0</v>
      </c>
      <c r="BH2306" s="166">
        <v>0</v>
      </c>
      <c r="BI2306" s="166">
        <v>0</v>
      </c>
      <c r="BJ2306" s="166">
        <v>0</v>
      </c>
      <c r="BK2306" s="166">
        <v>0</v>
      </c>
      <c r="BL2306" s="166">
        <v>0</v>
      </c>
      <c r="BM2306" s="166">
        <v>0</v>
      </c>
      <c r="BN2306" s="166">
        <v>0</v>
      </c>
      <c r="BO2306" s="166">
        <v>0</v>
      </c>
      <c r="BP2306" s="166">
        <v>0</v>
      </c>
      <c r="BQ2306" s="166">
        <v>0</v>
      </c>
      <c r="BR2306" s="166">
        <v>23699834.75</v>
      </c>
      <c r="BS2306" s="166">
        <v>23699834.75</v>
      </c>
      <c r="BT2306" s="168">
        <v>0</v>
      </c>
      <c r="BU2306" s="166">
        <v>1611099.0159613099</v>
      </c>
      <c r="BV2306" s="166">
        <v>23589456.842247199</v>
      </c>
      <c r="BW2306" s="166">
        <v>0</v>
      </c>
      <c r="BX2306" s="166">
        <v>0</v>
      </c>
      <c r="BY2306" s="166">
        <v>0</v>
      </c>
      <c r="BZ2306" s="166">
        <v>0</v>
      </c>
      <c r="CA2306" s="166">
        <v>0</v>
      </c>
      <c r="CB2306" s="166">
        <v>0</v>
      </c>
      <c r="CC2306" s="166">
        <v>0</v>
      </c>
      <c r="CD2306" s="166">
        <v>0</v>
      </c>
      <c r="CE2306" s="166">
        <v>0</v>
      </c>
      <c r="CF2306" s="166">
        <v>0</v>
      </c>
      <c r="CG2306" s="166">
        <v>0</v>
      </c>
      <c r="CH2306" s="166">
        <v>0</v>
      </c>
      <c r="CI2306" s="166">
        <v>0</v>
      </c>
      <c r="CJ2306" s="166">
        <v>0</v>
      </c>
      <c r="CK2306" s="166">
        <v>0</v>
      </c>
      <c r="CL2306" s="166">
        <v>0</v>
      </c>
      <c r="CM2306" s="166">
        <v>0</v>
      </c>
      <c r="CN2306" s="166">
        <v>0</v>
      </c>
      <c r="CO2306" s="166">
        <v>0</v>
      </c>
      <c r="CP2306" s="166">
        <v>0</v>
      </c>
      <c r="CQ2306" s="166">
        <v>0</v>
      </c>
      <c r="CR2306" s="166">
        <v>0</v>
      </c>
      <c r="CS2306" s="166">
        <v>0</v>
      </c>
      <c r="CT2306" s="166">
        <v>0</v>
      </c>
      <c r="CU2306" s="166">
        <v>0</v>
      </c>
      <c r="CV2306" s="166">
        <v>0</v>
      </c>
      <c r="CW2306" s="166">
        <v>0</v>
      </c>
      <c r="CX2306" s="166">
        <v>0</v>
      </c>
      <c r="CY2306" s="166">
        <v>23589456.842247199</v>
      </c>
      <c r="CZ2306" s="166">
        <v>23589456.842247199</v>
      </c>
    </row>
    <row r="2307" spans="1:104" x14ac:dyDescent="0.2">
      <c r="A2307" s="167" t="s">
        <v>1054</v>
      </c>
    </row>
    <row r="2308" spans="1:104" x14ac:dyDescent="0.2">
      <c r="A2308" s="167" t="s">
        <v>1055</v>
      </c>
      <c r="B2308" s="166">
        <v>55595385.950919598</v>
      </c>
      <c r="C2308" s="166">
        <v>55595385.950919598</v>
      </c>
      <c r="D2308" s="166">
        <v>0</v>
      </c>
      <c r="E2308" s="166">
        <v>0</v>
      </c>
      <c r="F2308" s="166">
        <v>0</v>
      </c>
      <c r="G2308" s="166">
        <v>0</v>
      </c>
      <c r="H2308" s="166">
        <v>0</v>
      </c>
      <c r="I2308" s="166">
        <v>0</v>
      </c>
      <c r="J2308" s="166">
        <v>0</v>
      </c>
      <c r="K2308" s="166">
        <v>0</v>
      </c>
      <c r="L2308" s="166">
        <v>0</v>
      </c>
      <c r="M2308" s="166">
        <v>0</v>
      </c>
      <c r="N2308" s="166">
        <v>0</v>
      </c>
      <c r="O2308" s="166">
        <v>0</v>
      </c>
      <c r="P2308" s="166">
        <v>0</v>
      </c>
      <c r="Q2308" s="166">
        <v>0</v>
      </c>
      <c r="R2308" s="166">
        <v>0</v>
      </c>
      <c r="S2308" s="166">
        <v>0</v>
      </c>
      <c r="T2308" s="166">
        <v>0</v>
      </c>
      <c r="U2308" s="166">
        <v>0</v>
      </c>
      <c r="V2308" s="166">
        <v>0</v>
      </c>
      <c r="W2308" s="166">
        <v>0</v>
      </c>
      <c r="X2308" s="166">
        <v>0</v>
      </c>
      <c r="Y2308" s="166">
        <v>0</v>
      </c>
      <c r="Z2308" s="166">
        <v>0</v>
      </c>
      <c r="AA2308" s="166">
        <v>0</v>
      </c>
      <c r="AB2308" s="166">
        <v>0</v>
      </c>
      <c r="AC2308" s="166">
        <v>0</v>
      </c>
      <c r="AD2308" s="166">
        <v>0</v>
      </c>
      <c r="AE2308" s="166">
        <v>0</v>
      </c>
      <c r="AF2308" s="166">
        <v>0</v>
      </c>
      <c r="AG2308" s="166">
        <v>0</v>
      </c>
      <c r="AH2308" s="166">
        <v>0</v>
      </c>
      <c r="AI2308" s="166">
        <v>0</v>
      </c>
      <c r="AJ2308" s="166">
        <v>0</v>
      </c>
      <c r="AK2308" s="166">
        <v>0</v>
      </c>
      <c r="AL2308" s="166">
        <v>0</v>
      </c>
      <c r="AM2308" s="166">
        <v>0</v>
      </c>
      <c r="AN2308" s="166">
        <v>0</v>
      </c>
      <c r="AO2308" s="166">
        <v>0</v>
      </c>
      <c r="AP2308" s="166">
        <v>0</v>
      </c>
      <c r="AQ2308" s="166">
        <v>0</v>
      </c>
      <c r="AR2308" s="166">
        <v>0</v>
      </c>
      <c r="AS2308" s="166">
        <v>0</v>
      </c>
      <c r="AT2308" s="166">
        <v>0</v>
      </c>
      <c r="AU2308" s="166">
        <v>0</v>
      </c>
      <c r="AV2308" s="166">
        <v>0</v>
      </c>
      <c r="AW2308" s="166">
        <v>0</v>
      </c>
      <c r="AX2308" s="166">
        <v>0</v>
      </c>
      <c r="AY2308" s="166">
        <v>0</v>
      </c>
      <c r="AZ2308" s="166">
        <v>0</v>
      </c>
      <c r="BA2308" s="166">
        <v>0</v>
      </c>
      <c r="BB2308" s="166">
        <v>0</v>
      </c>
      <c r="BC2308" s="166">
        <v>0</v>
      </c>
      <c r="BD2308" s="166">
        <v>0</v>
      </c>
      <c r="BE2308" s="166">
        <v>0</v>
      </c>
      <c r="BF2308" s="166">
        <v>0</v>
      </c>
      <c r="BG2308" s="166">
        <v>0</v>
      </c>
      <c r="BH2308" s="166">
        <v>0</v>
      </c>
      <c r="BI2308" s="166">
        <v>0</v>
      </c>
      <c r="BJ2308" s="166">
        <v>0</v>
      </c>
      <c r="BK2308" s="166">
        <v>0</v>
      </c>
      <c r="BL2308" s="166">
        <v>0</v>
      </c>
      <c r="BM2308" s="166">
        <v>0</v>
      </c>
      <c r="BN2308" s="166">
        <v>0</v>
      </c>
      <c r="BO2308" s="166">
        <v>0</v>
      </c>
      <c r="BP2308" s="166">
        <v>0</v>
      </c>
      <c r="BQ2308" s="166">
        <v>0</v>
      </c>
      <c r="BR2308" s="166">
        <v>55595385.950919598</v>
      </c>
      <c r="BS2308" s="166">
        <v>55595385.950919598</v>
      </c>
      <c r="BT2308" s="168">
        <v>0.99999527731777005</v>
      </c>
      <c r="BU2308" s="166">
        <v>3047547.1185557302</v>
      </c>
      <c r="BV2308" s="166">
        <v>55595123.391578399</v>
      </c>
      <c r="BW2308" s="166">
        <v>0</v>
      </c>
      <c r="BX2308" s="166">
        <v>0</v>
      </c>
      <c r="BY2308" s="166">
        <v>0</v>
      </c>
      <c r="BZ2308" s="166">
        <v>0</v>
      </c>
      <c r="CA2308" s="166">
        <v>0</v>
      </c>
      <c r="CB2308" s="166">
        <v>0</v>
      </c>
      <c r="CC2308" s="166">
        <v>0</v>
      </c>
      <c r="CD2308" s="166">
        <v>0</v>
      </c>
      <c r="CE2308" s="166">
        <v>0</v>
      </c>
      <c r="CF2308" s="166">
        <v>0</v>
      </c>
      <c r="CG2308" s="166">
        <v>0</v>
      </c>
      <c r="CH2308" s="166">
        <v>0</v>
      </c>
      <c r="CI2308" s="166">
        <v>0</v>
      </c>
      <c r="CJ2308" s="166">
        <v>0</v>
      </c>
      <c r="CK2308" s="166">
        <v>0</v>
      </c>
      <c r="CL2308" s="166">
        <v>0</v>
      </c>
      <c r="CM2308" s="166">
        <v>0</v>
      </c>
      <c r="CN2308" s="166">
        <v>0</v>
      </c>
      <c r="CO2308" s="166">
        <v>0</v>
      </c>
      <c r="CP2308" s="166">
        <v>0</v>
      </c>
      <c r="CQ2308" s="166">
        <v>0</v>
      </c>
      <c r="CR2308" s="166">
        <v>0</v>
      </c>
      <c r="CS2308" s="166">
        <v>0</v>
      </c>
      <c r="CT2308" s="166">
        <v>0</v>
      </c>
      <c r="CU2308" s="166">
        <v>0</v>
      </c>
      <c r="CV2308" s="166">
        <v>0</v>
      </c>
      <c r="CW2308" s="166">
        <v>0</v>
      </c>
      <c r="CX2308" s="166">
        <v>0</v>
      </c>
      <c r="CY2308" s="166">
        <v>55595123.391578399</v>
      </c>
      <c r="CZ2308" s="166">
        <v>55595123.391578399</v>
      </c>
    </row>
    <row r="2309" spans="1:104" x14ac:dyDescent="0.2">
      <c r="A2309" s="167" t="s">
        <v>1056</v>
      </c>
      <c r="B2309" s="166">
        <v>606858.76551463502</v>
      </c>
      <c r="C2309" s="166">
        <v>606858.76551463502</v>
      </c>
      <c r="D2309" s="166">
        <v>0</v>
      </c>
      <c r="E2309" s="166">
        <v>0</v>
      </c>
      <c r="F2309" s="166">
        <v>0</v>
      </c>
      <c r="G2309" s="166">
        <v>0</v>
      </c>
      <c r="H2309" s="166">
        <v>0</v>
      </c>
      <c r="I2309" s="166">
        <v>0</v>
      </c>
      <c r="J2309" s="166">
        <v>0</v>
      </c>
      <c r="K2309" s="166">
        <v>0</v>
      </c>
      <c r="L2309" s="166">
        <v>0</v>
      </c>
      <c r="M2309" s="166">
        <v>0</v>
      </c>
      <c r="N2309" s="166">
        <v>0</v>
      </c>
      <c r="O2309" s="166">
        <v>0</v>
      </c>
      <c r="P2309" s="166">
        <v>0</v>
      </c>
      <c r="Q2309" s="166">
        <v>0</v>
      </c>
      <c r="R2309" s="166">
        <v>0</v>
      </c>
      <c r="S2309" s="166">
        <v>0</v>
      </c>
      <c r="T2309" s="166">
        <v>0</v>
      </c>
      <c r="U2309" s="166">
        <v>0</v>
      </c>
      <c r="V2309" s="166">
        <v>0</v>
      </c>
      <c r="W2309" s="166">
        <v>0</v>
      </c>
      <c r="X2309" s="166">
        <v>0</v>
      </c>
      <c r="Y2309" s="166">
        <v>0</v>
      </c>
      <c r="Z2309" s="166">
        <v>0</v>
      </c>
      <c r="AA2309" s="166">
        <v>0</v>
      </c>
      <c r="AB2309" s="166">
        <v>0</v>
      </c>
      <c r="AC2309" s="166">
        <v>0</v>
      </c>
      <c r="AD2309" s="166">
        <v>0</v>
      </c>
      <c r="AE2309" s="166">
        <v>0</v>
      </c>
      <c r="AF2309" s="166">
        <v>0</v>
      </c>
      <c r="AG2309" s="166">
        <v>0</v>
      </c>
      <c r="AH2309" s="166">
        <v>0</v>
      </c>
      <c r="AI2309" s="166">
        <v>0</v>
      </c>
      <c r="AJ2309" s="166">
        <v>0</v>
      </c>
      <c r="AK2309" s="166">
        <v>0</v>
      </c>
      <c r="AL2309" s="166">
        <v>0</v>
      </c>
      <c r="AM2309" s="166">
        <v>0</v>
      </c>
      <c r="AN2309" s="166">
        <v>0</v>
      </c>
      <c r="AO2309" s="166">
        <v>0</v>
      </c>
      <c r="AP2309" s="166">
        <v>0</v>
      </c>
      <c r="AQ2309" s="166">
        <v>0</v>
      </c>
      <c r="AR2309" s="166">
        <v>0</v>
      </c>
      <c r="AS2309" s="166">
        <v>0</v>
      </c>
      <c r="AT2309" s="166">
        <v>0</v>
      </c>
      <c r="AU2309" s="166">
        <v>0</v>
      </c>
      <c r="AV2309" s="166">
        <v>0</v>
      </c>
      <c r="AW2309" s="166">
        <v>0</v>
      </c>
      <c r="AX2309" s="166">
        <v>0</v>
      </c>
      <c r="AY2309" s="166">
        <v>0</v>
      </c>
      <c r="AZ2309" s="166">
        <v>0</v>
      </c>
      <c r="BA2309" s="166">
        <v>0</v>
      </c>
      <c r="BB2309" s="166">
        <v>0</v>
      </c>
      <c r="BC2309" s="166">
        <v>0</v>
      </c>
      <c r="BD2309" s="166">
        <v>0</v>
      </c>
      <c r="BE2309" s="166">
        <v>0</v>
      </c>
      <c r="BF2309" s="166">
        <v>0</v>
      </c>
      <c r="BG2309" s="166">
        <v>0</v>
      </c>
      <c r="BH2309" s="166">
        <v>0</v>
      </c>
      <c r="BI2309" s="166">
        <v>0</v>
      </c>
      <c r="BJ2309" s="166">
        <v>0</v>
      </c>
      <c r="BK2309" s="166">
        <v>0</v>
      </c>
      <c r="BL2309" s="166">
        <v>0</v>
      </c>
      <c r="BM2309" s="166">
        <v>0</v>
      </c>
      <c r="BN2309" s="166">
        <v>0</v>
      </c>
      <c r="BO2309" s="166">
        <v>0</v>
      </c>
      <c r="BP2309" s="166">
        <v>0</v>
      </c>
      <c r="BQ2309" s="166">
        <v>0</v>
      </c>
      <c r="BR2309" s="166">
        <v>606858.76551463502</v>
      </c>
      <c r="BS2309" s="166">
        <v>606858.76551463502</v>
      </c>
      <c r="BT2309" s="168">
        <v>0.94316267309527801</v>
      </c>
      <c r="BU2309" s="166">
        <v>19320.232774452699</v>
      </c>
      <c r="BV2309" s="166">
        <v>572366.53547408397</v>
      </c>
      <c r="BW2309" s="166">
        <v>0</v>
      </c>
      <c r="BX2309" s="166">
        <v>0</v>
      </c>
      <c r="BY2309" s="166">
        <v>0</v>
      </c>
      <c r="BZ2309" s="166">
        <v>0</v>
      </c>
      <c r="CA2309" s="166">
        <v>0</v>
      </c>
      <c r="CB2309" s="166">
        <v>0</v>
      </c>
      <c r="CC2309" s="166">
        <v>0</v>
      </c>
      <c r="CD2309" s="166">
        <v>0</v>
      </c>
      <c r="CE2309" s="166">
        <v>0</v>
      </c>
      <c r="CF2309" s="166">
        <v>0</v>
      </c>
      <c r="CG2309" s="166">
        <v>0</v>
      </c>
      <c r="CH2309" s="166">
        <v>0</v>
      </c>
      <c r="CI2309" s="166">
        <v>0</v>
      </c>
      <c r="CJ2309" s="166">
        <v>0</v>
      </c>
      <c r="CK2309" s="166">
        <v>0</v>
      </c>
      <c r="CL2309" s="166">
        <v>0</v>
      </c>
      <c r="CM2309" s="166">
        <v>0</v>
      </c>
      <c r="CN2309" s="166">
        <v>0</v>
      </c>
      <c r="CO2309" s="166">
        <v>0</v>
      </c>
      <c r="CP2309" s="166">
        <v>0</v>
      </c>
      <c r="CQ2309" s="166">
        <v>0</v>
      </c>
      <c r="CR2309" s="166">
        <v>0</v>
      </c>
      <c r="CS2309" s="166">
        <v>0</v>
      </c>
      <c r="CT2309" s="166">
        <v>0</v>
      </c>
      <c r="CU2309" s="166">
        <v>0</v>
      </c>
      <c r="CV2309" s="166">
        <v>0</v>
      </c>
      <c r="CW2309" s="166">
        <v>0</v>
      </c>
      <c r="CX2309" s="166">
        <v>0</v>
      </c>
      <c r="CY2309" s="166">
        <v>572366.53547408397</v>
      </c>
      <c r="CZ2309" s="166">
        <v>572366.53547408397</v>
      </c>
    </row>
    <row r="2310" spans="1:104" x14ac:dyDescent="0.2">
      <c r="A2310" s="167" t="s">
        <v>1057</v>
      </c>
      <c r="B2310" s="166">
        <v>2764128.2325379099</v>
      </c>
      <c r="C2310" s="166">
        <v>2764128.2325379099</v>
      </c>
      <c r="D2310" s="166">
        <v>0</v>
      </c>
      <c r="E2310" s="166">
        <v>0</v>
      </c>
      <c r="F2310" s="166">
        <v>0</v>
      </c>
      <c r="G2310" s="166">
        <v>0</v>
      </c>
      <c r="H2310" s="166">
        <v>0</v>
      </c>
      <c r="I2310" s="166">
        <v>0</v>
      </c>
      <c r="J2310" s="166">
        <v>0</v>
      </c>
      <c r="K2310" s="166">
        <v>0</v>
      </c>
      <c r="L2310" s="166">
        <v>0</v>
      </c>
      <c r="M2310" s="166">
        <v>0</v>
      </c>
      <c r="N2310" s="166">
        <v>0</v>
      </c>
      <c r="O2310" s="166">
        <v>0</v>
      </c>
      <c r="P2310" s="166">
        <v>0</v>
      </c>
      <c r="Q2310" s="166">
        <v>0</v>
      </c>
      <c r="R2310" s="166">
        <v>0</v>
      </c>
      <c r="S2310" s="166">
        <v>0</v>
      </c>
      <c r="T2310" s="166">
        <v>0</v>
      </c>
      <c r="U2310" s="166">
        <v>0</v>
      </c>
      <c r="V2310" s="166">
        <v>0</v>
      </c>
      <c r="W2310" s="166">
        <v>0</v>
      </c>
      <c r="X2310" s="166">
        <v>0</v>
      </c>
      <c r="Y2310" s="166">
        <v>0</v>
      </c>
      <c r="Z2310" s="166">
        <v>0</v>
      </c>
      <c r="AA2310" s="166">
        <v>0</v>
      </c>
      <c r="AB2310" s="166">
        <v>0</v>
      </c>
      <c r="AC2310" s="166">
        <v>0</v>
      </c>
      <c r="AD2310" s="166">
        <v>0</v>
      </c>
      <c r="AE2310" s="166">
        <v>0</v>
      </c>
      <c r="AF2310" s="166">
        <v>0</v>
      </c>
      <c r="AG2310" s="166">
        <v>0</v>
      </c>
      <c r="AH2310" s="166">
        <v>0</v>
      </c>
      <c r="AI2310" s="166">
        <v>0</v>
      </c>
      <c r="AJ2310" s="166">
        <v>0</v>
      </c>
      <c r="AK2310" s="166">
        <v>0</v>
      </c>
      <c r="AL2310" s="166">
        <v>0</v>
      </c>
      <c r="AM2310" s="166">
        <v>0</v>
      </c>
      <c r="AN2310" s="166">
        <v>0</v>
      </c>
      <c r="AO2310" s="166">
        <v>0</v>
      </c>
      <c r="AP2310" s="166">
        <v>0</v>
      </c>
      <c r="AQ2310" s="166">
        <v>0</v>
      </c>
      <c r="AR2310" s="166">
        <v>0</v>
      </c>
      <c r="AS2310" s="166">
        <v>0</v>
      </c>
      <c r="AT2310" s="166">
        <v>0</v>
      </c>
      <c r="AU2310" s="166">
        <v>0</v>
      </c>
      <c r="AV2310" s="166">
        <v>0</v>
      </c>
      <c r="AW2310" s="166">
        <v>0</v>
      </c>
      <c r="AX2310" s="166">
        <v>0</v>
      </c>
      <c r="AY2310" s="166">
        <v>0</v>
      </c>
      <c r="AZ2310" s="166">
        <v>0</v>
      </c>
      <c r="BA2310" s="166">
        <v>0</v>
      </c>
      <c r="BB2310" s="166">
        <v>0</v>
      </c>
      <c r="BC2310" s="166">
        <v>0</v>
      </c>
      <c r="BD2310" s="166">
        <v>0</v>
      </c>
      <c r="BE2310" s="166">
        <v>0</v>
      </c>
      <c r="BF2310" s="166">
        <v>0</v>
      </c>
      <c r="BG2310" s="166">
        <v>0</v>
      </c>
      <c r="BH2310" s="166">
        <v>0</v>
      </c>
      <c r="BI2310" s="166">
        <v>0</v>
      </c>
      <c r="BJ2310" s="166">
        <v>0</v>
      </c>
      <c r="BK2310" s="166">
        <v>0</v>
      </c>
      <c r="BL2310" s="166">
        <v>0</v>
      </c>
      <c r="BM2310" s="166">
        <v>0</v>
      </c>
      <c r="BN2310" s="166">
        <v>0</v>
      </c>
      <c r="BO2310" s="166">
        <v>0</v>
      </c>
      <c r="BP2310" s="166">
        <v>0</v>
      </c>
      <c r="BQ2310" s="166">
        <v>0</v>
      </c>
      <c r="BR2310" s="166">
        <v>2764128.2325379099</v>
      </c>
      <c r="BS2310" s="166">
        <v>2764128.2325379099</v>
      </c>
      <c r="BT2310" s="168">
        <v>0.96863605187968405</v>
      </c>
      <c r="BU2310" s="166">
        <v>175487.43043162799</v>
      </c>
      <c r="BV2310" s="166">
        <v>2677434.25805469</v>
      </c>
      <c r="BW2310" s="166">
        <v>0</v>
      </c>
      <c r="BX2310" s="166">
        <v>0</v>
      </c>
      <c r="BY2310" s="166">
        <v>0</v>
      </c>
      <c r="BZ2310" s="166">
        <v>0</v>
      </c>
      <c r="CA2310" s="166">
        <v>0</v>
      </c>
      <c r="CB2310" s="166">
        <v>0</v>
      </c>
      <c r="CC2310" s="166">
        <v>0</v>
      </c>
      <c r="CD2310" s="166">
        <v>0</v>
      </c>
      <c r="CE2310" s="166">
        <v>0</v>
      </c>
      <c r="CF2310" s="166">
        <v>0</v>
      </c>
      <c r="CG2310" s="166">
        <v>0</v>
      </c>
      <c r="CH2310" s="166">
        <v>0</v>
      </c>
      <c r="CI2310" s="166">
        <v>0</v>
      </c>
      <c r="CJ2310" s="166">
        <v>0</v>
      </c>
      <c r="CK2310" s="166">
        <v>0</v>
      </c>
      <c r="CL2310" s="166">
        <v>0</v>
      </c>
      <c r="CM2310" s="166">
        <v>0</v>
      </c>
      <c r="CN2310" s="166">
        <v>0</v>
      </c>
      <c r="CO2310" s="166">
        <v>0</v>
      </c>
      <c r="CP2310" s="166">
        <v>0</v>
      </c>
      <c r="CQ2310" s="166">
        <v>0</v>
      </c>
      <c r="CR2310" s="166">
        <v>0</v>
      </c>
      <c r="CS2310" s="166">
        <v>0</v>
      </c>
      <c r="CT2310" s="166">
        <v>0</v>
      </c>
      <c r="CU2310" s="166">
        <v>0</v>
      </c>
      <c r="CV2310" s="166">
        <v>0</v>
      </c>
      <c r="CW2310" s="166">
        <v>0</v>
      </c>
      <c r="CX2310" s="166">
        <v>0</v>
      </c>
      <c r="CY2310" s="166">
        <v>2677434.25805469</v>
      </c>
      <c r="CZ2310" s="166">
        <v>2677434.25805469</v>
      </c>
    </row>
    <row r="2311" spans="1:104" x14ac:dyDescent="0.2">
      <c r="A2311" s="167" t="s">
        <v>159</v>
      </c>
      <c r="B2311" s="166">
        <v>19179757.081027798</v>
      </c>
      <c r="C2311" s="166">
        <v>19179757.081027798</v>
      </c>
      <c r="D2311" s="166">
        <v>0</v>
      </c>
      <c r="E2311" s="166">
        <v>0</v>
      </c>
      <c r="F2311" s="166">
        <v>0</v>
      </c>
      <c r="G2311" s="166">
        <v>0</v>
      </c>
      <c r="H2311" s="166">
        <v>0</v>
      </c>
      <c r="I2311" s="166">
        <v>0</v>
      </c>
      <c r="J2311" s="166">
        <v>0</v>
      </c>
      <c r="K2311" s="166">
        <v>0</v>
      </c>
      <c r="L2311" s="166">
        <v>0</v>
      </c>
      <c r="M2311" s="166">
        <v>0</v>
      </c>
      <c r="N2311" s="166">
        <v>0</v>
      </c>
      <c r="O2311" s="166">
        <v>0</v>
      </c>
      <c r="P2311" s="166">
        <v>0</v>
      </c>
      <c r="Q2311" s="166">
        <v>0</v>
      </c>
      <c r="R2311" s="166">
        <v>0</v>
      </c>
      <c r="S2311" s="166">
        <v>0</v>
      </c>
      <c r="T2311" s="166">
        <v>0</v>
      </c>
      <c r="U2311" s="166">
        <v>0</v>
      </c>
      <c r="V2311" s="166">
        <v>0</v>
      </c>
      <c r="W2311" s="166">
        <v>0</v>
      </c>
      <c r="X2311" s="166">
        <v>0</v>
      </c>
      <c r="Y2311" s="166">
        <v>0</v>
      </c>
      <c r="Z2311" s="166">
        <v>0</v>
      </c>
      <c r="AA2311" s="166">
        <v>0</v>
      </c>
      <c r="AB2311" s="166">
        <v>0</v>
      </c>
      <c r="AC2311" s="166">
        <v>0</v>
      </c>
      <c r="AD2311" s="166">
        <v>0</v>
      </c>
      <c r="AE2311" s="166">
        <v>0</v>
      </c>
      <c r="AF2311" s="166">
        <v>0</v>
      </c>
      <c r="AG2311" s="166">
        <v>0</v>
      </c>
      <c r="AH2311" s="166">
        <v>0</v>
      </c>
      <c r="AI2311" s="166">
        <v>0</v>
      </c>
      <c r="AJ2311" s="166">
        <v>0</v>
      </c>
      <c r="AK2311" s="166">
        <v>0</v>
      </c>
      <c r="AL2311" s="166">
        <v>0</v>
      </c>
      <c r="AM2311" s="166">
        <v>0</v>
      </c>
      <c r="AN2311" s="166">
        <v>0</v>
      </c>
      <c r="AO2311" s="166">
        <v>0</v>
      </c>
      <c r="AP2311" s="166">
        <v>0</v>
      </c>
      <c r="AQ2311" s="166">
        <v>0</v>
      </c>
      <c r="AR2311" s="166">
        <v>0</v>
      </c>
      <c r="AS2311" s="166">
        <v>0</v>
      </c>
      <c r="AT2311" s="166">
        <v>0</v>
      </c>
      <c r="AU2311" s="166">
        <v>0</v>
      </c>
      <c r="AV2311" s="166">
        <v>0</v>
      </c>
      <c r="AW2311" s="166">
        <v>0</v>
      </c>
      <c r="AX2311" s="166">
        <v>0</v>
      </c>
      <c r="AY2311" s="166">
        <v>0</v>
      </c>
      <c r="AZ2311" s="166">
        <v>0</v>
      </c>
      <c r="BA2311" s="166">
        <v>0</v>
      </c>
      <c r="BB2311" s="166">
        <v>0</v>
      </c>
      <c r="BC2311" s="166">
        <v>0</v>
      </c>
      <c r="BD2311" s="166">
        <v>0</v>
      </c>
      <c r="BE2311" s="166">
        <v>0</v>
      </c>
      <c r="BF2311" s="166">
        <v>0</v>
      </c>
      <c r="BG2311" s="166">
        <v>0</v>
      </c>
      <c r="BH2311" s="166">
        <v>0</v>
      </c>
      <c r="BI2311" s="166">
        <v>0</v>
      </c>
      <c r="BJ2311" s="166">
        <v>0</v>
      </c>
      <c r="BK2311" s="166">
        <v>0</v>
      </c>
      <c r="BL2311" s="166">
        <v>0</v>
      </c>
      <c r="BM2311" s="166">
        <v>0</v>
      </c>
      <c r="BN2311" s="166">
        <v>0</v>
      </c>
      <c r="BO2311" s="166">
        <v>0</v>
      </c>
      <c r="BP2311" s="166">
        <v>0</v>
      </c>
      <c r="BQ2311" s="166">
        <v>0</v>
      </c>
      <c r="BR2311" s="166">
        <v>19179757.081027798</v>
      </c>
      <c r="BS2311" s="166">
        <v>19179757.081027798</v>
      </c>
      <c r="BT2311" s="168">
        <v>0.99999527731777005</v>
      </c>
      <c r="BU2311" s="166">
        <v>1392822.81771129</v>
      </c>
      <c r="BV2311" s="166">
        <v>19179666.501129799</v>
      </c>
      <c r="BW2311" s="166">
        <v>0</v>
      </c>
      <c r="BX2311" s="166">
        <v>0</v>
      </c>
      <c r="BY2311" s="166">
        <v>0</v>
      </c>
      <c r="BZ2311" s="166">
        <v>0</v>
      </c>
      <c r="CA2311" s="166">
        <v>0</v>
      </c>
      <c r="CB2311" s="166">
        <v>0</v>
      </c>
      <c r="CC2311" s="166">
        <v>0</v>
      </c>
      <c r="CD2311" s="166">
        <v>0</v>
      </c>
      <c r="CE2311" s="166">
        <v>0</v>
      </c>
      <c r="CF2311" s="166">
        <v>0</v>
      </c>
      <c r="CG2311" s="166">
        <v>0</v>
      </c>
      <c r="CH2311" s="166">
        <v>0</v>
      </c>
      <c r="CI2311" s="166">
        <v>0</v>
      </c>
      <c r="CJ2311" s="166">
        <v>0</v>
      </c>
      <c r="CK2311" s="166">
        <v>0</v>
      </c>
      <c r="CL2311" s="166">
        <v>0</v>
      </c>
      <c r="CM2311" s="166">
        <v>0</v>
      </c>
      <c r="CN2311" s="166">
        <v>0</v>
      </c>
      <c r="CO2311" s="166">
        <v>0</v>
      </c>
      <c r="CP2311" s="166">
        <v>0</v>
      </c>
      <c r="CQ2311" s="166">
        <v>0</v>
      </c>
      <c r="CR2311" s="166">
        <v>0</v>
      </c>
      <c r="CS2311" s="166">
        <v>0</v>
      </c>
      <c r="CT2311" s="166">
        <v>0</v>
      </c>
      <c r="CU2311" s="166">
        <v>0</v>
      </c>
      <c r="CV2311" s="166">
        <v>0</v>
      </c>
      <c r="CW2311" s="166">
        <v>0</v>
      </c>
      <c r="CX2311" s="166">
        <v>0</v>
      </c>
      <c r="CY2311" s="166">
        <v>19179666.501129799</v>
      </c>
      <c r="CZ2311" s="166">
        <v>19179666.501129799</v>
      </c>
    </row>
    <row r="2312" spans="1:104" x14ac:dyDescent="0.2">
      <c r="A2312" s="167" t="s">
        <v>160</v>
      </c>
      <c r="B2312" s="166">
        <v>78146130.030000001</v>
      </c>
      <c r="C2312" s="166">
        <v>78146130.030000001</v>
      </c>
      <c r="D2312" s="166">
        <v>0</v>
      </c>
      <c r="E2312" s="166">
        <v>0</v>
      </c>
      <c r="F2312" s="166">
        <v>0</v>
      </c>
      <c r="G2312" s="166">
        <v>0</v>
      </c>
      <c r="H2312" s="166">
        <v>0</v>
      </c>
      <c r="I2312" s="166">
        <v>0</v>
      </c>
      <c r="J2312" s="166">
        <v>0</v>
      </c>
      <c r="K2312" s="166">
        <v>0</v>
      </c>
      <c r="L2312" s="166">
        <v>0</v>
      </c>
      <c r="M2312" s="166">
        <v>0</v>
      </c>
      <c r="N2312" s="166">
        <v>0</v>
      </c>
      <c r="O2312" s="166">
        <v>0</v>
      </c>
      <c r="P2312" s="166">
        <v>0</v>
      </c>
      <c r="Q2312" s="166">
        <v>0</v>
      </c>
      <c r="R2312" s="166">
        <v>0</v>
      </c>
      <c r="S2312" s="166">
        <v>0</v>
      </c>
      <c r="T2312" s="166">
        <v>0</v>
      </c>
      <c r="U2312" s="166">
        <v>0</v>
      </c>
      <c r="V2312" s="166">
        <v>0</v>
      </c>
      <c r="W2312" s="166">
        <v>0</v>
      </c>
      <c r="X2312" s="166">
        <v>0</v>
      </c>
      <c r="Y2312" s="166">
        <v>0</v>
      </c>
      <c r="Z2312" s="166">
        <v>0</v>
      </c>
      <c r="AA2312" s="166">
        <v>0</v>
      </c>
      <c r="AB2312" s="166">
        <v>0</v>
      </c>
      <c r="AC2312" s="166">
        <v>0</v>
      </c>
      <c r="AD2312" s="166">
        <v>0</v>
      </c>
      <c r="AE2312" s="166">
        <v>0</v>
      </c>
      <c r="AF2312" s="166">
        <v>0</v>
      </c>
      <c r="AG2312" s="166">
        <v>0</v>
      </c>
      <c r="AH2312" s="166">
        <v>0</v>
      </c>
      <c r="AI2312" s="166">
        <v>0</v>
      </c>
      <c r="AJ2312" s="166">
        <v>0</v>
      </c>
      <c r="AK2312" s="166">
        <v>0</v>
      </c>
      <c r="AL2312" s="166">
        <v>0</v>
      </c>
      <c r="AM2312" s="166">
        <v>0</v>
      </c>
      <c r="AN2312" s="166">
        <v>0</v>
      </c>
      <c r="AO2312" s="166">
        <v>0</v>
      </c>
      <c r="AP2312" s="166">
        <v>0</v>
      </c>
      <c r="AQ2312" s="166">
        <v>0</v>
      </c>
      <c r="AR2312" s="166">
        <v>0</v>
      </c>
      <c r="AS2312" s="166">
        <v>0</v>
      </c>
      <c r="AT2312" s="166">
        <v>0</v>
      </c>
      <c r="AU2312" s="166">
        <v>0</v>
      </c>
      <c r="AV2312" s="166">
        <v>0</v>
      </c>
      <c r="AW2312" s="166">
        <v>0</v>
      </c>
      <c r="AX2312" s="166">
        <v>0</v>
      </c>
      <c r="AY2312" s="166">
        <v>0</v>
      </c>
      <c r="AZ2312" s="166">
        <v>0</v>
      </c>
      <c r="BA2312" s="166">
        <v>0</v>
      </c>
      <c r="BB2312" s="166">
        <v>0</v>
      </c>
      <c r="BC2312" s="166">
        <v>0</v>
      </c>
      <c r="BD2312" s="166">
        <v>0</v>
      </c>
      <c r="BE2312" s="166">
        <v>0</v>
      </c>
      <c r="BF2312" s="166">
        <v>0</v>
      </c>
      <c r="BG2312" s="166">
        <v>0</v>
      </c>
      <c r="BH2312" s="166">
        <v>0</v>
      </c>
      <c r="BI2312" s="166">
        <v>0</v>
      </c>
      <c r="BJ2312" s="166">
        <v>0</v>
      </c>
      <c r="BK2312" s="166">
        <v>0</v>
      </c>
      <c r="BL2312" s="166">
        <v>0</v>
      </c>
      <c r="BM2312" s="166">
        <v>0</v>
      </c>
      <c r="BN2312" s="166">
        <v>0</v>
      </c>
      <c r="BO2312" s="166">
        <v>0</v>
      </c>
      <c r="BP2312" s="166">
        <v>0</v>
      </c>
      <c r="BQ2312" s="166">
        <v>0</v>
      </c>
      <c r="BR2312" s="166">
        <v>78146130.030000001</v>
      </c>
      <c r="BS2312" s="166">
        <v>78146130.030000001</v>
      </c>
      <c r="BT2312" s="168">
        <v>0</v>
      </c>
      <c r="BU2312" s="166">
        <v>4635177.5994731104</v>
      </c>
      <c r="BV2312" s="166">
        <v>78024590.686237007</v>
      </c>
      <c r="BW2312" s="166">
        <v>0</v>
      </c>
      <c r="BX2312" s="166">
        <v>0</v>
      </c>
      <c r="BY2312" s="166">
        <v>0</v>
      </c>
      <c r="BZ2312" s="166">
        <v>0</v>
      </c>
      <c r="CA2312" s="166">
        <v>0</v>
      </c>
      <c r="CB2312" s="166">
        <v>0</v>
      </c>
      <c r="CC2312" s="166">
        <v>0</v>
      </c>
      <c r="CD2312" s="166">
        <v>0</v>
      </c>
      <c r="CE2312" s="166">
        <v>0</v>
      </c>
      <c r="CF2312" s="166">
        <v>0</v>
      </c>
      <c r="CG2312" s="166">
        <v>0</v>
      </c>
      <c r="CH2312" s="166">
        <v>0</v>
      </c>
      <c r="CI2312" s="166">
        <v>0</v>
      </c>
      <c r="CJ2312" s="166">
        <v>0</v>
      </c>
      <c r="CK2312" s="166">
        <v>0</v>
      </c>
      <c r="CL2312" s="166">
        <v>0</v>
      </c>
      <c r="CM2312" s="166">
        <v>0</v>
      </c>
      <c r="CN2312" s="166">
        <v>0</v>
      </c>
      <c r="CO2312" s="166">
        <v>0</v>
      </c>
      <c r="CP2312" s="166">
        <v>0</v>
      </c>
      <c r="CQ2312" s="166">
        <v>0</v>
      </c>
      <c r="CR2312" s="166">
        <v>0</v>
      </c>
      <c r="CS2312" s="166">
        <v>0</v>
      </c>
      <c r="CT2312" s="166">
        <v>0</v>
      </c>
      <c r="CU2312" s="166">
        <v>0</v>
      </c>
      <c r="CV2312" s="166">
        <v>0</v>
      </c>
      <c r="CW2312" s="166">
        <v>0</v>
      </c>
      <c r="CX2312" s="166">
        <v>0</v>
      </c>
      <c r="CY2312" s="166">
        <v>78024590.686237007</v>
      </c>
      <c r="CZ2312" s="166">
        <v>78024590.686237007</v>
      </c>
    </row>
    <row r="2313" spans="1:104" x14ac:dyDescent="0.2">
      <c r="A2313" s="170" t="s">
        <v>161</v>
      </c>
      <c r="B2313" s="166">
        <v>101845964.779999</v>
      </c>
      <c r="C2313" s="166">
        <v>101845964.779999</v>
      </c>
      <c r="D2313" s="166">
        <v>0</v>
      </c>
      <c r="E2313" s="166">
        <v>0</v>
      </c>
      <c r="F2313" s="166">
        <v>0</v>
      </c>
      <c r="G2313" s="166">
        <v>0</v>
      </c>
      <c r="H2313" s="166">
        <v>0</v>
      </c>
      <c r="I2313" s="166">
        <v>0</v>
      </c>
      <c r="J2313" s="166">
        <v>0</v>
      </c>
      <c r="K2313" s="166">
        <v>0</v>
      </c>
      <c r="L2313" s="166">
        <v>0</v>
      </c>
      <c r="M2313" s="166">
        <v>0</v>
      </c>
      <c r="N2313" s="166">
        <v>0</v>
      </c>
      <c r="O2313" s="166">
        <v>0</v>
      </c>
      <c r="P2313" s="166">
        <v>0</v>
      </c>
      <c r="Q2313" s="166">
        <v>0</v>
      </c>
      <c r="R2313" s="166">
        <v>0</v>
      </c>
      <c r="S2313" s="166">
        <v>0</v>
      </c>
      <c r="T2313" s="166">
        <v>0</v>
      </c>
      <c r="U2313" s="166">
        <v>0</v>
      </c>
      <c r="V2313" s="166">
        <v>0</v>
      </c>
      <c r="W2313" s="166">
        <v>0</v>
      </c>
      <c r="X2313" s="166">
        <v>0</v>
      </c>
      <c r="Y2313" s="166">
        <v>0</v>
      </c>
      <c r="Z2313" s="166">
        <v>0</v>
      </c>
      <c r="AA2313" s="166">
        <v>0</v>
      </c>
      <c r="AB2313" s="166">
        <v>0</v>
      </c>
      <c r="AC2313" s="166">
        <v>0</v>
      </c>
      <c r="AD2313" s="166">
        <v>0</v>
      </c>
      <c r="AE2313" s="166">
        <v>0</v>
      </c>
      <c r="AF2313" s="166">
        <v>0</v>
      </c>
      <c r="AG2313" s="166">
        <v>0</v>
      </c>
      <c r="AH2313" s="166">
        <v>0</v>
      </c>
      <c r="AI2313" s="166">
        <v>0</v>
      </c>
      <c r="AJ2313" s="166">
        <v>0</v>
      </c>
      <c r="AK2313" s="166">
        <v>0</v>
      </c>
      <c r="AL2313" s="166">
        <v>0</v>
      </c>
      <c r="AM2313" s="166">
        <v>0</v>
      </c>
      <c r="AN2313" s="166">
        <v>0</v>
      </c>
      <c r="AO2313" s="166">
        <v>0</v>
      </c>
      <c r="AP2313" s="166">
        <v>0</v>
      </c>
      <c r="AQ2313" s="166">
        <v>0</v>
      </c>
      <c r="AR2313" s="166">
        <v>0</v>
      </c>
      <c r="AS2313" s="166">
        <v>0</v>
      </c>
      <c r="AT2313" s="166">
        <v>0</v>
      </c>
      <c r="AU2313" s="166">
        <v>0</v>
      </c>
      <c r="AV2313" s="166">
        <v>0</v>
      </c>
      <c r="AW2313" s="166">
        <v>0</v>
      </c>
      <c r="AX2313" s="166">
        <v>0</v>
      </c>
      <c r="AY2313" s="166">
        <v>0</v>
      </c>
      <c r="AZ2313" s="166">
        <v>0</v>
      </c>
      <c r="BA2313" s="166">
        <v>0</v>
      </c>
      <c r="BB2313" s="166">
        <v>0</v>
      </c>
      <c r="BC2313" s="166">
        <v>0</v>
      </c>
      <c r="BD2313" s="166">
        <v>0</v>
      </c>
      <c r="BE2313" s="166">
        <v>0</v>
      </c>
      <c r="BF2313" s="166">
        <v>0</v>
      </c>
      <c r="BG2313" s="166">
        <v>0</v>
      </c>
      <c r="BH2313" s="166">
        <v>0</v>
      </c>
      <c r="BI2313" s="166">
        <v>0</v>
      </c>
      <c r="BJ2313" s="166">
        <v>0</v>
      </c>
      <c r="BK2313" s="166">
        <v>0</v>
      </c>
      <c r="BL2313" s="166">
        <v>0</v>
      </c>
      <c r="BM2313" s="166">
        <v>0</v>
      </c>
      <c r="BN2313" s="166">
        <v>0</v>
      </c>
      <c r="BO2313" s="166">
        <v>0</v>
      </c>
      <c r="BP2313" s="166">
        <v>0</v>
      </c>
      <c r="BQ2313" s="166">
        <v>0</v>
      </c>
      <c r="BR2313" s="166">
        <v>101845964.779999</v>
      </c>
      <c r="BS2313" s="166">
        <v>101845964.78</v>
      </c>
      <c r="BT2313" s="168">
        <v>0</v>
      </c>
      <c r="BU2313" s="166">
        <v>6246276.6154344296</v>
      </c>
      <c r="BV2313" s="166">
        <v>101614047.528484</v>
      </c>
      <c r="BW2313" s="166">
        <v>0</v>
      </c>
      <c r="BX2313" s="166">
        <v>0</v>
      </c>
      <c r="BY2313" s="166">
        <v>0</v>
      </c>
      <c r="BZ2313" s="166">
        <v>0</v>
      </c>
      <c r="CA2313" s="166">
        <v>0</v>
      </c>
      <c r="CB2313" s="166">
        <v>0</v>
      </c>
      <c r="CC2313" s="166">
        <v>0</v>
      </c>
      <c r="CD2313" s="166">
        <v>0</v>
      </c>
      <c r="CE2313" s="166">
        <v>0</v>
      </c>
      <c r="CF2313" s="166">
        <v>0</v>
      </c>
      <c r="CG2313" s="166">
        <v>0</v>
      </c>
      <c r="CH2313" s="166">
        <v>0</v>
      </c>
      <c r="CI2313" s="166">
        <v>0</v>
      </c>
      <c r="CJ2313" s="166">
        <v>0</v>
      </c>
      <c r="CK2313" s="166">
        <v>0</v>
      </c>
      <c r="CL2313" s="166">
        <v>0</v>
      </c>
      <c r="CM2313" s="166">
        <v>0</v>
      </c>
      <c r="CN2313" s="166">
        <v>0</v>
      </c>
      <c r="CO2313" s="166">
        <v>0</v>
      </c>
      <c r="CP2313" s="166">
        <v>0</v>
      </c>
      <c r="CQ2313" s="166">
        <v>0</v>
      </c>
      <c r="CR2313" s="166">
        <v>0</v>
      </c>
      <c r="CS2313" s="166">
        <v>0</v>
      </c>
      <c r="CT2313" s="166">
        <v>0</v>
      </c>
      <c r="CU2313" s="166">
        <v>0</v>
      </c>
      <c r="CV2313" s="166">
        <v>0</v>
      </c>
      <c r="CW2313" s="166">
        <v>0</v>
      </c>
      <c r="CX2313" s="166">
        <v>0</v>
      </c>
      <c r="CY2313" s="166">
        <v>101614047.528484</v>
      </c>
      <c r="CZ2313" s="166">
        <v>101614047.528484</v>
      </c>
    </row>
    <row r="2314" spans="1:104" x14ac:dyDescent="0.2">
      <c r="A2314" s="167" t="s">
        <v>162</v>
      </c>
    </row>
    <row r="2315" spans="1:104" x14ac:dyDescent="0.2">
      <c r="A2315" s="170" t="s">
        <v>163</v>
      </c>
    </row>
    <row r="2316" spans="1:104" x14ac:dyDescent="0.2">
      <c r="A2316" s="167" t="s">
        <v>164</v>
      </c>
      <c r="B2316" s="166">
        <v>0</v>
      </c>
      <c r="C2316" s="166">
        <v>0</v>
      </c>
      <c r="D2316" s="166">
        <v>0</v>
      </c>
      <c r="E2316" s="166">
        <v>0</v>
      </c>
      <c r="F2316" s="166">
        <v>0</v>
      </c>
      <c r="G2316" s="166">
        <v>0</v>
      </c>
      <c r="H2316" s="166">
        <v>0</v>
      </c>
      <c r="I2316" s="166">
        <v>0</v>
      </c>
      <c r="J2316" s="166">
        <v>0</v>
      </c>
      <c r="K2316" s="166">
        <v>0</v>
      </c>
      <c r="L2316" s="166">
        <v>0</v>
      </c>
      <c r="M2316" s="166">
        <v>0</v>
      </c>
      <c r="N2316" s="166">
        <v>0</v>
      </c>
      <c r="O2316" s="166">
        <v>0</v>
      </c>
      <c r="P2316" s="166">
        <v>0</v>
      </c>
      <c r="Q2316" s="166">
        <v>0</v>
      </c>
      <c r="R2316" s="166">
        <v>0</v>
      </c>
      <c r="S2316" s="166">
        <v>0</v>
      </c>
      <c r="T2316" s="166">
        <v>0</v>
      </c>
      <c r="U2316" s="166">
        <v>0</v>
      </c>
      <c r="V2316" s="166">
        <v>0</v>
      </c>
      <c r="W2316" s="166">
        <v>0</v>
      </c>
      <c r="X2316" s="166">
        <v>0</v>
      </c>
      <c r="Y2316" s="166">
        <v>0</v>
      </c>
      <c r="Z2316" s="166">
        <v>0</v>
      </c>
      <c r="AA2316" s="166">
        <v>0</v>
      </c>
      <c r="AB2316" s="166">
        <v>0</v>
      </c>
      <c r="AC2316" s="166">
        <v>0</v>
      </c>
      <c r="AD2316" s="166">
        <v>0</v>
      </c>
      <c r="AE2316" s="166">
        <v>0</v>
      </c>
      <c r="AF2316" s="166">
        <v>0</v>
      </c>
      <c r="AG2316" s="166">
        <v>0</v>
      </c>
      <c r="AH2316" s="166">
        <v>0</v>
      </c>
      <c r="AI2316" s="166">
        <v>0</v>
      </c>
      <c r="AJ2316" s="166">
        <v>0</v>
      </c>
      <c r="AK2316" s="166">
        <v>0</v>
      </c>
      <c r="AL2316" s="166">
        <v>0</v>
      </c>
      <c r="AM2316" s="166">
        <v>0</v>
      </c>
      <c r="AN2316" s="166">
        <v>0</v>
      </c>
      <c r="AO2316" s="166">
        <v>0</v>
      </c>
      <c r="AP2316" s="166">
        <v>0</v>
      </c>
      <c r="AQ2316" s="166">
        <v>0</v>
      </c>
      <c r="AR2316" s="166">
        <v>0</v>
      </c>
      <c r="AS2316" s="166">
        <v>0</v>
      </c>
      <c r="AT2316" s="166">
        <v>0</v>
      </c>
      <c r="AU2316" s="166">
        <v>0</v>
      </c>
      <c r="AV2316" s="166">
        <v>0</v>
      </c>
      <c r="AW2316" s="166">
        <v>0</v>
      </c>
      <c r="AX2316" s="166">
        <v>0</v>
      </c>
      <c r="AY2316" s="166">
        <v>0</v>
      </c>
      <c r="AZ2316" s="166">
        <v>0</v>
      </c>
      <c r="BA2316" s="166">
        <v>0</v>
      </c>
      <c r="BB2316" s="166">
        <v>0</v>
      </c>
      <c r="BC2316" s="166">
        <v>0</v>
      </c>
      <c r="BD2316" s="166">
        <v>0</v>
      </c>
      <c r="BE2316" s="166">
        <v>0</v>
      </c>
      <c r="BF2316" s="166">
        <v>0</v>
      </c>
      <c r="BG2316" s="166">
        <v>0</v>
      </c>
      <c r="BH2316" s="166">
        <v>0</v>
      </c>
      <c r="BI2316" s="166">
        <v>0</v>
      </c>
      <c r="BJ2316" s="166">
        <v>0</v>
      </c>
      <c r="BK2316" s="166">
        <v>0</v>
      </c>
      <c r="BL2316" s="166">
        <v>0</v>
      </c>
      <c r="BM2316" s="166">
        <v>0</v>
      </c>
      <c r="BN2316" s="166">
        <v>0</v>
      </c>
      <c r="BO2316" s="166">
        <v>0</v>
      </c>
      <c r="BP2316" s="166">
        <v>0</v>
      </c>
      <c r="BQ2316" s="166">
        <v>0</v>
      </c>
      <c r="BR2316" s="166">
        <v>0</v>
      </c>
      <c r="BS2316" s="166">
        <v>0</v>
      </c>
      <c r="BT2316" s="168">
        <v>0.99999527731777005</v>
      </c>
      <c r="BU2316" s="166">
        <v>0</v>
      </c>
      <c r="BV2316" s="166">
        <v>0</v>
      </c>
      <c r="BW2316" s="166">
        <v>0</v>
      </c>
      <c r="BX2316" s="166">
        <v>0</v>
      </c>
      <c r="BY2316" s="166">
        <v>0</v>
      </c>
      <c r="BZ2316" s="166">
        <v>0</v>
      </c>
      <c r="CA2316" s="166">
        <v>0</v>
      </c>
      <c r="CB2316" s="166">
        <v>0</v>
      </c>
      <c r="CC2316" s="166">
        <v>0</v>
      </c>
      <c r="CD2316" s="166">
        <v>0</v>
      </c>
      <c r="CE2316" s="166">
        <v>0</v>
      </c>
      <c r="CF2316" s="166">
        <v>0</v>
      </c>
      <c r="CG2316" s="166">
        <v>0</v>
      </c>
      <c r="CH2316" s="166">
        <v>0</v>
      </c>
      <c r="CI2316" s="166">
        <v>0</v>
      </c>
      <c r="CJ2316" s="166">
        <v>0</v>
      </c>
      <c r="CK2316" s="166">
        <v>0</v>
      </c>
      <c r="CL2316" s="166">
        <v>0</v>
      </c>
      <c r="CM2316" s="166">
        <v>0</v>
      </c>
      <c r="CN2316" s="166">
        <v>0</v>
      </c>
      <c r="CO2316" s="166">
        <v>0</v>
      </c>
      <c r="CP2316" s="166">
        <v>0</v>
      </c>
      <c r="CQ2316" s="166">
        <v>0</v>
      </c>
      <c r="CR2316" s="166">
        <v>0</v>
      </c>
      <c r="CS2316" s="166">
        <v>0</v>
      </c>
      <c r="CT2316" s="166">
        <v>0</v>
      </c>
      <c r="CU2316" s="166">
        <v>0</v>
      </c>
      <c r="CV2316" s="166">
        <v>0</v>
      </c>
      <c r="CW2316" s="166">
        <v>0</v>
      </c>
      <c r="CX2316" s="166">
        <v>0</v>
      </c>
      <c r="CY2316" s="166">
        <v>0</v>
      </c>
      <c r="CZ2316" s="166">
        <v>0</v>
      </c>
    </row>
    <row r="2317" spans="1:104" x14ac:dyDescent="0.2">
      <c r="A2317" s="167" t="s">
        <v>165</v>
      </c>
    </row>
    <row r="2318" spans="1:104" x14ac:dyDescent="0.2">
      <c r="A2318" s="167" t="s">
        <v>1058</v>
      </c>
      <c r="B2318" s="166">
        <v>69843791.675331593</v>
      </c>
      <c r="C2318" s="166">
        <v>69843791.675331593</v>
      </c>
      <c r="D2318" s="166">
        <v>0</v>
      </c>
      <c r="E2318" s="166">
        <v>0</v>
      </c>
      <c r="F2318" s="166">
        <v>0</v>
      </c>
      <c r="G2318" s="166">
        <v>0</v>
      </c>
      <c r="H2318" s="166">
        <v>0</v>
      </c>
      <c r="I2318" s="166">
        <v>0</v>
      </c>
      <c r="J2318" s="166">
        <v>0</v>
      </c>
      <c r="K2318" s="166">
        <v>0</v>
      </c>
      <c r="L2318" s="166">
        <v>0</v>
      </c>
      <c r="M2318" s="166">
        <v>0</v>
      </c>
      <c r="N2318" s="166">
        <v>0</v>
      </c>
      <c r="O2318" s="166">
        <v>0</v>
      </c>
      <c r="P2318" s="166">
        <v>0</v>
      </c>
      <c r="Q2318" s="166">
        <v>0</v>
      </c>
      <c r="R2318" s="166">
        <v>0</v>
      </c>
      <c r="S2318" s="166">
        <v>0</v>
      </c>
      <c r="T2318" s="166">
        <v>0</v>
      </c>
      <c r="U2318" s="166">
        <v>0</v>
      </c>
      <c r="V2318" s="166">
        <v>0</v>
      </c>
      <c r="W2318" s="166">
        <v>0</v>
      </c>
      <c r="X2318" s="166">
        <v>0</v>
      </c>
      <c r="Y2318" s="166">
        <v>0</v>
      </c>
      <c r="Z2318" s="166">
        <v>0</v>
      </c>
      <c r="AA2318" s="166">
        <v>0</v>
      </c>
      <c r="AB2318" s="166">
        <v>0</v>
      </c>
      <c r="AC2318" s="166">
        <v>0</v>
      </c>
      <c r="AD2318" s="166">
        <v>0</v>
      </c>
      <c r="AE2318" s="166">
        <v>0</v>
      </c>
      <c r="AF2318" s="166">
        <v>0</v>
      </c>
      <c r="AG2318" s="166">
        <v>0</v>
      </c>
      <c r="AH2318" s="166">
        <v>0</v>
      </c>
      <c r="AI2318" s="166">
        <v>0</v>
      </c>
      <c r="AJ2318" s="166">
        <v>0</v>
      </c>
      <c r="AK2318" s="166">
        <v>0</v>
      </c>
      <c r="AL2318" s="166">
        <v>0</v>
      </c>
      <c r="AM2318" s="166">
        <v>0</v>
      </c>
      <c r="AN2318" s="166">
        <v>0</v>
      </c>
      <c r="AO2318" s="166">
        <v>0</v>
      </c>
      <c r="AP2318" s="166">
        <v>0</v>
      </c>
      <c r="AQ2318" s="166">
        <v>0</v>
      </c>
      <c r="AR2318" s="166">
        <v>0</v>
      </c>
      <c r="AS2318" s="166">
        <v>0</v>
      </c>
      <c r="AT2318" s="166">
        <v>0</v>
      </c>
      <c r="AU2318" s="166">
        <v>0</v>
      </c>
      <c r="AV2318" s="166">
        <v>0</v>
      </c>
      <c r="AW2318" s="166">
        <v>0</v>
      </c>
      <c r="AX2318" s="166">
        <v>0</v>
      </c>
      <c r="AY2318" s="166">
        <v>0</v>
      </c>
      <c r="AZ2318" s="166">
        <v>0</v>
      </c>
      <c r="BA2318" s="166">
        <v>0</v>
      </c>
      <c r="BB2318" s="166">
        <v>0</v>
      </c>
      <c r="BC2318" s="166">
        <v>0</v>
      </c>
      <c r="BD2318" s="166">
        <v>0</v>
      </c>
      <c r="BE2318" s="166">
        <v>0</v>
      </c>
      <c r="BF2318" s="166">
        <v>0</v>
      </c>
      <c r="BG2318" s="166">
        <v>0</v>
      </c>
      <c r="BH2318" s="166">
        <v>0</v>
      </c>
      <c r="BI2318" s="166">
        <v>0</v>
      </c>
      <c r="BJ2318" s="166">
        <v>0</v>
      </c>
      <c r="BK2318" s="166">
        <v>0</v>
      </c>
      <c r="BL2318" s="166">
        <v>0</v>
      </c>
      <c r="BM2318" s="166">
        <v>0</v>
      </c>
      <c r="BN2318" s="166">
        <v>0</v>
      </c>
      <c r="BO2318" s="166">
        <v>0</v>
      </c>
      <c r="BP2318" s="166">
        <v>0</v>
      </c>
      <c r="BQ2318" s="166">
        <v>0</v>
      </c>
      <c r="BR2318" s="166">
        <v>69843791.675331593</v>
      </c>
      <c r="BS2318" s="166">
        <v>69843791.675331593</v>
      </c>
      <c r="BT2318" s="168">
        <v>0.99999812279077205</v>
      </c>
      <c r="BU2318" s="166">
        <v>5897966.7966601402</v>
      </c>
      <c r="BV2318" s="166">
        <v>69843660.563921303</v>
      </c>
      <c r="BW2318" s="166">
        <v>0</v>
      </c>
      <c r="BX2318" s="166">
        <v>0</v>
      </c>
      <c r="BY2318" s="166">
        <v>0</v>
      </c>
      <c r="BZ2318" s="166">
        <v>0</v>
      </c>
      <c r="CA2318" s="166">
        <v>0</v>
      </c>
      <c r="CB2318" s="166">
        <v>0</v>
      </c>
      <c r="CC2318" s="166">
        <v>0</v>
      </c>
      <c r="CD2318" s="166">
        <v>0</v>
      </c>
      <c r="CE2318" s="166">
        <v>0</v>
      </c>
      <c r="CF2318" s="166">
        <v>0</v>
      </c>
      <c r="CG2318" s="166">
        <v>0</v>
      </c>
      <c r="CH2318" s="166">
        <v>0</v>
      </c>
      <c r="CI2318" s="166">
        <v>0</v>
      </c>
      <c r="CJ2318" s="166">
        <v>0</v>
      </c>
      <c r="CK2318" s="166">
        <v>0</v>
      </c>
      <c r="CL2318" s="166">
        <v>0</v>
      </c>
      <c r="CM2318" s="166">
        <v>0</v>
      </c>
      <c r="CN2318" s="166">
        <v>0</v>
      </c>
      <c r="CO2318" s="166">
        <v>0</v>
      </c>
      <c r="CP2318" s="166">
        <v>0</v>
      </c>
      <c r="CQ2318" s="166">
        <v>0</v>
      </c>
      <c r="CR2318" s="166">
        <v>0</v>
      </c>
      <c r="CS2318" s="166">
        <v>0</v>
      </c>
      <c r="CT2318" s="166">
        <v>0</v>
      </c>
      <c r="CU2318" s="166">
        <v>0</v>
      </c>
      <c r="CV2318" s="166">
        <v>0</v>
      </c>
      <c r="CW2318" s="166">
        <v>0</v>
      </c>
      <c r="CX2318" s="166">
        <v>0</v>
      </c>
      <c r="CY2318" s="166">
        <v>69843660.563921303</v>
      </c>
      <c r="CZ2318" s="166">
        <v>69843660.563921303</v>
      </c>
    </row>
    <row r="2319" spans="1:104" x14ac:dyDescent="0.2">
      <c r="A2319" s="167" t="s">
        <v>1059</v>
      </c>
      <c r="B2319" s="166">
        <v>6094701.3972488502</v>
      </c>
      <c r="C2319" s="166">
        <v>6094701.3972488502</v>
      </c>
      <c r="D2319" s="166">
        <v>0</v>
      </c>
      <c r="E2319" s="166">
        <v>0</v>
      </c>
      <c r="F2319" s="166">
        <v>0</v>
      </c>
      <c r="G2319" s="166">
        <v>0</v>
      </c>
      <c r="H2319" s="166">
        <v>0</v>
      </c>
      <c r="I2319" s="166">
        <v>0</v>
      </c>
      <c r="J2319" s="166">
        <v>0</v>
      </c>
      <c r="K2319" s="166">
        <v>0</v>
      </c>
      <c r="L2319" s="166">
        <v>0</v>
      </c>
      <c r="M2319" s="166">
        <v>0</v>
      </c>
      <c r="N2319" s="166">
        <v>0</v>
      </c>
      <c r="O2319" s="166">
        <v>0</v>
      </c>
      <c r="P2319" s="166">
        <v>0</v>
      </c>
      <c r="Q2319" s="166">
        <v>0</v>
      </c>
      <c r="R2319" s="166">
        <v>0</v>
      </c>
      <c r="S2319" s="166">
        <v>0</v>
      </c>
      <c r="T2319" s="166">
        <v>0</v>
      </c>
      <c r="U2319" s="166">
        <v>0</v>
      </c>
      <c r="V2319" s="166">
        <v>0</v>
      </c>
      <c r="W2319" s="166">
        <v>0</v>
      </c>
      <c r="X2319" s="166">
        <v>0</v>
      </c>
      <c r="Y2319" s="166">
        <v>0</v>
      </c>
      <c r="Z2319" s="166">
        <v>0</v>
      </c>
      <c r="AA2319" s="166">
        <v>0</v>
      </c>
      <c r="AB2319" s="166">
        <v>0</v>
      </c>
      <c r="AC2319" s="166">
        <v>0</v>
      </c>
      <c r="AD2319" s="166">
        <v>0</v>
      </c>
      <c r="AE2319" s="166">
        <v>0</v>
      </c>
      <c r="AF2319" s="166">
        <v>0</v>
      </c>
      <c r="AG2319" s="166">
        <v>0</v>
      </c>
      <c r="AH2319" s="166">
        <v>0</v>
      </c>
      <c r="AI2319" s="166">
        <v>0</v>
      </c>
      <c r="AJ2319" s="166">
        <v>0</v>
      </c>
      <c r="AK2319" s="166">
        <v>0</v>
      </c>
      <c r="AL2319" s="166">
        <v>0</v>
      </c>
      <c r="AM2319" s="166">
        <v>0</v>
      </c>
      <c r="AN2319" s="166">
        <v>0</v>
      </c>
      <c r="AO2319" s="166">
        <v>0</v>
      </c>
      <c r="AP2319" s="166">
        <v>0</v>
      </c>
      <c r="AQ2319" s="166">
        <v>0</v>
      </c>
      <c r="AR2319" s="166">
        <v>0</v>
      </c>
      <c r="AS2319" s="166">
        <v>0</v>
      </c>
      <c r="AT2319" s="166">
        <v>0</v>
      </c>
      <c r="AU2319" s="166">
        <v>0</v>
      </c>
      <c r="AV2319" s="166">
        <v>0</v>
      </c>
      <c r="AW2319" s="166">
        <v>0</v>
      </c>
      <c r="AX2319" s="166">
        <v>0</v>
      </c>
      <c r="AY2319" s="166">
        <v>0</v>
      </c>
      <c r="AZ2319" s="166">
        <v>0</v>
      </c>
      <c r="BA2319" s="166">
        <v>0</v>
      </c>
      <c r="BB2319" s="166">
        <v>0</v>
      </c>
      <c r="BC2319" s="166">
        <v>0</v>
      </c>
      <c r="BD2319" s="166">
        <v>0</v>
      </c>
      <c r="BE2319" s="166">
        <v>0</v>
      </c>
      <c r="BF2319" s="166">
        <v>0</v>
      </c>
      <c r="BG2319" s="166">
        <v>0</v>
      </c>
      <c r="BH2319" s="166">
        <v>0</v>
      </c>
      <c r="BI2319" s="166">
        <v>0</v>
      </c>
      <c r="BJ2319" s="166">
        <v>0</v>
      </c>
      <c r="BK2319" s="166">
        <v>0</v>
      </c>
      <c r="BL2319" s="166">
        <v>0</v>
      </c>
      <c r="BM2319" s="166">
        <v>0</v>
      </c>
      <c r="BN2319" s="166">
        <v>0</v>
      </c>
      <c r="BO2319" s="166">
        <v>0</v>
      </c>
      <c r="BP2319" s="166">
        <v>0</v>
      </c>
      <c r="BQ2319" s="166">
        <v>0</v>
      </c>
      <c r="BR2319" s="166">
        <v>6094701.3972488502</v>
      </c>
      <c r="BS2319" s="166">
        <v>6094701.3972488502</v>
      </c>
      <c r="BT2319" s="168">
        <v>0.95155251328940305</v>
      </c>
      <c r="BU2319" s="166">
        <v>489817.11413295002</v>
      </c>
      <c r="BV2319" s="166">
        <v>5799428.4323005797</v>
      </c>
      <c r="BW2319" s="166">
        <v>0</v>
      </c>
      <c r="BX2319" s="166">
        <v>0</v>
      </c>
      <c r="BY2319" s="166">
        <v>0</v>
      </c>
      <c r="BZ2319" s="166">
        <v>0</v>
      </c>
      <c r="CA2319" s="166">
        <v>0</v>
      </c>
      <c r="CB2319" s="166">
        <v>0</v>
      </c>
      <c r="CC2319" s="166">
        <v>0</v>
      </c>
      <c r="CD2319" s="166">
        <v>0</v>
      </c>
      <c r="CE2319" s="166">
        <v>0</v>
      </c>
      <c r="CF2319" s="166">
        <v>0</v>
      </c>
      <c r="CG2319" s="166">
        <v>0</v>
      </c>
      <c r="CH2319" s="166">
        <v>0</v>
      </c>
      <c r="CI2319" s="166">
        <v>0</v>
      </c>
      <c r="CJ2319" s="166">
        <v>0</v>
      </c>
      <c r="CK2319" s="166">
        <v>0</v>
      </c>
      <c r="CL2319" s="166">
        <v>0</v>
      </c>
      <c r="CM2319" s="166">
        <v>0</v>
      </c>
      <c r="CN2319" s="166">
        <v>0</v>
      </c>
      <c r="CO2319" s="166">
        <v>0</v>
      </c>
      <c r="CP2319" s="166">
        <v>0</v>
      </c>
      <c r="CQ2319" s="166">
        <v>0</v>
      </c>
      <c r="CR2319" s="166">
        <v>0</v>
      </c>
      <c r="CS2319" s="166">
        <v>0</v>
      </c>
      <c r="CT2319" s="166">
        <v>0</v>
      </c>
      <c r="CU2319" s="166">
        <v>0</v>
      </c>
      <c r="CV2319" s="166">
        <v>0</v>
      </c>
      <c r="CW2319" s="166">
        <v>0</v>
      </c>
      <c r="CX2319" s="166">
        <v>0</v>
      </c>
      <c r="CY2319" s="166">
        <v>5799428.4323005797</v>
      </c>
      <c r="CZ2319" s="166">
        <v>5799428.4323005797</v>
      </c>
    </row>
    <row r="2320" spans="1:104" x14ac:dyDescent="0.2">
      <c r="A2320" s="167" t="s">
        <v>1060</v>
      </c>
      <c r="B2320" s="166">
        <v>6455817.5681980299</v>
      </c>
      <c r="C2320" s="166">
        <v>6455817.5681980299</v>
      </c>
      <c r="D2320" s="166">
        <v>0</v>
      </c>
      <c r="E2320" s="166">
        <v>0</v>
      </c>
      <c r="F2320" s="166">
        <v>0</v>
      </c>
      <c r="G2320" s="166">
        <v>0</v>
      </c>
      <c r="H2320" s="166">
        <v>0</v>
      </c>
      <c r="I2320" s="166">
        <v>0</v>
      </c>
      <c r="J2320" s="166">
        <v>0</v>
      </c>
      <c r="K2320" s="166">
        <v>0</v>
      </c>
      <c r="L2320" s="166">
        <v>0</v>
      </c>
      <c r="M2320" s="166">
        <v>0</v>
      </c>
      <c r="N2320" s="166">
        <v>0</v>
      </c>
      <c r="O2320" s="166">
        <v>0</v>
      </c>
      <c r="P2320" s="166">
        <v>0</v>
      </c>
      <c r="Q2320" s="166">
        <v>0</v>
      </c>
      <c r="R2320" s="166">
        <v>0</v>
      </c>
      <c r="S2320" s="166">
        <v>0</v>
      </c>
      <c r="T2320" s="166">
        <v>0</v>
      </c>
      <c r="U2320" s="166">
        <v>0</v>
      </c>
      <c r="V2320" s="166">
        <v>0</v>
      </c>
      <c r="W2320" s="166">
        <v>0</v>
      </c>
      <c r="X2320" s="166">
        <v>0</v>
      </c>
      <c r="Y2320" s="166">
        <v>0</v>
      </c>
      <c r="Z2320" s="166">
        <v>0</v>
      </c>
      <c r="AA2320" s="166">
        <v>0</v>
      </c>
      <c r="AB2320" s="166">
        <v>0</v>
      </c>
      <c r="AC2320" s="166">
        <v>0</v>
      </c>
      <c r="AD2320" s="166">
        <v>0</v>
      </c>
      <c r="AE2320" s="166">
        <v>0</v>
      </c>
      <c r="AF2320" s="166">
        <v>0</v>
      </c>
      <c r="AG2320" s="166">
        <v>0</v>
      </c>
      <c r="AH2320" s="166">
        <v>0</v>
      </c>
      <c r="AI2320" s="166">
        <v>0</v>
      </c>
      <c r="AJ2320" s="166">
        <v>0</v>
      </c>
      <c r="AK2320" s="166">
        <v>0</v>
      </c>
      <c r="AL2320" s="166">
        <v>0</v>
      </c>
      <c r="AM2320" s="166">
        <v>0</v>
      </c>
      <c r="AN2320" s="166">
        <v>0</v>
      </c>
      <c r="AO2320" s="166">
        <v>0</v>
      </c>
      <c r="AP2320" s="166">
        <v>0</v>
      </c>
      <c r="AQ2320" s="166">
        <v>0</v>
      </c>
      <c r="AR2320" s="166">
        <v>0</v>
      </c>
      <c r="AS2320" s="166">
        <v>0</v>
      </c>
      <c r="AT2320" s="166">
        <v>0</v>
      </c>
      <c r="AU2320" s="166">
        <v>0</v>
      </c>
      <c r="AV2320" s="166">
        <v>0</v>
      </c>
      <c r="AW2320" s="166">
        <v>0</v>
      </c>
      <c r="AX2320" s="166">
        <v>0</v>
      </c>
      <c r="AY2320" s="166">
        <v>0</v>
      </c>
      <c r="AZ2320" s="166">
        <v>0</v>
      </c>
      <c r="BA2320" s="166">
        <v>0</v>
      </c>
      <c r="BB2320" s="166">
        <v>0</v>
      </c>
      <c r="BC2320" s="166">
        <v>0</v>
      </c>
      <c r="BD2320" s="166">
        <v>0</v>
      </c>
      <c r="BE2320" s="166">
        <v>0</v>
      </c>
      <c r="BF2320" s="166">
        <v>0</v>
      </c>
      <c r="BG2320" s="166">
        <v>0</v>
      </c>
      <c r="BH2320" s="166">
        <v>0</v>
      </c>
      <c r="BI2320" s="166">
        <v>0</v>
      </c>
      <c r="BJ2320" s="166">
        <v>0</v>
      </c>
      <c r="BK2320" s="166">
        <v>0</v>
      </c>
      <c r="BL2320" s="166">
        <v>0</v>
      </c>
      <c r="BM2320" s="166">
        <v>0</v>
      </c>
      <c r="BN2320" s="166">
        <v>0</v>
      </c>
      <c r="BO2320" s="166">
        <v>0</v>
      </c>
      <c r="BP2320" s="166">
        <v>0</v>
      </c>
      <c r="BQ2320" s="166">
        <v>0</v>
      </c>
      <c r="BR2320" s="166">
        <v>6455817.5681980299</v>
      </c>
      <c r="BS2320" s="166">
        <v>6455817.5681980299</v>
      </c>
      <c r="BT2320" s="168">
        <v>0.97794258413195501</v>
      </c>
      <c r="BU2320" s="166">
        <v>529068.85098375496</v>
      </c>
      <c r="BV2320" s="166">
        <v>6313418.9153280603</v>
      </c>
      <c r="BW2320" s="166">
        <v>0</v>
      </c>
      <c r="BX2320" s="166">
        <v>0</v>
      </c>
      <c r="BY2320" s="166">
        <v>0</v>
      </c>
      <c r="BZ2320" s="166">
        <v>0</v>
      </c>
      <c r="CA2320" s="166">
        <v>0</v>
      </c>
      <c r="CB2320" s="166">
        <v>0</v>
      </c>
      <c r="CC2320" s="166">
        <v>0</v>
      </c>
      <c r="CD2320" s="166">
        <v>0</v>
      </c>
      <c r="CE2320" s="166">
        <v>0</v>
      </c>
      <c r="CF2320" s="166">
        <v>0</v>
      </c>
      <c r="CG2320" s="166">
        <v>0</v>
      </c>
      <c r="CH2320" s="166">
        <v>0</v>
      </c>
      <c r="CI2320" s="166">
        <v>0</v>
      </c>
      <c r="CJ2320" s="166">
        <v>0</v>
      </c>
      <c r="CK2320" s="166">
        <v>0</v>
      </c>
      <c r="CL2320" s="166">
        <v>0</v>
      </c>
      <c r="CM2320" s="166">
        <v>0</v>
      </c>
      <c r="CN2320" s="166">
        <v>0</v>
      </c>
      <c r="CO2320" s="166">
        <v>0</v>
      </c>
      <c r="CP2320" s="166">
        <v>0</v>
      </c>
      <c r="CQ2320" s="166">
        <v>0</v>
      </c>
      <c r="CR2320" s="166">
        <v>0</v>
      </c>
      <c r="CS2320" s="166">
        <v>0</v>
      </c>
      <c r="CT2320" s="166">
        <v>0</v>
      </c>
      <c r="CU2320" s="166">
        <v>0</v>
      </c>
      <c r="CV2320" s="166">
        <v>0</v>
      </c>
      <c r="CW2320" s="166">
        <v>0</v>
      </c>
      <c r="CX2320" s="166">
        <v>0</v>
      </c>
      <c r="CY2320" s="166">
        <v>6313418.9153280603</v>
      </c>
      <c r="CZ2320" s="166">
        <v>6313418.9153280603</v>
      </c>
    </row>
    <row r="2321" spans="1:104" x14ac:dyDescent="0.2">
      <c r="A2321" s="167" t="s">
        <v>169</v>
      </c>
      <c r="B2321" s="166">
        <v>26919427.939221401</v>
      </c>
      <c r="C2321" s="166">
        <v>26919427.939221401</v>
      </c>
      <c r="D2321" s="166">
        <v>0</v>
      </c>
      <c r="E2321" s="166">
        <v>0</v>
      </c>
      <c r="F2321" s="166">
        <v>0</v>
      </c>
      <c r="G2321" s="166">
        <v>0</v>
      </c>
      <c r="H2321" s="166">
        <v>0</v>
      </c>
      <c r="I2321" s="166">
        <v>0</v>
      </c>
      <c r="J2321" s="166">
        <v>0</v>
      </c>
      <c r="K2321" s="166">
        <v>0</v>
      </c>
      <c r="L2321" s="166">
        <v>0</v>
      </c>
      <c r="M2321" s="166">
        <v>0</v>
      </c>
      <c r="N2321" s="166">
        <v>0</v>
      </c>
      <c r="O2321" s="166">
        <v>0</v>
      </c>
      <c r="P2321" s="166">
        <v>0</v>
      </c>
      <c r="Q2321" s="166">
        <v>0</v>
      </c>
      <c r="R2321" s="166">
        <v>0</v>
      </c>
      <c r="S2321" s="166">
        <v>0</v>
      </c>
      <c r="T2321" s="166">
        <v>0</v>
      </c>
      <c r="U2321" s="166">
        <v>0</v>
      </c>
      <c r="V2321" s="166">
        <v>0</v>
      </c>
      <c r="W2321" s="166">
        <v>0</v>
      </c>
      <c r="X2321" s="166">
        <v>0</v>
      </c>
      <c r="Y2321" s="166">
        <v>0</v>
      </c>
      <c r="Z2321" s="166">
        <v>0</v>
      </c>
      <c r="AA2321" s="166">
        <v>0</v>
      </c>
      <c r="AB2321" s="166">
        <v>0</v>
      </c>
      <c r="AC2321" s="166">
        <v>0</v>
      </c>
      <c r="AD2321" s="166">
        <v>0</v>
      </c>
      <c r="AE2321" s="166">
        <v>0</v>
      </c>
      <c r="AF2321" s="166">
        <v>0</v>
      </c>
      <c r="AG2321" s="166">
        <v>0</v>
      </c>
      <c r="AH2321" s="166">
        <v>0</v>
      </c>
      <c r="AI2321" s="166">
        <v>0</v>
      </c>
      <c r="AJ2321" s="166">
        <v>0</v>
      </c>
      <c r="AK2321" s="166">
        <v>0</v>
      </c>
      <c r="AL2321" s="166">
        <v>0</v>
      </c>
      <c r="AM2321" s="166">
        <v>0</v>
      </c>
      <c r="AN2321" s="166">
        <v>0</v>
      </c>
      <c r="AO2321" s="166">
        <v>0</v>
      </c>
      <c r="AP2321" s="166">
        <v>0</v>
      </c>
      <c r="AQ2321" s="166">
        <v>0</v>
      </c>
      <c r="AR2321" s="166">
        <v>0</v>
      </c>
      <c r="AS2321" s="166">
        <v>0</v>
      </c>
      <c r="AT2321" s="166">
        <v>0</v>
      </c>
      <c r="AU2321" s="166">
        <v>0</v>
      </c>
      <c r="AV2321" s="166">
        <v>0</v>
      </c>
      <c r="AW2321" s="166">
        <v>0</v>
      </c>
      <c r="AX2321" s="166">
        <v>0</v>
      </c>
      <c r="AY2321" s="166">
        <v>0</v>
      </c>
      <c r="AZ2321" s="166">
        <v>0</v>
      </c>
      <c r="BA2321" s="166">
        <v>0</v>
      </c>
      <c r="BB2321" s="166">
        <v>0</v>
      </c>
      <c r="BC2321" s="166">
        <v>0</v>
      </c>
      <c r="BD2321" s="166">
        <v>0</v>
      </c>
      <c r="BE2321" s="166">
        <v>0</v>
      </c>
      <c r="BF2321" s="166">
        <v>0</v>
      </c>
      <c r="BG2321" s="166">
        <v>0</v>
      </c>
      <c r="BH2321" s="166">
        <v>0</v>
      </c>
      <c r="BI2321" s="166">
        <v>0</v>
      </c>
      <c r="BJ2321" s="166">
        <v>0</v>
      </c>
      <c r="BK2321" s="166">
        <v>0</v>
      </c>
      <c r="BL2321" s="166">
        <v>0</v>
      </c>
      <c r="BM2321" s="166">
        <v>0</v>
      </c>
      <c r="BN2321" s="166">
        <v>0</v>
      </c>
      <c r="BO2321" s="166">
        <v>0</v>
      </c>
      <c r="BP2321" s="166">
        <v>0</v>
      </c>
      <c r="BQ2321" s="166">
        <v>0</v>
      </c>
      <c r="BR2321" s="166">
        <v>26919427.939221401</v>
      </c>
      <c r="BS2321" s="166">
        <v>26919427.939221401</v>
      </c>
      <c r="BT2321" s="168">
        <v>0.99999812279077205</v>
      </c>
      <c r="BU2321" s="166">
        <v>2351932.4146062001</v>
      </c>
      <c r="BV2321" s="166">
        <v>26919377.405822899</v>
      </c>
      <c r="BW2321" s="166">
        <v>0</v>
      </c>
      <c r="BX2321" s="166">
        <v>0</v>
      </c>
      <c r="BY2321" s="166">
        <v>0</v>
      </c>
      <c r="BZ2321" s="166">
        <v>0</v>
      </c>
      <c r="CA2321" s="166">
        <v>0</v>
      </c>
      <c r="CB2321" s="166">
        <v>0</v>
      </c>
      <c r="CC2321" s="166">
        <v>0</v>
      </c>
      <c r="CD2321" s="166">
        <v>0</v>
      </c>
      <c r="CE2321" s="166">
        <v>0</v>
      </c>
      <c r="CF2321" s="166">
        <v>0</v>
      </c>
      <c r="CG2321" s="166">
        <v>0</v>
      </c>
      <c r="CH2321" s="166">
        <v>0</v>
      </c>
      <c r="CI2321" s="166">
        <v>0</v>
      </c>
      <c r="CJ2321" s="166">
        <v>0</v>
      </c>
      <c r="CK2321" s="166">
        <v>0</v>
      </c>
      <c r="CL2321" s="166">
        <v>0</v>
      </c>
      <c r="CM2321" s="166">
        <v>0</v>
      </c>
      <c r="CN2321" s="166">
        <v>0</v>
      </c>
      <c r="CO2321" s="166">
        <v>0</v>
      </c>
      <c r="CP2321" s="166">
        <v>0</v>
      </c>
      <c r="CQ2321" s="166">
        <v>0</v>
      </c>
      <c r="CR2321" s="166">
        <v>0</v>
      </c>
      <c r="CS2321" s="166">
        <v>0</v>
      </c>
      <c r="CT2321" s="166">
        <v>0</v>
      </c>
      <c r="CU2321" s="166">
        <v>0</v>
      </c>
      <c r="CV2321" s="166">
        <v>0</v>
      </c>
      <c r="CW2321" s="166">
        <v>0</v>
      </c>
      <c r="CX2321" s="166">
        <v>0</v>
      </c>
      <c r="CY2321" s="166">
        <v>26919377.405822899</v>
      </c>
      <c r="CZ2321" s="166">
        <v>26919377.405822899</v>
      </c>
    </row>
    <row r="2322" spans="1:104" x14ac:dyDescent="0.2">
      <c r="A2322" s="170" t="s">
        <v>170</v>
      </c>
      <c r="B2322" s="166">
        <v>109313738.58</v>
      </c>
      <c r="C2322" s="166">
        <v>109313738.58</v>
      </c>
      <c r="D2322" s="166">
        <v>0</v>
      </c>
      <c r="E2322" s="166">
        <v>0</v>
      </c>
      <c r="F2322" s="166">
        <v>0</v>
      </c>
      <c r="G2322" s="166">
        <v>0</v>
      </c>
      <c r="H2322" s="166">
        <v>0</v>
      </c>
      <c r="I2322" s="166">
        <v>0</v>
      </c>
      <c r="J2322" s="166">
        <v>0</v>
      </c>
      <c r="K2322" s="166">
        <v>0</v>
      </c>
      <c r="L2322" s="166">
        <v>0</v>
      </c>
      <c r="M2322" s="166">
        <v>0</v>
      </c>
      <c r="N2322" s="166">
        <v>0</v>
      </c>
      <c r="O2322" s="166">
        <v>0</v>
      </c>
      <c r="P2322" s="166">
        <v>0</v>
      </c>
      <c r="Q2322" s="166">
        <v>0</v>
      </c>
      <c r="R2322" s="166">
        <v>0</v>
      </c>
      <c r="S2322" s="166">
        <v>0</v>
      </c>
      <c r="T2322" s="166">
        <v>0</v>
      </c>
      <c r="U2322" s="166">
        <v>0</v>
      </c>
      <c r="V2322" s="166">
        <v>0</v>
      </c>
      <c r="W2322" s="166">
        <v>0</v>
      </c>
      <c r="X2322" s="166">
        <v>0</v>
      </c>
      <c r="Y2322" s="166">
        <v>0</v>
      </c>
      <c r="Z2322" s="166">
        <v>0</v>
      </c>
      <c r="AA2322" s="166">
        <v>0</v>
      </c>
      <c r="AB2322" s="166">
        <v>0</v>
      </c>
      <c r="AC2322" s="166">
        <v>0</v>
      </c>
      <c r="AD2322" s="166">
        <v>0</v>
      </c>
      <c r="AE2322" s="166">
        <v>0</v>
      </c>
      <c r="AF2322" s="166">
        <v>0</v>
      </c>
      <c r="AG2322" s="166">
        <v>0</v>
      </c>
      <c r="AH2322" s="166">
        <v>0</v>
      </c>
      <c r="AI2322" s="166">
        <v>0</v>
      </c>
      <c r="AJ2322" s="166">
        <v>0</v>
      </c>
      <c r="AK2322" s="166">
        <v>0</v>
      </c>
      <c r="AL2322" s="166">
        <v>0</v>
      </c>
      <c r="AM2322" s="166">
        <v>0</v>
      </c>
      <c r="AN2322" s="166">
        <v>0</v>
      </c>
      <c r="AO2322" s="166">
        <v>0</v>
      </c>
      <c r="AP2322" s="166">
        <v>0</v>
      </c>
      <c r="AQ2322" s="166">
        <v>0</v>
      </c>
      <c r="AR2322" s="166">
        <v>0</v>
      </c>
      <c r="AS2322" s="166">
        <v>0</v>
      </c>
      <c r="AT2322" s="166">
        <v>0</v>
      </c>
      <c r="AU2322" s="166">
        <v>0</v>
      </c>
      <c r="AV2322" s="166">
        <v>0</v>
      </c>
      <c r="AW2322" s="166">
        <v>0</v>
      </c>
      <c r="AX2322" s="166">
        <v>0</v>
      </c>
      <c r="AY2322" s="166">
        <v>0</v>
      </c>
      <c r="AZ2322" s="166">
        <v>0</v>
      </c>
      <c r="BA2322" s="166">
        <v>0</v>
      </c>
      <c r="BB2322" s="166">
        <v>0</v>
      </c>
      <c r="BC2322" s="166">
        <v>0</v>
      </c>
      <c r="BD2322" s="166">
        <v>0</v>
      </c>
      <c r="BE2322" s="166">
        <v>0</v>
      </c>
      <c r="BF2322" s="166">
        <v>0</v>
      </c>
      <c r="BG2322" s="166">
        <v>0</v>
      </c>
      <c r="BH2322" s="166">
        <v>0</v>
      </c>
      <c r="BI2322" s="166">
        <v>0</v>
      </c>
      <c r="BJ2322" s="166">
        <v>0</v>
      </c>
      <c r="BK2322" s="166">
        <v>0</v>
      </c>
      <c r="BL2322" s="166">
        <v>0</v>
      </c>
      <c r="BM2322" s="166">
        <v>0</v>
      </c>
      <c r="BN2322" s="166">
        <v>0</v>
      </c>
      <c r="BO2322" s="166">
        <v>0</v>
      </c>
      <c r="BP2322" s="166">
        <v>0</v>
      </c>
      <c r="BQ2322" s="166">
        <v>0</v>
      </c>
      <c r="BR2322" s="166">
        <v>109313738.58</v>
      </c>
      <c r="BS2322" s="166">
        <v>109313738.58</v>
      </c>
      <c r="BT2322" s="168">
        <v>0</v>
      </c>
      <c r="BU2322" s="166">
        <v>9268785.1763830502</v>
      </c>
      <c r="BV2322" s="166">
        <v>108875885.31737199</v>
      </c>
      <c r="BW2322" s="166">
        <v>0</v>
      </c>
      <c r="BX2322" s="166">
        <v>0</v>
      </c>
      <c r="BY2322" s="166">
        <v>0</v>
      </c>
      <c r="BZ2322" s="166">
        <v>0</v>
      </c>
      <c r="CA2322" s="166">
        <v>0</v>
      </c>
      <c r="CB2322" s="166">
        <v>0</v>
      </c>
      <c r="CC2322" s="166">
        <v>0</v>
      </c>
      <c r="CD2322" s="166">
        <v>0</v>
      </c>
      <c r="CE2322" s="166">
        <v>0</v>
      </c>
      <c r="CF2322" s="166">
        <v>0</v>
      </c>
      <c r="CG2322" s="166">
        <v>0</v>
      </c>
      <c r="CH2322" s="166">
        <v>0</v>
      </c>
      <c r="CI2322" s="166">
        <v>0</v>
      </c>
      <c r="CJ2322" s="166">
        <v>0</v>
      </c>
      <c r="CK2322" s="166">
        <v>0</v>
      </c>
      <c r="CL2322" s="166">
        <v>0</v>
      </c>
      <c r="CM2322" s="166">
        <v>0</v>
      </c>
      <c r="CN2322" s="166">
        <v>0</v>
      </c>
      <c r="CO2322" s="166">
        <v>0</v>
      </c>
      <c r="CP2322" s="166">
        <v>0</v>
      </c>
      <c r="CQ2322" s="166">
        <v>0</v>
      </c>
      <c r="CR2322" s="166">
        <v>0</v>
      </c>
      <c r="CS2322" s="166">
        <v>0</v>
      </c>
      <c r="CT2322" s="166">
        <v>0</v>
      </c>
      <c r="CU2322" s="166">
        <v>0</v>
      </c>
      <c r="CV2322" s="166">
        <v>0</v>
      </c>
      <c r="CW2322" s="166">
        <v>0</v>
      </c>
      <c r="CX2322" s="166">
        <v>0</v>
      </c>
      <c r="CY2322" s="166">
        <v>108875885.31737299</v>
      </c>
      <c r="CZ2322" s="166">
        <v>108875885.31737199</v>
      </c>
    </row>
    <row r="2323" spans="1:104" x14ac:dyDescent="0.2">
      <c r="A2323" s="167" t="s">
        <v>1061</v>
      </c>
    </row>
    <row r="2324" spans="1:104" x14ac:dyDescent="0.2">
      <c r="A2324" s="170" t="s">
        <v>172</v>
      </c>
    </row>
    <row r="2325" spans="1:104" x14ac:dyDescent="0.2">
      <c r="A2325" s="167" t="s">
        <v>173</v>
      </c>
      <c r="B2325" s="166">
        <v>0</v>
      </c>
      <c r="C2325" s="166">
        <v>0</v>
      </c>
      <c r="D2325" s="166">
        <v>0</v>
      </c>
      <c r="E2325" s="166">
        <v>0</v>
      </c>
      <c r="F2325" s="166">
        <v>0</v>
      </c>
      <c r="G2325" s="166">
        <v>0</v>
      </c>
      <c r="H2325" s="166">
        <v>0</v>
      </c>
      <c r="I2325" s="166">
        <v>0</v>
      </c>
      <c r="J2325" s="166">
        <v>0</v>
      </c>
      <c r="K2325" s="166">
        <v>0</v>
      </c>
      <c r="L2325" s="166">
        <v>0</v>
      </c>
      <c r="M2325" s="166">
        <v>0</v>
      </c>
      <c r="N2325" s="166">
        <v>0</v>
      </c>
      <c r="O2325" s="166">
        <v>0</v>
      </c>
      <c r="P2325" s="166">
        <v>0</v>
      </c>
      <c r="Q2325" s="166">
        <v>0</v>
      </c>
      <c r="R2325" s="166">
        <v>0</v>
      </c>
      <c r="S2325" s="166">
        <v>0</v>
      </c>
      <c r="T2325" s="166">
        <v>0</v>
      </c>
      <c r="U2325" s="166">
        <v>0</v>
      </c>
      <c r="V2325" s="166">
        <v>0</v>
      </c>
      <c r="W2325" s="166">
        <v>0</v>
      </c>
      <c r="X2325" s="166">
        <v>0</v>
      </c>
      <c r="Y2325" s="166">
        <v>0</v>
      </c>
      <c r="Z2325" s="166">
        <v>0</v>
      </c>
      <c r="AA2325" s="166">
        <v>0</v>
      </c>
      <c r="AB2325" s="166">
        <v>0</v>
      </c>
      <c r="AC2325" s="166">
        <v>0</v>
      </c>
      <c r="AD2325" s="166">
        <v>0</v>
      </c>
      <c r="AE2325" s="166">
        <v>0</v>
      </c>
      <c r="AF2325" s="166">
        <v>0</v>
      </c>
      <c r="AG2325" s="166">
        <v>0</v>
      </c>
      <c r="AH2325" s="166">
        <v>0</v>
      </c>
      <c r="AI2325" s="166">
        <v>0</v>
      </c>
      <c r="AJ2325" s="166">
        <v>0</v>
      </c>
      <c r="AK2325" s="166">
        <v>0</v>
      </c>
      <c r="AL2325" s="166">
        <v>0</v>
      </c>
      <c r="AM2325" s="166">
        <v>0</v>
      </c>
      <c r="AN2325" s="166">
        <v>0</v>
      </c>
      <c r="AO2325" s="166">
        <v>0</v>
      </c>
      <c r="AP2325" s="166">
        <v>0</v>
      </c>
      <c r="AQ2325" s="166">
        <v>0</v>
      </c>
      <c r="AR2325" s="166">
        <v>0</v>
      </c>
      <c r="AS2325" s="166">
        <v>0</v>
      </c>
      <c r="AT2325" s="166">
        <v>0</v>
      </c>
      <c r="AU2325" s="166">
        <v>0</v>
      </c>
      <c r="AV2325" s="166">
        <v>0</v>
      </c>
      <c r="AW2325" s="166">
        <v>0</v>
      </c>
      <c r="AX2325" s="166">
        <v>0</v>
      </c>
      <c r="AY2325" s="166">
        <v>0</v>
      </c>
      <c r="AZ2325" s="166">
        <v>0</v>
      </c>
      <c r="BA2325" s="166">
        <v>0</v>
      </c>
      <c r="BB2325" s="166">
        <v>0</v>
      </c>
      <c r="BC2325" s="166">
        <v>0</v>
      </c>
      <c r="BD2325" s="166">
        <v>0</v>
      </c>
      <c r="BE2325" s="166">
        <v>0</v>
      </c>
      <c r="BF2325" s="166">
        <v>0</v>
      </c>
      <c r="BG2325" s="166">
        <v>0</v>
      </c>
      <c r="BH2325" s="166">
        <v>0</v>
      </c>
      <c r="BI2325" s="166">
        <v>0</v>
      </c>
      <c r="BJ2325" s="166">
        <v>0</v>
      </c>
      <c r="BK2325" s="166">
        <v>0</v>
      </c>
      <c r="BL2325" s="166">
        <v>0</v>
      </c>
      <c r="BM2325" s="166">
        <v>0</v>
      </c>
      <c r="BN2325" s="166">
        <v>0</v>
      </c>
      <c r="BO2325" s="166">
        <v>0</v>
      </c>
      <c r="BP2325" s="166">
        <v>0</v>
      </c>
      <c r="BQ2325" s="166">
        <v>0</v>
      </c>
      <c r="BR2325" s="166">
        <v>0</v>
      </c>
      <c r="BS2325" s="166">
        <v>0</v>
      </c>
      <c r="BT2325" s="168">
        <v>0</v>
      </c>
      <c r="BU2325" s="166">
        <v>0</v>
      </c>
      <c r="BV2325" s="166">
        <v>0</v>
      </c>
      <c r="BW2325" s="166">
        <v>0</v>
      </c>
      <c r="BX2325" s="166">
        <v>0</v>
      </c>
      <c r="BY2325" s="166">
        <v>0</v>
      </c>
      <c r="BZ2325" s="166">
        <v>0</v>
      </c>
      <c r="CA2325" s="166">
        <v>0</v>
      </c>
      <c r="CB2325" s="166">
        <v>0</v>
      </c>
      <c r="CC2325" s="166">
        <v>0</v>
      </c>
      <c r="CD2325" s="166">
        <v>0</v>
      </c>
      <c r="CE2325" s="166">
        <v>0</v>
      </c>
      <c r="CF2325" s="166">
        <v>0</v>
      </c>
      <c r="CG2325" s="166">
        <v>0</v>
      </c>
      <c r="CH2325" s="166">
        <v>0</v>
      </c>
      <c r="CI2325" s="166">
        <v>0</v>
      </c>
      <c r="CJ2325" s="166">
        <v>0</v>
      </c>
      <c r="CK2325" s="166">
        <v>0</v>
      </c>
      <c r="CL2325" s="166">
        <v>0</v>
      </c>
      <c r="CM2325" s="166">
        <v>0</v>
      </c>
      <c r="CN2325" s="166">
        <v>0</v>
      </c>
      <c r="CO2325" s="166">
        <v>0</v>
      </c>
      <c r="CP2325" s="166">
        <v>0</v>
      </c>
      <c r="CQ2325" s="166">
        <v>0</v>
      </c>
      <c r="CR2325" s="166">
        <v>0</v>
      </c>
      <c r="CS2325" s="166">
        <v>0</v>
      </c>
      <c r="CT2325" s="166">
        <v>0</v>
      </c>
      <c r="CU2325" s="166">
        <v>0</v>
      </c>
      <c r="CV2325" s="166">
        <v>0</v>
      </c>
      <c r="CW2325" s="166">
        <v>0</v>
      </c>
      <c r="CX2325" s="166">
        <v>0</v>
      </c>
      <c r="CY2325" s="166">
        <v>0</v>
      </c>
      <c r="CZ2325" s="166">
        <v>0</v>
      </c>
    </row>
    <row r="2326" spans="1:104" x14ac:dyDescent="0.2">
      <c r="A2326" s="167" t="s">
        <v>174</v>
      </c>
    </row>
    <row r="2327" spans="1:104" x14ac:dyDescent="0.2">
      <c r="A2327" s="170" t="s">
        <v>175</v>
      </c>
    </row>
    <row r="2328" spans="1:104" x14ac:dyDescent="0.2">
      <c r="A2328" s="167" t="s">
        <v>1062</v>
      </c>
      <c r="B2328" s="166">
        <v>759762.74</v>
      </c>
      <c r="C2328" s="166">
        <v>759762.74</v>
      </c>
      <c r="D2328" s="166">
        <v>0</v>
      </c>
      <c r="E2328" s="166">
        <v>0</v>
      </c>
      <c r="F2328" s="166">
        <v>0</v>
      </c>
      <c r="G2328" s="166">
        <v>0</v>
      </c>
      <c r="H2328" s="166">
        <v>0</v>
      </c>
      <c r="I2328" s="166">
        <v>0</v>
      </c>
      <c r="J2328" s="166">
        <v>0</v>
      </c>
      <c r="K2328" s="166">
        <v>0</v>
      </c>
      <c r="L2328" s="166">
        <v>0</v>
      </c>
      <c r="M2328" s="166">
        <v>0</v>
      </c>
      <c r="N2328" s="166">
        <v>0</v>
      </c>
      <c r="O2328" s="166">
        <v>0</v>
      </c>
      <c r="P2328" s="166">
        <v>0</v>
      </c>
      <c r="Q2328" s="166">
        <v>0</v>
      </c>
      <c r="R2328" s="166">
        <v>0</v>
      </c>
      <c r="S2328" s="166">
        <v>0</v>
      </c>
      <c r="T2328" s="166">
        <v>0</v>
      </c>
      <c r="U2328" s="166">
        <v>0</v>
      </c>
      <c r="V2328" s="166">
        <v>0</v>
      </c>
      <c r="W2328" s="166">
        <v>0</v>
      </c>
      <c r="X2328" s="166">
        <v>0</v>
      </c>
      <c r="Y2328" s="166">
        <v>0</v>
      </c>
      <c r="Z2328" s="166">
        <v>0</v>
      </c>
      <c r="AA2328" s="166">
        <v>0</v>
      </c>
      <c r="AB2328" s="166">
        <v>0</v>
      </c>
      <c r="AC2328" s="166">
        <v>0</v>
      </c>
      <c r="AD2328" s="166">
        <v>0</v>
      </c>
      <c r="AE2328" s="166">
        <v>0</v>
      </c>
      <c r="AF2328" s="166">
        <v>0</v>
      </c>
      <c r="AG2328" s="166">
        <v>0</v>
      </c>
      <c r="AH2328" s="166">
        <v>0</v>
      </c>
      <c r="AI2328" s="166">
        <v>0</v>
      </c>
      <c r="AJ2328" s="166">
        <v>0</v>
      </c>
      <c r="AK2328" s="166">
        <v>0</v>
      </c>
      <c r="AL2328" s="166">
        <v>0</v>
      </c>
      <c r="AM2328" s="166">
        <v>0</v>
      </c>
      <c r="AN2328" s="166">
        <v>0</v>
      </c>
      <c r="AO2328" s="166">
        <v>0</v>
      </c>
      <c r="AP2328" s="166">
        <v>0</v>
      </c>
      <c r="AQ2328" s="166">
        <v>0</v>
      </c>
      <c r="AR2328" s="166">
        <v>0</v>
      </c>
      <c r="AS2328" s="166">
        <v>0</v>
      </c>
      <c r="AT2328" s="166">
        <v>0</v>
      </c>
      <c r="AU2328" s="166">
        <v>0</v>
      </c>
      <c r="AV2328" s="166">
        <v>0</v>
      </c>
      <c r="AW2328" s="166">
        <v>0</v>
      </c>
      <c r="AX2328" s="166">
        <v>0</v>
      </c>
      <c r="AY2328" s="166">
        <v>0</v>
      </c>
      <c r="AZ2328" s="166">
        <v>0</v>
      </c>
      <c r="BA2328" s="166">
        <v>0</v>
      </c>
      <c r="BB2328" s="166">
        <v>0</v>
      </c>
      <c r="BC2328" s="166">
        <v>0</v>
      </c>
      <c r="BD2328" s="166">
        <v>0</v>
      </c>
      <c r="BE2328" s="166">
        <v>0</v>
      </c>
      <c r="BF2328" s="166">
        <v>0</v>
      </c>
      <c r="BG2328" s="166">
        <v>0</v>
      </c>
      <c r="BH2328" s="166">
        <v>0</v>
      </c>
      <c r="BI2328" s="166">
        <v>0</v>
      </c>
      <c r="BJ2328" s="166">
        <v>0</v>
      </c>
      <c r="BK2328" s="166">
        <v>0</v>
      </c>
      <c r="BL2328" s="166">
        <v>0</v>
      </c>
      <c r="BM2328" s="166">
        <v>0</v>
      </c>
      <c r="BN2328" s="166">
        <v>0</v>
      </c>
      <c r="BO2328" s="166">
        <v>0</v>
      </c>
      <c r="BP2328" s="166">
        <v>0</v>
      </c>
      <c r="BQ2328" s="166">
        <v>0</v>
      </c>
      <c r="BR2328" s="166">
        <v>759762.74</v>
      </c>
      <c r="BS2328" s="166">
        <v>759762.74</v>
      </c>
      <c r="BT2328" s="168">
        <v>0.99999527731777005</v>
      </c>
      <c r="BU2328" s="166">
        <v>63690.009210904798</v>
      </c>
      <c r="BV2328" s="166">
        <v>759759.151882009</v>
      </c>
      <c r="BW2328" s="166">
        <v>0</v>
      </c>
      <c r="BX2328" s="166">
        <v>0</v>
      </c>
      <c r="BY2328" s="166">
        <v>0</v>
      </c>
      <c r="BZ2328" s="166">
        <v>0</v>
      </c>
      <c r="CA2328" s="166">
        <v>0</v>
      </c>
      <c r="CB2328" s="166">
        <v>0</v>
      </c>
      <c r="CC2328" s="166">
        <v>0</v>
      </c>
      <c r="CD2328" s="166">
        <v>0</v>
      </c>
      <c r="CE2328" s="166">
        <v>0</v>
      </c>
      <c r="CF2328" s="166">
        <v>0</v>
      </c>
      <c r="CG2328" s="166">
        <v>0</v>
      </c>
      <c r="CH2328" s="166">
        <v>0</v>
      </c>
      <c r="CI2328" s="166">
        <v>0</v>
      </c>
      <c r="CJ2328" s="166">
        <v>0</v>
      </c>
      <c r="CK2328" s="166">
        <v>0</v>
      </c>
      <c r="CL2328" s="166">
        <v>0</v>
      </c>
      <c r="CM2328" s="166">
        <v>0</v>
      </c>
      <c r="CN2328" s="166">
        <v>0</v>
      </c>
      <c r="CO2328" s="166">
        <v>0</v>
      </c>
      <c r="CP2328" s="166">
        <v>0</v>
      </c>
      <c r="CQ2328" s="166">
        <v>0</v>
      </c>
      <c r="CR2328" s="166">
        <v>0</v>
      </c>
      <c r="CS2328" s="166">
        <v>0</v>
      </c>
      <c r="CT2328" s="166">
        <v>0</v>
      </c>
      <c r="CU2328" s="166">
        <v>0</v>
      </c>
      <c r="CV2328" s="166">
        <v>0</v>
      </c>
      <c r="CW2328" s="166">
        <v>0</v>
      </c>
      <c r="CX2328" s="166">
        <v>0</v>
      </c>
      <c r="CY2328" s="166">
        <v>759759.151882009</v>
      </c>
      <c r="CZ2328" s="166">
        <v>759759.151882009</v>
      </c>
    </row>
    <row r="2329" spans="1:104" x14ac:dyDescent="0.2">
      <c r="A2329" s="167" t="s">
        <v>1063</v>
      </c>
      <c r="B2329" s="166">
        <v>0</v>
      </c>
      <c r="C2329" s="166">
        <v>0</v>
      </c>
      <c r="D2329" s="166">
        <v>0</v>
      </c>
      <c r="E2329" s="166">
        <v>0</v>
      </c>
      <c r="F2329" s="166">
        <v>0</v>
      </c>
      <c r="G2329" s="166">
        <v>0</v>
      </c>
      <c r="H2329" s="166">
        <v>0</v>
      </c>
      <c r="I2329" s="166">
        <v>0</v>
      </c>
      <c r="J2329" s="166">
        <v>0</v>
      </c>
      <c r="K2329" s="166">
        <v>0</v>
      </c>
      <c r="L2329" s="166">
        <v>0</v>
      </c>
      <c r="M2329" s="166">
        <v>0</v>
      </c>
      <c r="N2329" s="166">
        <v>0</v>
      </c>
      <c r="O2329" s="166">
        <v>0</v>
      </c>
      <c r="P2329" s="166">
        <v>0</v>
      </c>
      <c r="Q2329" s="166">
        <v>0</v>
      </c>
      <c r="R2329" s="166">
        <v>0</v>
      </c>
      <c r="S2329" s="166">
        <v>0</v>
      </c>
      <c r="T2329" s="166">
        <v>0</v>
      </c>
      <c r="U2329" s="166">
        <v>0</v>
      </c>
      <c r="V2329" s="166">
        <v>0</v>
      </c>
      <c r="W2329" s="166">
        <v>0</v>
      </c>
      <c r="X2329" s="166">
        <v>0</v>
      </c>
      <c r="Y2329" s="166">
        <v>0</v>
      </c>
      <c r="Z2329" s="166">
        <v>0</v>
      </c>
      <c r="AA2329" s="166">
        <v>0</v>
      </c>
      <c r="AB2329" s="166">
        <v>0</v>
      </c>
      <c r="AC2329" s="166">
        <v>0</v>
      </c>
      <c r="AD2329" s="166">
        <v>0</v>
      </c>
      <c r="AE2329" s="166">
        <v>0</v>
      </c>
      <c r="AF2329" s="166">
        <v>0</v>
      </c>
      <c r="AG2329" s="166">
        <v>0</v>
      </c>
      <c r="AH2329" s="166">
        <v>0</v>
      </c>
      <c r="AI2329" s="166">
        <v>0</v>
      </c>
      <c r="AJ2329" s="166">
        <v>0</v>
      </c>
      <c r="AK2329" s="166">
        <v>0</v>
      </c>
      <c r="AL2329" s="166">
        <v>0</v>
      </c>
      <c r="AM2329" s="166">
        <v>0</v>
      </c>
      <c r="AN2329" s="166">
        <v>0</v>
      </c>
      <c r="AO2329" s="166">
        <v>0</v>
      </c>
      <c r="AP2329" s="166">
        <v>0</v>
      </c>
      <c r="AQ2329" s="166">
        <v>0</v>
      </c>
      <c r="AR2329" s="166">
        <v>0</v>
      </c>
      <c r="AS2329" s="166">
        <v>0</v>
      </c>
      <c r="AT2329" s="166">
        <v>0</v>
      </c>
      <c r="AU2329" s="166">
        <v>0</v>
      </c>
      <c r="AV2329" s="166">
        <v>0</v>
      </c>
      <c r="AW2329" s="166">
        <v>0</v>
      </c>
      <c r="AX2329" s="166">
        <v>0</v>
      </c>
      <c r="AY2329" s="166">
        <v>0</v>
      </c>
      <c r="AZ2329" s="166">
        <v>0</v>
      </c>
      <c r="BA2329" s="166">
        <v>0</v>
      </c>
      <c r="BB2329" s="166">
        <v>0</v>
      </c>
      <c r="BC2329" s="166">
        <v>0</v>
      </c>
      <c r="BD2329" s="166">
        <v>0</v>
      </c>
      <c r="BE2329" s="166">
        <v>0</v>
      </c>
      <c r="BF2329" s="166">
        <v>0</v>
      </c>
      <c r="BG2329" s="166">
        <v>0</v>
      </c>
      <c r="BH2329" s="166">
        <v>0</v>
      </c>
      <c r="BI2329" s="166">
        <v>0</v>
      </c>
      <c r="BJ2329" s="166">
        <v>0</v>
      </c>
      <c r="BK2329" s="166">
        <v>0</v>
      </c>
      <c r="BL2329" s="166">
        <v>0</v>
      </c>
      <c r="BM2329" s="166">
        <v>0</v>
      </c>
      <c r="BN2329" s="166">
        <v>0</v>
      </c>
      <c r="BO2329" s="166">
        <v>0</v>
      </c>
      <c r="BP2329" s="166">
        <v>0</v>
      </c>
      <c r="BQ2329" s="166">
        <v>0</v>
      </c>
      <c r="BR2329" s="166">
        <v>0</v>
      </c>
      <c r="BS2329" s="166">
        <v>0</v>
      </c>
      <c r="BT2329" s="168">
        <v>0.99999527731777005</v>
      </c>
      <c r="BU2329" s="166">
        <v>0</v>
      </c>
      <c r="BV2329" s="166">
        <v>0</v>
      </c>
      <c r="BW2329" s="166">
        <v>0</v>
      </c>
      <c r="BX2329" s="166">
        <v>0</v>
      </c>
      <c r="BY2329" s="166">
        <v>0</v>
      </c>
      <c r="BZ2329" s="166">
        <v>0</v>
      </c>
      <c r="CA2329" s="166">
        <v>0</v>
      </c>
      <c r="CB2329" s="166">
        <v>0</v>
      </c>
      <c r="CC2329" s="166">
        <v>0</v>
      </c>
      <c r="CD2329" s="166">
        <v>0</v>
      </c>
      <c r="CE2329" s="166">
        <v>0</v>
      </c>
      <c r="CF2329" s="166">
        <v>0</v>
      </c>
      <c r="CG2329" s="166">
        <v>0</v>
      </c>
      <c r="CH2329" s="166">
        <v>0</v>
      </c>
      <c r="CI2329" s="166">
        <v>0</v>
      </c>
      <c r="CJ2329" s="166">
        <v>0</v>
      </c>
      <c r="CK2329" s="166">
        <v>0</v>
      </c>
      <c r="CL2329" s="166">
        <v>0</v>
      </c>
      <c r="CM2329" s="166">
        <v>0</v>
      </c>
      <c r="CN2329" s="166">
        <v>0</v>
      </c>
      <c r="CO2329" s="166">
        <v>0</v>
      </c>
      <c r="CP2329" s="166">
        <v>0</v>
      </c>
      <c r="CQ2329" s="166">
        <v>0</v>
      </c>
      <c r="CR2329" s="166">
        <v>0</v>
      </c>
      <c r="CS2329" s="166">
        <v>0</v>
      </c>
      <c r="CT2329" s="166">
        <v>0</v>
      </c>
      <c r="CU2329" s="166">
        <v>0</v>
      </c>
      <c r="CV2329" s="166">
        <v>0</v>
      </c>
      <c r="CW2329" s="166">
        <v>0</v>
      </c>
      <c r="CX2329" s="166">
        <v>0</v>
      </c>
      <c r="CY2329" s="166">
        <v>0</v>
      </c>
      <c r="CZ2329" s="166">
        <v>0</v>
      </c>
    </row>
    <row r="2330" spans="1:104" x14ac:dyDescent="0.2">
      <c r="A2330" s="167" t="s">
        <v>178</v>
      </c>
      <c r="B2330" s="166">
        <v>0</v>
      </c>
      <c r="C2330" s="166">
        <v>0</v>
      </c>
      <c r="D2330" s="166">
        <v>0</v>
      </c>
      <c r="E2330" s="166">
        <v>0</v>
      </c>
      <c r="F2330" s="166">
        <v>0</v>
      </c>
      <c r="G2330" s="166">
        <v>0</v>
      </c>
      <c r="H2330" s="166">
        <v>0</v>
      </c>
      <c r="I2330" s="166">
        <v>0</v>
      </c>
      <c r="J2330" s="166">
        <v>0</v>
      </c>
      <c r="K2330" s="166">
        <v>0</v>
      </c>
      <c r="L2330" s="166">
        <v>0</v>
      </c>
      <c r="M2330" s="166">
        <v>0</v>
      </c>
      <c r="N2330" s="166">
        <v>0</v>
      </c>
      <c r="O2330" s="166">
        <v>0</v>
      </c>
      <c r="P2330" s="166">
        <v>0</v>
      </c>
      <c r="Q2330" s="166">
        <v>0</v>
      </c>
      <c r="R2330" s="166">
        <v>0</v>
      </c>
      <c r="S2330" s="166">
        <v>0</v>
      </c>
      <c r="T2330" s="166">
        <v>0</v>
      </c>
      <c r="U2330" s="166">
        <v>0</v>
      </c>
      <c r="V2330" s="166">
        <v>0</v>
      </c>
      <c r="W2330" s="166">
        <v>0</v>
      </c>
      <c r="X2330" s="166">
        <v>0</v>
      </c>
      <c r="Y2330" s="166">
        <v>0</v>
      </c>
      <c r="Z2330" s="166">
        <v>0</v>
      </c>
      <c r="AA2330" s="166">
        <v>0</v>
      </c>
      <c r="AB2330" s="166">
        <v>0</v>
      </c>
      <c r="AC2330" s="166">
        <v>0</v>
      </c>
      <c r="AD2330" s="166">
        <v>0</v>
      </c>
      <c r="AE2330" s="166">
        <v>0</v>
      </c>
      <c r="AF2330" s="166">
        <v>0</v>
      </c>
      <c r="AG2330" s="166">
        <v>0</v>
      </c>
      <c r="AH2330" s="166">
        <v>0</v>
      </c>
      <c r="AI2330" s="166">
        <v>0</v>
      </c>
      <c r="AJ2330" s="166">
        <v>0</v>
      </c>
      <c r="AK2330" s="166">
        <v>0</v>
      </c>
      <c r="AL2330" s="166">
        <v>0</v>
      </c>
      <c r="AM2330" s="166">
        <v>0</v>
      </c>
      <c r="AN2330" s="166">
        <v>0</v>
      </c>
      <c r="AO2330" s="166">
        <v>0</v>
      </c>
      <c r="AP2330" s="166">
        <v>0</v>
      </c>
      <c r="AQ2330" s="166">
        <v>0</v>
      </c>
      <c r="AR2330" s="166">
        <v>0</v>
      </c>
      <c r="AS2330" s="166">
        <v>0</v>
      </c>
      <c r="AT2330" s="166">
        <v>0</v>
      </c>
      <c r="AU2330" s="166">
        <v>0</v>
      </c>
      <c r="AV2330" s="166">
        <v>0</v>
      </c>
      <c r="AW2330" s="166">
        <v>0</v>
      </c>
      <c r="AX2330" s="166">
        <v>0</v>
      </c>
      <c r="AY2330" s="166">
        <v>0</v>
      </c>
      <c r="AZ2330" s="166">
        <v>0</v>
      </c>
      <c r="BA2330" s="166">
        <v>0</v>
      </c>
      <c r="BB2330" s="166">
        <v>0</v>
      </c>
      <c r="BC2330" s="166">
        <v>0</v>
      </c>
      <c r="BD2330" s="166">
        <v>0</v>
      </c>
      <c r="BE2330" s="166">
        <v>0</v>
      </c>
      <c r="BF2330" s="166">
        <v>0</v>
      </c>
      <c r="BG2330" s="166">
        <v>0</v>
      </c>
      <c r="BH2330" s="166">
        <v>0</v>
      </c>
      <c r="BI2330" s="166">
        <v>0</v>
      </c>
      <c r="BJ2330" s="166">
        <v>0</v>
      </c>
      <c r="BK2330" s="166">
        <v>0</v>
      </c>
      <c r="BL2330" s="166">
        <v>0</v>
      </c>
      <c r="BM2330" s="166">
        <v>0</v>
      </c>
      <c r="BN2330" s="166">
        <v>0</v>
      </c>
      <c r="BO2330" s="166">
        <v>0</v>
      </c>
      <c r="BP2330" s="166">
        <v>0</v>
      </c>
      <c r="BQ2330" s="166">
        <v>0</v>
      </c>
      <c r="BR2330" s="166">
        <v>0</v>
      </c>
      <c r="BS2330" s="166">
        <v>0</v>
      </c>
      <c r="BT2330" s="166">
        <v>999.99527731777005</v>
      </c>
      <c r="BU2330" s="166">
        <v>0</v>
      </c>
      <c r="BV2330" s="166">
        <v>0</v>
      </c>
      <c r="BW2330" s="166">
        <v>0</v>
      </c>
      <c r="BX2330" s="166">
        <v>0</v>
      </c>
      <c r="BY2330" s="166">
        <v>0</v>
      </c>
      <c r="BZ2330" s="166">
        <v>0</v>
      </c>
      <c r="CA2330" s="166">
        <v>0</v>
      </c>
      <c r="CB2330" s="166">
        <v>0</v>
      </c>
      <c r="CC2330" s="166">
        <v>0</v>
      </c>
      <c r="CD2330" s="166">
        <v>0</v>
      </c>
      <c r="CE2330" s="166">
        <v>0</v>
      </c>
      <c r="CF2330" s="166">
        <v>0</v>
      </c>
      <c r="CG2330" s="166">
        <v>0</v>
      </c>
      <c r="CH2330" s="166">
        <v>0</v>
      </c>
      <c r="CI2330" s="166">
        <v>0</v>
      </c>
      <c r="CJ2330" s="166">
        <v>0</v>
      </c>
      <c r="CK2330" s="166">
        <v>0</v>
      </c>
      <c r="CL2330" s="166">
        <v>0</v>
      </c>
      <c r="CM2330" s="166">
        <v>0</v>
      </c>
      <c r="CN2330" s="166">
        <v>0</v>
      </c>
      <c r="CO2330" s="166">
        <v>0</v>
      </c>
      <c r="CP2330" s="166">
        <v>0</v>
      </c>
      <c r="CQ2330" s="166">
        <v>0</v>
      </c>
      <c r="CR2330" s="166">
        <v>0</v>
      </c>
      <c r="CS2330" s="166">
        <v>0</v>
      </c>
      <c r="CT2330" s="166">
        <v>0</v>
      </c>
      <c r="CU2330" s="166">
        <v>0</v>
      </c>
      <c r="CV2330" s="166">
        <v>0</v>
      </c>
      <c r="CW2330" s="166">
        <v>0</v>
      </c>
      <c r="CX2330" s="166">
        <v>0</v>
      </c>
      <c r="CY2330" s="166">
        <v>0</v>
      </c>
      <c r="CZ2330" s="166">
        <v>0</v>
      </c>
    </row>
    <row r="2331" spans="1:104" x14ac:dyDescent="0.2">
      <c r="A2331" s="167" t="s">
        <v>179</v>
      </c>
      <c r="B2331" s="166">
        <v>0</v>
      </c>
      <c r="C2331" s="166">
        <v>0</v>
      </c>
      <c r="D2331" s="166">
        <v>0</v>
      </c>
      <c r="E2331" s="166">
        <v>0</v>
      </c>
      <c r="F2331" s="166">
        <v>0</v>
      </c>
      <c r="G2331" s="166">
        <v>0</v>
      </c>
      <c r="H2331" s="166">
        <v>0</v>
      </c>
      <c r="I2331" s="166">
        <v>0</v>
      </c>
      <c r="J2331" s="166">
        <v>0</v>
      </c>
      <c r="K2331" s="166">
        <v>0</v>
      </c>
      <c r="L2331" s="166">
        <v>0</v>
      </c>
      <c r="M2331" s="166">
        <v>0</v>
      </c>
      <c r="N2331" s="166">
        <v>0</v>
      </c>
      <c r="O2331" s="166">
        <v>0</v>
      </c>
      <c r="P2331" s="166">
        <v>0</v>
      </c>
      <c r="Q2331" s="166">
        <v>0</v>
      </c>
      <c r="R2331" s="166">
        <v>0</v>
      </c>
      <c r="S2331" s="166">
        <v>0</v>
      </c>
      <c r="T2331" s="166">
        <v>0</v>
      </c>
      <c r="U2331" s="166">
        <v>0</v>
      </c>
      <c r="V2331" s="166">
        <v>0</v>
      </c>
      <c r="W2331" s="166">
        <v>0</v>
      </c>
      <c r="X2331" s="166">
        <v>0</v>
      </c>
      <c r="Y2331" s="166">
        <v>0</v>
      </c>
      <c r="Z2331" s="166">
        <v>0</v>
      </c>
      <c r="AA2331" s="166">
        <v>0</v>
      </c>
      <c r="AB2331" s="166">
        <v>0</v>
      </c>
      <c r="AC2331" s="166">
        <v>0</v>
      </c>
      <c r="AD2331" s="166">
        <v>0</v>
      </c>
      <c r="AE2331" s="166">
        <v>0</v>
      </c>
      <c r="AF2331" s="166">
        <v>0</v>
      </c>
      <c r="AG2331" s="166">
        <v>0</v>
      </c>
      <c r="AH2331" s="166">
        <v>0</v>
      </c>
      <c r="AI2331" s="166">
        <v>0</v>
      </c>
      <c r="AJ2331" s="166">
        <v>0</v>
      </c>
      <c r="AK2331" s="166">
        <v>0</v>
      </c>
      <c r="AL2331" s="166">
        <v>0</v>
      </c>
      <c r="AM2331" s="166">
        <v>0</v>
      </c>
      <c r="AN2331" s="166">
        <v>0</v>
      </c>
      <c r="AO2331" s="166">
        <v>0</v>
      </c>
      <c r="AP2331" s="166">
        <v>0</v>
      </c>
      <c r="AQ2331" s="166">
        <v>0</v>
      </c>
      <c r="AR2331" s="166">
        <v>0</v>
      </c>
      <c r="AS2331" s="166">
        <v>0</v>
      </c>
      <c r="AT2331" s="166">
        <v>0</v>
      </c>
      <c r="AU2331" s="166">
        <v>0</v>
      </c>
      <c r="AV2331" s="166">
        <v>0</v>
      </c>
      <c r="AW2331" s="166">
        <v>0</v>
      </c>
      <c r="AX2331" s="166">
        <v>0</v>
      </c>
      <c r="AY2331" s="166">
        <v>0</v>
      </c>
      <c r="AZ2331" s="166">
        <v>0</v>
      </c>
      <c r="BA2331" s="166">
        <v>0</v>
      </c>
      <c r="BB2331" s="166">
        <v>0</v>
      </c>
      <c r="BC2331" s="166">
        <v>0</v>
      </c>
      <c r="BD2331" s="166">
        <v>0</v>
      </c>
      <c r="BE2331" s="166">
        <v>0</v>
      </c>
      <c r="BF2331" s="166">
        <v>0</v>
      </c>
      <c r="BG2331" s="166">
        <v>0</v>
      </c>
      <c r="BH2331" s="166">
        <v>0</v>
      </c>
      <c r="BI2331" s="166">
        <v>0</v>
      </c>
      <c r="BJ2331" s="166">
        <v>0</v>
      </c>
      <c r="BK2331" s="166">
        <v>0</v>
      </c>
      <c r="BL2331" s="166">
        <v>0</v>
      </c>
      <c r="BM2331" s="166">
        <v>0</v>
      </c>
      <c r="BN2331" s="166">
        <v>0</v>
      </c>
      <c r="BO2331" s="166">
        <v>0</v>
      </c>
      <c r="BP2331" s="166">
        <v>0</v>
      </c>
      <c r="BQ2331" s="166">
        <v>0</v>
      </c>
      <c r="BR2331" s="166">
        <v>0</v>
      </c>
      <c r="BS2331" s="166">
        <v>0</v>
      </c>
      <c r="BT2331" s="168">
        <v>0.99999527731777005</v>
      </c>
      <c r="BU2331" s="166">
        <v>0</v>
      </c>
      <c r="BV2331" s="166">
        <v>0</v>
      </c>
      <c r="BW2331" s="166">
        <v>0</v>
      </c>
      <c r="BX2331" s="166">
        <v>0</v>
      </c>
      <c r="BY2331" s="166">
        <v>0</v>
      </c>
      <c r="BZ2331" s="166">
        <v>0</v>
      </c>
      <c r="CA2331" s="166">
        <v>0</v>
      </c>
      <c r="CB2331" s="166">
        <v>0</v>
      </c>
      <c r="CC2331" s="166">
        <v>0</v>
      </c>
      <c r="CD2331" s="166">
        <v>0</v>
      </c>
      <c r="CE2331" s="166">
        <v>0</v>
      </c>
      <c r="CF2331" s="166">
        <v>0</v>
      </c>
      <c r="CG2331" s="166">
        <v>0</v>
      </c>
      <c r="CH2331" s="166">
        <v>0</v>
      </c>
      <c r="CI2331" s="166">
        <v>0</v>
      </c>
      <c r="CJ2331" s="166">
        <v>0</v>
      </c>
      <c r="CK2331" s="166">
        <v>0</v>
      </c>
      <c r="CL2331" s="166">
        <v>0</v>
      </c>
      <c r="CM2331" s="166">
        <v>0</v>
      </c>
      <c r="CN2331" s="166">
        <v>0</v>
      </c>
      <c r="CO2331" s="166">
        <v>0</v>
      </c>
      <c r="CP2331" s="166">
        <v>0</v>
      </c>
      <c r="CQ2331" s="166">
        <v>0</v>
      </c>
      <c r="CR2331" s="166">
        <v>0</v>
      </c>
      <c r="CS2331" s="166">
        <v>0</v>
      </c>
      <c r="CT2331" s="166">
        <v>0</v>
      </c>
      <c r="CU2331" s="166">
        <v>0</v>
      </c>
      <c r="CV2331" s="166">
        <v>0</v>
      </c>
      <c r="CW2331" s="166">
        <v>0</v>
      </c>
      <c r="CX2331" s="166">
        <v>0</v>
      </c>
      <c r="CY2331" s="166">
        <v>0</v>
      </c>
      <c r="CZ2331" s="166">
        <v>0</v>
      </c>
    </row>
    <row r="2332" spans="1:104" x14ac:dyDescent="0.2">
      <c r="A2332" s="167" t="s">
        <v>180</v>
      </c>
      <c r="B2332" s="166">
        <v>0</v>
      </c>
      <c r="C2332" s="166">
        <v>0</v>
      </c>
      <c r="D2332" s="166">
        <v>0</v>
      </c>
      <c r="E2332" s="166">
        <v>0</v>
      </c>
      <c r="F2332" s="166">
        <v>0</v>
      </c>
      <c r="G2332" s="166">
        <v>0</v>
      </c>
      <c r="H2332" s="166">
        <v>0</v>
      </c>
      <c r="I2332" s="166">
        <v>0</v>
      </c>
      <c r="J2332" s="166">
        <v>0</v>
      </c>
      <c r="K2332" s="166">
        <v>0</v>
      </c>
      <c r="L2332" s="166">
        <v>0</v>
      </c>
      <c r="M2332" s="166">
        <v>0</v>
      </c>
      <c r="N2332" s="166">
        <v>0</v>
      </c>
      <c r="O2332" s="166">
        <v>0</v>
      </c>
      <c r="P2332" s="166">
        <v>0</v>
      </c>
      <c r="Q2332" s="166">
        <v>0</v>
      </c>
      <c r="R2332" s="166">
        <v>0</v>
      </c>
      <c r="S2332" s="166">
        <v>0</v>
      </c>
      <c r="T2332" s="166">
        <v>0</v>
      </c>
      <c r="U2332" s="166">
        <v>0</v>
      </c>
      <c r="V2332" s="166">
        <v>0</v>
      </c>
      <c r="W2332" s="166">
        <v>0</v>
      </c>
      <c r="X2332" s="166">
        <v>0</v>
      </c>
      <c r="Y2332" s="166">
        <v>0</v>
      </c>
      <c r="Z2332" s="166">
        <v>0</v>
      </c>
      <c r="AA2332" s="166">
        <v>0</v>
      </c>
      <c r="AB2332" s="166">
        <v>0</v>
      </c>
      <c r="AC2332" s="166">
        <v>0</v>
      </c>
      <c r="AD2332" s="166">
        <v>0</v>
      </c>
      <c r="AE2332" s="166">
        <v>0</v>
      </c>
      <c r="AF2332" s="166">
        <v>0</v>
      </c>
      <c r="AG2332" s="166">
        <v>0</v>
      </c>
      <c r="AH2332" s="166">
        <v>0</v>
      </c>
      <c r="AI2332" s="166">
        <v>0</v>
      </c>
      <c r="AJ2332" s="166">
        <v>0</v>
      </c>
      <c r="AK2332" s="166">
        <v>0</v>
      </c>
      <c r="AL2332" s="166">
        <v>0</v>
      </c>
      <c r="AM2332" s="166">
        <v>0</v>
      </c>
      <c r="AN2332" s="166">
        <v>0</v>
      </c>
      <c r="AO2332" s="166">
        <v>0</v>
      </c>
      <c r="AP2332" s="166">
        <v>0</v>
      </c>
      <c r="AQ2332" s="166">
        <v>0</v>
      </c>
      <c r="AR2332" s="166">
        <v>0</v>
      </c>
      <c r="AS2332" s="166">
        <v>0</v>
      </c>
      <c r="AT2332" s="166">
        <v>0</v>
      </c>
      <c r="AU2332" s="166">
        <v>0</v>
      </c>
      <c r="AV2332" s="166">
        <v>0</v>
      </c>
      <c r="AW2332" s="166">
        <v>0</v>
      </c>
      <c r="AX2332" s="166">
        <v>0</v>
      </c>
      <c r="AY2332" s="166">
        <v>0</v>
      </c>
      <c r="AZ2332" s="166">
        <v>0</v>
      </c>
      <c r="BA2332" s="166">
        <v>0</v>
      </c>
      <c r="BB2332" s="166">
        <v>0</v>
      </c>
      <c r="BC2332" s="166">
        <v>0</v>
      </c>
      <c r="BD2332" s="166">
        <v>0</v>
      </c>
      <c r="BE2332" s="166">
        <v>0</v>
      </c>
      <c r="BF2332" s="166">
        <v>0</v>
      </c>
      <c r="BG2332" s="166">
        <v>0</v>
      </c>
      <c r="BH2332" s="166">
        <v>0</v>
      </c>
      <c r="BI2332" s="166">
        <v>0</v>
      </c>
      <c r="BJ2332" s="166">
        <v>0</v>
      </c>
      <c r="BK2332" s="166">
        <v>0</v>
      </c>
      <c r="BL2332" s="166">
        <v>0</v>
      </c>
      <c r="BM2332" s="166">
        <v>0</v>
      </c>
      <c r="BN2332" s="166">
        <v>0</v>
      </c>
      <c r="BO2332" s="166">
        <v>0</v>
      </c>
      <c r="BP2332" s="166">
        <v>0</v>
      </c>
      <c r="BQ2332" s="166">
        <v>0</v>
      </c>
      <c r="BR2332" s="166">
        <v>0</v>
      </c>
      <c r="BS2332" s="166">
        <v>0</v>
      </c>
      <c r="BT2332" s="166">
        <v>999.99527731777005</v>
      </c>
      <c r="BU2332" s="166">
        <v>0</v>
      </c>
      <c r="BV2332" s="166">
        <v>0</v>
      </c>
      <c r="BW2332" s="166">
        <v>0</v>
      </c>
      <c r="BX2332" s="166">
        <v>0</v>
      </c>
      <c r="BY2332" s="166">
        <v>0</v>
      </c>
      <c r="BZ2332" s="166">
        <v>0</v>
      </c>
      <c r="CA2332" s="166">
        <v>0</v>
      </c>
      <c r="CB2332" s="166">
        <v>0</v>
      </c>
      <c r="CC2332" s="166">
        <v>0</v>
      </c>
      <c r="CD2332" s="166">
        <v>0</v>
      </c>
      <c r="CE2332" s="166">
        <v>0</v>
      </c>
      <c r="CF2332" s="166">
        <v>0</v>
      </c>
      <c r="CG2332" s="166">
        <v>0</v>
      </c>
      <c r="CH2332" s="166">
        <v>0</v>
      </c>
      <c r="CI2332" s="166">
        <v>0</v>
      </c>
      <c r="CJ2332" s="166">
        <v>0</v>
      </c>
      <c r="CK2332" s="166">
        <v>0</v>
      </c>
      <c r="CL2332" s="166">
        <v>0</v>
      </c>
      <c r="CM2332" s="166">
        <v>0</v>
      </c>
      <c r="CN2332" s="166">
        <v>0</v>
      </c>
      <c r="CO2332" s="166">
        <v>0</v>
      </c>
      <c r="CP2332" s="166">
        <v>0</v>
      </c>
      <c r="CQ2332" s="166">
        <v>0</v>
      </c>
      <c r="CR2332" s="166">
        <v>0</v>
      </c>
      <c r="CS2332" s="166">
        <v>0</v>
      </c>
      <c r="CT2332" s="166">
        <v>0</v>
      </c>
      <c r="CU2332" s="166">
        <v>0</v>
      </c>
      <c r="CV2332" s="166">
        <v>0</v>
      </c>
      <c r="CW2332" s="166">
        <v>0</v>
      </c>
      <c r="CX2332" s="166">
        <v>0</v>
      </c>
      <c r="CY2332" s="166">
        <v>0</v>
      </c>
      <c r="CZ2332" s="166">
        <v>0</v>
      </c>
    </row>
    <row r="2333" spans="1:104" x14ac:dyDescent="0.2">
      <c r="A2333" s="167" t="s">
        <v>181</v>
      </c>
      <c r="B2333" s="166">
        <v>0</v>
      </c>
      <c r="C2333" s="166">
        <v>0</v>
      </c>
      <c r="D2333" s="166">
        <v>0</v>
      </c>
      <c r="E2333" s="166">
        <v>0</v>
      </c>
      <c r="F2333" s="166">
        <v>0</v>
      </c>
      <c r="G2333" s="166">
        <v>0</v>
      </c>
      <c r="H2333" s="166">
        <v>0</v>
      </c>
      <c r="I2333" s="166">
        <v>0</v>
      </c>
      <c r="J2333" s="166">
        <v>0</v>
      </c>
      <c r="K2333" s="166">
        <v>0</v>
      </c>
      <c r="L2333" s="166">
        <v>0</v>
      </c>
      <c r="M2333" s="166">
        <v>0</v>
      </c>
      <c r="N2333" s="166">
        <v>0</v>
      </c>
      <c r="O2333" s="166">
        <v>0</v>
      </c>
      <c r="P2333" s="166">
        <v>0</v>
      </c>
      <c r="Q2333" s="166">
        <v>0</v>
      </c>
      <c r="R2333" s="166">
        <v>0</v>
      </c>
      <c r="S2333" s="166">
        <v>0</v>
      </c>
      <c r="T2333" s="166">
        <v>0</v>
      </c>
      <c r="U2333" s="166">
        <v>0</v>
      </c>
      <c r="V2333" s="166">
        <v>0</v>
      </c>
      <c r="W2333" s="166">
        <v>0</v>
      </c>
      <c r="X2333" s="166">
        <v>0</v>
      </c>
      <c r="Y2333" s="166">
        <v>0</v>
      </c>
      <c r="Z2333" s="166">
        <v>0</v>
      </c>
      <c r="AA2333" s="166">
        <v>0</v>
      </c>
      <c r="AB2333" s="166">
        <v>0</v>
      </c>
      <c r="AC2333" s="166">
        <v>0</v>
      </c>
      <c r="AD2333" s="166">
        <v>0</v>
      </c>
      <c r="AE2333" s="166">
        <v>0</v>
      </c>
      <c r="AF2333" s="166">
        <v>0</v>
      </c>
      <c r="AG2333" s="166">
        <v>0</v>
      </c>
      <c r="AH2333" s="166">
        <v>0</v>
      </c>
      <c r="AI2333" s="166">
        <v>0</v>
      </c>
      <c r="AJ2333" s="166">
        <v>0</v>
      </c>
      <c r="AK2333" s="166">
        <v>0</v>
      </c>
      <c r="AL2333" s="166">
        <v>0</v>
      </c>
      <c r="AM2333" s="166">
        <v>0</v>
      </c>
      <c r="AN2333" s="166">
        <v>0</v>
      </c>
      <c r="AO2333" s="166">
        <v>0</v>
      </c>
      <c r="AP2333" s="166">
        <v>0</v>
      </c>
      <c r="AQ2333" s="166">
        <v>0</v>
      </c>
      <c r="AR2333" s="166">
        <v>0</v>
      </c>
      <c r="AS2333" s="166">
        <v>0</v>
      </c>
      <c r="AT2333" s="166">
        <v>0</v>
      </c>
      <c r="AU2333" s="166">
        <v>0</v>
      </c>
      <c r="AV2333" s="166">
        <v>0</v>
      </c>
      <c r="AW2333" s="166">
        <v>0</v>
      </c>
      <c r="AX2333" s="166">
        <v>0</v>
      </c>
      <c r="AY2333" s="166">
        <v>0</v>
      </c>
      <c r="AZ2333" s="166">
        <v>0</v>
      </c>
      <c r="BA2333" s="166">
        <v>0</v>
      </c>
      <c r="BB2333" s="166">
        <v>0</v>
      </c>
      <c r="BC2333" s="166">
        <v>0</v>
      </c>
      <c r="BD2333" s="166">
        <v>0</v>
      </c>
      <c r="BE2333" s="166">
        <v>0</v>
      </c>
      <c r="BF2333" s="166">
        <v>0</v>
      </c>
      <c r="BG2333" s="166">
        <v>0</v>
      </c>
      <c r="BH2333" s="166">
        <v>0</v>
      </c>
      <c r="BI2333" s="166">
        <v>0</v>
      </c>
      <c r="BJ2333" s="166">
        <v>0</v>
      </c>
      <c r="BK2333" s="166">
        <v>0</v>
      </c>
      <c r="BL2333" s="166">
        <v>0</v>
      </c>
      <c r="BM2333" s="166">
        <v>0</v>
      </c>
      <c r="BN2333" s="166">
        <v>0</v>
      </c>
      <c r="BO2333" s="166">
        <v>0</v>
      </c>
      <c r="BP2333" s="166">
        <v>0</v>
      </c>
      <c r="BQ2333" s="166">
        <v>0</v>
      </c>
      <c r="BR2333" s="166">
        <v>0</v>
      </c>
      <c r="BS2333" s="166">
        <v>0</v>
      </c>
      <c r="BT2333" s="168">
        <v>0.99999527731777005</v>
      </c>
      <c r="BU2333" s="166">
        <v>0</v>
      </c>
      <c r="BV2333" s="166">
        <v>0</v>
      </c>
      <c r="BW2333" s="166">
        <v>0</v>
      </c>
      <c r="BX2333" s="166">
        <v>0</v>
      </c>
      <c r="BY2333" s="166">
        <v>0</v>
      </c>
      <c r="BZ2333" s="166">
        <v>0</v>
      </c>
      <c r="CA2333" s="166">
        <v>0</v>
      </c>
      <c r="CB2333" s="166">
        <v>0</v>
      </c>
      <c r="CC2333" s="166">
        <v>0</v>
      </c>
      <c r="CD2333" s="166">
        <v>0</v>
      </c>
      <c r="CE2333" s="166">
        <v>0</v>
      </c>
      <c r="CF2333" s="166">
        <v>0</v>
      </c>
      <c r="CG2333" s="166">
        <v>0</v>
      </c>
      <c r="CH2333" s="166">
        <v>0</v>
      </c>
      <c r="CI2333" s="166">
        <v>0</v>
      </c>
      <c r="CJ2333" s="166">
        <v>0</v>
      </c>
      <c r="CK2333" s="166">
        <v>0</v>
      </c>
      <c r="CL2333" s="166">
        <v>0</v>
      </c>
      <c r="CM2333" s="166">
        <v>0</v>
      </c>
      <c r="CN2333" s="166">
        <v>0</v>
      </c>
      <c r="CO2333" s="166">
        <v>0</v>
      </c>
      <c r="CP2333" s="166">
        <v>0</v>
      </c>
      <c r="CQ2333" s="166">
        <v>0</v>
      </c>
      <c r="CR2333" s="166">
        <v>0</v>
      </c>
      <c r="CS2333" s="166">
        <v>0</v>
      </c>
      <c r="CT2333" s="166">
        <v>0</v>
      </c>
      <c r="CU2333" s="166">
        <v>0</v>
      </c>
      <c r="CV2333" s="166">
        <v>0</v>
      </c>
      <c r="CW2333" s="166">
        <v>0</v>
      </c>
      <c r="CX2333" s="166">
        <v>0</v>
      </c>
      <c r="CY2333" s="166">
        <v>0</v>
      </c>
      <c r="CZ2333" s="166">
        <v>0</v>
      </c>
    </row>
    <row r="2334" spans="1:104" x14ac:dyDescent="0.2">
      <c r="A2334" s="167" t="s">
        <v>1064</v>
      </c>
      <c r="B2334" s="166">
        <v>0</v>
      </c>
      <c r="C2334" s="166">
        <v>0</v>
      </c>
      <c r="D2334" s="166">
        <v>0</v>
      </c>
      <c r="E2334" s="166">
        <v>0</v>
      </c>
      <c r="F2334" s="166">
        <v>0</v>
      </c>
      <c r="G2334" s="166">
        <v>0</v>
      </c>
      <c r="H2334" s="166">
        <v>0</v>
      </c>
      <c r="I2334" s="166">
        <v>0</v>
      </c>
      <c r="J2334" s="166">
        <v>0</v>
      </c>
      <c r="K2334" s="166">
        <v>0</v>
      </c>
      <c r="L2334" s="166">
        <v>0</v>
      </c>
      <c r="M2334" s="166">
        <v>0</v>
      </c>
      <c r="N2334" s="166">
        <v>0</v>
      </c>
      <c r="O2334" s="166">
        <v>0</v>
      </c>
      <c r="P2334" s="166">
        <v>0</v>
      </c>
      <c r="Q2334" s="166">
        <v>0</v>
      </c>
      <c r="R2334" s="166">
        <v>0</v>
      </c>
      <c r="S2334" s="166">
        <v>0</v>
      </c>
      <c r="T2334" s="166">
        <v>0</v>
      </c>
      <c r="U2334" s="166">
        <v>0</v>
      </c>
      <c r="V2334" s="166">
        <v>0</v>
      </c>
      <c r="W2334" s="166">
        <v>0</v>
      </c>
      <c r="X2334" s="166">
        <v>0</v>
      </c>
      <c r="Y2334" s="166">
        <v>0</v>
      </c>
      <c r="Z2334" s="166">
        <v>0</v>
      </c>
      <c r="AA2334" s="166">
        <v>0</v>
      </c>
      <c r="AB2334" s="166">
        <v>0</v>
      </c>
      <c r="AC2334" s="166">
        <v>0</v>
      </c>
      <c r="AD2334" s="166">
        <v>0</v>
      </c>
      <c r="AE2334" s="166">
        <v>0</v>
      </c>
      <c r="AF2334" s="166">
        <v>0</v>
      </c>
      <c r="AG2334" s="166">
        <v>0</v>
      </c>
      <c r="AH2334" s="166">
        <v>0</v>
      </c>
      <c r="AI2334" s="166">
        <v>0</v>
      </c>
      <c r="AJ2334" s="166">
        <v>0</v>
      </c>
      <c r="AK2334" s="166">
        <v>0</v>
      </c>
      <c r="AL2334" s="166">
        <v>0</v>
      </c>
      <c r="AM2334" s="166">
        <v>0</v>
      </c>
      <c r="AN2334" s="166">
        <v>0</v>
      </c>
      <c r="AO2334" s="166">
        <v>0</v>
      </c>
      <c r="AP2334" s="166">
        <v>0</v>
      </c>
      <c r="AQ2334" s="166">
        <v>0</v>
      </c>
      <c r="AR2334" s="166">
        <v>0</v>
      </c>
      <c r="AS2334" s="166">
        <v>0</v>
      </c>
      <c r="AT2334" s="166">
        <v>0</v>
      </c>
      <c r="AU2334" s="166">
        <v>0</v>
      </c>
      <c r="AV2334" s="166">
        <v>0</v>
      </c>
      <c r="AW2334" s="166">
        <v>0</v>
      </c>
      <c r="AX2334" s="166">
        <v>0</v>
      </c>
      <c r="AY2334" s="166">
        <v>0</v>
      </c>
      <c r="AZ2334" s="166">
        <v>0</v>
      </c>
      <c r="BA2334" s="166">
        <v>0</v>
      </c>
      <c r="BB2334" s="166">
        <v>0</v>
      </c>
      <c r="BC2334" s="166">
        <v>0</v>
      </c>
      <c r="BD2334" s="166">
        <v>0</v>
      </c>
      <c r="BE2334" s="166">
        <v>0</v>
      </c>
      <c r="BF2334" s="166">
        <v>0</v>
      </c>
      <c r="BG2334" s="166">
        <v>0</v>
      </c>
      <c r="BH2334" s="166">
        <v>0</v>
      </c>
      <c r="BI2334" s="166">
        <v>0</v>
      </c>
      <c r="BJ2334" s="166">
        <v>0</v>
      </c>
      <c r="BK2334" s="166">
        <v>0</v>
      </c>
      <c r="BL2334" s="166">
        <v>0</v>
      </c>
      <c r="BM2334" s="166">
        <v>0</v>
      </c>
      <c r="BN2334" s="166">
        <v>0</v>
      </c>
      <c r="BO2334" s="166">
        <v>0</v>
      </c>
      <c r="BP2334" s="166">
        <v>0</v>
      </c>
      <c r="BQ2334" s="166">
        <v>0</v>
      </c>
      <c r="BR2334" s="166">
        <v>0</v>
      </c>
      <c r="BS2334" s="166">
        <v>0</v>
      </c>
      <c r="BT2334" s="168">
        <v>0.99999527731777005</v>
      </c>
      <c r="BU2334" s="166">
        <v>0</v>
      </c>
      <c r="BV2334" s="166">
        <v>0</v>
      </c>
      <c r="BW2334" s="166">
        <v>0</v>
      </c>
      <c r="BX2334" s="166">
        <v>0</v>
      </c>
      <c r="BY2334" s="166">
        <v>0</v>
      </c>
      <c r="BZ2334" s="166">
        <v>0</v>
      </c>
      <c r="CA2334" s="166">
        <v>0</v>
      </c>
      <c r="CB2334" s="166">
        <v>0</v>
      </c>
      <c r="CC2334" s="166">
        <v>0</v>
      </c>
      <c r="CD2334" s="166">
        <v>0</v>
      </c>
      <c r="CE2334" s="166">
        <v>0</v>
      </c>
      <c r="CF2334" s="166">
        <v>0</v>
      </c>
      <c r="CG2334" s="166">
        <v>0</v>
      </c>
      <c r="CH2334" s="166">
        <v>0</v>
      </c>
      <c r="CI2334" s="166">
        <v>0</v>
      </c>
      <c r="CJ2334" s="166">
        <v>0</v>
      </c>
      <c r="CK2334" s="166">
        <v>0</v>
      </c>
      <c r="CL2334" s="166">
        <v>0</v>
      </c>
      <c r="CM2334" s="166">
        <v>0</v>
      </c>
      <c r="CN2334" s="166">
        <v>0</v>
      </c>
      <c r="CO2334" s="166">
        <v>0</v>
      </c>
      <c r="CP2334" s="166">
        <v>0</v>
      </c>
      <c r="CQ2334" s="166">
        <v>0</v>
      </c>
      <c r="CR2334" s="166">
        <v>0</v>
      </c>
      <c r="CS2334" s="166">
        <v>0</v>
      </c>
      <c r="CT2334" s="166">
        <v>0</v>
      </c>
      <c r="CU2334" s="166">
        <v>0</v>
      </c>
      <c r="CV2334" s="166">
        <v>0</v>
      </c>
      <c r="CW2334" s="166">
        <v>0</v>
      </c>
      <c r="CX2334" s="166">
        <v>0</v>
      </c>
      <c r="CY2334" s="166">
        <v>0</v>
      </c>
      <c r="CZ2334" s="166">
        <v>0</v>
      </c>
    </row>
    <row r="2335" spans="1:104" x14ac:dyDescent="0.2">
      <c r="A2335" s="170" t="s">
        <v>183</v>
      </c>
      <c r="B2335" s="166">
        <v>759762.74</v>
      </c>
      <c r="C2335" s="166">
        <v>759762.74</v>
      </c>
      <c r="D2335" s="166">
        <v>0</v>
      </c>
      <c r="E2335" s="166">
        <v>0</v>
      </c>
      <c r="F2335" s="166">
        <v>0</v>
      </c>
      <c r="G2335" s="166">
        <v>0</v>
      </c>
      <c r="H2335" s="166">
        <v>0</v>
      </c>
      <c r="I2335" s="166">
        <v>0</v>
      </c>
      <c r="J2335" s="166">
        <v>0</v>
      </c>
      <c r="K2335" s="166">
        <v>0</v>
      </c>
      <c r="L2335" s="166">
        <v>0</v>
      </c>
      <c r="M2335" s="166">
        <v>0</v>
      </c>
      <c r="N2335" s="166">
        <v>0</v>
      </c>
      <c r="O2335" s="166">
        <v>0</v>
      </c>
      <c r="P2335" s="166">
        <v>0</v>
      </c>
      <c r="Q2335" s="166">
        <v>0</v>
      </c>
      <c r="R2335" s="166">
        <v>0</v>
      </c>
      <c r="S2335" s="166">
        <v>0</v>
      </c>
      <c r="T2335" s="166">
        <v>0</v>
      </c>
      <c r="U2335" s="166">
        <v>0</v>
      </c>
      <c r="V2335" s="166">
        <v>0</v>
      </c>
      <c r="W2335" s="166">
        <v>0</v>
      </c>
      <c r="X2335" s="166">
        <v>0</v>
      </c>
      <c r="Y2335" s="166">
        <v>0</v>
      </c>
      <c r="Z2335" s="166">
        <v>0</v>
      </c>
      <c r="AA2335" s="166">
        <v>0</v>
      </c>
      <c r="AB2335" s="166">
        <v>0</v>
      </c>
      <c r="AC2335" s="166">
        <v>0</v>
      </c>
      <c r="AD2335" s="166">
        <v>0</v>
      </c>
      <c r="AE2335" s="166">
        <v>0</v>
      </c>
      <c r="AF2335" s="166">
        <v>0</v>
      </c>
      <c r="AG2335" s="166">
        <v>0</v>
      </c>
      <c r="AH2335" s="166">
        <v>0</v>
      </c>
      <c r="AI2335" s="166">
        <v>0</v>
      </c>
      <c r="AJ2335" s="166">
        <v>0</v>
      </c>
      <c r="AK2335" s="166">
        <v>0</v>
      </c>
      <c r="AL2335" s="166">
        <v>0</v>
      </c>
      <c r="AM2335" s="166">
        <v>0</v>
      </c>
      <c r="AN2335" s="166">
        <v>0</v>
      </c>
      <c r="AO2335" s="166">
        <v>0</v>
      </c>
      <c r="AP2335" s="166">
        <v>0</v>
      </c>
      <c r="AQ2335" s="166">
        <v>0</v>
      </c>
      <c r="AR2335" s="166">
        <v>0</v>
      </c>
      <c r="AS2335" s="166">
        <v>0</v>
      </c>
      <c r="AT2335" s="166">
        <v>0</v>
      </c>
      <c r="AU2335" s="166">
        <v>0</v>
      </c>
      <c r="AV2335" s="166">
        <v>0</v>
      </c>
      <c r="AW2335" s="166">
        <v>0</v>
      </c>
      <c r="AX2335" s="166">
        <v>0</v>
      </c>
      <c r="AY2335" s="166">
        <v>0</v>
      </c>
      <c r="AZ2335" s="166">
        <v>0</v>
      </c>
      <c r="BA2335" s="166">
        <v>0</v>
      </c>
      <c r="BB2335" s="166">
        <v>0</v>
      </c>
      <c r="BC2335" s="166">
        <v>0</v>
      </c>
      <c r="BD2335" s="166">
        <v>0</v>
      </c>
      <c r="BE2335" s="166">
        <v>0</v>
      </c>
      <c r="BF2335" s="166">
        <v>0</v>
      </c>
      <c r="BG2335" s="166">
        <v>0</v>
      </c>
      <c r="BH2335" s="166">
        <v>0</v>
      </c>
      <c r="BI2335" s="166">
        <v>0</v>
      </c>
      <c r="BJ2335" s="166">
        <v>0</v>
      </c>
      <c r="BK2335" s="166">
        <v>0</v>
      </c>
      <c r="BL2335" s="166">
        <v>0</v>
      </c>
      <c r="BM2335" s="166">
        <v>0</v>
      </c>
      <c r="BN2335" s="166">
        <v>0</v>
      </c>
      <c r="BO2335" s="166">
        <v>0</v>
      </c>
      <c r="BP2335" s="166">
        <v>0</v>
      </c>
      <c r="BQ2335" s="166">
        <v>0</v>
      </c>
      <c r="BR2335" s="166">
        <v>759762.74</v>
      </c>
      <c r="BS2335" s="166">
        <v>759762.74</v>
      </c>
      <c r="BT2335" s="168">
        <v>0</v>
      </c>
      <c r="BU2335" s="166">
        <v>63690.009210904798</v>
      </c>
      <c r="BV2335" s="166">
        <v>759759.151882009</v>
      </c>
      <c r="BW2335" s="166">
        <v>0</v>
      </c>
      <c r="BX2335" s="166">
        <v>0</v>
      </c>
      <c r="BY2335" s="166">
        <v>0</v>
      </c>
      <c r="BZ2335" s="166">
        <v>0</v>
      </c>
      <c r="CA2335" s="166">
        <v>0</v>
      </c>
      <c r="CB2335" s="166">
        <v>0</v>
      </c>
      <c r="CC2335" s="166">
        <v>0</v>
      </c>
      <c r="CD2335" s="166">
        <v>0</v>
      </c>
      <c r="CE2335" s="166">
        <v>0</v>
      </c>
      <c r="CF2335" s="166">
        <v>0</v>
      </c>
      <c r="CG2335" s="166">
        <v>0</v>
      </c>
      <c r="CH2335" s="166">
        <v>0</v>
      </c>
      <c r="CI2335" s="166">
        <v>0</v>
      </c>
      <c r="CJ2335" s="166">
        <v>0</v>
      </c>
      <c r="CK2335" s="166">
        <v>0</v>
      </c>
      <c r="CL2335" s="166">
        <v>0</v>
      </c>
      <c r="CM2335" s="166">
        <v>0</v>
      </c>
      <c r="CN2335" s="166">
        <v>0</v>
      </c>
      <c r="CO2335" s="166">
        <v>0</v>
      </c>
      <c r="CP2335" s="166">
        <v>0</v>
      </c>
      <c r="CQ2335" s="166">
        <v>0</v>
      </c>
      <c r="CR2335" s="166">
        <v>0</v>
      </c>
      <c r="CS2335" s="166">
        <v>0</v>
      </c>
      <c r="CT2335" s="166">
        <v>0</v>
      </c>
      <c r="CU2335" s="166">
        <v>0</v>
      </c>
      <c r="CV2335" s="166">
        <v>0</v>
      </c>
      <c r="CW2335" s="166">
        <v>0</v>
      </c>
      <c r="CX2335" s="166">
        <v>0</v>
      </c>
      <c r="CY2335" s="166">
        <v>759759.151882009</v>
      </c>
      <c r="CZ2335" s="166">
        <v>759759.151882009</v>
      </c>
    </row>
    <row r="2336" spans="1:104" x14ac:dyDescent="0.2">
      <c r="A2336" s="167" t="s">
        <v>184</v>
      </c>
      <c r="B2336" s="166">
        <v>0</v>
      </c>
      <c r="C2336" s="166">
        <v>0</v>
      </c>
      <c r="D2336" s="166">
        <v>0</v>
      </c>
      <c r="E2336" s="166">
        <v>0</v>
      </c>
      <c r="F2336" s="166">
        <v>0</v>
      </c>
      <c r="G2336" s="166">
        <v>0</v>
      </c>
      <c r="H2336" s="166">
        <v>0</v>
      </c>
      <c r="I2336" s="166">
        <v>0</v>
      </c>
      <c r="J2336" s="166">
        <v>0</v>
      </c>
      <c r="K2336" s="166">
        <v>0</v>
      </c>
      <c r="L2336" s="166">
        <v>0</v>
      </c>
      <c r="M2336" s="166">
        <v>0</v>
      </c>
      <c r="N2336" s="166">
        <v>0</v>
      </c>
      <c r="O2336" s="166">
        <v>0</v>
      </c>
      <c r="P2336" s="166">
        <v>0</v>
      </c>
      <c r="Q2336" s="166">
        <v>0</v>
      </c>
      <c r="R2336" s="166">
        <v>0</v>
      </c>
      <c r="S2336" s="166">
        <v>0</v>
      </c>
      <c r="T2336" s="166">
        <v>0</v>
      </c>
      <c r="U2336" s="166">
        <v>0</v>
      </c>
      <c r="V2336" s="166">
        <v>0</v>
      </c>
      <c r="W2336" s="166">
        <v>0</v>
      </c>
      <c r="X2336" s="166">
        <v>0</v>
      </c>
      <c r="Y2336" s="166">
        <v>0</v>
      </c>
      <c r="Z2336" s="166">
        <v>0</v>
      </c>
      <c r="AA2336" s="166">
        <v>0</v>
      </c>
      <c r="AB2336" s="166">
        <v>0</v>
      </c>
      <c r="AC2336" s="166">
        <v>0</v>
      </c>
      <c r="AD2336" s="166">
        <v>0</v>
      </c>
      <c r="AE2336" s="166">
        <v>0</v>
      </c>
      <c r="AF2336" s="166">
        <v>0</v>
      </c>
      <c r="AG2336" s="166">
        <v>0</v>
      </c>
      <c r="AH2336" s="166">
        <v>0</v>
      </c>
      <c r="AI2336" s="166">
        <v>0</v>
      </c>
      <c r="AJ2336" s="166">
        <v>0</v>
      </c>
      <c r="AK2336" s="166">
        <v>0</v>
      </c>
      <c r="AL2336" s="166">
        <v>0</v>
      </c>
      <c r="AM2336" s="166">
        <v>0</v>
      </c>
      <c r="AN2336" s="166">
        <v>0</v>
      </c>
      <c r="AO2336" s="166">
        <v>0</v>
      </c>
      <c r="AP2336" s="166">
        <v>0</v>
      </c>
      <c r="AQ2336" s="166">
        <v>0</v>
      </c>
      <c r="AR2336" s="166">
        <v>0</v>
      </c>
      <c r="AS2336" s="166">
        <v>0</v>
      </c>
      <c r="AT2336" s="166">
        <v>0</v>
      </c>
      <c r="AU2336" s="166">
        <v>0</v>
      </c>
      <c r="AV2336" s="166">
        <v>0</v>
      </c>
      <c r="AW2336" s="166">
        <v>0</v>
      </c>
      <c r="AX2336" s="166">
        <v>0</v>
      </c>
      <c r="AY2336" s="166">
        <v>0</v>
      </c>
      <c r="AZ2336" s="166">
        <v>0</v>
      </c>
      <c r="BA2336" s="166">
        <v>0</v>
      </c>
      <c r="BB2336" s="166">
        <v>0</v>
      </c>
      <c r="BC2336" s="166">
        <v>0</v>
      </c>
      <c r="BD2336" s="166">
        <v>0</v>
      </c>
      <c r="BE2336" s="166">
        <v>0</v>
      </c>
      <c r="BF2336" s="166">
        <v>0</v>
      </c>
      <c r="BG2336" s="166">
        <v>0</v>
      </c>
      <c r="BH2336" s="166">
        <v>0</v>
      </c>
      <c r="BI2336" s="166">
        <v>0</v>
      </c>
      <c r="BJ2336" s="166">
        <v>0</v>
      </c>
      <c r="BK2336" s="166">
        <v>0</v>
      </c>
      <c r="BL2336" s="166">
        <v>0</v>
      </c>
      <c r="BM2336" s="166">
        <v>0</v>
      </c>
      <c r="BN2336" s="166">
        <v>0</v>
      </c>
      <c r="BO2336" s="166">
        <v>0</v>
      </c>
      <c r="BP2336" s="166">
        <v>0</v>
      </c>
      <c r="BQ2336" s="166">
        <v>0</v>
      </c>
      <c r="BR2336" s="166">
        <v>0</v>
      </c>
      <c r="BS2336" s="166">
        <v>0</v>
      </c>
      <c r="BT2336" s="168">
        <v>0</v>
      </c>
      <c r="BU2336" s="166">
        <v>0</v>
      </c>
      <c r="BV2336" s="166">
        <v>0</v>
      </c>
      <c r="BW2336" s="166">
        <v>0</v>
      </c>
      <c r="BX2336" s="166">
        <v>0</v>
      </c>
      <c r="BY2336" s="166">
        <v>0</v>
      </c>
      <c r="BZ2336" s="166">
        <v>0</v>
      </c>
      <c r="CA2336" s="166">
        <v>0</v>
      </c>
      <c r="CB2336" s="166">
        <v>0</v>
      </c>
      <c r="CC2336" s="166">
        <v>0</v>
      </c>
      <c r="CD2336" s="166">
        <v>0</v>
      </c>
      <c r="CE2336" s="166">
        <v>0</v>
      </c>
      <c r="CF2336" s="166">
        <v>0</v>
      </c>
      <c r="CG2336" s="166">
        <v>0</v>
      </c>
      <c r="CH2336" s="166">
        <v>0</v>
      </c>
      <c r="CI2336" s="166">
        <v>0</v>
      </c>
      <c r="CJ2336" s="166">
        <v>0</v>
      </c>
      <c r="CK2336" s="166">
        <v>0</v>
      </c>
      <c r="CL2336" s="166">
        <v>0</v>
      </c>
      <c r="CM2336" s="166">
        <v>0</v>
      </c>
      <c r="CN2336" s="166">
        <v>0</v>
      </c>
      <c r="CO2336" s="166">
        <v>0</v>
      </c>
      <c r="CP2336" s="166">
        <v>0</v>
      </c>
      <c r="CQ2336" s="166">
        <v>0</v>
      </c>
      <c r="CR2336" s="166">
        <v>0</v>
      </c>
      <c r="CS2336" s="166">
        <v>0</v>
      </c>
      <c r="CT2336" s="166">
        <v>0</v>
      </c>
      <c r="CU2336" s="166">
        <v>0</v>
      </c>
      <c r="CV2336" s="166">
        <v>0</v>
      </c>
      <c r="CW2336" s="166">
        <v>0</v>
      </c>
      <c r="CX2336" s="166">
        <v>0</v>
      </c>
      <c r="CY2336" s="166">
        <v>0</v>
      </c>
      <c r="CZ2336" s="166">
        <v>0</v>
      </c>
    </row>
    <row r="2337" spans="1:104" x14ac:dyDescent="0.2">
      <c r="A2337" s="170" t="s">
        <v>185</v>
      </c>
      <c r="B2337" s="166">
        <v>0</v>
      </c>
      <c r="C2337" s="166">
        <v>0</v>
      </c>
      <c r="D2337" s="166">
        <v>0</v>
      </c>
      <c r="E2337" s="166">
        <v>0</v>
      </c>
      <c r="F2337" s="166">
        <v>0</v>
      </c>
      <c r="G2337" s="166">
        <v>0</v>
      </c>
      <c r="H2337" s="166">
        <v>0</v>
      </c>
      <c r="I2337" s="166">
        <v>0</v>
      </c>
      <c r="J2337" s="166">
        <v>0</v>
      </c>
      <c r="K2337" s="166">
        <v>0</v>
      </c>
      <c r="L2337" s="166">
        <v>0</v>
      </c>
      <c r="M2337" s="166">
        <v>0</v>
      </c>
      <c r="N2337" s="166">
        <v>0</v>
      </c>
      <c r="O2337" s="166">
        <v>0</v>
      </c>
      <c r="P2337" s="166">
        <v>0</v>
      </c>
      <c r="Q2337" s="166">
        <v>0</v>
      </c>
      <c r="R2337" s="166">
        <v>0</v>
      </c>
      <c r="S2337" s="166">
        <v>0</v>
      </c>
      <c r="T2337" s="166">
        <v>0</v>
      </c>
      <c r="U2337" s="166">
        <v>0</v>
      </c>
      <c r="V2337" s="166">
        <v>0</v>
      </c>
      <c r="W2337" s="166">
        <v>0</v>
      </c>
      <c r="X2337" s="166">
        <v>0</v>
      </c>
      <c r="Y2337" s="166">
        <v>0</v>
      </c>
      <c r="Z2337" s="166">
        <v>0</v>
      </c>
      <c r="AA2337" s="166">
        <v>0</v>
      </c>
      <c r="AB2337" s="166">
        <v>0</v>
      </c>
      <c r="AC2337" s="166">
        <v>0</v>
      </c>
      <c r="AD2337" s="166">
        <v>0</v>
      </c>
      <c r="AE2337" s="166">
        <v>0</v>
      </c>
      <c r="AF2337" s="166">
        <v>0</v>
      </c>
      <c r="AG2337" s="166">
        <v>0</v>
      </c>
      <c r="AH2337" s="166">
        <v>0</v>
      </c>
      <c r="AI2337" s="166">
        <v>0</v>
      </c>
      <c r="AJ2337" s="166">
        <v>0</v>
      </c>
      <c r="AK2337" s="166">
        <v>0</v>
      </c>
      <c r="AL2337" s="166">
        <v>0</v>
      </c>
      <c r="AM2337" s="166">
        <v>0</v>
      </c>
      <c r="AN2337" s="166">
        <v>0</v>
      </c>
      <c r="AO2337" s="166">
        <v>0</v>
      </c>
      <c r="AP2337" s="166">
        <v>0</v>
      </c>
      <c r="AQ2337" s="166">
        <v>0</v>
      </c>
      <c r="AR2337" s="166">
        <v>0</v>
      </c>
      <c r="AS2337" s="166">
        <v>0</v>
      </c>
      <c r="AT2337" s="166">
        <v>0</v>
      </c>
      <c r="AU2337" s="166">
        <v>0</v>
      </c>
      <c r="AV2337" s="166">
        <v>0</v>
      </c>
      <c r="AW2337" s="166">
        <v>0</v>
      </c>
      <c r="AX2337" s="166">
        <v>0</v>
      </c>
      <c r="AY2337" s="166">
        <v>0</v>
      </c>
      <c r="AZ2337" s="166">
        <v>0</v>
      </c>
      <c r="BA2337" s="166">
        <v>0</v>
      </c>
      <c r="BB2337" s="166">
        <v>0</v>
      </c>
      <c r="BC2337" s="166">
        <v>0</v>
      </c>
      <c r="BD2337" s="166">
        <v>0</v>
      </c>
      <c r="BE2337" s="166">
        <v>0</v>
      </c>
      <c r="BF2337" s="166">
        <v>0</v>
      </c>
      <c r="BG2337" s="166">
        <v>0</v>
      </c>
      <c r="BH2337" s="166">
        <v>0</v>
      </c>
      <c r="BI2337" s="166">
        <v>0</v>
      </c>
      <c r="BJ2337" s="166">
        <v>0</v>
      </c>
      <c r="BK2337" s="166">
        <v>0</v>
      </c>
      <c r="BL2337" s="166">
        <v>0</v>
      </c>
      <c r="BM2337" s="166">
        <v>0</v>
      </c>
      <c r="BN2337" s="166">
        <v>0</v>
      </c>
      <c r="BO2337" s="166">
        <v>0</v>
      </c>
      <c r="BP2337" s="166">
        <v>0</v>
      </c>
      <c r="BQ2337" s="166">
        <v>0</v>
      </c>
      <c r="BR2337" s="166">
        <v>0</v>
      </c>
      <c r="BS2337" s="166">
        <v>0</v>
      </c>
      <c r="BT2337" s="168">
        <v>0</v>
      </c>
      <c r="BU2337" s="166">
        <v>0</v>
      </c>
      <c r="BV2337" s="166">
        <v>0</v>
      </c>
      <c r="BW2337" s="166">
        <v>0</v>
      </c>
      <c r="BX2337" s="166">
        <v>0</v>
      </c>
      <c r="BY2337" s="166">
        <v>0</v>
      </c>
      <c r="BZ2337" s="166">
        <v>0</v>
      </c>
      <c r="CA2337" s="166">
        <v>0</v>
      </c>
      <c r="CB2337" s="166">
        <v>0</v>
      </c>
      <c r="CC2337" s="166">
        <v>0</v>
      </c>
      <c r="CD2337" s="166">
        <v>0</v>
      </c>
      <c r="CE2337" s="166">
        <v>0</v>
      </c>
      <c r="CF2337" s="166">
        <v>0</v>
      </c>
      <c r="CG2337" s="166">
        <v>0</v>
      </c>
      <c r="CH2337" s="166">
        <v>0</v>
      </c>
      <c r="CI2337" s="166">
        <v>0</v>
      </c>
      <c r="CJ2337" s="166">
        <v>0</v>
      </c>
      <c r="CK2337" s="166">
        <v>0</v>
      </c>
      <c r="CL2337" s="166">
        <v>0</v>
      </c>
      <c r="CM2337" s="166">
        <v>0</v>
      </c>
      <c r="CN2337" s="166">
        <v>0</v>
      </c>
      <c r="CO2337" s="166">
        <v>0</v>
      </c>
      <c r="CP2337" s="166">
        <v>0</v>
      </c>
      <c r="CQ2337" s="166">
        <v>0</v>
      </c>
      <c r="CR2337" s="166">
        <v>0</v>
      </c>
      <c r="CS2337" s="166">
        <v>0</v>
      </c>
      <c r="CT2337" s="166">
        <v>0</v>
      </c>
      <c r="CU2337" s="166">
        <v>0</v>
      </c>
      <c r="CV2337" s="166">
        <v>0</v>
      </c>
      <c r="CW2337" s="166">
        <v>0</v>
      </c>
      <c r="CX2337" s="166">
        <v>0</v>
      </c>
      <c r="CY2337" s="166">
        <v>0</v>
      </c>
      <c r="CZ2337" s="166">
        <v>0</v>
      </c>
    </row>
    <row r="2338" spans="1:104" x14ac:dyDescent="0.2">
      <c r="A2338" s="170" t="s">
        <v>186</v>
      </c>
      <c r="B2338" s="166">
        <v>279592191.31999999</v>
      </c>
      <c r="C2338" s="166">
        <v>279592191.31999999</v>
      </c>
      <c r="D2338" s="166">
        <v>0</v>
      </c>
      <c r="E2338" s="166">
        <v>0</v>
      </c>
      <c r="F2338" s="166">
        <v>0</v>
      </c>
      <c r="G2338" s="166">
        <v>0</v>
      </c>
      <c r="H2338" s="166">
        <v>0</v>
      </c>
      <c r="I2338" s="166">
        <v>0</v>
      </c>
      <c r="J2338" s="166">
        <v>0</v>
      </c>
      <c r="K2338" s="166">
        <v>0</v>
      </c>
      <c r="L2338" s="166">
        <v>0</v>
      </c>
      <c r="M2338" s="166">
        <v>0</v>
      </c>
      <c r="N2338" s="166">
        <v>0</v>
      </c>
      <c r="O2338" s="166">
        <v>0</v>
      </c>
      <c r="P2338" s="166">
        <v>0</v>
      </c>
      <c r="Q2338" s="166">
        <v>0</v>
      </c>
      <c r="R2338" s="166">
        <v>0</v>
      </c>
      <c r="S2338" s="166">
        <v>0</v>
      </c>
      <c r="T2338" s="166">
        <v>0</v>
      </c>
      <c r="U2338" s="166">
        <v>0</v>
      </c>
      <c r="V2338" s="166">
        <v>0</v>
      </c>
      <c r="W2338" s="166">
        <v>0</v>
      </c>
      <c r="X2338" s="166">
        <v>0</v>
      </c>
      <c r="Y2338" s="166">
        <v>0</v>
      </c>
      <c r="Z2338" s="166">
        <v>0</v>
      </c>
      <c r="AA2338" s="166">
        <v>0</v>
      </c>
      <c r="AB2338" s="166">
        <v>0</v>
      </c>
      <c r="AC2338" s="166">
        <v>0</v>
      </c>
      <c r="AD2338" s="166">
        <v>0</v>
      </c>
      <c r="AE2338" s="166">
        <v>0</v>
      </c>
      <c r="AF2338" s="166">
        <v>0</v>
      </c>
      <c r="AG2338" s="166">
        <v>0</v>
      </c>
      <c r="AH2338" s="166">
        <v>0</v>
      </c>
      <c r="AI2338" s="166">
        <v>0</v>
      </c>
      <c r="AJ2338" s="166">
        <v>0</v>
      </c>
      <c r="AK2338" s="166">
        <v>0</v>
      </c>
      <c r="AL2338" s="166">
        <v>0</v>
      </c>
      <c r="AM2338" s="166">
        <v>0</v>
      </c>
      <c r="AN2338" s="166">
        <v>0</v>
      </c>
      <c r="AO2338" s="166">
        <v>0</v>
      </c>
      <c r="AP2338" s="166">
        <v>0</v>
      </c>
      <c r="AQ2338" s="166">
        <v>0</v>
      </c>
      <c r="AR2338" s="166">
        <v>0</v>
      </c>
      <c r="AS2338" s="166">
        <v>0</v>
      </c>
      <c r="AT2338" s="166">
        <v>0</v>
      </c>
      <c r="AU2338" s="166">
        <v>0</v>
      </c>
      <c r="AV2338" s="166">
        <v>0</v>
      </c>
      <c r="AW2338" s="166">
        <v>0</v>
      </c>
      <c r="AX2338" s="166">
        <v>0</v>
      </c>
      <c r="AY2338" s="166">
        <v>0</v>
      </c>
      <c r="AZ2338" s="166">
        <v>0</v>
      </c>
      <c r="BA2338" s="166">
        <v>0</v>
      </c>
      <c r="BB2338" s="166">
        <v>0</v>
      </c>
      <c r="BC2338" s="166">
        <v>0</v>
      </c>
      <c r="BD2338" s="166">
        <v>0</v>
      </c>
      <c r="BE2338" s="166">
        <v>0</v>
      </c>
      <c r="BF2338" s="166">
        <v>0</v>
      </c>
      <c r="BG2338" s="166">
        <v>0</v>
      </c>
      <c r="BH2338" s="166">
        <v>0</v>
      </c>
      <c r="BI2338" s="166">
        <v>0</v>
      </c>
      <c r="BJ2338" s="166">
        <v>0</v>
      </c>
      <c r="BK2338" s="166">
        <v>0</v>
      </c>
      <c r="BL2338" s="166">
        <v>0</v>
      </c>
      <c r="BM2338" s="166">
        <v>0</v>
      </c>
      <c r="BN2338" s="166">
        <v>0</v>
      </c>
      <c r="BO2338" s="166">
        <v>0</v>
      </c>
      <c r="BP2338" s="166">
        <v>0</v>
      </c>
      <c r="BQ2338" s="166">
        <v>0</v>
      </c>
      <c r="BR2338" s="166">
        <v>279592191.31999999</v>
      </c>
      <c r="BS2338" s="166">
        <v>279592191.31999999</v>
      </c>
      <c r="BT2338" s="168">
        <v>0</v>
      </c>
      <c r="BU2338" s="166">
        <v>21126249.718283001</v>
      </c>
      <c r="BV2338" s="166">
        <v>278168512.73586202</v>
      </c>
      <c r="BW2338" s="166">
        <v>0</v>
      </c>
      <c r="BX2338" s="166">
        <v>0</v>
      </c>
      <c r="BY2338" s="166">
        <v>0</v>
      </c>
      <c r="BZ2338" s="166">
        <v>0</v>
      </c>
      <c r="CA2338" s="166">
        <v>0</v>
      </c>
      <c r="CB2338" s="166">
        <v>0</v>
      </c>
      <c r="CC2338" s="166">
        <v>0</v>
      </c>
      <c r="CD2338" s="166">
        <v>0</v>
      </c>
      <c r="CE2338" s="166">
        <v>0</v>
      </c>
      <c r="CF2338" s="166">
        <v>0</v>
      </c>
      <c r="CG2338" s="166">
        <v>0</v>
      </c>
      <c r="CH2338" s="166">
        <v>0</v>
      </c>
      <c r="CI2338" s="166">
        <v>0</v>
      </c>
      <c r="CJ2338" s="166">
        <v>0</v>
      </c>
      <c r="CK2338" s="166">
        <v>0</v>
      </c>
      <c r="CL2338" s="166">
        <v>0</v>
      </c>
      <c r="CM2338" s="166">
        <v>0</v>
      </c>
      <c r="CN2338" s="166">
        <v>0</v>
      </c>
      <c r="CO2338" s="166">
        <v>0</v>
      </c>
      <c r="CP2338" s="166">
        <v>0</v>
      </c>
      <c r="CQ2338" s="166">
        <v>0</v>
      </c>
      <c r="CR2338" s="166">
        <v>0</v>
      </c>
      <c r="CS2338" s="166">
        <v>0</v>
      </c>
      <c r="CT2338" s="166">
        <v>0</v>
      </c>
      <c r="CU2338" s="166">
        <v>0</v>
      </c>
      <c r="CV2338" s="166">
        <v>0</v>
      </c>
      <c r="CW2338" s="166">
        <v>0</v>
      </c>
      <c r="CX2338" s="166">
        <v>0</v>
      </c>
      <c r="CY2338" s="166">
        <v>278168512.73586202</v>
      </c>
      <c r="CZ2338" s="166">
        <v>278168512.73586202</v>
      </c>
    </row>
    <row r="2339" spans="1:104" x14ac:dyDescent="0.2">
      <c r="A2339" s="167" t="s">
        <v>187</v>
      </c>
    </row>
    <row r="2340" spans="1:104" ht="10.8" thickBot="1" x14ac:dyDescent="0.25">
      <c r="A2340" s="169" t="s">
        <v>188</v>
      </c>
    </row>
    <row r="2341" spans="1:104" x14ac:dyDescent="0.2">
      <c r="A2341" s="170" t="s">
        <v>189</v>
      </c>
      <c r="B2341" s="166">
        <v>0</v>
      </c>
      <c r="C2341" s="166">
        <v>0</v>
      </c>
      <c r="D2341" s="166">
        <v>0</v>
      </c>
      <c r="E2341" s="166">
        <v>0</v>
      </c>
      <c r="F2341" s="166">
        <v>0</v>
      </c>
      <c r="G2341" s="166">
        <v>0</v>
      </c>
      <c r="H2341" s="166">
        <v>0</v>
      </c>
      <c r="I2341" s="166">
        <v>0</v>
      </c>
      <c r="J2341" s="166">
        <v>0</v>
      </c>
      <c r="K2341" s="166">
        <v>0</v>
      </c>
      <c r="L2341" s="166">
        <v>0</v>
      </c>
      <c r="M2341" s="166">
        <v>0</v>
      </c>
      <c r="N2341" s="166">
        <v>0</v>
      </c>
      <c r="O2341" s="166">
        <v>0</v>
      </c>
      <c r="P2341" s="166">
        <v>0</v>
      </c>
      <c r="Q2341" s="166">
        <v>0</v>
      </c>
      <c r="R2341" s="166">
        <v>0</v>
      </c>
      <c r="S2341" s="166">
        <v>0</v>
      </c>
      <c r="T2341" s="166">
        <v>0</v>
      </c>
      <c r="U2341" s="166">
        <v>0</v>
      </c>
      <c r="V2341" s="166">
        <v>0</v>
      </c>
      <c r="W2341" s="166">
        <v>0</v>
      </c>
      <c r="X2341" s="166">
        <v>0</v>
      </c>
      <c r="Y2341" s="166">
        <v>0</v>
      </c>
      <c r="Z2341" s="166">
        <v>0</v>
      </c>
      <c r="AA2341" s="166">
        <v>0</v>
      </c>
      <c r="AB2341" s="166">
        <v>0</v>
      </c>
      <c r="AC2341" s="166">
        <v>0</v>
      </c>
      <c r="AD2341" s="166">
        <v>0</v>
      </c>
      <c r="AE2341" s="166">
        <v>0</v>
      </c>
      <c r="AF2341" s="166">
        <v>0</v>
      </c>
      <c r="AG2341" s="166">
        <v>0</v>
      </c>
      <c r="AH2341" s="166">
        <v>0</v>
      </c>
      <c r="AI2341" s="166">
        <v>0</v>
      </c>
      <c r="AJ2341" s="166">
        <v>0</v>
      </c>
      <c r="AK2341" s="166">
        <v>0</v>
      </c>
      <c r="AL2341" s="166">
        <v>0</v>
      </c>
      <c r="AM2341" s="166">
        <v>0</v>
      </c>
      <c r="AN2341" s="166">
        <v>0</v>
      </c>
      <c r="AO2341" s="166">
        <v>0</v>
      </c>
      <c r="AP2341" s="166">
        <v>0</v>
      </c>
      <c r="AQ2341" s="166">
        <v>0</v>
      </c>
      <c r="AR2341" s="166">
        <v>0</v>
      </c>
      <c r="AS2341" s="166">
        <v>0</v>
      </c>
      <c r="AT2341" s="166">
        <v>0</v>
      </c>
      <c r="AU2341" s="166">
        <v>0</v>
      </c>
      <c r="AV2341" s="166">
        <v>0</v>
      </c>
      <c r="AW2341" s="166">
        <v>0</v>
      </c>
      <c r="AX2341" s="166">
        <v>0</v>
      </c>
      <c r="AY2341" s="166">
        <v>0</v>
      </c>
      <c r="AZ2341" s="166">
        <v>0</v>
      </c>
      <c r="BA2341" s="166">
        <v>0</v>
      </c>
      <c r="BB2341" s="166">
        <v>0</v>
      </c>
      <c r="BC2341" s="166">
        <v>0</v>
      </c>
      <c r="BD2341" s="166">
        <v>0</v>
      </c>
      <c r="BE2341" s="166">
        <v>0</v>
      </c>
      <c r="BF2341" s="166">
        <v>0</v>
      </c>
      <c r="BG2341" s="166">
        <v>0</v>
      </c>
      <c r="BH2341" s="166">
        <v>0</v>
      </c>
      <c r="BI2341" s="166">
        <v>0</v>
      </c>
      <c r="BJ2341" s="166">
        <v>0</v>
      </c>
      <c r="BK2341" s="166">
        <v>0</v>
      </c>
      <c r="BL2341" s="166">
        <v>0</v>
      </c>
      <c r="BM2341" s="166">
        <v>0</v>
      </c>
      <c r="BN2341" s="166">
        <v>0</v>
      </c>
      <c r="BO2341" s="166">
        <v>0</v>
      </c>
      <c r="BP2341" s="166">
        <v>0</v>
      </c>
      <c r="BQ2341" s="166">
        <v>0</v>
      </c>
      <c r="BR2341" s="166">
        <v>0</v>
      </c>
      <c r="BS2341" s="166">
        <v>0</v>
      </c>
      <c r="BT2341" s="168">
        <v>0</v>
      </c>
      <c r="BU2341" s="166">
        <v>0</v>
      </c>
      <c r="BV2341" s="166">
        <v>0</v>
      </c>
      <c r="BW2341" s="166">
        <v>0</v>
      </c>
      <c r="BX2341" s="166">
        <v>0</v>
      </c>
      <c r="BY2341" s="166">
        <v>0</v>
      </c>
      <c r="BZ2341" s="166">
        <v>0</v>
      </c>
      <c r="CA2341" s="166">
        <v>0</v>
      </c>
      <c r="CB2341" s="166">
        <v>0</v>
      </c>
      <c r="CC2341" s="166">
        <v>0</v>
      </c>
      <c r="CD2341" s="166">
        <v>0</v>
      </c>
      <c r="CE2341" s="166">
        <v>0</v>
      </c>
      <c r="CF2341" s="166">
        <v>0</v>
      </c>
      <c r="CG2341" s="166">
        <v>0</v>
      </c>
      <c r="CH2341" s="166">
        <v>0</v>
      </c>
      <c r="CI2341" s="166">
        <v>0</v>
      </c>
      <c r="CJ2341" s="166">
        <v>0</v>
      </c>
      <c r="CK2341" s="166">
        <v>0</v>
      </c>
      <c r="CL2341" s="166">
        <v>0</v>
      </c>
      <c r="CM2341" s="166">
        <v>0</v>
      </c>
      <c r="CN2341" s="166">
        <v>0</v>
      </c>
      <c r="CO2341" s="166">
        <v>0</v>
      </c>
      <c r="CP2341" s="166">
        <v>0</v>
      </c>
      <c r="CQ2341" s="166">
        <v>0</v>
      </c>
      <c r="CR2341" s="166">
        <v>0</v>
      </c>
      <c r="CS2341" s="166">
        <v>0</v>
      </c>
      <c r="CT2341" s="166">
        <v>0</v>
      </c>
      <c r="CU2341" s="166">
        <v>0</v>
      </c>
      <c r="CV2341" s="166">
        <v>0</v>
      </c>
      <c r="CW2341" s="166">
        <v>0</v>
      </c>
      <c r="CX2341" s="166">
        <v>0</v>
      </c>
      <c r="CY2341" s="166">
        <v>0</v>
      </c>
      <c r="CZ2341" s="166">
        <v>0</v>
      </c>
    </row>
    <row r="2342" spans="1:104" x14ac:dyDescent="0.2">
      <c r="A2342" s="167" t="s">
        <v>1065</v>
      </c>
      <c r="B2342" s="166">
        <v>0</v>
      </c>
      <c r="C2342" s="166">
        <v>0</v>
      </c>
      <c r="D2342" s="166">
        <v>0</v>
      </c>
      <c r="E2342" s="166">
        <v>0</v>
      </c>
      <c r="F2342" s="166">
        <v>0</v>
      </c>
      <c r="G2342" s="166">
        <v>0</v>
      </c>
      <c r="H2342" s="166">
        <v>0</v>
      </c>
      <c r="I2342" s="166">
        <v>0</v>
      </c>
      <c r="J2342" s="166">
        <v>0</v>
      </c>
      <c r="K2342" s="166">
        <v>0</v>
      </c>
      <c r="L2342" s="166">
        <v>0</v>
      </c>
      <c r="M2342" s="166">
        <v>0</v>
      </c>
      <c r="N2342" s="166">
        <v>0</v>
      </c>
      <c r="O2342" s="166">
        <v>0</v>
      </c>
      <c r="P2342" s="166">
        <v>0</v>
      </c>
      <c r="Q2342" s="166">
        <v>0</v>
      </c>
      <c r="R2342" s="166">
        <v>0</v>
      </c>
      <c r="S2342" s="166">
        <v>0</v>
      </c>
      <c r="T2342" s="166">
        <v>0</v>
      </c>
      <c r="U2342" s="166">
        <v>0</v>
      </c>
      <c r="V2342" s="166">
        <v>0</v>
      </c>
      <c r="W2342" s="166">
        <v>0</v>
      </c>
      <c r="X2342" s="166">
        <v>0</v>
      </c>
      <c r="Y2342" s="166">
        <v>0</v>
      </c>
      <c r="Z2342" s="166">
        <v>0</v>
      </c>
      <c r="AA2342" s="166">
        <v>0</v>
      </c>
      <c r="AB2342" s="166">
        <v>0</v>
      </c>
      <c r="AC2342" s="166">
        <v>0</v>
      </c>
      <c r="AD2342" s="166">
        <v>0</v>
      </c>
      <c r="AE2342" s="166">
        <v>0</v>
      </c>
      <c r="AF2342" s="166">
        <v>0</v>
      </c>
      <c r="AG2342" s="166">
        <v>0</v>
      </c>
      <c r="AH2342" s="166">
        <v>0</v>
      </c>
      <c r="AI2342" s="166">
        <v>0</v>
      </c>
      <c r="AJ2342" s="166">
        <v>0</v>
      </c>
      <c r="AK2342" s="166">
        <v>0</v>
      </c>
      <c r="AL2342" s="166">
        <v>0</v>
      </c>
      <c r="AM2342" s="166">
        <v>0</v>
      </c>
      <c r="AN2342" s="166">
        <v>0</v>
      </c>
      <c r="AO2342" s="166">
        <v>0</v>
      </c>
      <c r="AP2342" s="166">
        <v>0</v>
      </c>
      <c r="AQ2342" s="166">
        <v>0</v>
      </c>
      <c r="AR2342" s="166">
        <v>0</v>
      </c>
      <c r="AS2342" s="166">
        <v>0</v>
      </c>
      <c r="AT2342" s="166">
        <v>0</v>
      </c>
      <c r="AU2342" s="166">
        <v>0</v>
      </c>
      <c r="AV2342" s="166">
        <v>0</v>
      </c>
      <c r="AW2342" s="166">
        <v>0</v>
      </c>
      <c r="AX2342" s="166">
        <v>0</v>
      </c>
      <c r="AY2342" s="166">
        <v>0</v>
      </c>
      <c r="AZ2342" s="166">
        <v>0</v>
      </c>
      <c r="BA2342" s="166">
        <v>0</v>
      </c>
      <c r="BB2342" s="166">
        <v>0</v>
      </c>
      <c r="BC2342" s="166">
        <v>0</v>
      </c>
      <c r="BD2342" s="166">
        <v>0</v>
      </c>
      <c r="BE2342" s="166">
        <v>0</v>
      </c>
      <c r="BF2342" s="166">
        <v>0</v>
      </c>
      <c r="BG2342" s="166">
        <v>0</v>
      </c>
      <c r="BH2342" s="166">
        <v>0</v>
      </c>
      <c r="BI2342" s="166">
        <v>0</v>
      </c>
      <c r="BJ2342" s="166">
        <v>0</v>
      </c>
      <c r="BK2342" s="166">
        <v>0</v>
      </c>
      <c r="BL2342" s="166">
        <v>0</v>
      </c>
      <c r="BM2342" s="166">
        <v>0</v>
      </c>
      <c r="BN2342" s="166">
        <v>0</v>
      </c>
      <c r="BO2342" s="166">
        <v>0</v>
      </c>
      <c r="BP2342" s="166">
        <v>0</v>
      </c>
      <c r="BQ2342" s="166">
        <v>0</v>
      </c>
      <c r="BR2342" s="166">
        <v>0</v>
      </c>
      <c r="BS2342" s="166">
        <v>0</v>
      </c>
      <c r="BT2342" s="168">
        <v>0.99999812279077205</v>
      </c>
      <c r="BU2342" s="166">
        <v>0</v>
      </c>
      <c r="BV2342" s="166">
        <v>0</v>
      </c>
      <c r="BW2342" s="166">
        <v>0</v>
      </c>
      <c r="BX2342" s="166">
        <v>0</v>
      </c>
      <c r="BY2342" s="166">
        <v>0</v>
      </c>
      <c r="BZ2342" s="166">
        <v>0</v>
      </c>
      <c r="CA2342" s="166">
        <v>0</v>
      </c>
      <c r="CB2342" s="166">
        <v>0</v>
      </c>
      <c r="CC2342" s="166">
        <v>0</v>
      </c>
      <c r="CD2342" s="166">
        <v>0</v>
      </c>
      <c r="CE2342" s="166">
        <v>0</v>
      </c>
      <c r="CF2342" s="166">
        <v>0</v>
      </c>
      <c r="CG2342" s="166">
        <v>0</v>
      </c>
      <c r="CH2342" s="166">
        <v>0</v>
      </c>
      <c r="CI2342" s="166">
        <v>0</v>
      </c>
      <c r="CJ2342" s="166">
        <v>0</v>
      </c>
      <c r="CK2342" s="166">
        <v>0</v>
      </c>
      <c r="CL2342" s="166">
        <v>0</v>
      </c>
      <c r="CM2342" s="166">
        <v>0</v>
      </c>
      <c r="CN2342" s="166">
        <v>0</v>
      </c>
      <c r="CO2342" s="166">
        <v>0</v>
      </c>
      <c r="CP2342" s="166">
        <v>0</v>
      </c>
      <c r="CQ2342" s="166">
        <v>0</v>
      </c>
      <c r="CR2342" s="166">
        <v>0</v>
      </c>
      <c r="CS2342" s="166">
        <v>0</v>
      </c>
      <c r="CT2342" s="166">
        <v>0</v>
      </c>
      <c r="CU2342" s="166">
        <v>0</v>
      </c>
      <c r="CV2342" s="166">
        <v>0</v>
      </c>
      <c r="CW2342" s="166">
        <v>0</v>
      </c>
      <c r="CX2342" s="166">
        <v>0</v>
      </c>
      <c r="CY2342" s="166">
        <v>0</v>
      </c>
      <c r="CZ2342" s="166">
        <v>0</v>
      </c>
    </row>
    <row r="2343" spans="1:104" x14ac:dyDescent="0.2">
      <c r="A2343" s="167" t="s">
        <v>1066</v>
      </c>
      <c r="B2343" s="166">
        <v>0</v>
      </c>
      <c r="C2343" s="166">
        <v>0</v>
      </c>
      <c r="D2343" s="166">
        <v>0</v>
      </c>
      <c r="E2343" s="166">
        <v>0</v>
      </c>
      <c r="F2343" s="166">
        <v>0</v>
      </c>
      <c r="G2343" s="166">
        <v>0</v>
      </c>
      <c r="H2343" s="166">
        <v>0</v>
      </c>
      <c r="I2343" s="166">
        <v>0</v>
      </c>
      <c r="J2343" s="166">
        <v>0</v>
      </c>
      <c r="K2343" s="166">
        <v>0</v>
      </c>
      <c r="L2343" s="166">
        <v>0</v>
      </c>
      <c r="M2343" s="166">
        <v>0</v>
      </c>
      <c r="N2343" s="166">
        <v>0</v>
      </c>
      <c r="O2343" s="166">
        <v>0</v>
      </c>
      <c r="P2343" s="166">
        <v>0</v>
      </c>
      <c r="Q2343" s="166">
        <v>0</v>
      </c>
      <c r="R2343" s="166">
        <v>0</v>
      </c>
      <c r="S2343" s="166">
        <v>0</v>
      </c>
      <c r="T2343" s="166">
        <v>0</v>
      </c>
      <c r="U2343" s="166">
        <v>0</v>
      </c>
      <c r="V2343" s="166">
        <v>0</v>
      </c>
      <c r="W2343" s="166">
        <v>0</v>
      </c>
      <c r="X2343" s="166">
        <v>0</v>
      </c>
      <c r="Y2343" s="166">
        <v>0</v>
      </c>
      <c r="Z2343" s="166">
        <v>0</v>
      </c>
      <c r="AA2343" s="166">
        <v>0</v>
      </c>
      <c r="AB2343" s="166">
        <v>0</v>
      </c>
      <c r="AC2343" s="166">
        <v>0</v>
      </c>
      <c r="AD2343" s="166">
        <v>0</v>
      </c>
      <c r="AE2343" s="166">
        <v>0</v>
      </c>
      <c r="AF2343" s="166">
        <v>0</v>
      </c>
      <c r="AG2343" s="166">
        <v>0</v>
      </c>
      <c r="AH2343" s="166">
        <v>0</v>
      </c>
      <c r="AI2343" s="166">
        <v>0</v>
      </c>
      <c r="AJ2343" s="166">
        <v>0</v>
      </c>
      <c r="AK2343" s="166">
        <v>0</v>
      </c>
      <c r="AL2343" s="166">
        <v>0</v>
      </c>
      <c r="AM2343" s="166">
        <v>0</v>
      </c>
      <c r="AN2343" s="166">
        <v>0</v>
      </c>
      <c r="AO2343" s="166">
        <v>0</v>
      </c>
      <c r="AP2343" s="166">
        <v>0</v>
      </c>
      <c r="AQ2343" s="166">
        <v>0</v>
      </c>
      <c r="AR2343" s="166">
        <v>0</v>
      </c>
      <c r="AS2343" s="166">
        <v>0</v>
      </c>
      <c r="AT2343" s="166">
        <v>0</v>
      </c>
      <c r="AU2343" s="166">
        <v>0</v>
      </c>
      <c r="AV2343" s="166">
        <v>0</v>
      </c>
      <c r="AW2343" s="166">
        <v>0</v>
      </c>
      <c r="AX2343" s="166">
        <v>0</v>
      </c>
      <c r="AY2343" s="166">
        <v>0</v>
      </c>
      <c r="AZ2343" s="166">
        <v>0</v>
      </c>
      <c r="BA2343" s="166">
        <v>0</v>
      </c>
      <c r="BB2343" s="166">
        <v>0</v>
      </c>
      <c r="BC2343" s="166">
        <v>0</v>
      </c>
      <c r="BD2343" s="166">
        <v>0</v>
      </c>
      <c r="BE2343" s="166">
        <v>0</v>
      </c>
      <c r="BF2343" s="166">
        <v>0</v>
      </c>
      <c r="BG2343" s="166">
        <v>0</v>
      </c>
      <c r="BH2343" s="166">
        <v>0</v>
      </c>
      <c r="BI2343" s="166">
        <v>0</v>
      </c>
      <c r="BJ2343" s="166">
        <v>0</v>
      </c>
      <c r="BK2343" s="166">
        <v>0</v>
      </c>
      <c r="BL2343" s="166">
        <v>0</v>
      </c>
      <c r="BM2343" s="166">
        <v>0</v>
      </c>
      <c r="BN2343" s="166">
        <v>0</v>
      </c>
      <c r="BO2343" s="166">
        <v>0</v>
      </c>
      <c r="BP2343" s="166">
        <v>0</v>
      </c>
      <c r="BQ2343" s="166">
        <v>0</v>
      </c>
      <c r="BR2343" s="166">
        <v>0</v>
      </c>
      <c r="BS2343" s="166">
        <v>0</v>
      </c>
      <c r="BT2343" s="168">
        <v>0.95155251328940305</v>
      </c>
      <c r="BU2343" s="166">
        <v>0</v>
      </c>
      <c r="BV2343" s="166">
        <v>0</v>
      </c>
      <c r="BW2343" s="166">
        <v>0</v>
      </c>
      <c r="BX2343" s="166">
        <v>0</v>
      </c>
      <c r="BY2343" s="166">
        <v>0</v>
      </c>
      <c r="BZ2343" s="166">
        <v>0</v>
      </c>
      <c r="CA2343" s="166">
        <v>0</v>
      </c>
      <c r="CB2343" s="166">
        <v>0</v>
      </c>
      <c r="CC2343" s="166">
        <v>0</v>
      </c>
      <c r="CD2343" s="166">
        <v>0</v>
      </c>
      <c r="CE2343" s="166">
        <v>0</v>
      </c>
      <c r="CF2343" s="166">
        <v>0</v>
      </c>
      <c r="CG2343" s="166">
        <v>0</v>
      </c>
      <c r="CH2343" s="166">
        <v>0</v>
      </c>
      <c r="CI2343" s="166">
        <v>0</v>
      </c>
      <c r="CJ2343" s="166">
        <v>0</v>
      </c>
      <c r="CK2343" s="166">
        <v>0</v>
      </c>
      <c r="CL2343" s="166">
        <v>0</v>
      </c>
      <c r="CM2343" s="166">
        <v>0</v>
      </c>
      <c r="CN2343" s="166">
        <v>0</v>
      </c>
      <c r="CO2343" s="166">
        <v>0</v>
      </c>
      <c r="CP2343" s="166">
        <v>0</v>
      </c>
      <c r="CQ2343" s="166">
        <v>0</v>
      </c>
      <c r="CR2343" s="166">
        <v>0</v>
      </c>
      <c r="CS2343" s="166">
        <v>0</v>
      </c>
      <c r="CT2343" s="166">
        <v>0</v>
      </c>
      <c r="CU2343" s="166">
        <v>0</v>
      </c>
      <c r="CV2343" s="166">
        <v>0</v>
      </c>
      <c r="CW2343" s="166">
        <v>0</v>
      </c>
      <c r="CX2343" s="166">
        <v>0</v>
      </c>
      <c r="CY2343" s="166">
        <v>0</v>
      </c>
      <c r="CZ2343" s="166">
        <v>0</v>
      </c>
    </row>
    <row r="2344" spans="1:104" x14ac:dyDescent="0.2">
      <c r="A2344" s="167" t="s">
        <v>1067</v>
      </c>
      <c r="B2344" s="166">
        <v>0</v>
      </c>
      <c r="C2344" s="166">
        <v>0</v>
      </c>
      <c r="D2344" s="166">
        <v>0</v>
      </c>
      <c r="E2344" s="166">
        <v>0</v>
      </c>
      <c r="F2344" s="166">
        <v>0</v>
      </c>
      <c r="G2344" s="166">
        <v>0</v>
      </c>
      <c r="H2344" s="166">
        <v>0</v>
      </c>
      <c r="I2344" s="166">
        <v>0</v>
      </c>
      <c r="J2344" s="166">
        <v>0</v>
      </c>
      <c r="K2344" s="166">
        <v>0</v>
      </c>
      <c r="L2344" s="166">
        <v>0</v>
      </c>
      <c r="M2344" s="166">
        <v>0</v>
      </c>
      <c r="N2344" s="166">
        <v>0</v>
      </c>
      <c r="O2344" s="166">
        <v>0</v>
      </c>
      <c r="P2344" s="166">
        <v>0</v>
      </c>
      <c r="Q2344" s="166">
        <v>0</v>
      </c>
      <c r="R2344" s="166">
        <v>0</v>
      </c>
      <c r="S2344" s="166">
        <v>0</v>
      </c>
      <c r="T2344" s="166">
        <v>0</v>
      </c>
      <c r="U2344" s="166">
        <v>0</v>
      </c>
      <c r="V2344" s="166">
        <v>0</v>
      </c>
      <c r="W2344" s="166">
        <v>0</v>
      </c>
      <c r="X2344" s="166">
        <v>0</v>
      </c>
      <c r="Y2344" s="166">
        <v>0</v>
      </c>
      <c r="Z2344" s="166">
        <v>0</v>
      </c>
      <c r="AA2344" s="166">
        <v>0</v>
      </c>
      <c r="AB2344" s="166">
        <v>0</v>
      </c>
      <c r="AC2344" s="166">
        <v>0</v>
      </c>
      <c r="AD2344" s="166">
        <v>0</v>
      </c>
      <c r="AE2344" s="166">
        <v>0</v>
      </c>
      <c r="AF2344" s="166">
        <v>0</v>
      </c>
      <c r="AG2344" s="166">
        <v>0</v>
      </c>
      <c r="AH2344" s="166">
        <v>0</v>
      </c>
      <c r="AI2344" s="166">
        <v>0</v>
      </c>
      <c r="AJ2344" s="166">
        <v>0</v>
      </c>
      <c r="AK2344" s="166">
        <v>0</v>
      </c>
      <c r="AL2344" s="166">
        <v>0</v>
      </c>
      <c r="AM2344" s="166">
        <v>0</v>
      </c>
      <c r="AN2344" s="166">
        <v>0</v>
      </c>
      <c r="AO2344" s="166">
        <v>0</v>
      </c>
      <c r="AP2344" s="166">
        <v>0</v>
      </c>
      <c r="AQ2344" s="166">
        <v>0</v>
      </c>
      <c r="AR2344" s="166">
        <v>0</v>
      </c>
      <c r="AS2344" s="166">
        <v>0</v>
      </c>
      <c r="AT2344" s="166">
        <v>0</v>
      </c>
      <c r="AU2344" s="166">
        <v>0</v>
      </c>
      <c r="AV2344" s="166">
        <v>0</v>
      </c>
      <c r="AW2344" s="166">
        <v>0</v>
      </c>
      <c r="AX2344" s="166">
        <v>0</v>
      </c>
      <c r="AY2344" s="166">
        <v>0</v>
      </c>
      <c r="AZ2344" s="166">
        <v>0</v>
      </c>
      <c r="BA2344" s="166">
        <v>0</v>
      </c>
      <c r="BB2344" s="166">
        <v>0</v>
      </c>
      <c r="BC2344" s="166">
        <v>0</v>
      </c>
      <c r="BD2344" s="166">
        <v>0</v>
      </c>
      <c r="BE2344" s="166">
        <v>0</v>
      </c>
      <c r="BF2344" s="166">
        <v>0</v>
      </c>
      <c r="BG2344" s="166">
        <v>0</v>
      </c>
      <c r="BH2344" s="166">
        <v>0</v>
      </c>
      <c r="BI2344" s="166">
        <v>0</v>
      </c>
      <c r="BJ2344" s="166">
        <v>0</v>
      </c>
      <c r="BK2344" s="166">
        <v>0</v>
      </c>
      <c r="BL2344" s="166">
        <v>0</v>
      </c>
      <c r="BM2344" s="166">
        <v>0</v>
      </c>
      <c r="BN2344" s="166">
        <v>0</v>
      </c>
      <c r="BO2344" s="166">
        <v>0</v>
      </c>
      <c r="BP2344" s="166">
        <v>0</v>
      </c>
      <c r="BQ2344" s="166">
        <v>0</v>
      </c>
      <c r="BR2344" s="166">
        <v>0</v>
      </c>
      <c r="BS2344" s="166">
        <v>0</v>
      </c>
      <c r="BT2344" s="168">
        <v>0.97794258413195501</v>
      </c>
      <c r="BU2344" s="166">
        <v>0</v>
      </c>
      <c r="BV2344" s="166">
        <v>0</v>
      </c>
      <c r="BW2344" s="166">
        <v>0</v>
      </c>
      <c r="BX2344" s="166">
        <v>0</v>
      </c>
      <c r="BY2344" s="166">
        <v>0</v>
      </c>
      <c r="BZ2344" s="166">
        <v>0</v>
      </c>
      <c r="CA2344" s="166">
        <v>0</v>
      </c>
      <c r="CB2344" s="166">
        <v>0</v>
      </c>
      <c r="CC2344" s="166">
        <v>0</v>
      </c>
      <c r="CD2344" s="166">
        <v>0</v>
      </c>
      <c r="CE2344" s="166">
        <v>0</v>
      </c>
      <c r="CF2344" s="166">
        <v>0</v>
      </c>
      <c r="CG2344" s="166">
        <v>0</v>
      </c>
      <c r="CH2344" s="166">
        <v>0</v>
      </c>
      <c r="CI2344" s="166">
        <v>0</v>
      </c>
      <c r="CJ2344" s="166">
        <v>0</v>
      </c>
      <c r="CK2344" s="166">
        <v>0</v>
      </c>
      <c r="CL2344" s="166">
        <v>0</v>
      </c>
      <c r="CM2344" s="166">
        <v>0</v>
      </c>
      <c r="CN2344" s="166">
        <v>0</v>
      </c>
      <c r="CO2344" s="166">
        <v>0</v>
      </c>
      <c r="CP2344" s="166">
        <v>0</v>
      </c>
      <c r="CQ2344" s="166">
        <v>0</v>
      </c>
      <c r="CR2344" s="166">
        <v>0</v>
      </c>
      <c r="CS2344" s="166">
        <v>0</v>
      </c>
      <c r="CT2344" s="166">
        <v>0</v>
      </c>
      <c r="CU2344" s="166">
        <v>0</v>
      </c>
      <c r="CV2344" s="166">
        <v>0</v>
      </c>
      <c r="CW2344" s="166">
        <v>0</v>
      </c>
      <c r="CX2344" s="166">
        <v>0</v>
      </c>
      <c r="CY2344" s="166">
        <v>0</v>
      </c>
      <c r="CZ2344" s="166">
        <v>0</v>
      </c>
    </row>
    <row r="2345" spans="1:104" x14ac:dyDescent="0.2">
      <c r="A2345" s="167" t="s">
        <v>193</v>
      </c>
      <c r="B2345" s="166">
        <v>0</v>
      </c>
      <c r="C2345" s="166">
        <v>0</v>
      </c>
      <c r="D2345" s="166">
        <v>0</v>
      </c>
      <c r="E2345" s="166">
        <v>0</v>
      </c>
      <c r="F2345" s="166">
        <v>0</v>
      </c>
      <c r="G2345" s="166">
        <v>0</v>
      </c>
      <c r="H2345" s="166">
        <v>0</v>
      </c>
      <c r="I2345" s="166">
        <v>0</v>
      </c>
      <c r="J2345" s="166">
        <v>0</v>
      </c>
      <c r="K2345" s="166">
        <v>0</v>
      </c>
      <c r="L2345" s="166">
        <v>0</v>
      </c>
      <c r="M2345" s="166">
        <v>0</v>
      </c>
      <c r="N2345" s="166">
        <v>0</v>
      </c>
      <c r="O2345" s="166">
        <v>0</v>
      </c>
      <c r="P2345" s="166">
        <v>0</v>
      </c>
      <c r="Q2345" s="166">
        <v>0</v>
      </c>
      <c r="R2345" s="166">
        <v>0</v>
      </c>
      <c r="S2345" s="166">
        <v>0</v>
      </c>
      <c r="T2345" s="166">
        <v>0</v>
      </c>
      <c r="U2345" s="166">
        <v>0</v>
      </c>
      <c r="V2345" s="166">
        <v>0</v>
      </c>
      <c r="W2345" s="166">
        <v>0</v>
      </c>
      <c r="X2345" s="166">
        <v>0</v>
      </c>
      <c r="Y2345" s="166">
        <v>0</v>
      </c>
      <c r="Z2345" s="166">
        <v>0</v>
      </c>
      <c r="AA2345" s="166">
        <v>0</v>
      </c>
      <c r="AB2345" s="166">
        <v>0</v>
      </c>
      <c r="AC2345" s="166">
        <v>0</v>
      </c>
      <c r="AD2345" s="166">
        <v>0</v>
      </c>
      <c r="AE2345" s="166">
        <v>0</v>
      </c>
      <c r="AF2345" s="166">
        <v>0</v>
      </c>
      <c r="AG2345" s="166">
        <v>0</v>
      </c>
      <c r="AH2345" s="166">
        <v>0</v>
      </c>
      <c r="AI2345" s="166">
        <v>0</v>
      </c>
      <c r="AJ2345" s="166">
        <v>0</v>
      </c>
      <c r="AK2345" s="166">
        <v>0</v>
      </c>
      <c r="AL2345" s="166">
        <v>0</v>
      </c>
      <c r="AM2345" s="166">
        <v>0</v>
      </c>
      <c r="AN2345" s="166">
        <v>0</v>
      </c>
      <c r="AO2345" s="166">
        <v>0</v>
      </c>
      <c r="AP2345" s="166">
        <v>0</v>
      </c>
      <c r="AQ2345" s="166">
        <v>0</v>
      </c>
      <c r="AR2345" s="166">
        <v>0</v>
      </c>
      <c r="AS2345" s="166">
        <v>0</v>
      </c>
      <c r="AT2345" s="166">
        <v>0</v>
      </c>
      <c r="AU2345" s="166">
        <v>0</v>
      </c>
      <c r="AV2345" s="166">
        <v>0</v>
      </c>
      <c r="AW2345" s="166">
        <v>0</v>
      </c>
      <c r="AX2345" s="166">
        <v>0</v>
      </c>
      <c r="AY2345" s="166">
        <v>0</v>
      </c>
      <c r="AZ2345" s="166">
        <v>0</v>
      </c>
      <c r="BA2345" s="166">
        <v>0</v>
      </c>
      <c r="BB2345" s="166">
        <v>0</v>
      </c>
      <c r="BC2345" s="166">
        <v>0</v>
      </c>
      <c r="BD2345" s="166">
        <v>0</v>
      </c>
      <c r="BE2345" s="166">
        <v>0</v>
      </c>
      <c r="BF2345" s="166">
        <v>0</v>
      </c>
      <c r="BG2345" s="166">
        <v>0</v>
      </c>
      <c r="BH2345" s="166">
        <v>0</v>
      </c>
      <c r="BI2345" s="166">
        <v>0</v>
      </c>
      <c r="BJ2345" s="166">
        <v>0</v>
      </c>
      <c r="BK2345" s="166">
        <v>0</v>
      </c>
      <c r="BL2345" s="166">
        <v>0</v>
      </c>
      <c r="BM2345" s="166">
        <v>0</v>
      </c>
      <c r="BN2345" s="166">
        <v>0</v>
      </c>
      <c r="BO2345" s="166">
        <v>0</v>
      </c>
      <c r="BP2345" s="166">
        <v>0</v>
      </c>
      <c r="BQ2345" s="166">
        <v>0</v>
      </c>
      <c r="BR2345" s="166">
        <v>0</v>
      </c>
      <c r="BS2345" s="166">
        <v>0</v>
      </c>
      <c r="BT2345" s="168">
        <v>0.99999812279077205</v>
      </c>
      <c r="BU2345" s="166">
        <v>0</v>
      </c>
      <c r="BV2345" s="166">
        <v>0</v>
      </c>
      <c r="BW2345" s="166">
        <v>0</v>
      </c>
      <c r="BX2345" s="166">
        <v>0</v>
      </c>
      <c r="BY2345" s="166">
        <v>0</v>
      </c>
      <c r="BZ2345" s="166">
        <v>0</v>
      </c>
      <c r="CA2345" s="166">
        <v>0</v>
      </c>
      <c r="CB2345" s="166">
        <v>0</v>
      </c>
      <c r="CC2345" s="166">
        <v>0</v>
      </c>
      <c r="CD2345" s="166">
        <v>0</v>
      </c>
      <c r="CE2345" s="166">
        <v>0</v>
      </c>
      <c r="CF2345" s="166">
        <v>0</v>
      </c>
      <c r="CG2345" s="166">
        <v>0</v>
      </c>
      <c r="CH2345" s="166">
        <v>0</v>
      </c>
      <c r="CI2345" s="166">
        <v>0</v>
      </c>
      <c r="CJ2345" s="166">
        <v>0</v>
      </c>
      <c r="CK2345" s="166">
        <v>0</v>
      </c>
      <c r="CL2345" s="166">
        <v>0</v>
      </c>
      <c r="CM2345" s="166">
        <v>0</v>
      </c>
      <c r="CN2345" s="166">
        <v>0</v>
      </c>
      <c r="CO2345" s="166">
        <v>0</v>
      </c>
      <c r="CP2345" s="166">
        <v>0</v>
      </c>
      <c r="CQ2345" s="166">
        <v>0</v>
      </c>
      <c r="CR2345" s="166">
        <v>0</v>
      </c>
      <c r="CS2345" s="166">
        <v>0</v>
      </c>
      <c r="CT2345" s="166">
        <v>0</v>
      </c>
      <c r="CU2345" s="166">
        <v>0</v>
      </c>
      <c r="CV2345" s="166">
        <v>0</v>
      </c>
      <c r="CW2345" s="166">
        <v>0</v>
      </c>
      <c r="CX2345" s="166">
        <v>0</v>
      </c>
      <c r="CY2345" s="166">
        <v>0</v>
      </c>
      <c r="CZ2345" s="166">
        <v>0</v>
      </c>
    </row>
    <row r="2346" spans="1:104" x14ac:dyDescent="0.2">
      <c r="A2346" s="167" t="s">
        <v>194</v>
      </c>
      <c r="B2346" s="166">
        <v>0</v>
      </c>
      <c r="C2346" s="166">
        <v>0</v>
      </c>
      <c r="D2346" s="166">
        <v>0</v>
      </c>
      <c r="E2346" s="166">
        <v>0</v>
      </c>
      <c r="F2346" s="166">
        <v>0</v>
      </c>
      <c r="G2346" s="166">
        <v>0</v>
      </c>
      <c r="H2346" s="166">
        <v>0</v>
      </c>
      <c r="I2346" s="166">
        <v>0</v>
      </c>
      <c r="J2346" s="166">
        <v>0</v>
      </c>
      <c r="K2346" s="166">
        <v>0</v>
      </c>
      <c r="L2346" s="166">
        <v>0</v>
      </c>
      <c r="M2346" s="166">
        <v>0</v>
      </c>
      <c r="N2346" s="166">
        <v>0</v>
      </c>
      <c r="O2346" s="166">
        <v>0</v>
      </c>
      <c r="P2346" s="166">
        <v>0</v>
      </c>
      <c r="Q2346" s="166">
        <v>0</v>
      </c>
      <c r="R2346" s="166">
        <v>0</v>
      </c>
      <c r="S2346" s="166">
        <v>0</v>
      </c>
      <c r="T2346" s="166">
        <v>0</v>
      </c>
      <c r="U2346" s="166">
        <v>0</v>
      </c>
      <c r="V2346" s="166">
        <v>0</v>
      </c>
      <c r="W2346" s="166">
        <v>0</v>
      </c>
      <c r="X2346" s="166">
        <v>0</v>
      </c>
      <c r="Y2346" s="166">
        <v>0</v>
      </c>
      <c r="Z2346" s="166">
        <v>0</v>
      </c>
      <c r="AA2346" s="166">
        <v>0</v>
      </c>
      <c r="AB2346" s="166">
        <v>0</v>
      </c>
      <c r="AC2346" s="166">
        <v>0</v>
      </c>
      <c r="AD2346" s="166">
        <v>0</v>
      </c>
      <c r="AE2346" s="166">
        <v>0</v>
      </c>
      <c r="AF2346" s="166">
        <v>0</v>
      </c>
      <c r="AG2346" s="166">
        <v>0</v>
      </c>
      <c r="AH2346" s="166">
        <v>0</v>
      </c>
      <c r="AI2346" s="166">
        <v>0</v>
      </c>
      <c r="AJ2346" s="166">
        <v>0</v>
      </c>
      <c r="AK2346" s="166">
        <v>0</v>
      </c>
      <c r="AL2346" s="166">
        <v>0</v>
      </c>
      <c r="AM2346" s="166">
        <v>0</v>
      </c>
      <c r="AN2346" s="166">
        <v>0</v>
      </c>
      <c r="AO2346" s="166">
        <v>0</v>
      </c>
      <c r="AP2346" s="166">
        <v>0</v>
      </c>
      <c r="AQ2346" s="166">
        <v>0</v>
      </c>
      <c r="AR2346" s="166">
        <v>0</v>
      </c>
      <c r="AS2346" s="166">
        <v>0</v>
      </c>
      <c r="AT2346" s="166">
        <v>0</v>
      </c>
      <c r="AU2346" s="166">
        <v>0</v>
      </c>
      <c r="AV2346" s="166">
        <v>0</v>
      </c>
      <c r="AW2346" s="166">
        <v>0</v>
      </c>
      <c r="AX2346" s="166">
        <v>0</v>
      </c>
      <c r="AY2346" s="166">
        <v>0</v>
      </c>
      <c r="AZ2346" s="166">
        <v>0</v>
      </c>
      <c r="BA2346" s="166">
        <v>0</v>
      </c>
      <c r="BB2346" s="166">
        <v>0</v>
      </c>
      <c r="BC2346" s="166">
        <v>0</v>
      </c>
      <c r="BD2346" s="166">
        <v>0</v>
      </c>
      <c r="BE2346" s="166">
        <v>0</v>
      </c>
      <c r="BF2346" s="166">
        <v>0</v>
      </c>
      <c r="BG2346" s="166">
        <v>0</v>
      </c>
      <c r="BH2346" s="166">
        <v>0</v>
      </c>
      <c r="BI2346" s="166">
        <v>0</v>
      </c>
      <c r="BJ2346" s="166">
        <v>0</v>
      </c>
      <c r="BK2346" s="166">
        <v>0</v>
      </c>
      <c r="BL2346" s="166">
        <v>0</v>
      </c>
      <c r="BM2346" s="166">
        <v>0</v>
      </c>
      <c r="BN2346" s="166">
        <v>0</v>
      </c>
      <c r="BO2346" s="166">
        <v>0</v>
      </c>
      <c r="BP2346" s="166">
        <v>0</v>
      </c>
      <c r="BQ2346" s="166">
        <v>0</v>
      </c>
      <c r="BR2346" s="166">
        <v>0</v>
      </c>
      <c r="BS2346" s="166">
        <v>0</v>
      </c>
      <c r="BT2346" s="166">
        <v>1000</v>
      </c>
      <c r="BU2346" s="166">
        <v>0</v>
      </c>
      <c r="BV2346" s="166">
        <v>0</v>
      </c>
      <c r="BW2346" s="166">
        <v>0</v>
      </c>
      <c r="BX2346" s="166">
        <v>0</v>
      </c>
      <c r="BY2346" s="166">
        <v>0</v>
      </c>
      <c r="BZ2346" s="166">
        <v>0</v>
      </c>
      <c r="CA2346" s="166">
        <v>0</v>
      </c>
      <c r="CB2346" s="166">
        <v>0</v>
      </c>
      <c r="CC2346" s="166">
        <v>0</v>
      </c>
      <c r="CD2346" s="166">
        <v>0</v>
      </c>
      <c r="CE2346" s="166">
        <v>0</v>
      </c>
      <c r="CF2346" s="166">
        <v>0</v>
      </c>
      <c r="CG2346" s="166">
        <v>0</v>
      </c>
      <c r="CH2346" s="166">
        <v>0</v>
      </c>
      <c r="CI2346" s="166">
        <v>0</v>
      </c>
      <c r="CJ2346" s="166">
        <v>0</v>
      </c>
      <c r="CK2346" s="166">
        <v>0</v>
      </c>
      <c r="CL2346" s="166">
        <v>0</v>
      </c>
      <c r="CM2346" s="166">
        <v>0</v>
      </c>
      <c r="CN2346" s="166">
        <v>0</v>
      </c>
      <c r="CO2346" s="166">
        <v>0</v>
      </c>
      <c r="CP2346" s="166">
        <v>0</v>
      </c>
      <c r="CQ2346" s="166">
        <v>0</v>
      </c>
      <c r="CR2346" s="166">
        <v>0</v>
      </c>
      <c r="CS2346" s="166">
        <v>0</v>
      </c>
      <c r="CT2346" s="166">
        <v>0</v>
      </c>
      <c r="CU2346" s="166">
        <v>0</v>
      </c>
      <c r="CV2346" s="166">
        <v>0</v>
      </c>
      <c r="CW2346" s="166">
        <v>0</v>
      </c>
      <c r="CX2346" s="166">
        <v>0</v>
      </c>
      <c r="CY2346" s="166">
        <v>0</v>
      </c>
      <c r="CZ2346" s="166">
        <v>0</v>
      </c>
    </row>
    <row r="2347" spans="1:104" x14ac:dyDescent="0.2">
      <c r="A2347" s="167" t="s">
        <v>1068</v>
      </c>
      <c r="B2347" s="166">
        <v>0</v>
      </c>
      <c r="C2347" s="166">
        <v>0</v>
      </c>
      <c r="D2347" s="166">
        <v>0</v>
      </c>
      <c r="E2347" s="166">
        <v>0</v>
      </c>
      <c r="F2347" s="166">
        <v>0</v>
      </c>
      <c r="G2347" s="166">
        <v>0</v>
      </c>
      <c r="H2347" s="166">
        <v>0</v>
      </c>
      <c r="I2347" s="166">
        <v>0</v>
      </c>
      <c r="J2347" s="166">
        <v>0</v>
      </c>
      <c r="K2347" s="166">
        <v>0</v>
      </c>
      <c r="L2347" s="166">
        <v>0</v>
      </c>
      <c r="M2347" s="166">
        <v>0</v>
      </c>
      <c r="N2347" s="166">
        <v>0</v>
      </c>
      <c r="O2347" s="166">
        <v>0</v>
      </c>
      <c r="P2347" s="166">
        <v>0</v>
      </c>
      <c r="Q2347" s="166">
        <v>0</v>
      </c>
      <c r="R2347" s="166">
        <v>0</v>
      </c>
      <c r="S2347" s="166">
        <v>0</v>
      </c>
      <c r="T2347" s="166">
        <v>0</v>
      </c>
      <c r="U2347" s="166">
        <v>0</v>
      </c>
      <c r="V2347" s="166">
        <v>0</v>
      </c>
      <c r="W2347" s="166">
        <v>0</v>
      </c>
      <c r="X2347" s="166">
        <v>0</v>
      </c>
      <c r="Y2347" s="166">
        <v>0</v>
      </c>
      <c r="Z2347" s="166">
        <v>0</v>
      </c>
      <c r="AA2347" s="166">
        <v>0</v>
      </c>
      <c r="AB2347" s="166">
        <v>0</v>
      </c>
      <c r="AC2347" s="166">
        <v>0</v>
      </c>
      <c r="AD2347" s="166">
        <v>0</v>
      </c>
      <c r="AE2347" s="166">
        <v>0</v>
      </c>
      <c r="AF2347" s="166">
        <v>0</v>
      </c>
      <c r="AG2347" s="166">
        <v>0</v>
      </c>
      <c r="AH2347" s="166">
        <v>0</v>
      </c>
      <c r="AI2347" s="166">
        <v>0</v>
      </c>
      <c r="AJ2347" s="166">
        <v>0</v>
      </c>
      <c r="AK2347" s="166">
        <v>0</v>
      </c>
      <c r="AL2347" s="166">
        <v>0</v>
      </c>
      <c r="AM2347" s="166">
        <v>0</v>
      </c>
      <c r="AN2347" s="166">
        <v>0</v>
      </c>
      <c r="AO2347" s="166">
        <v>0</v>
      </c>
      <c r="AP2347" s="166">
        <v>0</v>
      </c>
      <c r="AQ2347" s="166">
        <v>0</v>
      </c>
      <c r="AR2347" s="166">
        <v>0</v>
      </c>
      <c r="AS2347" s="166">
        <v>0</v>
      </c>
      <c r="AT2347" s="166">
        <v>0</v>
      </c>
      <c r="AU2347" s="166">
        <v>0</v>
      </c>
      <c r="AV2347" s="166">
        <v>0</v>
      </c>
      <c r="AW2347" s="166">
        <v>0</v>
      </c>
      <c r="AX2347" s="166">
        <v>0</v>
      </c>
      <c r="AY2347" s="166">
        <v>0</v>
      </c>
      <c r="AZ2347" s="166">
        <v>0</v>
      </c>
      <c r="BA2347" s="166">
        <v>0</v>
      </c>
      <c r="BB2347" s="166">
        <v>0</v>
      </c>
      <c r="BC2347" s="166">
        <v>0</v>
      </c>
      <c r="BD2347" s="166">
        <v>0</v>
      </c>
      <c r="BE2347" s="166">
        <v>0</v>
      </c>
      <c r="BF2347" s="166">
        <v>0</v>
      </c>
      <c r="BG2347" s="166">
        <v>0</v>
      </c>
      <c r="BH2347" s="166">
        <v>0</v>
      </c>
      <c r="BI2347" s="166">
        <v>0</v>
      </c>
      <c r="BJ2347" s="166">
        <v>0</v>
      </c>
      <c r="BK2347" s="166">
        <v>0</v>
      </c>
      <c r="BL2347" s="166">
        <v>0</v>
      </c>
      <c r="BM2347" s="166">
        <v>0</v>
      </c>
      <c r="BN2347" s="166">
        <v>0</v>
      </c>
      <c r="BO2347" s="166">
        <v>0</v>
      </c>
      <c r="BP2347" s="166">
        <v>0</v>
      </c>
      <c r="BQ2347" s="166">
        <v>0</v>
      </c>
      <c r="BR2347" s="166">
        <v>0</v>
      </c>
      <c r="BS2347" s="166">
        <v>0</v>
      </c>
      <c r="BT2347" s="168">
        <v>0.70788236107156799</v>
      </c>
      <c r="BU2347" s="166">
        <v>0</v>
      </c>
      <c r="BV2347" s="166">
        <v>0</v>
      </c>
      <c r="BW2347" s="166">
        <v>0</v>
      </c>
      <c r="BX2347" s="166">
        <v>0</v>
      </c>
      <c r="BY2347" s="166">
        <v>0</v>
      </c>
      <c r="BZ2347" s="166">
        <v>0</v>
      </c>
      <c r="CA2347" s="166">
        <v>0</v>
      </c>
      <c r="CB2347" s="166">
        <v>0</v>
      </c>
      <c r="CC2347" s="166">
        <v>0</v>
      </c>
      <c r="CD2347" s="166">
        <v>0</v>
      </c>
      <c r="CE2347" s="166">
        <v>0</v>
      </c>
      <c r="CF2347" s="166">
        <v>0</v>
      </c>
      <c r="CG2347" s="166">
        <v>0</v>
      </c>
      <c r="CH2347" s="166">
        <v>0</v>
      </c>
      <c r="CI2347" s="166">
        <v>0</v>
      </c>
      <c r="CJ2347" s="166">
        <v>0</v>
      </c>
      <c r="CK2347" s="166">
        <v>0</v>
      </c>
      <c r="CL2347" s="166">
        <v>0</v>
      </c>
      <c r="CM2347" s="166">
        <v>0</v>
      </c>
      <c r="CN2347" s="166">
        <v>0</v>
      </c>
      <c r="CO2347" s="166">
        <v>0</v>
      </c>
      <c r="CP2347" s="166">
        <v>0</v>
      </c>
      <c r="CQ2347" s="166">
        <v>0</v>
      </c>
      <c r="CR2347" s="166">
        <v>0</v>
      </c>
      <c r="CS2347" s="166">
        <v>0</v>
      </c>
      <c r="CT2347" s="166">
        <v>0</v>
      </c>
      <c r="CU2347" s="166">
        <v>0</v>
      </c>
      <c r="CV2347" s="166">
        <v>0</v>
      </c>
      <c r="CW2347" s="166">
        <v>0</v>
      </c>
      <c r="CX2347" s="166">
        <v>0</v>
      </c>
      <c r="CY2347" s="166">
        <v>0</v>
      </c>
      <c r="CZ2347" s="166">
        <v>0</v>
      </c>
    </row>
    <row r="2348" spans="1:104" x14ac:dyDescent="0.2">
      <c r="A2348" s="167" t="s">
        <v>1069</v>
      </c>
      <c r="B2348" s="166">
        <v>0</v>
      </c>
      <c r="C2348" s="166">
        <v>0</v>
      </c>
      <c r="D2348" s="166">
        <v>0</v>
      </c>
      <c r="E2348" s="166">
        <v>0</v>
      </c>
      <c r="F2348" s="166">
        <v>0</v>
      </c>
      <c r="G2348" s="166">
        <v>0</v>
      </c>
      <c r="H2348" s="166">
        <v>0</v>
      </c>
      <c r="I2348" s="166">
        <v>0</v>
      </c>
      <c r="J2348" s="166">
        <v>0</v>
      </c>
      <c r="K2348" s="166">
        <v>0</v>
      </c>
      <c r="L2348" s="166">
        <v>0</v>
      </c>
      <c r="M2348" s="166">
        <v>0</v>
      </c>
      <c r="N2348" s="166">
        <v>0</v>
      </c>
      <c r="O2348" s="166">
        <v>0</v>
      </c>
      <c r="P2348" s="166">
        <v>0</v>
      </c>
      <c r="Q2348" s="166">
        <v>0</v>
      </c>
      <c r="R2348" s="166">
        <v>0</v>
      </c>
      <c r="S2348" s="166">
        <v>0</v>
      </c>
      <c r="T2348" s="166">
        <v>0</v>
      </c>
      <c r="U2348" s="166">
        <v>0</v>
      </c>
      <c r="V2348" s="166">
        <v>0</v>
      </c>
      <c r="W2348" s="166">
        <v>0</v>
      </c>
      <c r="X2348" s="166">
        <v>0</v>
      </c>
      <c r="Y2348" s="166">
        <v>0</v>
      </c>
      <c r="Z2348" s="166">
        <v>0</v>
      </c>
      <c r="AA2348" s="166">
        <v>0</v>
      </c>
      <c r="AB2348" s="166">
        <v>0</v>
      </c>
      <c r="AC2348" s="166">
        <v>0</v>
      </c>
      <c r="AD2348" s="166">
        <v>0</v>
      </c>
      <c r="AE2348" s="166">
        <v>0</v>
      </c>
      <c r="AF2348" s="166">
        <v>0</v>
      </c>
      <c r="AG2348" s="166">
        <v>0</v>
      </c>
      <c r="AH2348" s="166">
        <v>0</v>
      </c>
      <c r="AI2348" s="166">
        <v>0</v>
      </c>
      <c r="AJ2348" s="166">
        <v>0</v>
      </c>
      <c r="AK2348" s="166">
        <v>0</v>
      </c>
      <c r="AL2348" s="166">
        <v>0</v>
      </c>
      <c r="AM2348" s="166">
        <v>0</v>
      </c>
      <c r="AN2348" s="166">
        <v>0</v>
      </c>
      <c r="AO2348" s="166">
        <v>0</v>
      </c>
      <c r="AP2348" s="166">
        <v>0</v>
      </c>
      <c r="AQ2348" s="166">
        <v>0</v>
      </c>
      <c r="AR2348" s="166">
        <v>0</v>
      </c>
      <c r="AS2348" s="166">
        <v>0</v>
      </c>
      <c r="AT2348" s="166">
        <v>0</v>
      </c>
      <c r="AU2348" s="166">
        <v>0</v>
      </c>
      <c r="AV2348" s="166">
        <v>0</v>
      </c>
      <c r="AW2348" s="166">
        <v>0</v>
      </c>
      <c r="AX2348" s="166">
        <v>0</v>
      </c>
      <c r="AY2348" s="166">
        <v>0</v>
      </c>
      <c r="AZ2348" s="166">
        <v>0</v>
      </c>
      <c r="BA2348" s="166">
        <v>0</v>
      </c>
      <c r="BB2348" s="166">
        <v>0</v>
      </c>
      <c r="BC2348" s="166">
        <v>0</v>
      </c>
      <c r="BD2348" s="166">
        <v>0</v>
      </c>
      <c r="BE2348" s="166">
        <v>0</v>
      </c>
      <c r="BF2348" s="166">
        <v>0</v>
      </c>
      <c r="BG2348" s="166">
        <v>0</v>
      </c>
      <c r="BH2348" s="166">
        <v>0</v>
      </c>
      <c r="BI2348" s="166">
        <v>0</v>
      </c>
      <c r="BJ2348" s="166">
        <v>0</v>
      </c>
      <c r="BK2348" s="166">
        <v>0</v>
      </c>
      <c r="BL2348" s="166">
        <v>0</v>
      </c>
      <c r="BM2348" s="166">
        <v>0</v>
      </c>
      <c r="BN2348" s="166">
        <v>0</v>
      </c>
      <c r="BO2348" s="166">
        <v>0</v>
      </c>
      <c r="BP2348" s="166">
        <v>0</v>
      </c>
      <c r="BQ2348" s="166">
        <v>0</v>
      </c>
      <c r="BR2348" s="166">
        <v>0</v>
      </c>
      <c r="BS2348" s="166">
        <v>0</v>
      </c>
      <c r="BT2348" s="168">
        <v>0</v>
      </c>
      <c r="BU2348" s="166">
        <v>0</v>
      </c>
      <c r="BV2348" s="166">
        <v>0</v>
      </c>
      <c r="BW2348" s="166">
        <v>0</v>
      </c>
      <c r="BX2348" s="166">
        <v>0</v>
      </c>
      <c r="BY2348" s="166">
        <v>0</v>
      </c>
      <c r="BZ2348" s="166">
        <v>0</v>
      </c>
      <c r="CA2348" s="166">
        <v>0</v>
      </c>
      <c r="CB2348" s="166">
        <v>0</v>
      </c>
      <c r="CC2348" s="166">
        <v>0</v>
      </c>
      <c r="CD2348" s="166">
        <v>0</v>
      </c>
      <c r="CE2348" s="166">
        <v>0</v>
      </c>
      <c r="CF2348" s="166">
        <v>0</v>
      </c>
      <c r="CG2348" s="166">
        <v>0</v>
      </c>
      <c r="CH2348" s="166">
        <v>0</v>
      </c>
      <c r="CI2348" s="166">
        <v>0</v>
      </c>
      <c r="CJ2348" s="166">
        <v>0</v>
      </c>
      <c r="CK2348" s="166">
        <v>0</v>
      </c>
      <c r="CL2348" s="166">
        <v>0</v>
      </c>
      <c r="CM2348" s="166">
        <v>0</v>
      </c>
      <c r="CN2348" s="166">
        <v>0</v>
      </c>
      <c r="CO2348" s="166">
        <v>0</v>
      </c>
      <c r="CP2348" s="166">
        <v>0</v>
      </c>
      <c r="CQ2348" s="166">
        <v>0</v>
      </c>
      <c r="CR2348" s="166">
        <v>0</v>
      </c>
      <c r="CS2348" s="166">
        <v>0</v>
      </c>
      <c r="CT2348" s="166">
        <v>0</v>
      </c>
      <c r="CU2348" s="166">
        <v>0</v>
      </c>
      <c r="CV2348" s="166">
        <v>0</v>
      </c>
      <c r="CW2348" s="166">
        <v>0</v>
      </c>
      <c r="CX2348" s="166">
        <v>0</v>
      </c>
      <c r="CY2348" s="166">
        <v>0</v>
      </c>
      <c r="CZ2348" s="166">
        <v>0</v>
      </c>
    </row>
    <row r="2349" spans="1:104" x14ac:dyDescent="0.2">
      <c r="A2349" s="167" t="s">
        <v>197</v>
      </c>
    </row>
    <row r="2350" spans="1:104" x14ac:dyDescent="0.2">
      <c r="A2350" s="167" t="s">
        <v>1070</v>
      </c>
      <c r="B2350" s="166">
        <v>4.3725902047546101E-10</v>
      </c>
      <c r="C2350" s="166">
        <v>4.3725902047546101E-10</v>
      </c>
      <c r="D2350" s="166">
        <v>0</v>
      </c>
      <c r="E2350" s="166">
        <v>0</v>
      </c>
      <c r="F2350" s="166">
        <v>0</v>
      </c>
      <c r="G2350" s="166">
        <v>0</v>
      </c>
      <c r="H2350" s="166">
        <v>0</v>
      </c>
      <c r="I2350" s="166">
        <v>0</v>
      </c>
      <c r="J2350" s="166">
        <v>0</v>
      </c>
      <c r="K2350" s="166">
        <v>0</v>
      </c>
      <c r="L2350" s="166">
        <v>0</v>
      </c>
      <c r="M2350" s="166">
        <v>0</v>
      </c>
      <c r="N2350" s="166">
        <v>0</v>
      </c>
      <c r="O2350" s="166">
        <v>0</v>
      </c>
      <c r="P2350" s="166">
        <v>0</v>
      </c>
      <c r="Q2350" s="166">
        <v>0</v>
      </c>
      <c r="R2350" s="166">
        <v>0</v>
      </c>
      <c r="S2350" s="166">
        <v>0</v>
      </c>
      <c r="T2350" s="166">
        <v>0</v>
      </c>
      <c r="U2350" s="166">
        <v>0</v>
      </c>
      <c r="V2350" s="166">
        <v>0</v>
      </c>
      <c r="W2350" s="166">
        <v>0</v>
      </c>
      <c r="X2350" s="166">
        <v>0</v>
      </c>
      <c r="Y2350" s="166">
        <v>0</v>
      </c>
      <c r="Z2350" s="166">
        <v>0</v>
      </c>
      <c r="AA2350" s="166">
        <v>0</v>
      </c>
      <c r="AB2350" s="166">
        <v>0</v>
      </c>
      <c r="AC2350" s="166">
        <v>0</v>
      </c>
      <c r="AD2350" s="166">
        <v>0</v>
      </c>
      <c r="AE2350" s="166">
        <v>0</v>
      </c>
      <c r="AF2350" s="166">
        <v>0</v>
      </c>
      <c r="AG2350" s="166">
        <v>0</v>
      </c>
      <c r="AH2350" s="166">
        <v>0</v>
      </c>
      <c r="AI2350" s="166">
        <v>0</v>
      </c>
      <c r="AJ2350" s="166">
        <v>0</v>
      </c>
      <c r="AK2350" s="166">
        <v>0</v>
      </c>
      <c r="AL2350" s="166">
        <v>0</v>
      </c>
      <c r="AM2350" s="166">
        <v>0</v>
      </c>
      <c r="AN2350" s="166">
        <v>0</v>
      </c>
      <c r="AO2350" s="166">
        <v>0</v>
      </c>
      <c r="AP2350" s="166">
        <v>0</v>
      </c>
      <c r="AQ2350" s="166">
        <v>0</v>
      </c>
      <c r="AR2350" s="166">
        <v>0</v>
      </c>
      <c r="AS2350" s="166">
        <v>0</v>
      </c>
      <c r="AT2350" s="166">
        <v>0</v>
      </c>
      <c r="AU2350" s="166">
        <v>0</v>
      </c>
      <c r="AV2350" s="166">
        <v>0</v>
      </c>
      <c r="AW2350" s="166">
        <v>0</v>
      </c>
      <c r="AX2350" s="166">
        <v>0</v>
      </c>
      <c r="AY2350" s="166">
        <v>0</v>
      </c>
      <c r="AZ2350" s="166">
        <v>0</v>
      </c>
      <c r="BA2350" s="166">
        <v>0</v>
      </c>
      <c r="BB2350" s="166">
        <v>0</v>
      </c>
      <c r="BC2350" s="166">
        <v>0</v>
      </c>
      <c r="BD2350" s="166">
        <v>0</v>
      </c>
      <c r="BE2350" s="166">
        <v>0</v>
      </c>
      <c r="BF2350" s="166">
        <v>0</v>
      </c>
      <c r="BG2350" s="166">
        <v>0</v>
      </c>
      <c r="BH2350" s="166">
        <v>0</v>
      </c>
      <c r="BI2350" s="166">
        <v>0</v>
      </c>
      <c r="BJ2350" s="166">
        <v>0</v>
      </c>
      <c r="BK2350" s="166">
        <v>0</v>
      </c>
      <c r="BL2350" s="166">
        <v>0</v>
      </c>
      <c r="BM2350" s="166">
        <v>0</v>
      </c>
      <c r="BN2350" s="166">
        <v>0</v>
      </c>
      <c r="BO2350" s="166">
        <v>0</v>
      </c>
      <c r="BP2350" s="166">
        <v>0</v>
      </c>
      <c r="BQ2350" s="166">
        <v>0</v>
      </c>
      <c r="BR2350" s="166">
        <v>4.3725902047546101E-10</v>
      </c>
      <c r="BS2350" s="166">
        <v>4.3725902047546101E-10</v>
      </c>
      <c r="BT2350" s="168">
        <v>0.99999812279077205</v>
      </c>
      <c r="BU2350" s="166">
        <v>0</v>
      </c>
      <c r="BV2350" s="166">
        <v>4.3725819964879301E-10</v>
      </c>
      <c r="BW2350" s="166">
        <v>0</v>
      </c>
      <c r="BX2350" s="166">
        <v>0</v>
      </c>
      <c r="BY2350" s="166">
        <v>0</v>
      </c>
      <c r="BZ2350" s="166">
        <v>0</v>
      </c>
      <c r="CA2350" s="166">
        <v>0</v>
      </c>
      <c r="CB2350" s="166">
        <v>0</v>
      </c>
      <c r="CC2350" s="166">
        <v>0</v>
      </c>
      <c r="CD2350" s="166">
        <v>0</v>
      </c>
      <c r="CE2350" s="166">
        <v>0</v>
      </c>
      <c r="CF2350" s="166">
        <v>0</v>
      </c>
      <c r="CG2350" s="166">
        <v>0</v>
      </c>
      <c r="CH2350" s="166">
        <v>0</v>
      </c>
      <c r="CI2350" s="166">
        <v>0</v>
      </c>
      <c r="CJ2350" s="166">
        <v>0</v>
      </c>
      <c r="CK2350" s="166">
        <v>0</v>
      </c>
      <c r="CL2350" s="166">
        <v>0</v>
      </c>
      <c r="CM2350" s="166">
        <v>0</v>
      </c>
      <c r="CN2350" s="166">
        <v>0</v>
      </c>
      <c r="CO2350" s="166">
        <v>0</v>
      </c>
      <c r="CP2350" s="166">
        <v>0</v>
      </c>
      <c r="CQ2350" s="166">
        <v>0</v>
      </c>
      <c r="CR2350" s="166">
        <v>0</v>
      </c>
      <c r="CS2350" s="166">
        <v>0</v>
      </c>
      <c r="CT2350" s="166">
        <v>0</v>
      </c>
      <c r="CU2350" s="166">
        <v>0</v>
      </c>
      <c r="CV2350" s="166">
        <v>0</v>
      </c>
      <c r="CW2350" s="166">
        <v>0</v>
      </c>
      <c r="CX2350" s="166">
        <v>0</v>
      </c>
      <c r="CY2350" s="166">
        <v>4.3725819964879301E-10</v>
      </c>
      <c r="CZ2350" s="166">
        <v>4.3725819964879301E-10</v>
      </c>
    </row>
    <row r="2351" spans="1:104" x14ac:dyDescent="0.2">
      <c r="A2351" s="167" t="s">
        <v>1071</v>
      </c>
      <c r="B2351" s="166">
        <v>3.8145509416915803E-11</v>
      </c>
      <c r="C2351" s="166">
        <v>3.8145509416915803E-11</v>
      </c>
      <c r="D2351" s="166">
        <v>0</v>
      </c>
      <c r="E2351" s="166">
        <v>0</v>
      </c>
      <c r="F2351" s="166">
        <v>0</v>
      </c>
      <c r="G2351" s="166">
        <v>0</v>
      </c>
      <c r="H2351" s="166">
        <v>0</v>
      </c>
      <c r="I2351" s="166">
        <v>0</v>
      </c>
      <c r="J2351" s="166">
        <v>0</v>
      </c>
      <c r="K2351" s="166">
        <v>0</v>
      </c>
      <c r="L2351" s="166">
        <v>0</v>
      </c>
      <c r="M2351" s="166">
        <v>0</v>
      </c>
      <c r="N2351" s="166">
        <v>0</v>
      </c>
      <c r="O2351" s="166">
        <v>0</v>
      </c>
      <c r="P2351" s="166">
        <v>0</v>
      </c>
      <c r="Q2351" s="166">
        <v>0</v>
      </c>
      <c r="R2351" s="166">
        <v>0</v>
      </c>
      <c r="S2351" s="166">
        <v>0</v>
      </c>
      <c r="T2351" s="166">
        <v>0</v>
      </c>
      <c r="U2351" s="166">
        <v>0</v>
      </c>
      <c r="V2351" s="166">
        <v>0</v>
      </c>
      <c r="W2351" s="166">
        <v>0</v>
      </c>
      <c r="X2351" s="166">
        <v>0</v>
      </c>
      <c r="Y2351" s="166">
        <v>0</v>
      </c>
      <c r="Z2351" s="166">
        <v>0</v>
      </c>
      <c r="AA2351" s="166">
        <v>0</v>
      </c>
      <c r="AB2351" s="166">
        <v>0</v>
      </c>
      <c r="AC2351" s="166">
        <v>0</v>
      </c>
      <c r="AD2351" s="166">
        <v>0</v>
      </c>
      <c r="AE2351" s="166">
        <v>0</v>
      </c>
      <c r="AF2351" s="166">
        <v>0</v>
      </c>
      <c r="AG2351" s="166">
        <v>0</v>
      </c>
      <c r="AH2351" s="166">
        <v>0</v>
      </c>
      <c r="AI2351" s="166">
        <v>0</v>
      </c>
      <c r="AJ2351" s="166">
        <v>0</v>
      </c>
      <c r="AK2351" s="166">
        <v>0</v>
      </c>
      <c r="AL2351" s="166">
        <v>0</v>
      </c>
      <c r="AM2351" s="166">
        <v>0</v>
      </c>
      <c r="AN2351" s="166">
        <v>0</v>
      </c>
      <c r="AO2351" s="166">
        <v>0</v>
      </c>
      <c r="AP2351" s="166">
        <v>0</v>
      </c>
      <c r="AQ2351" s="166">
        <v>0</v>
      </c>
      <c r="AR2351" s="166">
        <v>0</v>
      </c>
      <c r="AS2351" s="166">
        <v>0</v>
      </c>
      <c r="AT2351" s="166">
        <v>0</v>
      </c>
      <c r="AU2351" s="166">
        <v>0</v>
      </c>
      <c r="AV2351" s="166">
        <v>0</v>
      </c>
      <c r="AW2351" s="166">
        <v>0</v>
      </c>
      <c r="AX2351" s="166">
        <v>0</v>
      </c>
      <c r="AY2351" s="166">
        <v>0</v>
      </c>
      <c r="AZ2351" s="166">
        <v>0</v>
      </c>
      <c r="BA2351" s="166">
        <v>0</v>
      </c>
      <c r="BB2351" s="166">
        <v>0</v>
      </c>
      <c r="BC2351" s="166">
        <v>0</v>
      </c>
      <c r="BD2351" s="166">
        <v>0</v>
      </c>
      <c r="BE2351" s="166">
        <v>0</v>
      </c>
      <c r="BF2351" s="166">
        <v>0</v>
      </c>
      <c r="BG2351" s="166">
        <v>0</v>
      </c>
      <c r="BH2351" s="166">
        <v>0</v>
      </c>
      <c r="BI2351" s="166">
        <v>0</v>
      </c>
      <c r="BJ2351" s="166">
        <v>0</v>
      </c>
      <c r="BK2351" s="166">
        <v>0</v>
      </c>
      <c r="BL2351" s="166">
        <v>0</v>
      </c>
      <c r="BM2351" s="166">
        <v>0</v>
      </c>
      <c r="BN2351" s="166">
        <v>0</v>
      </c>
      <c r="BO2351" s="166">
        <v>0</v>
      </c>
      <c r="BP2351" s="166">
        <v>0</v>
      </c>
      <c r="BQ2351" s="166">
        <v>0</v>
      </c>
      <c r="BR2351" s="166">
        <v>3.8145509416915803E-11</v>
      </c>
      <c r="BS2351" s="166">
        <v>3.8145509416915803E-11</v>
      </c>
      <c r="BT2351" s="168">
        <v>0.95155251328940305</v>
      </c>
      <c r="BU2351" s="166">
        <v>0</v>
      </c>
      <c r="BV2351" s="166">
        <v>3.6297455356370803E-11</v>
      </c>
      <c r="BW2351" s="166">
        <v>0</v>
      </c>
      <c r="BX2351" s="166">
        <v>0</v>
      </c>
      <c r="BY2351" s="166">
        <v>0</v>
      </c>
      <c r="BZ2351" s="166">
        <v>0</v>
      </c>
      <c r="CA2351" s="166">
        <v>0</v>
      </c>
      <c r="CB2351" s="166">
        <v>0</v>
      </c>
      <c r="CC2351" s="166">
        <v>0</v>
      </c>
      <c r="CD2351" s="166">
        <v>0</v>
      </c>
      <c r="CE2351" s="166">
        <v>0</v>
      </c>
      <c r="CF2351" s="166">
        <v>0</v>
      </c>
      <c r="CG2351" s="166">
        <v>0</v>
      </c>
      <c r="CH2351" s="166">
        <v>0</v>
      </c>
      <c r="CI2351" s="166">
        <v>0</v>
      </c>
      <c r="CJ2351" s="166">
        <v>0</v>
      </c>
      <c r="CK2351" s="166">
        <v>0</v>
      </c>
      <c r="CL2351" s="166">
        <v>0</v>
      </c>
      <c r="CM2351" s="166">
        <v>0</v>
      </c>
      <c r="CN2351" s="166">
        <v>0</v>
      </c>
      <c r="CO2351" s="166">
        <v>0</v>
      </c>
      <c r="CP2351" s="166">
        <v>0</v>
      </c>
      <c r="CQ2351" s="166">
        <v>0</v>
      </c>
      <c r="CR2351" s="166">
        <v>0</v>
      </c>
      <c r="CS2351" s="166">
        <v>0</v>
      </c>
      <c r="CT2351" s="166">
        <v>0</v>
      </c>
      <c r="CU2351" s="166">
        <v>0</v>
      </c>
      <c r="CV2351" s="166">
        <v>0</v>
      </c>
      <c r="CW2351" s="166">
        <v>0</v>
      </c>
      <c r="CX2351" s="166">
        <v>0</v>
      </c>
      <c r="CY2351" s="166">
        <v>3.6297455356370803E-11</v>
      </c>
      <c r="CZ2351" s="166">
        <v>3.6297455356370803E-11</v>
      </c>
    </row>
    <row r="2352" spans="1:104" x14ac:dyDescent="0.2">
      <c r="A2352" s="167" t="s">
        <v>1072</v>
      </c>
      <c r="B2352" s="166">
        <v>4.0498132572683197E-11</v>
      </c>
      <c r="C2352" s="166">
        <v>4.0498132572683197E-11</v>
      </c>
      <c r="D2352" s="166">
        <v>0</v>
      </c>
      <c r="E2352" s="166">
        <v>0</v>
      </c>
      <c r="F2352" s="166">
        <v>0</v>
      </c>
      <c r="G2352" s="166">
        <v>0</v>
      </c>
      <c r="H2352" s="166">
        <v>0</v>
      </c>
      <c r="I2352" s="166">
        <v>0</v>
      </c>
      <c r="J2352" s="166">
        <v>0</v>
      </c>
      <c r="K2352" s="166">
        <v>0</v>
      </c>
      <c r="L2352" s="166">
        <v>0</v>
      </c>
      <c r="M2352" s="166">
        <v>0</v>
      </c>
      <c r="N2352" s="166">
        <v>0</v>
      </c>
      <c r="O2352" s="166">
        <v>0</v>
      </c>
      <c r="P2352" s="166">
        <v>0</v>
      </c>
      <c r="Q2352" s="166">
        <v>0</v>
      </c>
      <c r="R2352" s="166">
        <v>0</v>
      </c>
      <c r="S2352" s="166">
        <v>0</v>
      </c>
      <c r="T2352" s="166">
        <v>0</v>
      </c>
      <c r="U2352" s="166">
        <v>0</v>
      </c>
      <c r="V2352" s="166">
        <v>0</v>
      </c>
      <c r="W2352" s="166">
        <v>0</v>
      </c>
      <c r="X2352" s="166">
        <v>0</v>
      </c>
      <c r="Y2352" s="166">
        <v>0</v>
      </c>
      <c r="Z2352" s="166">
        <v>0</v>
      </c>
      <c r="AA2352" s="166">
        <v>0</v>
      </c>
      <c r="AB2352" s="166">
        <v>0</v>
      </c>
      <c r="AC2352" s="166">
        <v>0</v>
      </c>
      <c r="AD2352" s="166">
        <v>0</v>
      </c>
      <c r="AE2352" s="166">
        <v>0</v>
      </c>
      <c r="AF2352" s="166">
        <v>0</v>
      </c>
      <c r="AG2352" s="166">
        <v>0</v>
      </c>
      <c r="AH2352" s="166">
        <v>0</v>
      </c>
      <c r="AI2352" s="166">
        <v>0</v>
      </c>
      <c r="AJ2352" s="166">
        <v>0</v>
      </c>
      <c r="AK2352" s="166">
        <v>0</v>
      </c>
      <c r="AL2352" s="166">
        <v>0</v>
      </c>
      <c r="AM2352" s="166">
        <v>0</v>
      </c>
      <c r="AN2352" s="166">
        <v>0</v>
      </c>
      <c r="AO2352" s="166">
        <v>0</v>
      </c>
      <c r="AP2352" s="166">
        <v>0</v>
      </c>
      <c r="AQ2352" s="166">
        <v>0</v>
      </c>
      <c r="AR2352" s="166">
        <v>0</v>
      </c>
      <c r="AS2352" s="166">
        <v>0</v>
      </c>
      <c r="AT2352" s="166">
        <v>0</v>
      </c>
      <c r="AU2352" s="166">
        <v>0</v>
      </c>
      <c r="AV2352" s="166">
        <v>0</v>
      </c>
      <c r="AW2352" s="166">
        <v>0</v>
      </c>
      <c r="AX2352" s="166">
        <v>0</v>
      </c>
      <c r="AY2352" s="166">
        <v>0</v>
      </c>
      <c r="AZ2352" s="166">
        <v>0</v>
      </c>
      <c r="BA2352" s="166">
        <v>0</v>
      </c>
      <c r="BB2352" s="166">
        <v>0</v>
      </c>
      <c r="BC2352" s="166">
        <v>0</v>
      </c>
      <c r="BD2352" s="166">
        <v>0</v>
      </c>
      <c r="BE2352" s="166">
        <v>0</v>
      </c>
      <c r="BF2352" s="166">
        <v>0</v>
      </c>
      <c r="BG2352" s="166">
        <v>0</v>
      </c>
      <c r="BH2352" s="166">
        <v>0</v>
      </c>
      <c r="BI2352" s="166">
        <v>0</v>
      </c>
      <c r="BJ2352" s="166">
        <v>0</v>
      </c>
      <c r="BK2352" s="166">
        <v>0</v>
      </c>
      <c r="BL2352" s="166">
        <v>0</v>
      </c>
      <c r="BM2352" s="166">
        <v>0</v>
      </c>
      <c r="BN2352" s="166">
        <v>0</v>
      </c>
      <c r="BO2352" s="166">
        <v>0</v>
      </c>
      <c r="BP2352" s="166">
        <v>0</v>
      </c>
      <c r="BQ2352" s="166">
        <v>0</v>
      </c>
      <c r="BR2352" s="166">
        <v>4.0498132572683197E-11</v>
      </c>
      <c r="BS2352" s="166">
        <v>4.0498132572683197E-11</v>
      </c>
      <c r="BT2352" s="168">
        <v>0.97794258413195501</v>
      </c>
      <c r="BU2352" s="166">
        <v>0</v>
      </c>
      <c r="BV2352" s="166">
        <v>3.96048484206483E-11</v>
      </c>
      <c r="BW2352" s="166">
        <v>0</v>
      </c>
      <c r="BX2352" s="166">
        <v>0</v>
      </c>
      <c r="BY2352" s="166">
        <v>0</v>
      </c>
      <c r="BZ2352" s="166">
        <v>0</v>
      </c>
      <c r="CA2352" s="166">
        <v>0</v>
      </c>
      <c r="CB2352" s="166">
        <v>0</v>
      </c>
      <c r="CC2352" s="166">
        <v>0</v>
      </c>
      <c r="CD2352" s="166">
        <v>0</v>
      </c>
      <c r="CE2352" s="166">
        <v>0</v>
      </c>
      <c r="CF2352" s="166">
        <v>0</v>
      </c>
      <c r="CG2352" s="166">
        <v>0</v>
      </c>
      <c r="CH2352" s="166">
        <v>0</v>
      </c>
      <c r="CI2352" s="166">
        <v>0</v>
      </c>
      <c r="CJ2352" s="166">
        <v>0</v>
      </c>
      <c r="CK2352" s="166">
        <v>0</v>
      </c>
      <c r="CL2352" s="166">
        <v>0</v>
      </c>
      <c r="CM2352" s="166">
        <v>0</v>
      </c>
      <c r="CN2352" s="166">
        <v>0</v>
      </c>
      <c r="CO2352" s="166">
        <v>0</v>
      </c>
      <c r="CP2352" s="166">
        <v>0</v>
      </c>
      <c r="CQ2352" s="166">
        <v>0</v>
      </c>
      <c r="CR2352" s="166">
        <v>0</v>
      </c>
      <c r="CS2352" s="166">
        <v>0</v>
      </c>
      <c r="CT2352" s="166">
        <v>0</v>
      </c>
      <c r="CU2352" s="166">
        <v>0</v>
      </c>
      <c r="CV2352" s="166">
        <v>0</v>
      </c>
      <c r="CW2352" s="166">
        <v>0</v>
      </c>
      <c r="CX2352" s="166">
        <v>0</v>
      </c>
      <c r="CY2352" s="166">
        <v>3.96048484206483E-11</v>
      </c>
      <c r="CZ2352" s="166">
        <v>3.96048484206483E-11</v>
      </c>
    </row>
    <row r="2353" spans="1:104" x14ac:dyDescent="0.2">
      <c r="A2353" s="167" t="s">
        <v>201</v>
      </c>
      <c r="B2353" s="166">
        <v>1.66218363864635E-10</v>
      </c>
      <c r="C2353" s="166">
        <v>1.66218363864635E-10</v>
      </c>
      <c r="D2353" s="166">
        <v>0</v>
      </c>
      <c r="E2353" s="166">
        <v>0</v>
      </c>
      <c r="F2353" s="166">
        <v>0</v>
      </c>
      <c r="G2353" s="166">
        <v>0</v>
      </c>
      <c r="H2353" s="166">
        <v>0</v>
      </c>
      <c r="I2353" s="166">
        <v>0</v>
      </c>
      <c r="J2353" s="166">
        <v>0</v>
      </c>
      <c r="K2353" s="166">
        <v>0</v>
      </c>
      <c r="L2353" s="166">
        <v>0</v>
      </c>
      <c r="M2353" s="166">
        <v>0</v>
      </c>
      <c r="N2353" s="166">
        <v>0</v>
      </c>
      <c r="O2353" s="166">
        <v>0</v>
      </c>
      <c r="P2353" s="166">
        <v>0</v>
      </c>
      <c r="Q2353" s="166">
        <v>0</v>
      </c>
      <c r="R2353" s="166">
        <v>0</v>
      </c>
      <c r="S2353" s="166">
        <v>0</v>
      </c>
      <c r="T2353" s="166">
        <v>0</v>
      </c>
      <c r="U2353" s="166">
        <v>0</v>
      </c>
      <c r="V2353" s="166">
        <v>0</v>
      </c>
      <c r="W2353" s="166">
        <v>0</v>
      </c>
      <c r="X2353" s="166">
        <v>0</v>
      </c>
      <c r="Y2353" s="166">
        <v>0</v>
      </c>
      <c r="Z2353" s="166">
        <v>0</v>
      </c>
      <c r="AA2353" s="166">
        <v>0</v>
      </c>
      <c r="AB2353" s="166">
        <v>0</v>
      </c>
      <c r="AC2353" s="166">
        <v>0</v>
      </c>
      <c r="AD2353" s="166">
        <v>0</v>
      </c>
      <c r="AE2353" s="166">
        <v>0</v>
      </c>
      <c r="AF2353" s="166">
        <v>0</v>
      </c>
      <c r="AG2353" s="166">
        <v>0</v>
      </c>
      <c r="AH2353" s="166">
        <v>0</v>
      </c>
      <c r="AI2353" s="166">
        <v>0</v>
      </c>
      <c r="AJ2353" s="166">
        <v>0</v>
      </c>
      <c r="AK2353" s="166">
        <v>0</v>
      </c>
      <c r="AL2353" s="166">
        <v>0</v>
      </c>
      <c r="AM2353" s="166">
        <v>0</v>
      </c>
      <c r="AN2353" s="166">
        <v>0</v>
      </c>
      <c r="AO2353" s="166">
        <v>0</v>
      </c>
      <c r="AP2353" s="166">
        <v>0</v>
      </c>
      <c r="AQ2353" s="166">
        <v>0</v>
      </c>
      <c r="AR2353" s="166">
        <v>0</v>
      </c>
      <c r="AS2353" s="166">
        <v>0</v>
      </c>
      <c r="AT2353" s="166">
        <v>0</v>
      </c>
      <c r="AU2353" s="166">
        <v>0</v>
      </c>
      <c r="AV2353" s="166">
        <v>0</v>
      </c>
      <c r="AW2353" s="166">
        <v>0</v>
      </c>
      <c r="AX2353" s="166">
        <v>0</v>
      </c>
      <c r="AY2353" s="166">
        <v>0</v>
      </c>
      <c r="AZ2353" s="166">
        <v>0</v>
      </c>
      <c r="BA2353" s="166">
        <v>0</v>
      </c>
      <c r="BB2353" s="166">
        <v>0</v>
      </c>
      <c r="BC2353" s="166">
        <v>0</v>
      </c>
      <c r="BD2353" s="166">
        <v>0</v>
      </c>
      <c r="BE2353" s="166">
        <v>0</v>
      </c>
      <c r="BF2353" s="166">
        <v>0</v>
      </c>
      <c r="BG2353" s="166">
        <v>0</v>
      </c>
      <c r="BH2353" s="166">
        <v>0</v>
      </c>
      <c r="BI2353" s="166">
        <v>0</v>
      </c>
      <c r="BJ2353" s="166">
        <v>0</v>
      </c>
      <c r="BK2353" s="166">
        <v>0</v>
      </c>
      <c r="BL2353" s="166">
        <v>0</v>
      </c>
      <c r="BM2353" s="166">
        <v>0</v>
      </c>
      <c r="BN2353" s="166">
        <v>0</v>
      </c>
      <c r="BO2353" s="166">
        <v>0</v>
      </c>
      <c r="BP2353" s="166">
        <v>0</v>
      </c>
      <c r="BQ2353" s="166">
        <v>0</v>
      </c>
      <c r="BR2353" s="166">
        <v>1.66218363864635E-10</v>
      </c>
      <c r="BS2353" s="166">
        <v>1.66218363864635E-10</v>
      </c>
      <c r="BT2353" s="168">
        <v>0.99999812279077205</v>
      </c>
      <c r="BU2353" s="166">
        <v>0</v>
      </c>
      <c r="BV2353" s="166">
        <v>1.6621805183798901E-10</v>
      </c>
      <c r="BW2353" s="166">
        <v>0</v>
      </c>
      <c r="BX2353" s="166">
        <v>0</v>
      </c>
      <c r="BY2353" s="166">
        <v>0</v>
      </c>
      <c r="BZ2353" s="166">
        <v>0</v>
      </c>
      <c r="CA2353" s="166">
        <v>0</v>
      </c>
      <c r="CB2353" s="166">
        <v>0</v>
      </c>
      <c r="CC2353" s="166">
        <v>0</v>
      </c>
      <c r="CD2353" s="166">
        <v>0</v>
      </c>
      <c r="CE2353" s="166">
        <v>0</v>
      </c>
      <c r="CF2353" s="166">
        <v>0</v>
      </c>
      <c r="CG2353" s="166">
        <v>0</v>
      </c>
      <c r="CH2353" s="166">
        <v>0</v>
      </c>
      <c r="CI2353" s="166">
        <v>0</v>
      </c>
      <c r="CJ2353" s="166">
        <v>0</v>
      </c>
      <c r="CK2353" s="166">
        <v>0</v>
      </c>
      <c r="CL2353" s="166">
        <v>0</v>
      </c>
      <c r="CM2353" s="166">
        <v>0</v>
      </c>
      <c r="CN2353" s="166">
        <v>0</v>
      </c>
      <c r="CO2353" s="166">
        <v>0</v>
      </c>
      <c r="CP2353" s="166">
        <v>0</v>
      </c>
      <c r="CQ2353" s="166">
        <v>0</v>
      </c>
      <c r="CR2353" s="166">
        <v>0</v>
      </c>
      <c r="CS2353" s="166">
        <v>0</v>
      </c>
      <c r="CT2353" s="166">
        <v>0</v>
      </c>
      <c r="CU2353" s="166">
        <v>0</v>
      </c>
      <c r="CV2353" s="166">
        <v>0</v>
      </c>
      <c r="CW2353" s="166">
        <v>0</v>
      </c>
      <c r="CX2353" s="166">
        <v>0</v>
      </c>
      <c r="CY2353" s="166">
        <v>1.6621805183798901E-10</v>
      </c>
      <c r="CZ2353" s="166">
        <v>1.6621805183798901E-10</v>
      </c>
    </row>
    <row r="2354" spans="1:104" x14ac:dyDescent="0.2">
      <c r="A2354" s="167" t="s">
        <v>202</v>
      </c>
      <c r="B2354" s="166">
        <v>11541239.509999899</v>
      </c>
      <c r="C2354" s="166">
        <v>11541239.509999899</v>
      </c>
      <c r="D2354" s="166">
        <v>0</v>
      </c>
      <c r="E2354" s="166">
        <v>0</v>
      </c>
      <c r="F2354" s="166">
        <v>0</v>
      </c>
      <c r="G2354" s="166">
        <v>0</v>
      </c>
      <c r="H2354" s="166">
        <v>0</v>
      </c>
      <c r="I2354" s="166">
        <v>0</v>
      </c>
      <c r="J2354" s="166">
        <v>0</v>
      </c>
      <c r="K2354" s="166">
        <v>0</v>
      </c>
      <c r="L2354" s="166">
        <v>0</v>
      </c>
      <c r="M2354" s="166">
        <v>0</v>
      </c>
      <c r="N2354" s="166">
        <v>0</v>
      </c>
      <c r="O2354" s="166">
        <v>0</v>
      </c>
      <c r="P2354" s="166">
        <v>0</v>
      </c>
      <c r="Q2354" s="166">
        <v>0</v>
      </c>
      <c r="R2354" s="166">
        <v>0</v>
      </c>
      <c r="S2354" s="166">
        <v>0</v>
      </c>
      <c r="T2354" s="166">
        <v>0</v>
      </c>
      <c r="U2354" s="166">
        <v>0</v>
      </c>
      <c r="V2354" s="166">
        <v>0</v>
      </c>
      <c r="W2354" s="166">
        <v>0</v>
      </c>
      <c r="X2354" s="166">
        <v>0</v>
      </c>
      <c r="Y2354" s="166">
        <v>0</v>
      </c>
      <c r="Z2354" s="166">
        <v>0</v>
      </c>
      <c r="AA2354" s="166">
        <v>0</v>
      </c>
      <c r="AB2354" s="166">
        <v>0</v>
      </c>
      <c r="AC2354" s="166">
        <v>0</v>
      </c>
      <c r="AD2354" s="166">
        <v>0</v>
      </c>
      <c r="AE2354" s="166">
        <v>0</v>
      </c>
      <c r="AF2354" s="166">
        <v>0</v>
      </c>
      <c r="AG2354" s="166">
        <v>0</v>
      </c>
      <c r="AH2354" s="166">
        <v>0</v>
      </c>
      <c r="AI2354" s="166">
        <v>0</v>
      </c>
      <c r="AJ2354" s="166">
        <v>0</v>
      </c>
      <c r="AK2354" s="166">
        <v>0</v>
      </c>
      <c r="AL2354" s="166">
        <v>0</v>
      </c>
      <c r="AM2354" s="166">
        <v>0</v>
      </c>
      <c r="AN2354" s="166">
        <v>0</v>
      </c>
      <c r="AO2354" s="166">
        <v>0</v>
      </c>
      <c r="AP2354" s="166">
        <v>0</v>
      </c>
      <c r="AQ2354" s="166">
        <v>0</v>
      </c>
      <c r="AR2354" s="166">
        <v>0</v>
      </c>
      <c r="AS2354" s="166">
        <v>0</v>
      </c>
      <c r="AT2354" s="166">
        <v>0</v>
      </c>
      <c r="AU2354" s="166">
        <v>0</v>
      </c>
      <c r="AV2354" s="166">
        <v>0</v>
      </c>
      <c r="AW2354" s="166">
        <v>0</v>
      </c>
      <c r="AX2354" s="166">
        <v>0</v>
      </c>
      <c r="AY2354" s="166">
        <v>0</v>
      </c>
      <c r="AZ2354" s="166">
        <v>0</v>
      </c>
      <c r="BA2354" s="166">
        <v>0</v>
      </c>
      <c r="BB2354" s="166">
        <v>0</v>
      </c>
      <c r="BC2354" s="166">
        <v>0</v>
      </c>
      <c r="BD2354" s="166">
        <v>0</v>
      </c>
      <c r="BE2354" s="166">
        <v>0</v>
      </c>
      <c r="BF2354" s="166">
        <v>0</v>
      </c>
      <c r="BG2354" s="166">
        <v>0</v>
      </c>
      <c r="BH2354" s="166">
        <v>0</v>
      </c>
      <c r="BI2354" s="166">
        <v>0</v>
      </c>
      <c r="BJ2354" s="166">
        <v>0</v>
      </c>
      <c r="BK2354" s="166">
        <v>0</v>
      </c>
      <c r="BL2354" s="166">
        <v>0</v>
      </c>
      <c r="BM2354" s="166">
        <v>0</v>
      </c>
      <c r="BN2354" s="166">
        <v>0</v>
      </c>
      <c r="BO2354" s="166">
        <v>0</v>
      </c>
      <c r="BP2354" s="166">
        <v>0</v>
      </c>
      <c r="BQ2354" s="166">
        <v>0</v>
      </c>
      <c r="BR2354" s="166">
        <v>11541239.509999899</v>
      </c>
      <c r="BS2354" s="166">
        <v>11541239.509999899</v>
      </c>
      <c r="BT2354" s="168">
        <v>0.70788236107156799</v>
      </c>
      <c r="BU2354" s="166">
        <v>1247551.627717</v>
      </c>
      <c r="BV2354" s="166">
        <v>8169839.8740312699</v>
      </c>
      <c r="BW2354" s="166">
        <v>0</v>
      </c>
      <c r="BX2354" s="166">
        <v>0</v>
      </c>
      <c r="BY2354" s="166">
        <v>0</v>
      </c>
      <c r="BZ2354" s="166">
        <v>0</v>
      </c>
      <c r="CA2354" s="166">
        <v>0</v>
      </c>
      <c r="CB2354" s="166">
        <v>0</v>
      </c>
      <c r="CC2354" s="166">
        <v>0</v>
      </c>
      <c r="CD2354" s="166">
        <v>0</v>
      </c>
      <c r="CE2354" s="166">
        <v>0</v>
      </c>
      <c r="CF2354" s="166">
        <v>0</v>
      </c>
      <c r="CG2354" s="166">
        <v>0</v>
      </c>
      <c r="CH2354" s="166">
        <v>0</v>
      </c>
      <c r="CI2354" s="166">
        <v>0</v>
      </c>
      <c r="CJ2354" s="166">
        <v>0</v>
      </c>
      <c r="CK2354" s="166">
        <v>0</v>
      </c>
      <c r="CL2354" s="166">
        <v>0</v>
      </c>
      <c r="CM2354" s="166">
        <v>0</v>
      </c>
      <c r="CN2354" s="166">
        <v>0</v>
      </c>
      <c r="CO2354" s="166">
        <v>0</v>
      </c>
      <c r="CP2354" s="166">
        <v>0</v>
      </c>
      <c r="CQ2354" s="166">
        <v>0</v>
      </c>
      <c r="CR2354" s="166">
        <v>0</v>
      </c>
      <c r="CS2354" s="166">
        <v>0</v>
      </c>
      <c r="CT2354" s="166">
        <v>0</v>
      </c>
      <c r="CU2354" s="166">
        <v>0</v>
      </c>
      <c r="CV2354" s="166">
        <v>0</v>
      </c>
      <c r="CW2354" s="166">
        <v>0</v>
      </c>
      <c r="CX2354" s="166">
        <v>0</v>
      </c>
      <c r="CY2354" s="166">
        <v>8169839.8740312699</v>
      </c>
      <c r="CZ2354" s="166">
        <v>8169839.8740312699</v>
      </c>
    </row>
    <row r="2355" spans="1:104" x14ac:dyDescent="0.2">
      <c r="A2355" s="167" t="s">
        <v>1073</v>
      </c>
      <c r="B2355" s="166">
        <v>11541239.51</v>
      </c>
      <c r="C2355" s="166">
        <v>11541239.51</v>
      </c>
      <c r="D2355" s="166">
        <v>0</v>
      </c>
      <c r="E2355" s="166">
        <v>0</v>
      </c>
      <c r="F2355" s="166">
        <v>0</v>
      </c>
      <c r="G2355" s="166">
        <v>0</v>
      </c>
      <c r="H2355" s="166">
        <v>0</v>
      </c>
      <c r="I2355" s="166">
        <v>0</v>
      </c>
      <c r="J2355" s="166">
        <v>0</v>
      </c>
      <c r="K2355" s="166">
        <v>0</v>
      </c>
      <c r="L2355" s="166">
        <v>0</v>
      </c>
      <c r="M2355" s="166">
        <v>0</v>
      </c>
      <c r="N2355" s="166">
        <v>0</v>
      </c>
      <c r="O2355" s="166">
        <v>0</v>
      </c>
      <c r="P2355" s="166">
        <v>0</v>
      </c>
      <c r="Q2355" s="166">
        <v>0</v>
      </c>
      <c r="R2355" s="166">
        <v>0</v>
      </c>
      <c r="S2355" s="166">
        <v>0</v>
      </c>
      <c r="T2355" s="166">
        <v>0</v>
      </c>
      <c r="U2355" s="166">
        <v>0</v>
      </c>
      <c r="V2355" s="166">
        <v>0</v>
      </c>
      <c r="W2355" s="166">
        <v>0</v>
      </c>
      <c r="X2355" s="166">
        <v>0</v>
      </c>
      <c r="Y2355" s="166">
        <v>0</v>
      </c>
      <c r="Z2355" s="166">
        <v>0</v>
      </c>
      <c r="AA2355" s="166">
        <v>0</v>
      </c>
      <c r="AB2355" s="166">
        <v>0</v>
      </c>
      <c r="AC2355" s="166">
        <v>0</v>
      </c>
      <c r="AD2355" s="166">
        <v>0</v>
      </c>
      <c r="AE2355" s="166">
        <v>0</v>
      </c>
      <c r="AF2355" s="166">
        <v>0</v>
      </c>
      <c r="AG2355" s="166">
        <v>0</v>
      </c>
      <c r="AH2355" s="166">
        <v>0</v>
      </c>
      <c r="AI2355" s="166">
        <v>0</v>
      </c>
      <c r="AJ2355" s="166">
        <v>0</v>
      </c>
      <c r="AK2355" s="166">
        <v>0</v>
      </c>
      <c r="AL2355" s="166">
        <v>0</v>
      </c>
      <c r="AM2355" s="166">
        <v>0</v>
      </c>
      <c r="AN2355" s="166">
        <v>0</v>
      </c>
      <c r="AO2355" s="166">
        <v>0</v>
      </c>
      <c r="AP2355" s="166">
        <v>0</v>
      </c>
      <c r="AQ2355" s="166">
        <v>0</v>
      </c>
      <c r="AR2355" s="166">
        <v>0</v>
      </c>
      <c r="AS2355" s="166">
        <v>0</v>
      </c>
      <c r="AT2355" s="166">
        <v>0</v>
      </c>
      <c r="AU2355" s="166">
        <v>0</v>
      </c>
      <c r="AV2355" s="166">
        <v>0</v>
      </c>
      <c r="AW2355" s="166">
        <v>0</v>
      </c>
      <c r="AX2355" s="166">
        <v>0</v>
      </c>
      <c r="AY2355" s="166">
        <v>0</v>
      </c>
      <c r="AZ2355" s="166">
        <v>0</v>
      </c>
      <c r="BA2355" s="166">
        <v>0</v>
      </c>
      <c r="BB2355" s="166">
        <v>0</v>
      </c>
      <c r="BC2355" s="166">
        <v>0</v>
      </c>
      <c r="BD2355" s="166">
        <v>0</v>
      </c>
      <c r="BE2355" s="166">
        <v>0</v>
      </c>
      <c r="BF2355" s="166">
        <v>0</v>
      </c>
      <c r="BG2355" s="166">
        <v>0</v>
      </c>
      <c r="BH2355" s="166">
        <v>0</v>
      </c>
      <c r="BI2355" s="166">
        <v>0</v>
      </c>
      <c r="BJ2355" s="166">
        <v>0</v>
      </c>
      <c r="BK2355" s="166">
        <v>0</v>
      </c>
      <c r="BL2355" s="166">
        <v>0</v>
      </c>
      <c r="BM2355" s="166">
        <v>0</v>
      </c>
      <c r="BN2355" s="166">
        <v>0</v>
      </c>
      <c r="BO2355" s="166">
        <v>0</v>
      </c>
      <c r="BP2355" s="166">
        <v>0</v>
      </c>
      <c r="BQ2355" s="166">
        <v>0</v>
      </c>
      <c r="BR2355" s="166">
        <v>11541239.51</v>
      </c>
      <c r="BS2355" s="166">
        <v>11541239.509999899</v>
      </c>
      <c r="BT2355" s="168">
        <v>0</v>
      </c>
      <c r="BU2355" s="166">
        <v>1247551.627717</v>
      </c>
      <c r="BV2355" s="166">
        <v>8169839.8740312699</v>
      </c>
      <c r="BW2355" s="166">
        <v>0</v>
      </c>
      <c r="BX2355" s="166">
        <v>0</v>
      </c>
      <c r="BY2355" s="166">
        <v>0</v>
      </c>
      <c r="BZ2355" s="166">
        <v>0</v>
      </c>
      <c r="CA2355" s="166">
        <v>0</v>
      </c>
      <c r="CB2355" s="166">
        <v>0</v>
      </c>
      <c r="CC2355" s="166">
        <v>0</v>
      </c>
      <c r="CD2355" s="166">
        <v>0</v>
      </c>
      <c r="CE2355" s="166">
        <v>0</v>
      </c>
      <c r="CF2355" s="166">
        <v>0</v>
      </c>
      <c r="CG2355" s="166">
        <v>0</v>
      </c>
      <c r="CH2355" s="166">
        <v>0</v>
      </c>
      <c r="CI2355" s="166">
        <v>0</v>
      </c>
      <c r="CJ2355" s="166">
        <v>0</v>
      </c>
      <c r="CK2355" s="166">
        <v>0</v>
      </c>
      <c r="CL2355" s="166">
        <v>0</v>
      </c>
      <c r="CM2355" s="166">
        <v>0</v>
      </c>
      <c r="CN2355" s="166">
        <v>0</v>
      </c>
      <c r="CO2355" s="166">
        <v>0</v>
      </c>
      <c r="CP2355" s="166">
        <v>0</v>
      </c>
      <c r="CQ2355" s="166">
        <v>0</v>
      </c>
      <c r="CR2355" s="166">
        <v>0</v>
      </c>
      <c r="CS2355" s="166">
        <v>0</v>
      </c>
      <c r="CT2355" s="166">
        <v>0</v>
      </c>
      <c r="CU2355" s="166">
        <v>0</v>
      </c>
      <c r="CV2355" s="166">
        <v>0</v>
      </c>
      <c r="CW2355" s="166">
        <v>0</v>
      </c>
      <c r="CX2355" s="166">
        <v>0</v>
      </c>
      <c r="CY2355" s="166">
        <v>8169839.8740312699</v>
      </c>
      <c r="CZ2355" s="166">
        <v>8169839.8740312699</v>
      </c>
    </row>
    <row r="2356" spans="1:104" x14ac:dyDescent="0.2">
      <c r="A2356" s="167" t="s">
        <v>204</v>
      </c>
    </row>
    <row r="2357" spans="1:104" x14ac:dyDescent="0.2">
      <c r="A2357" s="167" t="s">
        <v>1074</v>
      </c>
      <c r="B2357" s="166">
        <v>6827.8525884994697</v>
      </c>
      <c r="C2357" s="166">
        <v>6827.8525884994697</v>
      </c>
      <c r="D2357" s="166">
        <v>0</v>
      </c>
      <c r="E2357" s="166">
        <v>0</v>
      </c>
      <c r="F2357" s="166">
        <v>0</v>
      </c>
      <c r="G2357" s="166">
        <v>0</v>
      </c>
      <c r="H2357" s="166">
        <v>0</v>
      </c>
      <c r="I2357" s="166">
        <v>0</v>
      </c>
      <c r="J2357" s="166">
        <v>0</v>
      </c>
      <c r="K2357" s="166">
        <v>0</v>
      </c>
      <c r="L2357" s="166">
        <v>0</v>
      </c>
      <c r="M2357" s="166">
        <v>0</v>
      </c>
      <c r="N2357" s="166">
        <v>0</v>
      </c>
      <c r="O2357" s="166">
        <v>0</v>
      </c>
      <c r="P2357" s="166">
        <v>0</v>
      </c>
      <c r="Q2357" s="166">
        <v>0</v>
      </c>
      <c r="R2357" s="166">
        <v>0</v>
      </c>
      <c r="S2357" s="166">
        <v>0</v>
      </c>
      <c r="T2357" s="166">
        <v>0</v>
      </c>
      <c r="U2357" s="166">
        <v>0</v>
      </c>
      <c r="V2357" s="166">
        <v>0</v>
      </c>
      <c r="W2357" s="166">
        <v>0</v>
      </c>
      <c r="X2357" s="166">
        <v>0</v>
      </c>
      <c r="Y2357" s="166">
        <v>0</v>
      </c>
      <c r="Z2357" s="166">
        <v>0</v>
      </c>
      <c r="AA2357" s="166">
        <v>0</v>
      </c>
      <c r="AB2357" s="166">
        <v>0</v>
      </c>
      <c r="AC2357" s="166">
        <v>0</v>
      </c>
      <c r="AD2357" s="166">
        <v>0</v>
      </c>
      <c r="AE2357" s="166">
        <v>0</v>
      </c>
      <c r="AF2357" s="166">
        <v>0</v>
      </c>
      <c r="AG2357" s="166">
        <v>0</v>
      </c>
      <c r="AH2357" s="166">
        <v>0</v>
      </c>
      <c r="AI2357" s="166">
        <v>0</v>
      </c>
      <c r="AJ2357" s="166">
        <v>0</v>
      </c>
      <c r="AK2357" s="166">
        <v>0</v>
      </c>
      <c r="AL2357" s="166">
        <v>0</v>
      </c>
      <c r="AM2357" s="166">
        <v>0</v>
      </c>
      <c r="AN2357" s="166">
        <v>0</v>
      </c>
      <c r="AO2357" s="166">
        <v>0</v>
      </c>
      <c r="AP2357" s="166">
        <v>0</v>
      </c>
      <c r="AQ2357" s="166">
        <v>0</v>
      </c>
      <c r="AR2357" s="166">
        <v>0</v>
      </c>
      <c r="AS2357" s="166">
        <v>0</v>
      </c>
      <c r="AT2357" s="166">
        <v>0</v>
      </c>
      <c r="AU2357" s="166">
        <v>0</v>
      </c>
      <c r="AV2357" s="166">
        <v>0</v>
      </c>
      <c r="AW2357" s="166">
        <v>0</v>
      </c>
      <c r="AX2357" s="166">
        <v>0</v>
      </c>
      <c r="AY2357" s="166">
        <v>0</v>
      </c>
      <c r="AZ2357" s="166">
        <v>0</v>
      </c>
      <c r="BA2357" s="166">
        <v>0</v>
      </c>
      <c r="BB2357" s="166">
        <v>0</v>
      </c>
      <c r="BC2357" s="166">
        <v>0</v>
      </c>
      <c r="BD2357" s="166">
        <v>0</v>
      </c>
      <c r="BE2357" s="166">
        <v>0</v>
      </c>
      <c r="BF2357" s="166">
        <v>0</v>
      </c>
      <c r="BG2357" s="166">
        <v>0</v>
      </c>
      <c r="BH2357" s="166">
        <v>0</v>
      </c>
      <c r="BI2357" s="166">
        <v>0</v>
      </c>
      <c r="BJ2357" s="166">
        <v>0</v>
      </c>
      <c r="BK2357" s="166">
        <v>0</v>
      </c>
      <c r="BL2357" s="166">
        <v>0</v>
      </c>
      <c r="BM2357" s="166">
        <v>0</v>
      </c>
      <c r="BN2357" s="166">
        <v>0</v>
      </c>
      <c r="BO2357" s="166">
        <v>0</v>
      </c>
      <c r="BP2357" s="166">
        <v>0</v>
      </c>
      <c r="BQ2357" s="166">
        <v>0</v>
      </c>
      <c r="BR2357" s="166">
        <v>6827.8525884994697</v>
      </c>
      <c r="BS2357" s="166">
        <v>6827.8525884994697</v>
      </c>
      <c r="BT2357" s="168">
        <v>0.99999812279077205</v>
      </c>
      <c r="BU2357" s="166">
        <v>82.675055549339106</v>
      </c>
      <c r="BV2357" s="166">
        <v>6827.8397711915804</v>
      </c>
      <c r="BW2357" s="166">
        <v>0</v>
      </c>
      <c r="BX2357" s="166">
        <v>0</v>
      </c>
      <c r="BY2357" s="166">
        <v>0</v>
      </c>
      <c r="BZ2357" s="166">
        <v>0</v>
      </c>
      <c r="CA2357" s="166">
        <v>0</v>
      </c>
      <c r="CB2357" s="166">
        <v>0</v>
      </c>
      <c r="CC2357" s="166">
        <v>0</v>
      </c>
      <c r="CD2357" s="166">
        <v>0</v>
      </c>
      <c r="CE2357" s="166">
        <v>0</v>
      </c>
      <c r="CF2357" s="166">
        <v>0</v>
      </c>
      <c r="CG2357" s="166">
        <v>0</v>
      </c>
      <c r="CH2357" s="166">
        <v>0</v>
      </c>
      <c r="CI2357" s="166">
        <v>0</v>
      </c>
      <c r="CJ2357" s="166">
        <v>0</v>
      </c>
      <c r="CK2357" s="166">
        <v>0</v>
      </c>
      <c r="CL2357" s="166">
        <v>0</v>
      </c>
      <c r="CM2357" s="166">
        <v>0</v>
      </c>
      <c r="CN2357" s="166">
        <v>0</v>
      </c>
      <c r="CO2357" s="166">
        <v>0</v>
      </c>
      <c r="CP2357" s="166">
        <v>0</v>
      </c>
      <c r="CQ2357" s="166">
        <v>0</v>
      </c>
      <c r="CR2357" s="166">
        <v>0</v>
      </c>
      <c r="CS2357" s="166">
        <v>0</v>
      </c>
      <c r="CT2357" s="166">
        <v>0</v>
      </c>
      <c r="CU2357" s="166">
        <v>0</v>
      </c>
      <c r="CV2357" s="166">
        <v>0</v>
      </c>
      <c r="CW2357" s="166">
        <v>0</v>
      </c>
      <c r="CX2357" s="166">
        <v>0</v>
      </c>
      <c r="CY2357" s="166">
        <v>6827.8397711915804</v>
      </c>
      <c r="CZ2357" s="166">
        <v>6827.8397711915804</v>
      </c>
    </row>
    <row r="2358" spans="1:104" x14ac:dyDescent="0.2">
      <c r="A2358" s="167" t="s">
        <v>1075</v>
      </c>
      <c r="B2358" s="166">
        <v>215.87309307512399</v>
      </c>
      <c r="C2358" s="166">
        <v>215.87309307512399</v>
      </c>
      <c r="D2358" s="166">
        <v>0</v>
      </c>
      <c r="E2358" s="166">
        <v>0</v>
      </c>
      <c r="F2358" s="166">
        <v>0</v>
      </c>
      <c r="G2358" s="166">
        <v>0</v>
      </c>
      <c r="H2358" s="166">
        <v>0</v>
      </c>
      <c r="I2358" s="166">
        <v>0</v>
      </c>
      <c r="J2358" s="166">
        <v>0</v>
      </c>
      <c r="K2358" s="166">
        <v>0</v>
      </c>
      <c r="L2358" s="166">
        <v>0</v>
      </c>
      <c r="M2358" s="166">
        <v>0</v>
      </c>
      <c r="N2358" s="166">
        <v>0</v>
      </c>
      <c r="O2358" s="166">
        <v>0</v>
      </c>
      <c r="P2358" s="166">
        <v>0</v>
      </c>
      <c r="Q2358" s="166">
        <v>0</v>
      </c>
      <c r="R2358" s="166">
        <v>0</v>
      </c>
      <c r="S2358" s="166">
        <v>0</v>
      </c>
      <c r="T2358" s="166">
        <v>0</v>
      </c>
      <c r="U2358" s="166">
        <v>0</v>
      </c>
      <c r="V2358" s="166">
        <v>0</v>
      </c>
      <c r="W2358" s="166">
        <v>0</v>
      </c>
      <c r="X2358" s="166">
        <v>0</v>
      </c>
      <c r="Y2358" s="166">
        <v>0</v>
      </c>
      <c r="Z2358" s="166">
        <v>0</v>
      </c>
      <c r="AA2358" s="166">
        <v>0</v>
      </c>
      <c r="AB2358" s="166">
        <v>0</v>
      </c>
      <c r="AC2358" s="166">
        <v>0</v>
      </c>
      <c r="AD2358" s="166">
        <v>0</v>
      </c>
      <c r="AE2358" s="166">
        <v>0</v>
      </c>
      <c r="AF2358" s="166">
        <v>0</v>
      </c>
      <c r="AG2358" s="166">
        <v>0</v>
      </c>
      <c r="AH2358" s="166">
        <v>0</v>
      </c>
      <c r="AI2358" s="166">
        <v>0</v>
      </c>
      <c r="AJ2358" s="166">
        <v>0</v>
      </c>
      <c r="AK2358" s="166">
        <v>0</v>
      </c>
      <c r="AL2358" s="166">
        <v>0</v>
      </c>
      <c r="AM2358" s="166">
        <v>0</v>
      </c>
      <c r="AN2358" s="166">
        <v>0</v>
      </c>
      <c r="AO2358" s="166">
        <v>0</v>
      </c>
      <c r="AP2358" s="166">
        <v>0</v>
      </c>
      <c r="AQ2358" s="166">
        <v>0</v>
      </c>
      <c r="AR2358" s="166">
        <v>0</v>
      </c>
      <c r="AS2358" s="166">
        <v>0</v>
      </c>
      <c r="AT2358" s="166">
        <v>0</v>
      </c>
      <c r="AU2358" s="166">
        <v>0</v>
      </c>
      <c r="AV2358" s="166">
        <v>0</v>
      </c>
      <c r="AW2358" s="166">
        <v>0</v>
      </c>
      <c r="AX2358" s="166">
        <v>0</v>
      </c>
      <c r="AY2358" s="166">
        <v>0</v>
      </c>
      <c r="AZ2358" s="166">
        <v>0</v>
      </c>
      <c r="BA2358" s="166">
        <v>0</v>
      </c>
      <c r="BB2358" s="166">
        <v>0</v>
      </c>
      <c r="BC2358" s="166">
        <v>0</v>
      </c>
      <c r="BD2358" s="166">
        <v>0</v>
      </c>
      <c r="BE2358" s="166">
        <v>0</v>
      </c>
      <c r="BF2358" s="166">
        <v>0</v>
      </c>
      <c r="BG2358" s="166">
        <v>0</v>
      </c>
      <c r="BH2358" s="166">
        <v>0</v>
      </c>
      <c r="BI2358" s="166">
        <v>0</v>
      </c>
      <c r="BJ2358" s="166">
        <v>0</v>
      </c>
      <c r="BK2358" s="166">
        <v>0</v>
      </c>
      <c r="BL2358" s="166">
        <v>0</v>
      </c>
      <c r="BM2358" s="166">
        <v>0</v>
      </c>
      <c r="BN2358" s="166">
        <v>0</v>
      </c>
      <c r="BO2358" s="166">
        <v>0</v>
      </c>
      <c r="BP2358" s="166">
        <v>0</v>
      </c>
      <c r="BQ2358" s="166">
        <v>0</v>
      </c>
      <c r="BR2358" s="166">
        <v>215.87309307512399</v>
      </c>
      <c r="BS2358" s="166">
        <v>215.87309307512399</v>
      </c>
      <c r="BT2358" s="168">
        <v>0.95155251328940305</v>
      </c>
      <c r="BU2358" s="166">
        <v>2.48726723737553</v>
      </c>
      <c r="BV2358" s="166">
        <v>205.414584267191</v>
      </c>
      <c r="BW2358" s="166">
        <v>0</v>
      </c>
      <c r="BX2358" s="166">
        <v>0</v>
      </c>
      <c r="BY2358" s="166">
        <v>0</v>
      </c>
      <c r="BZ2358" s="166">
        <v>0</v>
      </c>
      <c r="CA2358" s="166">
        <v>0</v>
      </c>
      <c r="CB2358" s="166">
        <v>0</v>
      </c>
      <c r="CC2358" s="166">
        <v>0</v>
      </c>
      <c r="CD2358" s="166">
        <v>0</v>
      </c>
      <c r="CE2358" s="166">
        <v>0</v>
      </c>
      <c r="CF2358" s="166">
        <v>0</v>
      </c>
      <c r="CG2358" s="166">
        <v>0</v>
      </c>
      <c r="CH2358" s="166">
        <v>0</v>
      </c>
      <c r="CI2358" s="166">
        <v>0</v>
      </c>
      <c r="CJ2358" s="166">
        <v>0</v>
      </c>
      <c r="CK2358" s="166">
        <v>0</v>
      </c>
      <c r="CL2358" s="166">
        <v>0</v>
      </c>
      <c r="CM2358" s="166">
        <v>0</v>
      </c>
      <c r="CN2358" s="166">
        <v>0</v>
      </c>
      <c r="CO2358" s="166">
        <v>0</v>
      </c>
      <c r="CP2358" s="166">
        <v>0</v>
      </c>
      <c r="CQ2358" s="166">
        <v>0</v>
      </c>
      <c r="CR2358" s="166">
        <v>0</v>
      </c>
      <c r="CS2358" s="166">
        <v>0</v>
      </c>
      <c r="CT2358" s="166">
        <v>0</v>
      </c>
      <c r="CU2358" s="166">
        <v>0</v>
      </c>
      <c r="CV2358" s="166">
        <v>0</v>
      </c>
      <c r="CW2358" s="166">
        <v>0</v>
      </c>
      <c r="CX2358" s="166">
        <v>0</v>
      </c>
      <c r="CY2358" s="166">
        <v>205.414584267191</v>
      </c>
      <c r="CZ2358" s="166">
        <v>205.414584267191</v>
      </c>
    </row>
    <row r="2359" spans="1:104" x14ac:dyDescent="0.2">
      <c r="A2359" s="167" t="s">
        <v>1076</v>
      </c>
      <c r="B2359" s="166">
        <v>1557.2712417631101</v>
      </c>
      <c r="C2359" s="166">
        <v>1557.2712417631101</v>
      </c>
      <c r="D2359" s="166">
        <v>0</v>
      </c>
      <c r="E2359" s="166">
        <v>0</v>
      </c>
      <c r="F2359" s="166">
        <v>0</v>
      </c>
      <c r="G2359" s="166">
        <v>0</v>
      </c>
      <c r="H2359" s="166">
        <v>0</v>
      </c>
      <c r="I2359" s="166">
        <v>0</v>
      </c>
      <c r="J2359" s="166">
        <v>0</v>
      </c>
      <c r="K2359" s="166">
        <v>0</v>
      </c>
      <c r="L2359" s="166">
        <v>0</v>
      </c>
      <c r="M2359" s="166">
        <v>0</v>
      </c>
      <c r="N2359" s="166">
        <v>0</v>
      </c>
      <c r="O2359" s="166">
        <v>0</v>
      </c>
      <c r="P2359" s="166">
        <v>0</v>
      </c>
      <c r="Q2359" s="166">
        <v>0</v>
      </c>
      <c r="R2359" s="166">
        <v>0</v>
      </c>
      <c r="S2359" s="166">
        <v>0</v>
      </c>
      <c r="T2359" s="166">
        <v>0</v>
      </c>
      <c r="U2359" s="166">
        <v>0</v>
      </c>
      <c r="V2359" s="166">
        <v>0</v>
      </c>
      <c r="W2359" s="166">
        <v>0</v>
      </c>
      <c r="X2359" s="166">
        <v>0</v>
      </c>
      <c r="Y2359" s="166">
        <v>0</v>
      </c>
      <c r="Z2359" s="166">
        <v>0</v>
      </c>
      <c r="AA2359" s="166">
        <v>0</v>
      </c>
      <c r="AB2359" s="166">
        <v>0</v>
      </c>
      <c r="AC2359" s="166">
        <v>0</v>
      </c>
      <c r="AD2359" s="166">
        <v>0</v>
      </c>
      <c r="AE2359" s="166">
        <v>0</v>
      </c>
      <c r="AF2359" s="166">
        <v>0</v>
      </c>
      <c r="AG2359" s="166">
        <v>0</v>
      </c>
      <c r="AH2359" s="166">
        <v>0</v>
      </c>
      <c r="AI2359" s="166">
        <v>0</v>
      </c>
      <c r="AJ2359" s="166">
        <v>0</v>
      </c>
      <c r="AK2359" s="166">
        <v>0</v>
      </c>
      <c r="AL2359" s="166">
        <v>0</v>
      </c>
      <c r="AM2359" s="166">
        <v>0</v>
      </c>
      <c r="AN2359" s="166">
        <v>0</v>
      </c>
      <c r="AO2359" s="166">
        <v>0</v>
      </c>
      <c r="AP2359" s="166">
        <v>0</v>
      </c>
      <c r="AQ2359" s="166">
        <v>0</v>
      </c>
      <c r="AR2359" s="166">
        <v>0</v>
      </c>
      <c r="AS2359" s="166">
        <v>0</v>
      </c>
      <c r="AT2359" s="166">
        <v>0</v>
      </c>
      <c r="AU2359" s="166">
        <v>0</v>
      </c>
      <c r="AV2359" s="166">
        <v>0</v>
      </c>
      <c r="AW2359" s="166">
        <v>0</v>
      </c>
      <c r="AX2359" s="166">
        <v>0</v>
      </c>
      <c r="AY2359" s="166">
        <v>0</v>
      </c>
      <c r="AZ2359" s="166">
        <v>0</v>
      </c>
      <c r="BA2359" s="166">
        <v>0</v>
      </c>
      <c r="BB2359" s="166">
        <v>0</v>
      </c>
      <c r="BC2359" s="166">
        <v>0</v>
      </c>
      <c r="BD2359" s="166">
        <v>0</v>
      </c>
      <c r="BE2359" s="166">
        <v>0</v>
      </c>
      <c r="BF2359" s="166">
        <v>0</v>
      </c>
      <c r="BG2359" s="166">
        <v>0</v>
      </c>
      <c r="BH2359" s="166">
        <v>0</v>
      </c>
      <c r="BI2359" s="166">
        <v>0</v>
      </c>
      <c r="BJ2359" s="166">
        <v>0</v>
      </c>
      <c r="BK2359" s="166">
        <v>0</v>
      </c>
      <c r="BL2359" s="166">
        <v>0</v>
      </c>
      <c r="BM2359" s="166">
        <v>0</v>
      </c>
      <c r="BN2359" s="166">
        <v>0</v>
      </c>
      <c r="BO2359" s="166">
        <v>0</v>
      </c>
      <c r="BP2359" s="166">
        <v>0</v>
      </c>
      <c r="BQ2359" s="166">
        <v>0</v>
      </c>
      <c r="BR2359" s="166">
        <v>1557.2712417631101</v>
      </c>
      <c r="BS2359" s="166">
        <v>1557.2712417631101</v>
      </c>
      <c r="BT2359" s="168">
        <v>0.97794258413195501</v>
      </c>
      <c r="BU2359" s="166">
        <v>18.440334540289001</v>
      </c>
      <c r="BV2359" s="166">
        <v>1522.9218623642</v>
      </c>
      <c r="BW2359" s="166">
        <v>0</v>
      </c>
      <c r="BX2359" s="166">
        <v>0</v>
      </c>
      <c r="BY2359" s="166">
        <v>0</v>
      </c>
      <c r="BZ2359" s="166">
        <v>0</v>
      </c>
      <c r="CA2359" s="166">
        <v>0</v>
      </c>
      <c r="CB2359" s="166">
        <v>0</v>
      </c>
      <c r="CC2359" s="166">
        <v>0</v>
      </c>
      <c r="CD2359" s="166">
        <v>0</v>
      </c>
      <c r="CE2359" s="166">
        <v>0</v>
      </c>
      <c r="CF2359" s="166">
        <v>0</v>
      </c>
      <c r="CG2359" s="166">
        <v>0</v>
      </c>
      <c r="CH2359" s="166">
        <v>0</v>
      </c>
      <c r="CI2359" s="166">
        <v>0</v>
      </c>
      <c r="CJ2359" s="166">
        <v>0</v>
      </c>
      <c r="CK2359" s="166">
        <v>0</v>
      </c>
      <c r="CL2359" s="166">
        <v>0</v>
      </c>
      <c r="CM2359" s="166">
        <v>0</v>
      </c>
      <c r="CN2359" s="166">
        <v>0</v>
      </c>
      <c r="CO2359" s="166">
        <v>0</v>
      </c>
      <c r="CP2359" s="166">
        <v>0</v>
      </c>
      <c r="CQ2359" s="166">
        <v>0</v>
      </c>
      <c r="CR2359" s="166">
        <v>0</v>
      </c>
      <c r="CS2359" s="166">
        <v>0</v>
      </c>
      <c r="CT2359" s="166">
        <v>0</v>
      </c>
      <c r="CU2359" s="166">
        <v>0</v>
      </c>
      <c r="CV2359" s="166">
        <v>0</v>
      </c>
      <c r="CW2359" s="166">
        <v>0</v>
      </c>
      <c r="CX2359" s="166">
        <v>0</v>
      </c>
      <c r="CY2359" s="166">
        <v>1522.9218623642</v>
      </c>
      <c r="CZ2359" s="166">
        <v>1522.9218623642</v>
      </c>
    </row>
    <row r="2360" spans="1:104" x14ac:dyDescent="0.2">
      <c r="A2360" s="167" t="s">
        <v>208</v>
      </c>
      <c r="B2360" s="166">
        <v>4981.7028709390697</v>
      </c>
      <c r="C2360" s="166">
        <v>4981.7028709390697</v>
      </c>
      <c r="D2360" s="166">
        <v>0</v>
      </c>
      <c r="E2360" s="166">
        <v>0</v>
      </c>
      <c r="F2360" s="166">
        <v>0</v>
      </c>
      <c r="G2360" s="166">
        <v>0</v>
      </c>
      <c r="H2360" s="166">
        <v>0</v>
      </c>
      <c r="I2360" s="166">
        <v>0</v>
      </c>
      <c r="J2360" s="166">
        <v>0</v>
      </c>
      <c r="K2360" s="166">
        <v>0</v>
      </c>
      <c r="L2360" s="166">
        <v>0</v>
      </c>
      <c r="M2360" s="166">
        <v>0</v>
      </c>
      <c r="N2360" s="166">
        <v>0</v>
      </c>
      <c r="O2360" s="166">
        <v>0</v>
      </c>
      <c r="P2360" s="166">
        <v>0</v>
      </c>
      <c r="Q2360" s="166">
        <v>0</v>
      </c>
      <c r="R2360" s="166">
        <v>0</v>
      </c>
      <c r="S2360" s="166">
        <v>0</v>
      </c>
      <c r="T2360" s="166">
        <v>0</v>
      </c>
      <c r="U2360" s="166">
        <v>0</v>
      </c>
      <c r="V2360" s="166">
        <v>0</v>
      </c>
      <c r="W2360" s="166">
        <v>0</v>
      </c>
      <c r="X2360" s="166">
        <v>0</v>
      </c>
      <c r="Y2360" s="166">
        <v>0</v>
      </c>
      <c r="Z2360" s="166">
        <v>0</v>
      </c>
      <c r="AA2360" s="166">
        <v>0</v>
      </c>
      <c r="AB2360" s="166">
        <v>0</v>
      </c>
      <c r="AC2360" s="166">
        <v>0</v>
      </c>
      <c r="AD2360" s="166">
        <v>0</v>
      </c>
      <c r="AE2360" s="166">
        <v>0</v>
      </c>
      <c r="AF2360" s="166">
        <v>0</v>
      </c>
      <c r="AG2360" s="166">
        <v>0</v>
      </c>
      <c r="AH2360" s="166">
        <v>0</v>
      </c>
      <c r="AI2360" s="166">
        <v>0</v>
      </c>
      <c r="AJ2360" s="166">
        <v>0</v>
      </c>
      <c r="AK2360" s="166">
        <v>0</v>
      </c>
      <c r="AL2360" s="166">
        <v>0</v>
      </c>
      <c r="AM2360" s="166">
        <v>0</v>
      </c>
      <c r="AN2360" s="166">
        <v>0</v>
      </c>
      <c r="AO2360" s="166">
        <v>0</v>
      </c>
      <c r="AP2360" s="166">
        <v>0</v>
      </c>
      <c r="AQ2360" s="166">
        <v>0</v>
      </c>
      <c r="AR2360" s="166">
        <v>0</v>
      </c>
      <c r="AS2360" s="166">
        <v>0</v>
      </c>
      <c r="AT2360" s="166">
        <v>0</v>
      </c>
      <c r="AU2360" s="166">
        <v>0</v>
      </c>
      <c r="AV2360" s="166">
        <v>0</v>
      </c>
      <c r="AW2360" s="166">
        <v>0</v>
      </c>
      <c r="AX2360" s="166">
        <v>0</v>
      </c>
      <c r="AY2360" s="166">
        <v>0</v>
      </c>
      <c r="AZ2360" s="166">
        <v>0</v>
      </c>
      <c r="BA2360" s="166">
        <v>0</v>
      </c>
      <c r="BB2360" s="166">
        <v>0</v>
      </c>
      <c r="BC2360" s="166">
        <v>0</v>
      </c>
      <c r="BD2360" s="166">
        <v>0</v>
      </c>
      <c r="BE2360" s="166">
        <v>0</v>
      </c>
      <c r="BF2360" s="166">
        <v>0</v>
      </c>
      <c r="BG2360" s="166">
        <v>0</v>
      </c>
      <c r="BH2360" s="166">
        <v>0</v>
      </c>
      <c r="BI2360" s="166">
        <v>0</v>
      </c>
      <c r="BJ2360" s="166">
        <v>0</v>
      </c>
      <c r="BK2360" s="166">
        <v>0</v>
      </c>
      <c r="BL2360" s="166">
        <v>0</v>
      </c>
      <c r="BM2360" s="166">
        <v>0</v>
      </c>
      <c r="BN2360" s="166">
        <v>0</v>
      </c>
      <c r="BO2360" s="166">
        <v>0</v>
      </c>
      <c r="BP2360" s="166">
        <v>0</v>
      </c>
      <c r="BQ2360" s="166">
        <v>0</v>
      </c>
      <c r="BR2360" s="166">
        <v>4981.7028709390697</v>
      </c>
      <c r="BS2360" s="166">
        <v>4981.7028709390697</v>
      </c>
      <c r="BT2360" s="168">
        <v>0.99999812279077205</v>
      </c>
      <c r="BU2360" s="166">
        <v>60.320951023300303</v>
      </c>
      <c r="BV2360" s="166">
        <v>4981.6935192404699</v>
      </c>
      <c r="BW2360" s="166">
        <v>0</v>
      </c>
      <c r="BX2360" s="166">
        <v>0</v>
      </c>
      <c r="BY2360" s="166">
        <v>0</v>
      </c>
      <c r="BZ2360" s="166">
        <v>0</v>
      </c>
      <c r="CA2360" s="166">
        <v>0</v>
      </c>
      <c r="CB2360" s="166">
        <v>0</v>
      </c>
      <c r="CC2360" s="166">
        <v>0</v>
      </c>
      <c r="CD2360" s="166">
        <v>0</v>
      </c>
      <c r="CE2360" s="166">
        <v>0</v>
      </c>
      <c r="CF2360" s="166">
        <v>0</v>
      </c>
      <c r="CG2360" s="166">
        <v>0</v>
      </c>
      <c r="CH2360" s="166">
        <v>0</v>
      </c>
      <c r="CI2360" s="166">
        <v>0</v>
      </c>
      <c r="CJ2360" s="166">
        <v>0</v>
      </c>
      <c r="CK2360" s="166">
        <v>0</v>
      </c>
      <c r="CL2360" s="166">
        <v>0</v>
      </c>
      <c r="CM2360" s="166">
        <v>0</v>
      </c>
      <c r="CN2360" s="166">
        <v>0</v>
      </c>
      <c r="CO2360" s="166">
        <v>0</v>
      </c>
      <c r="CP2360" s="166">
        <v>0</v>
      </c>
      <c r="CQ2360" s="166">
        <v>0</v>
      </c>
      <c r="CR2360" s="166">
        <v>0</v>
      </c>
      <c r="CS2360" s="166">
        <v>0</v>
      </c>
      <c r="CT2360" s="166">
        <v>0</v>
      </c>
      <c r="CU2360" s="166">
        <v>0</v>
      </c>
      <c r="CV2360" s="166">
        <v>0</v>
      </c>
      <c r="CW2360" s="166">
        <v>0</v>
      </c>
      <c r="CX2360" s="166">
        <v>0</v>
      </c>
      <c r="CY2360" s="166">
        <v>4981.6935192404699</v>
      </c>
      <c r="CZ2360" s="166">
        <v>4981.6935192404699</v>
      </c>
    </row>
    <row r="2361" spans="1:104" x14ac:dyDescent="0.2">
      <c r="A2361" s="167" t="s">
        <v>209</v>
      </c>
      <c r="B2361" s="166">
        <v>3910.9378391709301</v>
      </c>
      <c r="C2361" s="166">
        <v>3910.9378391709301</v>
      </c>
      <c r="D2361" s="166">
        <v>0</v>
      </c>
      <c r="E2361" s="166">
        <v>0</v>
      </c>
      <c r="F2361" s="166">
        <v>0</v>
      </c>
      <c r="G2361" s="166">
        <v>0</v>
      </c>
      <c r="H2361" s="166">
        <v>0</v>
      </c>
      <c r="I2361" s="166">
        <v>0</v>
      </c>
      <c r="J2361" s="166">
        <v>0</v>
      </c>
      <c r="K2361" s="166">
        <v>0</v>
      </c>
      <c r="L2361" s="166">
        <v>0</v>
      </c>
      <c r="M2361" s="166">
        <v>0</v>
      </c>
      <c r="N2361" s="166">
        <v>0</v>
      </c>
      <c r="O2361" s="166">
        <v>0</v>
      </c>
      <c r="P2361" s="166">
        <v>0</v>
      </c>
      <c r="Q2361" s="166">
        <v>0</v>
      </c>
      <c r="R2361" s="166">
        <v>0</v>
      </c>
      <c r="S2361" s="166">
        <v>0</v>
      </c>
      <c r="T2361" s="166">
        <v>0</v>
      </c>
      <c r="U2361" s="166">
        <v>0</v>
      </c>
      <c r="V2361" s="166">
        <v>0</v>
      </c>
      <c r="W2361" s="166">
        <v>0</v>
      </c>
      <c r="X2361" s="166">
        <v>0</v>
      </c>
      <c r="Y2361" s="166">
        <v>0</v>
      </c>
      <c r="Z2361" s="166">
        <v>0</v>
      </c>
      <c r="AA2361" s="166">
        <v>0</v>
      </c>
      <c r="AB2361" s="166">
        <v>0</v>
      </c>
      <c r="AC2361" s="166">
        <v>0</v>
      </c>
      <c r="AD2361" s="166">
        <v>0</v>
      </c>
      <c r="AE2361" s="166">
        <v>0</v>
      </c>
      <c r="AF2361" s="166">
        <v>0</v>
      </c>
      <c r="AG2361" s="166">
        <v>0</v>
      </c>
      <c r="AH2361" s="166">
        <v>0</v>
      </c>
      <c r="AI2361" s="166">
        <v>0</v>
      </c>
      <c r="AJ2361" s="166">
        <v>0</v>
      </c>
      <c r="AK2361" s="166">
        <v>0</v>
      </c>
      <c r="AL2361" s="166">
        <v>0</v>
      </c>
      <c r="AM2361" s="166">
        <v>0</v>
      </c>
      <c r="AN2361" s="166">
        <v>0</v>
      </c>
      <c r="AO2361" s="166">
        <v>0</v>
      </c>
      <c r="AP2361" s="166">
        <v>0</v>
      </c>
      <c r="AQ2361" s="166">
        <v>0</v>
      </c>
      <c r="AR2361" s="166">
        <v>0</v>
      </c>
      <c r="AS2361" s="166">
        <v>0</v>
      </c>
      <c r="AT2361" s="166">
        <v>0</v>
      </c>
      <c r="AU2361" s="166">
        <v>0</v>
      </c>
      <c r="AV2361" s="166">
        <v>0</v>
      </c>
      <c r="AW2361" s="166">
        <v>0</v>
      </c>
      <c r="AX2361" s="166">
        <v>0</v>
      </c>
      <c r="AY2361" s="166">
        <v>0</v>
      </c>
      <c r="AZ2361" s="166">
        <v>0</v>
      </c>
      <c r="BA2361" s="166">
        <v>0</v>
      </c>
      <c r="BB2361" s="166">
        <v>0</v>
      </c>
      <c r="BC2361" s="166">
        <v>0</v>
      </c>
      <c r="BD2361" s="166">
        <v>0</v>
      </c>
      <c r="BE2361" s="166">
        <v>0</v>
      </c>
      <c r="BF2361" s="166">
        <v>0</v>
      </c>
      <c r="BG2361" s="166">
        <v>0</v>
      </c>
      <c r="BH2361" s="166">
        <v>0</v>
      </c>
      <c r="BI2361" s="166">
        <v>0</v>
      </c>
      <c r="BJ2361" s="166">
        <v>0</v>
      </c>
      <c r="BK2361" s="166">
        <v>0</v>
      </c>
      <c r="BL2361" s="166">
        <v>0</v>
      </c>
      <c r="BM2361" s="166">
        <v>0</v>
      </c>
      <c r="BN2361" s="166">
        <v>0</v>
      </c>
      <c r="BO2361" s="166">
        <v>0</v>
      </c>
      <c r="BP2361" s="166">
        <v>0</v>
      </c>
      <c r="BQ2361" s="166">
        <v>0</v>
      </c>
      <c r="BR2361" s="166">
        <v>3910.9378391709301</v>
      </c>
      <c r="BS2361" s="166">
        <v>3910.9378391709301</v>
      </c>
      <c r="BT2361" s="166">
        <v>1000</v>
      </c>
      <c r="BU2361" s="166">
        <v>47.355681143501897</v>
      </c>
      <c r="BV2361" s="166">
        <v>3910.9378391709301</v>
      </c>
      <c r="BW2361" s="166">
        <v>0</v>
      </c>
      <c r="BX2361" s="166">
        <v>0</v>
      </c>
      <c r="BY2361" s="166">
        <v>0</v>
      </c>
      <c r="BZ2361" s="166">
        <v>0</v>
      </c>
      <c r="CA2361" s="166">
        <v>0</v>
      </c>
      <c r="CB2361" s="166">
        <v>0</v>
      </c>
      <c r="CC2361" s="166">
        <v>0</v>
      </c>
      <c r="CD2361" s="166">
        <v>0</v>
      </c>
      <c r="CE2361" s="166">
        <v>0</v>
      </c>
      <c r="CF2361" s="166">
        <v>0</v>
      </c>
      <c r="CG2361" s="166">
        <v>0</v>
      </c>
      <c r="CH2361" s="166">
        <v>0</v>
      </c>
      <c r="CI2361" s="166">
        <v>0</v>
      </c>
      <c r="CJ2361" s="166">
        <v>0</v>
      </c>
      <c r="CK2361" s="166">
        <v>0</v>
      </c>
      <c r="CL2361" s="166">
        <v>0</v>
      </c>
      <c r="CM2361" s="166">
        <v>0</v>
      </c>
      <c r="CN2361" s="166">
        <v>0</v>
      </c>
      <c r="CO2361" s="166">
        <v>0</v>
      </c>
      <c r="CP2361" s="166">
        <v>0</v>
      </c>
      <c r="CQ2361" s="166">
        <v>0</v>
      </c>
      <c r="CR2361" s="166">
        <v>0</v>
      </c>
      <c r="CS2361" s="166">
        <v>0</v>
      </c>
      <c r="CT2361" s="166">
        <v>0</v>
      </c>
      <c r="CU2361" s="166">
        <v>0</v>
      </c>
      <c r="CV2361" s="166">
        <v>0</v>
      </c>
      <c r="CW2361" s="166">
        <v>0</v>
      </c>
      <c r="CX2361" s="166">
        <v>0</v>
      </c>
      <c r="CY2361" s="166">
        <v>3910.9378391709301</v>
      </c>
      <c r="CZ2361" s="166">
        <v>3910.9378391709301</v>
      </c>
    </row>
    <row r="2362" spans="1:104" x14ac:dyDescent="0.2">
      <c r="A2362" s="167" t="s">
        <v>1077</v>
      </c>
      <c r="B2362" s="166">
        <v>636762.39236655203</v>
      </c>
      <c r="C2362" s="166">
        <v>636762.39236655203</v>
      </c>
      <c r="D2362" s="166">
        <v>0</v>
      </c>
      <c r="E2362" s="166">
        <v>0</v>
      </c>
      <c r="F2362" s="166">
        <v>0</v>
      </c>
      <c r="G2362" s="166">
        <v>0</v>
      </c>
      <c r="H2362" s="166">
        <v>0</v>
      </c>
      <c r="I2362" s="166">
        <v>0</v>
      </c>
      <c r="J2362" s="166">
        <v>0</v>
      </c>
      <c r="K2362" s="166">
        <v>0</v>
      </c>
      <c r="L2362" s="166">
        <v>0</v>
      </c>
      <c r="M2362" s="166">
        <v>0</v>
      </c>
      <c r="N2362" s="166">
        <v>0</v>
      </c>
      <c r="O2362" s="166">
        <v>0</v>
      </c>
      <c r="P2362" s="166">
        <v>0</v>
      </c>
      <c r="Q2362" s="166">
        <v>0</v>
      </c>
      <c r="R2362" s="166">
        <v>0</v>
      </c>
      <c r="S2362" s="166">
        <v>0</v>
      </c>
      <c r="T2362" s="166">
        <v>0</v>
      </c>
      <c r="U2362" s="166">
        <v>0</v>
      </c>
      <c r="V2362" s="166">
        <v>0</v>
      </c>
      <c r="W2362" s="166">
        <v>0</v>
      </c>
      <c r="X2362" s="166">
        <v>0</v>
      </c>
      <c r="Y2362" s="166">
        <v>0</v>
      </c>
      <c r="Z2362" s="166">
        <v>0</v>
      </c>
      <c r="AA2362" s="166">
        <v>0</v>
      </c>
      <c r="AB2362" s="166">
        <v>0</v>
      </c>
      <c r="AC2362" s="166">
        <v>0</v>
      </c>
      <c r="AD2362" s="166">
        <v>0</v>
      </c>
      <c r="AE2362" s="166">
        <v>0</v>
      </c>
      <c r="AF2362" s="166">
        <v>0</v>
      </c>
      <c r="AG2362" s="166">
        <v>0</v>
      </c>
      <c r="AH2362" s="166">
        <v>0</v>
      </c>
      <c r="AI2362" s="166">
        <v>0</v>
      </c>
      <c r="AJ2362" s="166">
        <v>0</v>
      </c>
      <c r="AK2362" s="166">
        <v>0</v>
      </c>
      <c r="AL2362" s="166">
        <v>0</v>
      </c>
      <c r="AM2362" s="166">
        <v>0</v>
      </c>
      <c r="AN2362" s="166">
        <v>0</v>
      </c>
      <c r="AO2362" s="166">
        <v>0</v>
      </c>
      <c r="AP2362" s="166">
        <v>0</v>
      </c>
      <c r="AQ2362" s="166">
        <v>0</v>
      </c>
      <c r="AR2362" s="166">
        <v>0</v>
      </c>
      <c r="AS2362" s="166">
        <v>0</v>
      </c>
      <c r="AT2362" s="166">
        <v>0</v>
      </c>
      <c r="AU2362" s="166">
        <v>0</v>
      </c>
      <c r="AV2362" s="166">
        <v>0</v>
      </c>
      <c r="AW2362" s="166">
        <v>0</v>
      </c>
      <c r="AX2362" s="166">
        <v>0</v>
      </c>
      <c r="AY2362" s="166">
        <v>0</v>
      </c>
      <c r="AZ2362" s="166">
        <v>0</v>
      </c>
      <c r="BA2362" s="166">
        <v>0</v>
      </c>
      <c r="BB2362" s="166">
        <v>0</v>
      </c>
      <c r="BC2362" s="166">
        <v>0</v>
      </c>
      <c r="BD2362" s="166">
        <v>0</v>
      </c>
      <c r="BE2362" s="166">
        <v>0</v>
      </c>
      <c r="BF2362" s="166">
        <v>0</v>
      </c>
      <c r="BG2362" s="166">
        <v>0</v>
      </c>
      <c r="BH2362" s="166">
        <v>0</v>
      </c>
      <c r="BI2362" s="166">
        <v>0</v>
      </c>
      <c r="BJ2362" s="166">
        <v>0</v>
      </c>
      <c r="BK2362" s="166">
        <v>0</v>
      </c>
      <c r="BL2362" s="166">
        <v>0</v>
      </c>
      <c r="BM2362" s="166">
        <v>0</v>
      </c>
      <c r="BN2362" s="166">
        <v>0</v>
      </c>
      <c r="BO2362" s="166">
        <v>0</v>
      </c>
      <c r="BP2362" s="166">
        <v>0</v>
      </c>
      <c r="BQ2362" s="166">
        <v>0</v>
      </c>
      <c r="BR2362" s="166">
        <v>636762.39236655203</v>
      </c>
      <c r="BS2362" s="166">
        <v>636762.39236655203</v>
      </c>
      <c r="BT2362" s="168">
        <v>0.70788236107156799</v>
      </c>
      <c r="BU2362" s="166">
        <v>5608.6495529334097</v>
      </c>
      <c r="BV2362" s="166">
        <v>450752.865750016</v>
      </c>
      <c r="BW2362" s="166">
        <v>0</v>
      </c>
      <c r="BX2362" s="166">
        <v>0</v>
      </c>
      <c r="BY2362" s="166">
        <v>0</v>
      </c>
      <c r="BZ2362" s="166">
        <v>0</v>
      </c>
      <c r="CA2362" s="166">
        <v>0</v>
      </c>
      <c r="CB2362" s="166">
        <v>0</v>
      </c>
      <c r="CC2362" s="166">
        <v>0</v>
      </c>
      <c r="CD2362" s="166">
        <v>0</v>
      </c>
      <c r="CE2362" s="166">
        <v>0</v>
      </c>
      <c r="CF2362" s="166">
        <v>0</v>
      </c>
      <c r="CG2362" s="166">
        <v>0</v>
      </c>
      <c r="CH2362" s="166">
        <v>0</v>
      </c>
      <c r="CI2362" s="166">
        <v>0</v>
      </c>
      <c r="CJ2362" s="166">
        <v>0</v>
      </c>
      <c r="CK2362" s="166">
        <v>0</v>
      </c>
      <c r="CL2362" s="166">
        <v>0</v>
      </c>
      <c r="CM2362" s="166">
        <v>0</v>
      </c>
      <c r="CN2362" s="166">
        <v>0</v>
      </c>
      <c r="CO2362" s="166">
        <v>0</v>
      </c>
      <c r="CP2362" s="166">
        <v>0</v>
      </c>
      <c r="CQ2362" s="166">
        <v>0</v>
      </c>
      <c r="CR2362" s="166">
        <v>0</v>
      </c>
      <c r="CS2362" s="166">
        <v>0</v>
      </c>
      <c r="CT2362" s="166">
        <v>0</v>
      </c>
      <c r="CU2362" s="166">
        <v>0</v>
      </c>
      <c r="CV2362" s="166">
        <v>0</v>
      </c>
      <c r="CW2362" s="166">
        <v>0</v>
      </c>
      <c r="CX2362" s="166">
        <v>0</v>
      </c>
      <c r="CY2362" s="166">
        <v>450752.865750016</v>
      </c>
      <c r="CZ2362" s="166">
        <v>450752.865750016</v>
      </c>
    </row>
    <row r="2363" spans="1:104" x14ac:dyDescent="0.2">
      <c r="A2363" s="167" t="s">
        <v>1078</v>
      </c>
      <c r="B2363" s="166">
        <v>654256.03</v>
      </c>
      <c r="C2363" s="166">
        <v>654256.03</v>
      </c>
      <c r="D2363" s="166">
        <v>0</v>
      </c>
      <c r="E2363" s="166">
        <v>0</v>
      </c>
      <c r="F2363" s="166">
        <v>0</v>
      </c>
      <c r="G2363" s="166">
        <v>0</v>
      </c>
      <c r="H2363" s="166">
        <v>0</v>
      </c>
      <c r="I2363" s="166">
        <v>0</v>
      </c>
      <c r="J2363" s="166">
        <v>0</v>
      </c>
      <c r="K2363" s="166">
        <v>0</v>
      </c>
      <c r="L2363" s="166">
        <v>0</v>
      </c>
      <c r="M2363" s="166">
        <v>0</v>
      </c>
      <c r="N2363" s="166">
        <v>0</v>
      </c>
      <c r="O2363" s="166">
        <v>0</v>
      </c>
      <c r="P2363" s="166">
        <v>0</v>
      </c>
      <c r="Q2363" s="166">
        <v>0</v>
      </c>
      <c r="R2363" s="166">
        <v>0</v>
      </c>
      <c r="S2363" s="166">
        <v>0</v>
      </c>
      <c r="T2363" s="166">
        <v>0</v>
      </c>
      <c r="U2363" s="166">
        <v>0</v>
      </c>
      <c r="V2363" s="166">
        <v>0</v>
      </c>
      <c r="W2363" s="166">
        <v>0</v>
      </c>
      <c r="X2363" s="166">
        <v>0</v>
      </c>
      <c r="Y2363" s="166">
        <v>0</v>
      </c>
      <c r="Z2363" s="166">
        <v>0</v>
      </c>
      <c r="AA2363" s="166">
        <v>0</v>
      </c>
      <c r="AB2363" s="166">
        <v>0</v>
      </c>
      <c r="AC2363" s="166">
        <v>0</v>
      </c>
      <c r="AD2363" s="166">
        <v>0</v>
      </c>
      <c r="AE2363" s="166">
        <v>0</v>
      </c>
      <c r="AF2363" s="166">
        <v>0</v>
      </c>
      <c r="AG2363" s="166">
        <v>0</v>
      </c>
      <c r="AH2363" s="166">
        <v>0</v>
      </c>
      <c r="AI2363" s="166">
        <v>0</v>
      </c>
      <c r="AJ2363" s="166">
        <v>0</v>
      </c>
      <c r="AK2363" s="166">
        <v>0</v>
      </c>
      <c r="AL2363" s="166">
        <v>0</v>
      </c>
      <c r="AM2363" s="166">
        <v>0</v>
      </c>
      <c r="AN2363" s="166">
        <v>0</v>
      </c>
      <c r="AO2363" s="166">
        <v>0</v>
      </c>
      <c r="AP2363" s="166">
        <v>0</v>
      </c>
      <c r="AQ2363" s="166">
        <v>0</v>
      </c>
      <c r="AR2363" s="166">
        <v>0</v>
      </c>
      <c r="AS2363" s="166">
        <v>0</v>
      </c>
      <c r="AT2363" s="166">
        <v>0</v>
      </c>
      <c r="AU2363" s="166">
        <v>0</v>
      </c>
      <c r="AV2363" s="166">
        <v>0</v>
      </c>
      <c r="AW2363" s="166">
        <v>0</v>
      </c>
      <c r="AX2363" s="166">
        <v>0</v>
      </c>
      <c r="AY2363" s="166">
        <v>0</v>
      </c>
      <c r="AZ2363" s="166">
        <v>0</v>
      </c>
      <c r="BA2363" s="166">
        <v>0</v>
      </c>
      <c r="BB2363" s="166">
        <v>0</v>
      </c>
      <c r="BC2363" s="166">
        <v>0</v>
      </c>
      <c r="BD2363" s="166">
        <v>0</v>
      </c>
      <c r="BE2363" s="166">
        <v>0</v>
      </c>
      <c r="BF2363" s="166">
        <v>0</v>
      </c>
      <c r="BG2363" s="166">
        <v>0</v>
      </c>
      <c r="BH2363" s="166">
        <v>0</v>
      </c>
      <c r="BI2363" s="166">
        <v>0</v>
      </c>
      <c r="BJ2363" s="166">
        <v>0</v>
      </c>
      <c r="BK2363" s="166">
        <v>0</v>
      </c>
      <c r="BL2363" s="166">
        <v>0</v>
      </c>
      <c r="BM2363" s="166">
        <v>0</v>
      </c>
      <c r="BN2363" s="166">
        <v>0</v>
      </c>
      <c r="BO2363" s="166">
        <v>0</v>
      </c>
      <c r="BP2363" s="166">
        <v>0</v>
      </c>
      <c r="BQ2363" s="166">
        <v>0</v>
      </c>
      <c r="BR2363" s="166">
        <v>654256.03</v>
      </c>
      <c r="BS2363" s="166">
        <v>654256.03</v>
      </c>
      <c r="BT2363" s="168">
        <v>0</v>
      </c>
      <c r="BU2363" s="166">
        <v>5819.9288424272099</v>
      </c>
      <c r="BV2363" s="166">
        <v>468201.67332624999</v>
      </c>
      <c r="BW2363" s="166">
        <v>0</v>
      </c>
      <c r="BX2363" s="166">
        <v>0</v>
      </c>
      <c r="BY2363" s="166">
        <v>0</v>
      </c>
      <c r="BZ2363" s="166">
        <v>0</v>
      </c>
      <c r="CA2363" s="166">
        <v>0</v>
      </c>
      <c r="CB2363" s="166">
        <v>0</v>
      </c>
      <c r="CC2363" s="166">
        <v>0</v>
      </c>
      <c r="CD2363" s="166">
        <v>0</v>
      </c>
      <c r="CE2363" s="166">
        <v>0</v>
      </c>
      <c r="CF2363" s="166">
        <v>0</v>
      </c>
      <c r="CG2363" s="166">
        <v>0</v>
      </c>
      <c r="CH2363" s="166">
        <v>0</v>
      </c>
      <c r="CI2363" s="166">
        <v>0</v>
      </c>
      <c r="CJ2363" s="166">
        <v>0</v>
      </c>
      <c r="CK2363" s="166">
        <v>0</v>
      </c>
      <c r="CL2363" s="166">
        <v>0</v>
      </c>
      <c r="CM2363" s="166">
        <v>0</v>
      </c>
      <c r="CN2363" s="166">
        <v>0</v>
      </c>
      <c r="CO2363" s="166">
        <v>0</v>
      </c>
      <c r="CP2363" s="166">
        <v>0</v>
      </c>
      <c r="CQ2363" s="166">
        <v>0</v>
      </c>
      <c r="CR2363" s="166">
        <v>0</v>
      </c>
      <c r="CS2363" s="166">
        <v>0</v>
      </c>
      <c r="CT2363" s="166">
        <v>0</v>
      </c>
      <c r="CU2363" s="166">
        <v>0</v>
      </c>
      <c r="CV2363" s="166">
        <v>0</v>
      </c>
      <c r="CW2363" s="166">
        <v>0</v>
      </c>
      <c r="CX2363" s="166">
        <v>0</v>
      </c>
      <c r="CY2363" s="166">
        <v>468201.67332624999</v>
      </c>
      <c r="CZ2363" s="166">
        <v>468201.67332624999</v>
      </c>
    </row>
    <row r="2364" spans="1:104" x14ac:dyDescent="0.2">
      <c r="A2364" s="167" t="s">
        <v>212</v>
      </c>
    </row>
    <row r="2365" spans="1:104" x14ac:dyDescent="0.2">
      <c r="A2365" s="167" t="s">
        <v>213</v>
      </c>
      <c r="B2365" s="166">
        <v>10936.406929910299</v>
      </c>
      <c r="C2365" s="166">
        <v>10936.406929910299</v>
      </c>
      <c r="D2365" s="166">
        <v>0</v>
      </c>
      <c r="E2365" s="166">
        <v>0</v>
      </c>
      <c r="F2365" s="166">
        <v>0</v>
      </c>
      <c r="G2365" s="166">
        <v>0</v>
      </c>
      <c r="H2365" s="166">
        <v>0</v>
      </c>
      <c r="I2365" s="166">
        <v>0</v>
      </c>
      <c r="J2365" s="166">
        <v>0</v>
      </c>
      <c r="K2365" s="166">
        <v>0</v>
      </c>
      <c r="L2365" s="166">
        <v>0</v>
      </c>
      <c r="M2365" s="166">
        <v>0</v>
      </c>
      <c r="N2365" s="166">
        <v>0</v>
      </c>
      <c r="O2365" s="166">
        <v>0</v>
      </c>
      <c r="P2365" s="166">
        <v>0</v>
      </c>
      <c r="Q2365" s="166">
        <v>0</v>
      </c>
      <c r="R2365" s="166">
        <v>0</v>
      </c>
      <c r="S2365" s="166">
        <v>0</v>
      </c>
      <c r="T2365" s="166">
        <v>0</v>
      </c>
      <c r="U2365" s="166">
        <v>0</v>
      </c>
      <c r="V2365" s="166">
        <v>0</v>
      </c>
      <c r="W2365" s="166">
        <v>0</v>
      </c>
      <c r="X2365" s="166">
        <v>0</v>
      </c>
      <c r="Y2365" s="166">
        <v>0</v>
      </c>
      <c r="Z2365" s="166">
        <v>0</v>
      </c>
      <c r="AA2365" s="166">
        <v>0</v>
      </c>
      <c r="AB2365" s="166">
        <v>0</v>
      </c>
      <c r="AC2365" s="166">
        <v>0</v>
      </c>
      <c r="AD2365" s="166">
        <v>0</v>
      </c>
      <c r="AE2365" s="166">
        <v>0</v>
      </c>
      <c r="AF2365" s="166">
        <v>0</v>
      </c>
      <c r="AG2365" s="166">
        <v>0</v>
      </c>
      <c r="AH2365" s="166">
        <v>0</v>
      </c>
      <c r="AI2365" s="166">
        <v>0</v>
      </c>
      <c r="AJ2365" s="166">
        <v>0</v>
      </c>
      <c r="AK2365" s="166">
        <v>0</v>
      </c>
      <c r="AL2365" s="166">
        <v>0</v>
      </c>
      <c r="AM2365" s="166">
        <v>0</v>
      </c>
      <c r="AN2365" s="166">
        <v>0</v>
      </c>
      <c r="AO2365" s="166">
        <v>0</v>
      </c>
      <c r="AP2365" s="166">
        <v>0</v>
      </c>
      <c r="AQ2365" s="166">
        <v>0</v>
      </c>
      <c r="AR2365" s="166">
        <v>0</v>
      </c>
      <c r="AS2365" s="166">
        <v>0</v>
      </c>
      <c r="AT2365" s="166">
        <v>0</v>
      </c>
      <c r="AU2365" s="166">
        <v>0</v>
      </c>
      <c r="AV2365" s="166">
        <v>0</v>
      </c>
      <c r="AW2365" s="166">
        <v>0</v>
      </c>
      <c r="AX2365" s="166">
        <v>0</v>
      </c>
      <c r="AY2365" s="166">
        <v>0</v>
      </c>
      <c r="AZ2365" s="166">
        <v>0</v>
      </c>
      <c r="BA2365" s="166">
        <v>0</v>
      </c>
      <c r="BB2365" s="166">
        <v>0</v>
      </c>
      <c r="BC2365" s="166">
        <v>0</v>
      </c>
      <c r="BD2365" s="166">
        <v>0</v>
      </c>
      <c r="BE2365" s="166">
        <v>0</v>
      </c>
      <c r="BF2365" s="166">
        <v>0</v>
      </c>
      <c r="BG2365" s="166">
        <v>0</v>
      </c>
      <c r="BH2365" s="166">
        <v>0</v>
      </c>
      <c r="BI2365" s="166">
        <v>0</v>
      </c>
      <c r="BJ2365" s="166">
        <v>0</v>
      </c>
      <c r="BK2365" s="166">
        <v>0</v>
      </c>
      <c r="BL2365" s="166">
        <v>0</v>
      </c>
      <c r="BM2365" s="166">
        <v>0</v>
      </c>
      <c r="BN2365" s="166">
        <v>0</v>
      </c>
      <c r="BO2365" s="166">
        <v>0</v>
      </c>
      <c r="BP2365" s="166">
        <v>0</v>
      </c>
      <c r="BQ2365" s="166">
        <v>0</v>
      </c>
      <c r="BR2365" s="166">
        <v>10936.406929910299</v>
      </c>
      <c r="BS2365" s="166">
        <v>10936.406929910299</v>
      </c>
      <c r="BT2365" s="166">
        <v>999.99812279077196</v>
      </c>
      <c r="BU2365" s="166">
        <v>766.00568710756602</v>
      </c>
      <c r="BV2365" s="166">
        <v>10936.386399986201</v>
      </c>
      <c r="BW2365" s="166">
        <v>0</v>
      </c>
      <c r="BX2365" s="166">
        <v>0</v>
      </c>
      <c r="BY2365" s="166">
        <v>0</v>
      </c>
      <c r="BZ2365" s="166">
        <v>0</v>
      </c>
      <c r="CA2365" s="166">
        <v>0</v>
      </c>
      <c r="CB2365" s="166">
        <v>0</v>
      </c>
      <c r="CC2365" s="166">
        <v>0</v>
      </c>
      <c r="CD2365" s="166">
        <v>0</v>
      </c>
      <c r="CE2365" s="166">
        <v>0</v>
      </c>
      <c r="CF2365" s="166">
        <v>0</v>
      </c>
      <c r="CG2365" s="166">
        <v>0</v>
      </c>
      <c r="CH2365" s="166">
        <v>0</v>
      </c>
      <c r="CI2365" s="166">
        <v>0</v>
      </c>
      <c r="CJ2365" s="166">
        <v>0</v>
      </c>
      <c r="CK2365" s="166">
        <v>0</v>
      </c>
      <c r="CL2365" s="166">
        <v>0</v>
      </c>
      <c r="CM2365" s="166">
        <v>0</v>
      </c>
      <c r="CN2365" s="166">
        <v>0</v>
      </c>
      <c r="CO2365" s="166">
        <v>0</v>
      </c>
      <c r="CP2365" s="166">
        <v>0</v>
      </c>
      <c r="CQ2365" s="166">
        <v>0</v>
      </c>
      <c r="CR2365" s="166">
        <v>0</v>
      </c>
      <c r="CS2365" s="166">
        <v>0</v>
      </c>
      <c r="CT2365" s="166">
        <v>0</v>
      </c>
      <c r="CU2365" s="166">
        <v>0</v>
      </c>
      <c r="CV2365" s="166">
        <v>0</v>
      </c>
      <c r="CW2365" s="166">
        <v>0</v>
      </c>
      <c r="CX2365" s="166">
        <v>0</v>
      </c>
      <c r="CY2365" s="166">
        <v>10936.386399986201</v>
      </c>
      <c r="CZ2365" s="166">
        <v>10936.386399986201</v>
      </c>
    </row>
    <row r="2366" spans="1:104" x14ac:dyDescent="0.2">
      <c r="A2366" s="167" t="s">
        <v>214</v>
      </c>
      <c r="B2366" s="166">
        <v>345.77137694280498</v>
      </c>
      <c r="C2366" s="166">
        <v>345.77137694280498</v>
      </c>
      <c r="D2366" s="166">
        <v>0</v>
      </c>
      <c r="E2366" s="166">
        <v>0</v>
      </c>
      <c r="F2366" s="166">
        <v>0</v>
      </c>
      <c r="G2366" s="166">
        <v>0</v>
      </c>
      <c r="H2366" s="166">
        <v>0</v>
      </c>
      <c r="I2366" s="166">
        <v>0</v>
      </c>
      <c r="J2366" s="166">
        <v>0</v>
      </c>
      <c r="K2366" s="166">
        <v>0</v>
      </c>
      <c r="L2366" s="166">
        <v>0</v>
      </c>
      <c r="M2366" s="166">
        <v>0</v>
      </c>
      <c r="N2366" s="166">
        <v>0</v>
      </c>
      <c r="O2366" s="166">
        <v>0</v>
      </c>
      <c r="P2366" s="166">
        <v>0</v>
      </c>
      <c r="Q2366" s="166">
        <v>0</v>
      </c>
      <c r="R2366" s="166">
        <v>0</v>
      </c>
      <c r="S2366" s="166">
        <v>0</v>
      </c>
      <c r="T2366" s="166">
        <v>0</v>
      </c>
      <c r="U2366" s="166">
        <v>0</v>
      </c>
      <c r="V2366" s="166">
        <v>0</v>
      </c>
      <c r="W2366" s="166">
        <v>0</v>
      </c>
      <c r="X2366" s="166">
        <v>0</v>
      </c>
      <c r="Y2366" s="166">
        <v>0</v>
      </c>
      <c r="Z2366" s="166">
        <v>0</v>
      </c>
      <c r="AA2366" s="166">
        <v>0</v>
      </c>
      <c r="AB2366" s="166">
        <v>0</v>
      </c>
      <c r="AC2366" s="166">
        <v>0</v>
      </c>
      <c r="AD2366" s="166">
        <v>0</v>
      </c>
      <c r="AE2366" s="166">
        <v>0</v>
      </c>
      <c r="AF2366" s="166">
        <v>0</v>
      </c>
      <c r="AG2366" s="166">
        <v>0</v>
      </c>
      <c r="AH2366" s="166">
        <v>0</v>
      </c>
      <c r="AI2366" s="166">
        <v>0</v>
      </c>
      <c r="AJ2366" s="166">
        <v>0</v>
      </c>
      <c r="AK2366" s="166">
        <v>0</v>
      </c>
      <c r="AL2366" s="166">
        <v>0</v>
      </c>
      <c r="AM2366" s="166">
        <v>0</v>
      </c>
      <c r="AN2366" s="166">
        <v>0</v>
      </c>
      <c r="AO2366" s="166">
        <v>0</v>
      </c>
      <c r="AP2366" s="166">
        <v>0</v>
      </c>
      <c r="AQ2366" s="166">
        <v>0</v>
      </c>
      <c r="AR2366" s="166">
        <v>0</v>
      </c>
      <c r="AS2366" s="166">
        <v>0</v>
      </c>
      <c r="AT2366" s="166">
        <v>0</v>
      </c>
      <c r="AU2366" s="166">
        <v>0</v>
      </c>
      <c r="AV2366" s="166">
        <v>0</v>
      </c>
      <c r="AW2366" s="166">
        <v>0</v>
      </c>
      <c r="AX2366" s="166">
        <v>0</v>
      </c>
      <c r="AY2366" s="166">
        <v>0</v>
      </c>
      <c r="AZ2366" s="166">
        <v>0</v>
      </c>
      <c r="BA2366" s="166">
        <v>0</v>
      </c>
      <c r="BB2366" s="166">
        <v>0</v>
      </c>
      <c r="BC2366" s="166">
        <v>0</v>
      </c>
      <c r="BD2366" s="166">
        <v>0</v>
      </c>
      <c r="BE2366" s="166">
        <v>0</v>
      </c>
      <c r="BF2366" s="166">
        <v>0</v>
      </c>
      <c r="BG2366" s="166">
        <v>0</v>
      </c>
      <c r="BH2366" s="166">
        <v>0</v>
      </c>
      <c r="BI2366" s="166">
        <v>0</v>
      </c>
      <c r="BJ2366" s="166">
        <v>0</v>
      </c>
      <c r="BK2366" s="166">
        <v>0</v>
      </c>
      <c r="BL2366" s="166">
        <v>0</v>
      </c>
      <c r="BM2366" s="166">
        <v>0</v>
      </c>
      <c r="BN2366" s="166">
        <v>0</v>
      </c>
      <c r="BO2366" s="166">
        <v>0</v>
      </c>
      <c r="BP2366" s="166">
        <v>0</v>
      </c>
      <c r="BQ2366" s="166">
        <v>0</v>
      </c>
      <c r="BR2366" s="166">
        <v>345.77137694280498</v>
      </c>
      <c r="BS2366" s="166">
        <v>345.77137694280498</v>
      </c>
      <c r="BT2366" s="166">
        <v>951.55251328940301</v>
      </c>
      <c r="BU2366" s="166">
        <v>23.045171684813099</v>
      </c>
      <c r="BV2366" s="166">
        <v>329.01962275346398</v>
      </c>
      <c r="BW2366" s="166">
        <v>0</v>
      </c>
      <c r="BX2366" s="166">
        <v>0</v>
      </c>
      <c r="BY2366" s="166">
        <v>0</v>
      </c>
      <c r="BZ2366" s="166">
        <v>0</v>
      </c>
      <c r="CA2366" s="166">
        <v>0</v>
      </c>
      <c r="CB2366" s="166">
        <v>0</v>
      </c>
      <c r="CC2366" s="166">
        <v>0</v>
      </c>
      <c r="CD2366" s="166">
        <v>0</v>
      </c>
      <c r="CE2366" s="166">
        <v>0</v>
      </c>
      <c r="CF2366" s="166">
        <v>0</v>
      </c>
      <c r="CG2366" s="166">
        <v>0</v>
      </c>
      <c r="CH2366" s="166">
        <v>0</v>
      </c>
      <c r="CI2366" s="166">
        <v>0</v>
      </c>
      <c r="CJ2366" s="166">
        <v>0</v>
      </c>
      <c r="CK2366" s="166">
        <v>0</v>
      </c>
      <c r="CL2366" s="166">
        <v>0</v>
      </c>
      <c r="CM2366" s="166">
        <v>0</v>
      </c>
      <c r="CN2366" s="166">
        <v>0</v>
      </c>
      <c r="CO2366" s="166">
        <v>0</v>
      </c>
      <c r="CP2366" s="166">
        <v>0</v>
      </c>
      <c r="CQ2366" s="166">
        <v>0</v>
      </c>
      <c r="CR2366" s="166">
        <v>0</v>
      </c>
      <c r="CS2366" s="166">
        <v>0</v>
      </c>
      <c r="CT2366" s="166">
        <v>0</v>
      </c>
      <c r="CU2366" s="166">
        <v>0</v>
      </c>
      <c r="CV2366" s="166">
        <v>0</v>
      </c>
      <c r="CW2366" s="166">
        <v>0</v>
      </c>
      <c r="CX2366" s="166">
        <v>0</v>
      </c>
      <c r="CY2366" s="166">
        <v>329.01962275346398</v>
      </c>
      <c r="CZ2366" s="166">
        <v>329.01962275346398</v>
      </c>
    </row>
    <row r="2367" spans="1:104" x14ac:dyDescent="0.2">
      <c r="A2367" s="167" t="s">
        <v>215</v>
      </c>
      <c r="B2367" s="166">
        <v>2494.3350459636899</v>
      </c>
      <c r="C2367" s="166">
        <v>2494.3350459636899</v>
      </c>
      <c r="D2367" s="166">
        <v>0</v>
      </c>
      <c r="E2367" s="166">
        <v>0</v>
      </c>
      <c r="F2367" s="166">
        <v>0</v>
      </c>
      <c r="G2367" s="166">
        <v>0</v>
      </c>
      <c r="H2367" s="166">
        <v>0</v>
      </c>
      <c r="I2367" s="166">
        <v>0</v>
      </c>
      <c r="J2367" s="166">
        <v>0</v>
      </c>
      <c r="K2367" s="166">
        <v>0</v>
      </c>
      <c r="L2367" s="166">
        <v>0</v>
      </c>
      <c r="M2367" s="166">
        <v>0</v>
      </c>
      <c r="N2367" s="166">
        <v>0</v>
      </c>
      <c r="O2367" s="166">
        <v>0</v>
      </c>
      <c r="P2367" s="166">
        <v>0</v>
      </c>
      <c r="Q2367" s="166">
        <v>0</v>
      </c>
      <c r="R2367" s="166">
        <v>0</v>
      </c>
      <c r="S2367" s="166">
        <v>0</v>
      </c>
      <c r="T2367" s="166">
        <v>0</v>
      </c>
      <c r="U2367" s="166">
        <v>0</v>
      </c>
      <c r="V2367" s="166">
        <v>0</v>
      </c>
      <c r="W2367" s="166">
        <v>0</v>
      </c>
      <c r="X2367" s="166">
        <v>0</v>
      </c>
      <c r="Y2367" s="166">
        <v>0</v>
      </c>
      <c r="Z2367" s="166">
        <v>0</v>
      </c>
      <c r="AA2367" s="166">
        <v>0</v>
      </c>
      <c r="AB2367" s="166">
        <v>0</v>
      </c>
      <c r="AC2367" s="166">
        <v>0</v>
      </c>
      <c r="AD2367" s="166">
        <v>0</v>
      </c>
      <c r="AE2367" s="166">
        <v>0</v>
      </c>
      <c r="AF2367" s="166">
        <v>0</v>
      </c>
      <c r="AG2367" s="166">
        <v>0</v>
      </c>
      <c r="AH2367" s="166">
        <v>0</v>
      </c>
      <c r="AI2367" s="166">
        <v>0</v>
      </c>
      <c r="AJ2367" s="166">
        <v>0</v>
      </c>
      <c r="AK2367" s="166">
        <v>0</v>
      </c>
      <c r="AL2367" s="166">
        <v>0</v>
      </c>
      <c r="AM2367" s="166">
        <v>0</v>
      </c>
      <c r="AN2367" s="166">
        <v>0</v>
      </c>
      <c r="AO2367" s="166">
        <v>0</v>
      </c>
      <c r="AP2367" s="166">
        <v>0</v>
      </c>
      <c r="AQ2367" s="166">
        <v>0</v>
      </c>
      <c r="AR2367" s="166">
        <v>0</v>
      </c>
      <c r="AS2367" s="166">
        <v>0</v>
      </c>
      <c r="AT2367" s="166">
        <v>0</v>
      </c>
      <c r="AU2367" s="166">
        <v>0</v>
      </c>
      <c r="AV2367" s="166">
        <v>0</v>
      </c>
      <c r="AW2367" s="166">
        <v>0</v>
      </c>
      <c r="AX2367" s="166">
        <v>0</v>
      </c>
      <c r="AY2367" s="166">
        <v>0</v>
      </c>
      <c r="AZ2367" s="166">
        <v>0</v>
      </c>
      <c r="BA2367" s="166">
        <v>0</v>
      </c>
      <c r="BB2367" s="166">
        <v>0</v>
      </c>
      <c r="BC2367" s="166">
        <v>0</v>
      </c>
      <c r="BD2367" s="166">
        <v>0</v>
      </c>
      <c r="BE2367" s="166">
        <v>0</v>
      </c>
      <c r="BF2367" s="166">
        <v>0</v>
      </c>
      <c r="BG2367" s="166">
        <v>0</v>
      </c>
      <c r="BH2367" s="166">
        <v>0</v>
      </c>
      <c r="BI2367" s="166">
        <v>0</v>
      </c>
      <c r="BJ2367" s="166">
        <v>0</v>
      </c>
      <c r="BK2367" s="166">
        <v>0</v>
      </c>
      <c r="BL2367" s="166">
        <v>0</v>
      </c>
      <c r="BM2367" s="166">
        <v>0</v>
      </c>
      <c r="BN2367" s="166">
        <v>0</v>
      </c>
      <c r="BO2367" s="166">
        <v>0</v>
      </c>
      <c r="BP2367" s="166">
        <v>0</v>
      </c>
      <c r="BQ2367" s="166">
        <v>0</v>
      </c>
      <c r="BR2367" s="166">
        <v>2494.3350459636899</v>
      </c>
      <c r="BS2367" s="166">
        <v>2494.3350459636899</v>
      </c>
      <c r="BT2367" s="166">
        <v>977.94258413195496</v>
      </c>
      <c r="BU2367" s="166">
        <v>170.85444982371601</v>
      </c>
      <c r="BV2367" s="166">
        <v>2439.31646054063</v>
      </c>
      <c r="BW2367" s="166">
        <v>0</v>
      </c>
      <c r="BX2367" s="166">
        <v>0</v>
      </c>
      <c r="BY2367" s="166">
        <v>0</v>
      </c>
      <c r="BZ2367" s="166">
        <v>0</v>
      </c>
      <c r="CA2367" s="166">
        <v>0</v>
      </c>
      <c r="CB2367" s="166">
        <v>0</v>
      </c>
      <c r="CC2367" s="166">
        <v>0</v>
      </c>
      <c r="CD2367" s="166">
        <v>0</v>
      </c>
      <c r="CE2367" s="166">
        <v>0</v>
      </c>
      <c r="CF2367" s="166">
        <v>0</v>
      </c>
      <c r="CG2367" s="166">
        <v>0</v>
      </c>
      <c r="CH2367" s="166">
        <v>0</v>
      </c>
      <c r="CI2367" s="166">
        <v>0</v>
      </c>
      <c r="CJ2367" s="166">
        <v>0</v>
      </c>
      <c r="CK2367" s="166">
        <v>0</v>
      </c>
      <c r="CL2367" s="166">
        <v>0</v>
      </c>
      <c r="CM2367" s="166">
        <v>0</v>
      </c>
      <c r="CN2367" s="166">
        <v>0</v>
      </c>
      <c r="CO2367" s="166">
        <v>0</v>
      </c>
      <c r="CP2367" s="166">
        <v>0</v>
      </c>
      <c r="CQ2367" s="166">
        <v>0</v>
      </c>
      <c r="CR2367" s="166">
        <v>0</v>
      </c>
      <c r="CS2367" s="166">
        <v>0</v>
      </c>
      <c r="CT2367" s="166">
        <v>0</v>
      </c>
      <c r="CU2367" s="166">
        <v>0</v>
      </c>
      <c r="CV2367" s="166">
        <v>0</v>
      </c>
      <c r="CW2367" s="166">
        <v>0</v>
      </c>
      <c r="CX2367" s="166">
        <v>0</v>
      </c>
      <c r="CY2367" s="166">
        <v>2439.31646054063</v>
      </c>
      <c r="CZ2367" s="166">
        <v>2439.31646054063</v>
      </c>
    </row>
    <row r="2368" spans="1:104" x14ac:dyDescent="0.2">
      <c r="A2368" s="167" t="s">
        <v>216</v>
      </c>
      <c r="B2368" s="166">
        <v>7979.3652681165204</v>
      </c>
      <c r="C2368" s="166">
        <v>7979.3652681165204</v>
      </c>
      <c r="D2368" s="166">
        <v>0</v>
      </c>
      <c r="E2368" s="166">
        <v>0</v>
      </c>
      <c r="F2368" s="166">
        <v>0</v>
      </c>
      <c r="G2368" s="166">
        <v>0</v>
      </c>
      <c r="H2368" s="166">
        <v>0</v>
      </c>
      <c r="I2368" s="166">
        <v>0</v>
      </c>
      <c r="J2368" s="166">
        <v>0</v>
      </c>
      <c r="K2368" s="166">
        <v>0</v>
      </c>
      <c r="L2368" s="166">
        <v>0</v>
      </c>
      <c r="M2368" s="166">
        <v>0</v>
      </c>
      <c r="N2368" s="166">
        <v>0</v>
      </c>
      <c r="O2368" s="166">
        <v>0</v>
      </c>
      <c r="P2368" s="166">
        <v>0</v>
      </c>
      <c r="Q2368" s="166">
        <v>0</v>
      </c>
      <c r="R2368" s="166">
        <v>0</v>
      </c>
      <c r="S2368" s="166">
        <v>0</v>
      </c>
      <c r="T2368" s="166">
        <v>0</v>
      </c>
      <c r="U2368" s="166">
        <v>0</v>
      </c>
      <c r="V2368" s="166">
        <v>0</v>
      </c>
      <c r="W2368" s="166">
        <v>0</v>
      </c>
      <c r="X2368" s="166">
        <v>0</v>
      </c>
      <c r="Y2368" s="166">
        <v>0</v>
      </c>
      <c r="Z2368" s="166">
        <v>0</v>
      </c>
      <c r="AA2368" s="166">
        <v>0</v>
      </c>
      <c r="AB2368" s="166">
        <v>0</v>
      </c>
      <c r="AC2368" s="166">
        <v>0</v>
      </c>
      <c r="AD2368" s="166">
        <v>0</v>
      </c>
      <c r="AE2368" s="166">
        <v>0</v>
      </c>
      <c r="AF2368" s="166">
        <v>0</v>
      </c>
      <c r="AG2368" s="166">
        <v>0</v>
      </c>
      <c r="AH2368" s="166">
        <v>0</v>
      </c>
      <c r="AI2368" s="166">
        <v>0</v>
      </c>
      <c r="AJ2368" s="166">
        <v>0</v>
      </c>
      <c r="AK2368" s="166">
        <v>0</v>
      </c>
      <c r="AL2368" s="166">
        <v>0</v>
      </c>
      <c r="AM2368" s="166">
        <v>0</v>
      </c>
      <c r="AN2368" s="166">
        <v>0</v>
      </c>
      <c r="AO2368" s="166">
        <v>0</v>
      </c>
      <c r="AP2368" s="166">
        <v>0</v>
      </c>
      <c r="AQ2368" s="166">
        <v>0</v>
      </c>
      <c r="AR2368" s="166">
        <v>0</v>
      </c>
      <c r="AS2368" s="166">
        <v>0</v>
      </c>
      <c r="AT2368" s="166">
        <v>0</v>
      </c>
      <c r="AU2368" s="166">
        <v>0</v>
      </c>
      <c r="AV2368" s="166">
        <v>0</v>
      </c>
      <c r="AW2368" s="166">
        <v>0</v>
      </c>
      <c r="AX2368" s="166">
        <v>0</v>
      </c>
      <c r="AY2368" s="166">
        <v>0</v>
      </c>
      <c r="AZ2368" s="166">
        <v>0</v>
      </c>
      <c r="BA2368" s="166">
        <v>0</v>
      </c>
      <c r="BB2368" s="166">
        <v>0</v>
      </c>
      <c r="BC2368" s="166">
        <v>0</v>
      </c>
      <c r="BD2368" s="166">
        <v>0</v>
      </c>
      <c r="BE2368" s="166">
        <v>0</v>
      </c>
      <c r="BF2368" s="166">
        <v>0</v>
      </c>
      <c r="BG2368" s="166">
        <v>0</v>
      </c>
      <c r="BH2368" s="166">
        <v>0</v>
      </c>
      <c r="BI2368" s="166">
        <v>0</v>
      </c>
      <c r="BJ2368" s="166">
        <v>0</v>
      </c>
      <c r="BK2368" s="166">
        <v>0</v>
      </c>
      <c r="BL2368" s="166">
        <v>0</v>
      </c>
      <c r="BM2368" s="166">
        <v>0</v>
      </c>
      <c r="BN2368" s="166">
        <v>0</v>
      </c>
      <c r="BO2368" s="166">
        <v>0</v>
      </c>
      <c r="BP2368" s="166">
        <v>0</v>
      </c>
      <c r="BQ2368" s="166">
        <v>0</v>
      </c>
      <c r="BR2368" s="166">
        <v>7979.3652681165204</v>
      </c>
      <c r="BS2368" s="166">
        <v>7979.3652681165204</v>
      </c>
      <c r="BT2368" s="166">
        <v>999.99812279077196</v>
      </c>
      <c r="BU2368" s="166">
        <v>558.88915016222597</v>
      </c>
      <c r="BV2368" s="166">
        <v>7979.3502891784001</v>
      </c>
      <c r="BW2368" s="166">
        <v>0</v>
      </c>
      <c r="BX2368" s="166">
        <v>0</v>
      </c>
      <c r="BY2368" s="166">
        <v>0</v>
      </c>
      <c r="BZ2368" s="166">
        <v>0</v>
      </c>
      <c r="CA2368" s="166">
        <v>0</v>
      </c>
      <c r="CB2368" s="166">
        <v>0</v>
      </c>
      <c r="CC2368" s="166">
        <v>0</v>
      </c>
      <c r="CD2368" s="166">
        <v>0</v>
      </c>
      <c r="CE2368" s="166">
        <v>0</v>
      </c>
      <c r="CF2368" s="166">
        <v>0</v>
      </c>
      <c r="CG2368" s="166">
        <v>0</v>
      </c>
      <c r="CH2368" s="166">
        <v>0</v>
      </c>
      <c r="CI2368" s="166">
        <v>0</v>
      </c>
      <c r="CJ2368" s="166">
        <v>0</v>
      </c>
      <c r="CK2368" s="166">
        <v>0</v>
      </c>
      <c r="CL2368" s="166">
        <v>0</v>
      </c>
      <c r="CM2368" s="166">
        <v>0</v>
      </c>
      <c r="CN2368" s="166">
        <v>0</v>
      </c>
      <c r="CO2368" s="166">
        <v>0</v>
      </c>
      <c r="CP2368" s="166">
        <v>0</v>
      </c>
      <c r="CQ2368" s="166">
        <v>0</v>
      </c>
      <c r="CR2368" s="166">
        <v>0</v>
      </c>
      <c r="CS2368" s="166">
        <v>0</v>
      </c>
      <c r="CT2368" s="166">
        <v>0</v>
      </c>
      <c r="CU2368" s="166">
        <v>0</v>
      </c>
      <c r="CV2368" s="166">
        <v>0</v>
      </c>
      <c r="CW2368" s="166">
        <v>0</v>
      </c>
      <c r="CX2368" s="166">
        <v>0</v>
      </c>
      <c r="CY2368" s="166">
        <v>7979.3502891784001</v>
      </c>
      <c r="CZ2368" s="166">
        <v>7979.3502891784001</v>
      </c>
    </row>
    <row r="2369" spans="1:104" x14ac:dyDescent="0.2">
      <c r="A2369" s="167" t="s">
        <v>217</v>
      </c>
      <c r="B2369" s="166">
        <v>6264.2839944728703</v>
      </c>
      <c r="C2369" s="166">
        <v>6264.2839944728703</v>
      </c>
      <c r="D2369" s="166">
        <v>0</v>
      </c>
      <c r="E2369" s="166">
        <v>0</v>
      </c>
      <c r="F2369" s="166">
        <v>0</v>
      </c>
      <c r="G2369" s="166">
        <v>0</v>
      </c>
      <c r="H2369" s="166">
        <v>0</v>
      </c>
      <c r="I2369" s="166">
        <v>0</v>
      </c>
      <c r="J2369" s="166">
        <v>0</v>
      </c>
      <c r="K2369" s="166">
        <v>0</v>
      </c>
      <c r="L2369" s="166">
        <v>0</v>
      </c>
      <c r="M2369" s="166">
        <v>0</v>
      </c>
      <c r="N2369" s="166">
        <v>0</v>
      </c>
      <c r="O2369" s="166">
        <v>0</v>
      </c>
      <c r="P2369" s="166">
        <v>0</v>
      </c>
      <c r="Q2369" s="166">
        <v>0</v>
      </c>
      <c r="R2369" s="166">
        <v>0</v>
      </c>
      <c r="S2369" s="166">
        <v>0</v>
      </c>
      <c r="T2369" s="166">
        <v>0</v>
      </c>
      <c r="U2369" s="166">
        <v>0</v>
      </c>
      <c r="V2369" s="166">
        <v>0</v>
      </c>
      <c r="W2369" s="166">
        <v>0</v>
      </c>
      <c r="X2369" s="166">
        <v>0</v>
      </c>
      <c r="Y2369" s="166">
        <v>0</v>
      </c>
      <c r="Z2369" s="166">
        <v>0</v>
      </c>
      <c r="AA2369" s="166">
        <v>0</v>
      </c>
      <c r="AB2369" s="166">
        <v>0</v>
      </c>
      <c r="AC2369" s="166">
        <v>0</v>
      </c>
      <c r="AD2369" s="166">
        <v>0</v>
      </c>
      <c r="AE2369" s="166">
        <v>0</v>
      </c>
      <c r="AF2369" s="166">
        <v>0</v>
      </c>
      <c r="AG2369" s="166">
        <v>0</v>
      </c>
      <c r="AH2369" s="166">
        <v>0</v>
      </c>
      <c r="AI2369" s="166">
        <v>0</v>
      </c>
      <c r="AJ2369" s="166">
        <v>0</v>
      </c>
      <c r="AK2369" s="166">
        <v>0</v>
      </c>
      <c r="AL2369" s="166">
        <v>0</v>
      </c>
      <c r="AM2369" s="166">
        <v>0</v>
      </c>
      <c r="AN2369" s="166">
        <v>0</v>
      </c>
      <c r="AO2369" s="166">
        <v>0</v>
      </c>
      <c r="AP2369" s="166">
        <v>0</v>
      </c>
      <c r="AQ2369" s="166">
        <v>0</v>
      </c>
      <c r="AR2369" s="166">
        <v>0</v>
      </c>
      <c r="AS2369" s="166">
        <v>0</v>
      </c>
      <c r="AT2369" s="166">
        <v>0</v>
      </c>
      <c r="AU2369" s="166">
        <v>0</v>
      </c>
      <c r="AV2369" s="166">
        <v>0</v>
      </c>
      <c r="AW2369" s="166">
        <v>0</v>
      </c>
      <c r="AX2369" s="166">
        <v>0</v>
      </c>
      <c r="AY2369" s="166">
        <v>0</v>
      </c>
      <c r="AZ2369" s="166">
        <v>0</v>
      </c>
      <c r="BA2369" s="166">
        <v>0</v>
      </c>
      <c r="BB2369" s="166">
        <v>0</v>
      </c>
      <c r="BC2369" s="166">
        <v>0</v>
      </c>
      <c r="BD2369" s="166">
        <v>0</v>
      </c>
      <c r="BE2369" s="166">
        <v>0</v>
      </c>
      <c r="BF2369" s="166">
        <v>0</v>
      </c>
      <c r="BG2369" s="166">
        <v>0</v>
      </c>
      <c r="BH2369" s="166">
        <v>0</v>
      </c>
      <c r="BI2369" s="166">
        <v>0</v>
      </c>
      <c r="BJ2369" s="166">
        <v>0</v>
      </c>
      <c r="BK2369" s="166">
        <v>0</v>
      </c>
      <c r="BL2369" s="166">
        <v>0</v>
      </c>
      <c r="BM2369" s="166">
        <v>0</v>
      </c>
      <c r="BN2369" s="166">
        <v>0</v>
      </c>
      <c r="BO2369" s="166">
        <v>0</v>
      </c>
      <c r="BP2369" s="166">
        <v>0</v>
      </c>
      <c r="BQ2369" s="166">
        <v>0</v>
      </c>
      <c r="BR2369" s="166">
        <v>6264.2839944728703</v>
      </c>
      <c r="BS2369" s="166">
        <v>6264.2839944728703</v>
      </c>
      <c r="BT2369" s="166">
        <v>1000</v>
      </c>
      <c r="BU2369" s="166">
        <v>438.76258481769997</v>
      </c>
      <c r="BV2369" s="166">
        <v>6264.2839944728703</v>
      </c>
      <c r="BW2369" s="166">
        <v>0</v>
      </c>
      <c r="BX2369" s="166">
        <v>0</v>
      </c>
      <c r="BY2369" s="166">
        <v>0</v>
      </c>
      <c r="BZ2369" s="166">
        <v>0</v>
      </c>
      <c r="CA2369" s="166">
        <v>0</v>
      </c>
      <c r="CB2369" s="166">
        <v>0</v>
      </c>
      <c r="CC2369" s="166">
        <v>0</v>
      </c>
      <c r="CD2369" s="166">
        <v>0</v>
      </c>
      <c r="CE2369" s="166">
        <v>0</v>
      </c>
      <c r="CF2369" s="166">
        <v>0</v>
      </c>
      <c r="CG2369" s="166">
        <v>0</v>
      </c>
      <c r="CH2369" s="166">
        <v>0</v>
      </c>
      <c r="CI2369" s="166">
        <v>0</v>
      </c>
      <c r="CJ2369" s="166">
        <v>0</v>
      </c>
      <c r="CK2369" s="166">
        <v>0</v>
      </c>
      <c r="CL2369" s="166">
        <v>0</v>
      </c>
      <c r="CM2369" s="166">
        <v>0</v>
      </c>
      <c r="CN2369" s="166">
        <v>0</v>
      </c>
      <c r="CO2369" s="166">
        <v>0</v>
      </c>
      <c r="CP2369" s="166">
        <v>0</v>
      </c>
      <c r="CQ2369" s="166">
        <v>0</v>
      </c>
      <c r="CR2369" s="166">
        <v>0</v>
      </c>
      <c r="CS2369" s="166">
        <v>0</v>
      </c>
      <c r="CT2369" s="166">
        <v>0</v>
      </c>
      <c r="CU2369" s="166">
        <v>0</v>
      </c>
      <c r="CV2369" s="166">
        <v>0</v>
      </c>
      <c r="CW2369" s="166">
        <v>0</v>
      </c>
      <c r="CX2369" s="166">
        <v>0</v>
      </c>
      <c r="CY2369" s="166">
        <v>6264.2839944728703</v>
      </c>
      <c r="CZ2369" s="166">
        <v>6264.2839944728703</v>
      </c>
    </row>
    <row r="2370" spans="1:104" x14ac:dyDescent="0.2">
      <c r="A2370" s="167" t="s">
        <v>218</v>
      </c>
      <c r="B2370" s="166">
        <v>1026165.79738459</v>
      </c>
      <c r="C2370" s="166">
        <v>1026165.79738459</v>
      </c>
      <c r="D2370" s="166">
        <v>0</v>
      </c>
      <c r="E2370" s="166">
        <v>0</v>
      </c>
      <c r="F2370" s="166">
        <v>0</v>
      </c>
      <c r="G2370" s="166">
        <v>0</v>
      </c>
      <c r="H2370" s="166">
        <v>0</v>
      </c>
      <c r="I2370" s="166">
        <v>0</v>
      </c>
      <c r="J2370" s="166">
        <v>0</v>
      </c>
      <c r="K2370" s="166">
        <v>0</v>
      </c>
      <c r="L2370" s="166">
        <v>0</v>
      </c>
      <c r="M2370" s="166">
        <v>0</v>
      </c>
      <c r="N2370" s="166">
        <v>0</v>
      </c>
      <c r="O2370" s="166">
        <v>0</v>
      </c>
      <c r="P2370" s="166">
        <v>0</v>
      </c>
      <c r="Q2370" s="166">
        <v>0</v>
      </c>
      <c r="R2370" s="166">
        <v>0</v>
      </c>
      <c r="S2370" s="166">
        <v>0</v>
      </c>
      <c r="T2370" s="166">
        <v>0</v>
      </c>
      <c r="U2370" s="166">
        <v>0</v>
      </c>
      <c r="V2370" s="166">
        <v>0</v>
      </c>
      <c r="W2370" s="166">
        <v>0</v>
      </c>
      <c r="X2370" s="166">
        <v>0</v>
      </c>
      <c r="Y2370" s="166">
        <v>0</v>
      </c>
      <c r="Z2370" s="166">
        <v>0</v>
      </c>
      <c r="AA2370" s="166">
        <v>0</v>
      </c>
      <c r="AB2370" s="166">
        <v>0</v>
      </c>
      <c r="AC2370" s="166">
        <v>0</v>
      </c>
      <c r="AD2370" s="166">
        <v>0</v>
      </c>
      <c r="AE2370" s="166">
        <v>0</v>
      </c>
      <c r="AF2370" s="166">
        <v>0</v>
      </c>
      <c r="AG2370" s="166">
        <v>0</v>
      </c>
      <c r="AH2370" s="166">
        <v>0</v>
      </c>
      <c r="AI2370" s="166">
        <v>0</v>
      </c>
      <c r="AJ2370" s="166">
        <v>0</v>
      </c>
      <c r="AK2370" s="166">
        <v>0</v>
      </c>
      <c r="AL2370" s="166">
        <v>0</v>
      </c>
      <c r="AM2370" s="166">
        <v>0</v>
      </c>
      <c r="AN2370" s="166">
        <v>0</v>
      </c>
      <c r="AO2370" s="166">
        <v>0</v>
      </c>
      <c r="AP2370" s="166">
        <v>0</v>
      </c>
      <c r="AQ2370" s="166">
        <v>0</v>
      </c>
      <c r="AR2370" s="166">
        <v>0</v>
      </c>
      <c r="AS2370" s="166">
        <v>0</v>
      </c>
      <c r="AT2370" s="166">
        <v>0</v>
      </c>
      <c r="AU2370" s="166">
        <v>0</v>
      </c>
      <c r="AV2370" s="166">
        <v>0</v>
      </c>
      <c r="AW2370" s="166">
        <v>0</v>
      </c>
      <c r="AX2370" s="166">
        <v>0</v>
      </c>
      <c r="AY2370" s="166">
        <v>0</v>
      </c>
      <c r="AZ2370" s="166">
        <v>0</v>
      </c>
      <c r="BA2370" s="166">
        <v>0</v>
      </c>
      <c r="BB2370" s="166">
        <v>0</v>
      </c>
      <c r="BC2370" s="166">
        <v>0</v>
      </c>
      <c r="BD2370" s="166">
        <v>0</v>
      </c>
      <c r="BE2370" s="166">
        <v>0</v>
      </c>
      <c r="BF2370" s="166">
        <v>0</v>
      </c>
      <c r="BG2370" s="166">
        <v>0</v>
      </c>
      <c r="BH2370" s="166">
        <v>0</v>
      </c>
      <c r="BI2370" s="166">
        <v>0</v>
      </c>
      <c r="BJ2370" s="166">
        <v>0</v>
      </c>
      <c r="BK2370" s="166">
        <v>0</v>
      </c>
      <c r="BL2370" s="166">
        <v>0</v>
      </c>
      <c r="BM2370" s="166">
        <v>0</v>
      </c>
      <c r="BN2370" s="166">
        <v>0</v>
      </c>
      <c r="BO2370" s="166">
        <v>0</v>
      </c>
      <c r="BP2370" s="166">
        <v>0</v>
      </c>
      <c r="BQ2370" s="166">
        <v>0</v>
      </c>
      <c r="BR2370" s="166">
        <v>1026165.79738459</v>
      </c>
      <c r="BS2370" s="166">
        <v>1026165.79738459</v>
      </c>
      <c r="BT2370" s="166">
        <v>707.88236107156797</v>
      </c>
      <c r="BU2370" s="166">
        <v>51965.582919703702</v>
      </c>
      <c r="BV2370" s="166">
        <v>726404.667503495</v>
      </c>
      <c r="BW2370" s="166">
        <v>0</v>
      </c>
      <c r="BX2370" s="166">
        <v>0</v>
      </c>
      <c r="BY2370" s="166">
        <v>0</v>
      </c>
      <c r="BZ2370" s="166">
        <v>0</v>
      </c>
      <c r="CA2370" s="166">
        <v>0</v>
      </c>
      <c r="CB2370" s="166">
        <v>0</v>
      </c>
      <c r="CC2370" s="166">
        <v>0</v>
      </c>
      <c r="CD2370" s="166">
        <v>0</v>
      </c>
      <c r="CE2370" s="166">
        <v>0</v>
      </c>
      <c r="CF2370" s="166">
        <v>0</v>
      </c>
      <c r="CG2370" s="166">
        <v>0</v>
      </c>
      <c r="CH2370" s="166">
        <v>0</v>
      </c>
      <c r="CI2370" s="166">
        <v>0</v>
      </c>
      <c r="CJ2370" s="166">
        <v>0</v>
      </c>
      <c r="CK2370" s="166">
        <v>0</v>
      </c>
      <c r="CL2370" s="166">
        <v>0</v>
      </c>
      <c r="CM2370" s="166">
        <v>0</v>
      </c>
      <c r="CN2370" s="166">
        <v>0</v>
      </c>
      <c r="CO2370" s="166">
        <v>0</v>
      </c>
      <c r="CP2370" s="166">
        <v>0</v>
      </c>
      <c r="CQ2370" s="166">
        <v>0</v>
      </c>
      <c r="CR2370" s="166">
        <v>0</v>
      </c>
      <c r="CS2370" s="166">
        <v>0</v>
      </c>
      <c r="CT2370" s="166">
        <v>0</v>
      </c>
      <c r="CU2370" s="166">
        <v>0</v>
      </c>
      <c r="CV2370" s="166">
        <v>0</v>
      </c>
      <c r="CW2370" s="166">
        <v>0</v>
      </c>
      <c r="CX2370" s="166">
        <v>0</v>
      </c>
      <c r="CY2370" s="166">
        <v>726404.667503495</v>
      </c>
      <c r="CZ2370" s="166">
        <v>726404.667503495</v>
      </c>
    </row>
    <row r="2371" spans="1:104" x14ac:dyDescent="0.2">
      <c r="A2371" s="167" t="s">
        <v>219</v>
      </c>
      <c r="B2371" s="166">
        <v>1054185.96</v>
      </c>
      <c r="C2371" s="166">
        <v>1054185.96</v>
      </c>
      <c r="D2371" s="166">
        <v>0</v>
      </c>
      <c r="E2371" s="166">
        <v>0</v>
      </c>
      <c r="F2371" s="166">
        <v>0</v>
      </c>
      <c r="G2371" s="166">
        <v>0</v>
      </c>
      <c r="H2371" s="166">
        <v>0</v>
      </c>
      <c r="I2371" s="166">
        <v>0</v>
      </c>
      <c r="J2371" s="166">
        <v>0</v>
      </c>
      <c r="K2371" s="166">
        <v>0</v>
      </c>
      <c r="L2371" s="166">
        <v>0</v>
      </c>
      <c r="M2371" s="166">
        <v>0</v>
      </c>
      <c r="N2371" s="166">
        <v>0</v>
      </c>
      <c r="O2371" s="166">
        <v>0</v>
      </c>
      <c r="P2371" s="166">
        <v>0</v>
      </c>
      <c r="Q2371" s="166">
        <v>0</v>
      </c>
      <c r="R2371" s="166">
        <v>0</v>
      </c>
      <c r="S2371" s="166">
        <v>0</v>
      </c>
      <c r="T2371" s="166">
        <v>0</v>
      </c>
      <c r="U2371" s="166">
        <v>0</v>
      </c>
      <c r="V2371" s="166">
        <v>0</v>
      </c>
      <c r="W2371" s="166">
        <v>0</v>
      </c>
      <c r="X2371" s="166">
        <v>0</v>
      </c>
      <c r="Y2371" s="166">
        <v>0</v>
      </c>
      <c r="Z2371" s="166">
        <v>0</v>
      </c>
      <c r="AA2371" s="166">
        <v>0</v>
      </c>
      <c r="AB2371" s="166">
        <v>0</v>
      </c>
      <c r="AC2371" s="166">
        <v>0</v>
      </c>
      <c r="AD2371" s="166">
        <v>0</v>
      </c>
      <c r="AE2371" s="166">
        <v>0</v>
      </c>
      <c r="AF2371" s="166">
        <v>0</v>
      </c>
      <c r="AG2371" s="166">
        <v>0</v>
      </c>
      <c r="AH2371" s="166">
        <v>0</v>
      </c>
      <c r="AI2371" s="166">
        <v>0</v>
      </c>
      <c r="AJ2371" s="166">
        <v>0</v>
      </c>
      <c r="AK2371" s="166">
        <v>0</v>
      </c>
      <c r="AL2371" s="166">
        <v>0</v>
      </c>
      <c r="AM2371" s="166">
        <v>0</v>
      </c>
      <c r="AN2371" s="166">
        <v>0</v>
      </c>
      <c r="AO2371" s="166">
        <v>0</v>
      </c>
      <c r="AP2371" s="166">
        <v>0</v>
      </c>
      <c r="AQ2371" s="166">
        <v>0</v>
      </c>
      <c r="AR2371" s="166">
        <v>0</v>
      </c>
      <c r="AS2371" s="166">
        <v>0</v>
      </c>
      <c r="AT2371" s="166">
        <v>0</v>
      </c>
      <c r="AU2371" s="166">
        <v>0</v>
      </c>
      <c r="AV2371" s="166">
        <v>0</v>
      </c>
      <c r="AW2371" s="166">
        <v>0</v>
      </c>
      <c r="AX2371" s="166">
        <v>0</v>
      </c>
      <c r="AY2371" s="166">
        <v>0</v>
      </c>
      <c r="AZ2371" s="166">
        <v>0</v>
      </c>
      <c r="BA2371" s="166">
        <v>0</v>
      </c>
      <c r="BB2371" s="166">
        <v>0</v>
      </c>
      <c r="BC2371" s="166">
        <v>0</v>
      </c>
      <c r="BD2371" s="166">
        <v>0</v>
      </c>
      <c r="BE2371" s="166">
        <v>0</v>
      </c>
      <c r="BF2371" s="166">
        <v>0</v>
      </c>
      <c r="BG2371" s="166">
        <v>0</v>
      </c>
      <c r="BH2371" s="166">
        <v>0</v>
      </c>
      <c r="BI2371" s="166">
        <v>0</v>
      </c>
      <c r="BJ2371" s="166">
        <v>0</v>
      </c>
      <c r="BK2371" s="166">
        <v>0</v>
      </c>
      <c r="BL2371" s="166">
        <v>0</v>
      </c>
      <c r="BM2371" s="166">
        <v>0</v>
      </c>
      <c r="BN2371" s="166">
        <v>0</v>
      </c>
      <c r="BO2371" s="166">
        <v>0</v>
      </c>
      <c r="BP2371" s="166">
        <v>0</v>
      </c>
      <c r="BQ2371" s="166">
        <v>0</v>
      </c>
      <c r="BR2371" s="166">
        <v>1054185.96</v>
      </c>
      <c r="BS2371" s="166">
        <v>1054185.96</v>
      </c>
      <c r="BT2371" s="168">
        <v>0</v>
      </c>
      <c r="BU2371" s="166">
        <v>53923.139963299698</v>
      </c>
      <c r="BV2371" s="166">
        <v>754353.02427042695</v>
      </c>
      <c r="BW2371" s="166">
        <v>0</v>
      </c>
      <c r="BX2371" s="166">
        <v>0</v>
      </c>
      <c r="BY2371" s="166">
        <v>0</v>
      </c>
      <c r="BZ2371" s="166">
        <v>0</v>
      </c>
      <c r="CA2371" s="166">
        <v>0</v>
      </c>
      <c r="CB2371" s="166">
        <v>0</v>
      </c>
      <c r="CC2371" s="166">
        <v>0</v>
      </c>
      <c r="CD2371" s="166">
        <v>0</v>
      </c>
      <c r="CE2371" s="166">
        <v>0</v>
      </c>
      <c r="CF2371" s="166">
        <v>0</v>
      </c>
      <c r="CG2371" s="166">
        <v>0</v>
      </c>
      <c r="CH2371" s="166">
        <v>0</v>
      </c>
      <c r="CI2371" s="166">
        <v>0</v>
      </c>
      <c r="CJ2371" s="166">
        <v>0</v>
      </c>
      <c r="CK2371" s="166">
        <v>0</v>
      </c>
      <c r="CL2371" s="166">
        <v>0</v>
      </c>
      <c r="CM2371" s="166">
        <v>0</v>
      </c>
      <c r="CN2371" s="166">
        <v>0</v>
      </c>
      <c r="CO2371" s="166">
        <v>0</v>
      </c>
      <c r="CP2371" s="166">
        <v>0</v>
      </c>
      <c r="CQ2371" s="166">
        <v>0</v>
      </c>
      <c r="CR2371" s="166">
        <v>0</v>
      </c>
      <c r="CS2371" s="166">
        <v>0</v>
      </c>
      <c r="CT2371" s="166">
        <v>0</v>
      </c>
      <c r="CU2371" s="166">
        <v>0</v>
      </c>
      <c r="CV2371" s="166">
        <v>0</v>
      </c>
      <c r="CW2371" s="166">
        <v>0</v>
      </c>
      <c r="CX2371" s="166">
        <v>0</v>
      </c>
      <c r="CY2371" s="166">
        <v>754353.02427042695</v>
      </c>
      <c r="CZ2371" s="166">
        <v>754353.02427042695</v>
      </c>
    </row>
    <row r="2372" spans="1:104" x14ac:dyDescent="0.2">
      <c r="A2372" s="167" t="s">
        <v>220</v>
      </c>
    </row>
    <row r="2373" spans="1:104" x14ac:dyDescent="0.2">
      <c r="A2373" s="167" t="s">
        <v>221</v>
      </c>
      <c r="B2373" s="166">
        <v>-5.0400000009176402</v>
      </c>
      <c r="C2373" s="166">
        <v>-5.0400000009176402</v>
      </c>
      <c r="D2373" s="166">
        <v>0</v>
      </c>
      <c r="E2373" s="166">
        <v>0</v>
      </c>
      <c r="F2373" s="166">
        <v>0</v>
      </c>
      <c r="G2373" s="166">
        <v>0</v>
      </c>
      <c r="H2373" s="166">
        <v>0</v>
      </c>
      <c r="I2373" s="166">
        <v>0</v>
      </c>
      <c r="J2373" s="166">
        <v>0</v>
      </c>
      <c r="K2373" s="166">
        <v>0</v>
      </c>
      <c r="L2373" s="166">
        <v>0</v>
      </c>
      <c r="M2373" s="166">
        <v>0</v>
      </c>
      <c r="N2373" s="166">
        <v>0</v>
      </c>
      <c r="O2373" s="166">
        <v>0</v>
      </c>
      <c r="P2373" s="166">
        <v>0</v>
      </c>
      <c r="Q2373" s="166">
        <v>0</v>
      </c>
      <c r="R2373" s="166">
        <v>0</v>
      </c>
      <c r="S2373" s="166">
        <v>0</v>
      </c>
      <c r="T2373" s="166">
        <v>0</v>
      </c>
      <c r="U2373" s="166">
        <v>0</v>
      </c>
      <c r="V2373" s="166">
        <v>0</v>
      </c>
      <c r="W2373" s="166">
        <v>0</v>
      </c>
      <c r="X2373" s="166">
        <v>0</v>
      </c>
      <c r="Y2373" s="166">
        <v>0</v>
      </c>
      <c r="Z2373" s="166">
        <v>0</v>
      </c>
      <c r="AA2373" s="166">
        <v>0</v>
      </c>
      <c r="AB2373" s="166">
        <v>0</v>
      </c>
      <c r="AC2373" s="166">
        <v>0</v>
      </c>
      <c r="AD2373" s="166">
        <v>0</v>
      </c>
      <c r="AE2373" s="166">
        <v>0</v>
      </c>
      <c r="AF2373" s="166">
        <v>0</v>
      </c>
      <c r="AG2373" s="166">
        <v>0</v>
      </c>
      <c r="AH2373" s="166">
        <v>0</v>
      </c>
      <c r="AI2373" s="166">
        <v>0</v>
      </c>
      <c r="AJ2373" s="166">
        <v>0</v>
      </c>
      <c r="AK2373" s="166">
        <v>0</v>
      </c>
      <c r="AL2373" s="166">
        <v>0</v>
      </c>
      <c r="AM2373" s="166">
        <v>0</v>
      </c>
      <c r="AN2373" s="166">
        <v>0</v>
      </c>
      <c r="AO2373" s="166">
        <v>0</v>
      </c>
      <c r="AP2373" s="166">
        <v>0</v>
      </c>
      <c r="AQ2373" s="166">
        <v>0</v>
      </c>
      <c r="AR2373" s="166">
        <v>0</v>
      </c>
      <c r="AS2373" s="166">
        <v>0</v>
      </c>
      <c r="AT2373" s="166">
        <v>0</v>
      </c>
      <c r="AU2373" s="166">
        <v>0</v>
      </c>
      <c r="AV2373" s="166">
        <v>0</v>
      </c>
      <c r="AW2373" s="166">
        <v>0</v>
      </c>
      <c r="AX2373" s="166">
        <v>0</v>
      </c>
      <c r="AY2373" s="166">
        <v>0</v>
      </c>
      <c r="AZ2373" s="166">
        <v>0</v>
      </c>
      <c r="BA2373" s="166">
        <v>0</v>
      </c>
      <c r="BB2373" s="166">
        <v>0</v>
      </c>
      <c r="BC2373" s="166">
        <v>0</v>
      </c>
      <c r="BD2373" s="166">
        <v>0</v>
      </c>
      <c r="BE2373" s="166">
        <v>0</v>
      </c>
      <c r="BF2373" s="166">
        <v>0</v>
      </c>
      <c r="BG2373" s="166">
        <v>0</v>
      </c>
      <c r="BH2373" s="166">
        <v>0</v>
      </c>
      <c r="BI2373" s="166">
        <v>0</v>
      </c>
      <c r="BJ2373" s="166">
        <v>0</v>
      </c>
      <c r="BK2373" s="166">
        <v>0</v>
      </c>
      <c r="BL2373" s="166">
        <v>0</v>
      </c>
      <c r="BM2373" s="166">
        <v>0</v>
      </c>
      <c r="BN2373" s="166">
        <v>0</v>
      </c>
      <c r="BO2373" s="166">
        <v>0</v>
      </c>
      <c r="BP2373" s="166">
        <v>0</v>
      </c>
      <c r="BQ2373" s="166">
        <v>0</v>
      </c>
      <c r="BR2373" s="166">
        <v>-5.0400000009176402</v>
      </c>
      <c r="BS2373" s="166">
        <v>-5.0400000009176402</v>
      </c>
      <c r="BT2373" s="168">
        <v>0.99999812279077205</v>
      </c>
      <c r="BU2373" s="166">
        <v>-0.419999211648594</v>
      </c>
      <c r="BV2373" s="166">
        <v>-5.0399905397831297</v>
      </c>
      <c r="BW2373" s="166">
        <v>0</v>
      </c>
      <c r="BX2373" s="166">
        <v>0</v>
      </c>
      <c r="BY2373" s="166">
        <v>0</v>
      </c>
      <c r="BZ2373" s="166">
        <v>0</v>
      </c>
      <c r="CA2373" s="166">
        <v>0</v>
      </c>
      <c r="CB2373" s="166">
        <v>0</v>
      </c>
      <c r="CC2373" s="166">
        <v>0</v>
      </c>
      <c r="CD2373" s="166">
        <v>0</v>
      </c>
      <c r="CE2373" s="166">
        <v>0</v>
      </c>
      <c r="CF2373" s="166">
        <v>0</v>
      </c>
      <c r="CG2373" s="166">
        <v>0</v>
      </c>
      <c r="CH2373" s="166">
        <v>0</v>
      </c>
      <c r="CI2373" s="166">
        <v>0</v>
      </c>
      <c r="CJ2373" s="166">
        <v>0</v>
      </c>
      <c r="CK2373" s="166">
        <v>0</v>
      </c>
      <c r="CL2373" s="166">
        <v>0</v>
      </c>
      <c r="CM2373" s="166">
        <v>0</v>
      </c>
      <c r="CN2373" s="166">
        <v>0</v>
      </c>
      <c r="CO2373" s="166">
        <v>0</v>
      </c>
      <c r="CP2373" s="166">
        <v>0</v>
      </c>
      <c r="CQ2373" s="166">
        <v>0</v>
      </c>
      <c r="CR2373" s="166">
        <v>0</v>
      </c>
      <c r="CS2373" s="166">
        <v>0</v>
      </c>
      <c r="CT2373" s="166">
        <v>0</v>
      </c>
      <c r="CU2373" s="166">
        <v>0</v>
      </c>
      <c r="CV2373" s="166">
        <v>0</v>
      </c>
      <c r="CW2373" s="166">
        <v>0</v>
      </c>
      <c r="CX2373" s="166">
        <v>0</v>
      </c>
      <c r="CY2373" s="166">
        <v>-5.0399905397831297</v>
      </c>
      <c r="CZ2373" s="166">
        <v>-5.0399905397831297</v>
      </c>
    </row>
    <row r="2374" spans="1:104" x14ac:dyDescent="0.2">
      <c r="A2374" s="167" t="s">
        <v>222</v>
      </c>
    </row>
    <row r="2375" spans="1:104" x14ac:dyDescent="0.2">
      <c r="A2375" s="167" t="s">
        <v>1079</v>
      </c>
      <c r="B2375" s="166">
        <v>51301.718785712801</v>
      </c>
      <c r="C2375" s="166">
        <v>51301.718785712801</v>
      </c>
      <c r="D2375" s="166">
        <v>0</v>
      </c>
      <c r="E2375" s="166">
        <v>0</v>
      </c>
      <c r="F2375" s="166">
        <v>0</v>
      </c>
      <c r="G2375" s="166">
        <v>0</v>
      </c>
      <c r="H2375" s="166">
        <v>0</v>
      </c>
      <c r="I2375" s="166">
        <v>0</v>
      </c>
      <c r="J2375" s="166">
        <v>0</v>
      </c>
      <c r="K2375" s="166">
        <v>0</v>
      </c>
      <c r="L2375" s="166">
        <v>0</v>
      </c>
      <c r="M2375" s="166">
        <v>0</v>
      </c>
      <c r="N2375" s="166">
        <v>0</v>
      </c>
      <c r="O2375" s="166">
        <v>0</v>
      </c>
      <c r="P2375" s="166">
        <v>0</v>
      </c>
      <c r="Q2375" s="166">
        <v>0</v>
      </c>
      <c r="R2375" s="166">
        <v>0</v>
      </c>
      <c r="S2375" s="166">
        <v>0</v>
      </c>
      <c r="T2375" s="166">
        <v>0</v>
      </c>
      <c r="U2375" s="166">
        <v>0</v>
      </c>
      <c r="V2375" s="166">
        <v>0</v>
      </c>
      <c r="W2375" s="166">
        <v>0</v>
      </c>
      <c r="X2375" s="166">
        <v>0</v>
      </c>
      <c r="Y2375" s="166">
        <v>0</v>
      </c>
      <c r="Z2375" s="166">
        <v>0</v>
      </c>
      <c r="AA2375" s="166">
        <v>0</v>
      </c>
      <c r="AB2375" s="166">
        <v>0</v>
      </c>
      <c r="AC2375" s="166">
        <v>0</v>
      </c>
      <c r="AD2375" s="166">
        <v>0</v>
      </c>
      <c r="AE2375" s="166">
        <v>0</v>
      </c>
      <c r="AF2375" s="166">
        <v>0</v>
      </c>
      <c r="AG2375" s="166">
        <v>0</v>
      </c>
      <c r="AH2375" s="166">
        <v>0</v>
      </c>
      <c r="AI2375" s="166">
        <v>0</v>
      </c>
      <c r="AJ2375" s="166">
        <v>0</v>
      </c>
      <c r="AK2375" s="166">
        <v>0</v>
      </c>
      <c r="AL2375" s="166">
        <v>0</v>
      </c>
      <c r="AM2375" s="166">
        <v>0</v>
      </c>
      <c r="AN2375" s="166">
        <v>0</v>
      </c>
      <c r="AO2375" s="166">
        <v>0</v>
      </c>
      <c r="AP2375" s="166">
        <v>0</v>
      </c>
      <c r="AQ2375" s="166">
        <v>0</v>
      </c>
      <c r="AR2375" s="166">
        <v>0</v>
      </c>
      <c r="AS2375" s="166">
        <v>0</v>
      </c>
      <c r="AT2375" s="166">
        <v>0</v>
      </c>
      <c r="AU2375" s="166">
        <v>0</v>
      </c>
      <c r="AV2375" s="166">
        <v>0</v>
      </c>
      <c r="AW2375" s="166">
        <v>0</v>
      </c>
      <c r="AX2375" s="166">
        <v>0</v>
      </c>
      <c r="AY2375" s="166">
        <v>0</v>
      </c>
      <c r="AZ2375" s="166">
        <v>0</v>
      </c>
      <c r="BA2375" s="166">
        <v>0</v>
      </c>
      <c r="BB2375" s="166">
        <v>0</v>
      </c>
      <c r="BC2375" s="166">
        <v>0</v>
      </c>
      <c r="BD2375" s="166">
        <v>0</v>
      </c>
      <c r="BE2375" s="166">
        <v>0</v>
      </c>
      <c r="BF2375" s="166">
        <v>0</v>
      </c>
      <c r="BG2375" s="166">
        <v>0</v>
      </c>
      <c r="BH2375" s="166">
        <v>0</v>
      </c>
      <c r="BI2375" s="166">
        <v>0</v>
      </c>
      <c r="BJ2375" s="166">
        <v>0</v>
      </c>
      <c r="BK2375" s="166">
        <v>0</v>
      </c>
      <c r="BL2375" s="166">
        <v>0</v>
      </c>
      <c r="BM2375" s="166">
        <v>0</v>
      </c>
      <c r="BN2375" s="166">
        <v>0</v>
      </c>
      <c r="BO2375" s="166">
        <v>0</v>
      </c>
      <c r="BP2375" s="166">
        <v>0</v>
      </c>
      <c r="BQ2375" s="166">
        <v>0</v>
      </c>
      <c r="BR2375" s="166">
        <v>51301.718785712801</v>
      </c>
      <c r="BS2375" s="166">
        <v>51301.718785712801</v>
      </c>
      <c r="BT2375" s="168">
        <v>0.99999812279077205</v>
      </c>
      <c r="BU2375" s="166">
        <v>2516.0012070313901</v>
      </c>
      <c r="BV2375" s="166">
        <v>51301.622481652797</v>
      </c>
      <c r="BW2375" s="166">
        <v>0</v>
      </c>
      <c r="BX2375" s="166">
        <v>0</v>
      </c>
      <c r="BY2375" s="166">
        <v>0</v>
      </c>
      <c r="BZ2375" s="166">
        <v>0</v>
      </c>
      <c r="CA2375" s="166">
        <v>0</v>
      </c>
      <c r="CB2375" s="166">
        <v>0</v>
      </c>
      <c r="CC2375" s="166">
        <v>0</v>
      </c>
      <c r="CD2375" s="166">
        <v>0</v>
      </c>
      <c r="CE2375" s="166">
        <v>0</v>
      </c>
      <c r="CF2375" s="166">
        <v>0</v>
      </c>
      <c r="CG2375" s="166">
        <v>0</v>
      </c>
      <c r="CH2375" s="166">
        <v>0</v>
      </c>
      <c r="CI2375" s="166">
        <v>0</v>
      </c>
      <c r="CJ2375" s="166">
        <v>0</v>
      </c>
      <c r="CK2375" s="166">
        <v>0</v>
      </c>
      <c r="CL2375" s="166">
        <v>0</v>
      </c>
      <c r="CM2375" s="166">
        <v>0</v>
      </c>
      <c r="CN2375" s="166">
        <v>0</v>
      </c>
      <c r="CO2375" s="166">
        <v>0</v>
      </c>
      <c r="CP2375" s="166">
        <v>0</v>
      </c>
      <c r="CQ2375" s="166">
        <v>0</v>
      </c>
      <c r="CR2375" s="166">
        <v>0</v>
      </c>
      <c r="CS2375" s="166">
        <v>0</v>
      </c>
      <c r="CT2375" s="166">
        <v>0</v>
      </c>
      <c r="CU2375" s="166">
        <v>0</v>
      </c>
      <c r="CV2375" s="166">
        <v>0</v>
      </c>
      <c r="CW2375" s="166">
        <v>0</v>
      </c>
      <c r="CX2375" s="166">
        <v>0</v>
      </c>
      <c r="CY2375" s="166">
        <v>51301.622481652797</v>
      </c>
      <c r="CZ2375" s="166">
        <v>51301.622481652797</v>
      </c>
    </row>
    <row r="2376" spans="1:104" x14ac:dyDescent="0.2">
      <c r="A2376" s="167" t="s">
        <v>1080</v>
      </c>
      <c r="B2376" s="166">
        <v>1621.98298378551</v>
      </c>
      <c r="C2376" s="166">
        <v>1621.98298378551</v>
      </c>
      <c r="D2376" s="166">
        <v>0</v>
      </c>
      <c r="E2376" s="166">
        <v>0</v>
      </c>
      <c r="F2376" s="166">
        <v>0</v>
      </c>
      <c r="G2376" s="166">
        <v>0</v>
      </c>
      <c r="H2376" s="166">
        <v>0</v>
      </c>
      <c r="I2376" s="166">
        <v>0</v>
      </c>
      <c r="J2376" s="166">
        <v>0</v>
      </c>
      <c r="K2376" s="166">
        <v>0</v>
      </c>
      <c r="L2376" s="166">
        <v>0</v>
      </c>
      <c r="M2376" s="166">
        <v>0</v>
      </c>
      <c r="N2376" s="166">
        <v>0</v>
      </c>
      <c r="O2376" s="166">
        <v>0</v>
      </c>
      <c r="P2376" s="166">
        <v>0</v>
      </c>
      <c r="Q2376" s="166">
        <v>0</v>
      </c>
      <c r="R2376" s="166">
        <v>0</v>
      </c>
      <c r="S2376" s="166">
        <v>0</v>
      </c>
      <c r="T2376" s="166">
        <v>0</v>
      </c>
      <c r="U2376" s="166">
        <v>0</v>
      </c>
      <c r="V2376" s="166">
        <v>0</v>
      </c>
      <c r="W2376" s="166">
        <v>0</v>
      </c>
      <c r="X2376" s="166">
        <v>0</v>
      </c>
      <c r="Y2376" s="166">
        <v>0</v>
      </c>
      <c r="Z2376" s="166">
        <v>0</v>
      </c>
      <c r="AA2376" s="166">
        <v>0</v>
      </c>
      <c r="AB2376" s="166">
        <v>0</v>
      </c>
      <c r="AC2376" s="166">
        <v>0</v>
      </c>
      <c r="AD2376" s="166">
        <v>0</v>
      </c>
      <c r="AE2376" s="166">
        <v>0</v>
      </c>
      <c r="AF2376" s="166">
        <v>0</v>
      </c>
      <c r="AG2376" s="166">
        <v>0</v>
      </c>
      <c r="AH2376" s="166">
        <v>0</v>
      </c>
      <c r="AI2376" s="166">
        <v>0</v>
      </c>
      <c r="AJ2376" s="166">
        <v>0</v>
      </c>
      <c r="AK2376" s="166">
        <v>0</v>
      </c>
      <c r="AL2376" s="166">
        <v>0</v>
      </c>
      <c r="AM2376" s="166">
        <v>0</v>
      </c>
      <c r="AN2376" s="166">
        <v>0</v>
      </c>
      <c r="AO2376" s="166">
        <v>0</v>
      </c>
      <c r="AP2376" s="166">
        <v>0</v>
      </c>
      <c r="AQ2376" s="166">
        <v>0</v>
      </c>
      <c r="AR2376" s="166">
        <v>0</v>
      </c>
      <c r="AS2376" s="166">
        <v>0</v>
      </c>
      <c r="AT2376" s="166">
        <v>0</v>
      </c>
      <c r="AU2376" s="166">
        <v>0</v>
      </c>
      <c r="AV2376" s="166">
        <v>0</v>
      </c>
      <c r="AW2376" s="166">
        <v>0</v>
      </c>
      <c r="AX2376" s="166">
        <v>0</v>
      </c>
      <c r="AY2376" s="166">
        <v>0</v>
      </c>
      <c r="AZ2376" s="166">
        <v>0</v>
      </c>
      <c r="BA2376" s="166">
        <v>0</v>
      </c>
      <c r="BB2376" s="166">
        <v>0</v>
      </c>
      <c r="BC2376" s="166">
        <v>0</v>
      </c>
      <c r="BD2376" s="166">
        <v>0</v>
      </c>
      <c r="BE2376" s="166">
        <v>0</v>
      </c>
      <c r="BF2376" s="166">
        <v>0</v>
      </c>
      <c r="BG2376" s="166">
        <v>0</v>
      </c>
      <c r="BH2376" s="166">
        <v>0</v>
      </c>
      <c r="BI2376" s="166">
        <v>0</v>
      </c>
      <c r="BJ2376" s="166">
        <v>0</v>
      </c>
      <c r="BK2376" s="166">
        <v>0</v>
      </c>
      <c r="BL2376" s="166">
        <v>0</v>
      </c>
      <c r="BM2376" s="166">
        <v>0</v>
      </c>
      <c r="BN2376" s="166">
        <v>0</v>
      </c>
      <c r="BO2376" s="166">
        <v>0</v>
      </c>
      <c r="BP2376" s="166">
        <v>0</v>
      </c>
      <c r="BQ2376" s="166">
        <v>0</v>
      </c>
      <c r="BR2376" s="166">
        <v>1621.98298378551</v>
      </c>
      <c r="BS2376" s="166">
        <v>1621.98298378551</v>
      </c>
      <c r="BT2376" s="168">
        <v>0.95155251328940305</v>
      </c>
      <c r="BU2376" s="166">
        <v>75.693536942492202</v>
      </c>
      <c r="BV2376" s="166">
        <v>1543.4019847337499</v>
      </c>
      <c r="BW2376" s="166">
        <v>0</v>
      </c>
      <c r="BX2376" s="166">
        <v>0</v>
      </c>
      <c r="BY2376" s="166">
        <v>0</v>
      </c>
      <c r="BZ2376" s="166">
        <v>0</v>
      </c>
      <c r="CA2376" s="166">
        <v>0</v>
      </c>
      <c r="CB2376" s="166">
        <v>0</v>
      </c>
      <c r="CC2376" s="166">
        <v>0</v>
      </c>
      <c r="CD2376" s="166">
        <v>0</v>
      </c>
      <c r="CE2376" s="166">
        <v>0</v>
      </c>
      <c r="CF2376" s="166">
        <v>0</v>
      </c>
      <c r="CG2376" s="166">
        <v>0</v>
      </c>
      <c r="CH2376" s="166">
        <v>0</v>
      </c>
      <c r="CI2376" s="166">
        <v>0</v>
      </c>
      <c r="CJ2376" s="166">
        <v>0</v>
      </c>
      <c r="CK2376" s="166">
        <v>0</v>
      </c>
      <c r="CL2376" s="166">
        <v>0</v>
      </c>
      <c r="CM2376" s="166">
        <v>0</v>
      </c>
      <c r="CN2376" s="166">
        <v>0</v>
      </c>
      <c r="CO2376" s="166">
        <v>0</v>
      </c>
      <c r="CP2376" s="166">
        <v>0</v>
      </c>
      <c r="CQ2376" s="166">
        <v>0</v>
      </c>
      <c r="CR2376" s="166">
        <v>0</v>
      </c>
      <c r="CS2376" s="166">
        <v>0</v>
      </c>
      <c r="CT2376" s="166">
        <v>0</v>
      </c>
      <c r="CU2376" s="166">
        <v>0</v>
      </c>
      <c r="CV2376" s="166">
        <v>0</v>
      </c>
      <c r="CW2376" s="166">
        <v>0</v>
      </c>
      <c r="CX2376" s="166">
        <v>0</v>
      </c>
      <c r="CY2376" s="166">
        <v>1543.4019847337499</v>
      </c>
      <c r="CZ2376" s="166">
        <v>1543.4019847337499</v>
      </c>
    </row>
    <row r="2377" spans="1:104" x14ac:dyDescent="0.2">
      <c r="A2377" s="167" t="s">
        <v>1081</v>
      </c>
      <c r="B2377" s="166">
        <v>11700.7053509874</v>
      </c>
      <c r="C2377" s="166">
        <v>11700.7053509874</v>
      </c>
      <c r="D2377" s="166">
        <v>0</v>
      </c>
      <c r="E2377" s="166">
        <v>0</v>
      </c>
      <c r="F2377" s="166">
        <v>0</v>
      </c>
      <c r="G2377" s="166">
        <v>0</v>
      </c>
      <c r="H2377" s="166">
        <v>0</v>
      </c>
      <c r="I2377" s="166">
        <v>0</v>
      </c>
      <c r="J2377" s="166">
        <v>0</v>
      </c>
      <c r="K2377" s="166">
        <v>0</v>
      </c>
      <c r="L2377" s="166">
        <v>0</v>
      </c>
      <c r="M2377" s="166">
        <v>0</v>
      </c>
      <c r="N2377" s="166">
        <v>0</v>
      </c>
      <c r="O2377" s="166">
        <v>0</v>
      </c>
      <c r="P2377" s="166">
        <v>0</v>
      </c>
      <c r="Q2377" s="166">
        <v>0</v>
      </c>
      <c r="R2377" s="166">
        <v>0</v>
      </c>
      <c r="S2377" s="166">
        <v>0</v>
      </c>
      <c r="T2377" s="166">
        <v>0</v>
      </c>
      <c r="U2377" s="166">
        <v>0</v>
      </c>
      <c r="V2377" s="166">
        <v>0</v>
      </c>
      <c r="W2377" s="166">
        <v>0</v>
      </c>
      <c r="X2377" s="166">
        <v>0</v>
      </c>
      <c r="Y2377" s="166">
        <v>0</v>
      </c>
      <c r="Z2377" s="166">
        <v>0</v>
      </c>
      <c r="AA2377" s="166">
        <v>0</v>
      </c>
      <c r="AB2377" s="166">
        <v>0</v>
      </c>
      <c r="AC2377" s="166">
        <v>0</v>
      </c>
      <c r="AD2377" s="166">
        <v>0</v>
      </c>
      <c r="AE2377" s="166">
        <v>0</v>
      </c>
      <c r="AF2377" s="166">
        <v>0</v>
      </c>
      <c r="AG2377" s="166">
        <v>0</v>
      </c>
      <c r="AH2377" s="166">
        <v>0</v>
      </c>
      <c r="AI2377" s="166">
        <v>0</v>
      </c>
      <c r="AJ2377" s="166">
        <v>0</v>
      </c>
      <c r="AK2377" s="166">
        <v>0</v>
      </c>
      <c r="AL2377" s="166">
        <v>0</v>
      </c>
      <c r="AM2377" s="166">
        <v>0</v>
      </c>
      <c r="AN2377" s="166">
        <v>0</v>
      </c>
      <c r="AO2377" s="166">
        <v>0</v>
      </c>
      <c r="AP2377" s="166">
        <v>0</v>
      </c>
      <c r="AQ2377" s="166">
        <v>0</v>
      </c>
      <c r="AR2377" s="166">
        <v>0</v>
      </c>
      <c r="AS2377" s="166">
        <v>0</v>
      </c>
      <c r="AT2377" s="166">
        <v>0</v>
      </c>
      <c r="AU2377" s="166">
        <v>0</v>
      </c>
      <c r="AV2377" s="166">
        <v>0</v>
      </c>
      <c r="AW2377" s="166">
        <v>0</v>
      </c>
      <c r="AX2377" s="166">
        <v>0</v>
      </c>
      <c r="AY2377" s="166">
        <v>0</v>
      </c>
      <c r="AZ2377" s="166">
        <v>0</v>
      </c>
      <c r="BA2377" s="166">
        <v>0</v>
      </c>
      <c r="BB2377" s="166">
        <v>0</v>
      </c>
      <c r="BC2377" s="166">
        <v>0</v>
      </c>
      <c r="BD2377" s="166">
        <v>0</v>
      </c>
      <c r="BE2377" s="166">
        <v>0</v>
      </c>
      <c r="BF2377" s="166">
        <v>0</v>
      </c>
      <c r="BG2377" s="166">
        <v>0</v>
      </c>
      <c r="BH2377" s="166">
        <v>0</v>
      </c>
      <c r="BI2377" s="166">
        <v>0</v>
      </c>
      <c r="BJ2377" s="166">
        <v>0</v>
      </c>
      <c r="BK2377" s="166">
        <v>0</v>
      </c>
      <c r="BL2377" s="166">
        <v>0</v>
      </c>
      <c r="BM2377" s="166">
        <v>0</v>
      </c>
      <c r="BN2377" s="166">
        <v>0</v>
      </c>
      <c r="BO2377" s="166">
        <v>0</v>
      </c>
      <c r="BP2377" s="166">
        <v>0</v>
      </c>
      <c r="BQ2377" s="166">
        <v>0</v>
      </c>
      <c r="BR2377" s="166">
        <v>11700.7053509874</v>
      </c>
      <c r="BS2377" s="166">
        <v>11700.7053509874</v>
      </c>
      <c r="BT2377" s="168">
        <v>0.97794258413195501</v>
      </c>
      <c r="BU2377" s="166">
        <v>561.18382567933895</v>
      </c>
      <c r="BV2377" s="166">
        <v>11442.618027111201</v>
      </c>
      <c r="BW2377" s="166">
        <v>0</v>
      </c>
      <c r="BX2377" s="166">
        <v>0</v>
      </c>
      <c r="BY2377" s="166">
        <v>0</v>
      </c>
      <c r="BZ2377" s="166">
        <v>0</v>
      </c>
      <c r="CA2377" s="166">
        <v>0</v>
      </c>
      <c r="CB2377" s="166">
        <v>0</v>
      </c>
      <c r="CC2377" s="166">
        <v>0</v>
      </c>
      <c r="CD2377" s="166">
        <v>0</v>
      </c>
      <c r="CE2377" s="166">
        <v>0</v>
      </c>
      <c r="CF2377" s="166">
        <v>0</v>
      </c>
      <c r="CG2377" s="166">
        <v>0</v>
      </c>
      <c r="CH2377" s="166">
        <v>0</v>
      </c>
      <c r="CI2377" s="166">
        <v>0</v>
      </c>
      <c r="CJ2377" s="166">
        <v>0</v>
      </c>
      <c r="CK2377" s="166">
        <v>0</v>
      </c>
      <c r="CL2377" s="166">
        <v>0</v>
      </c>
      <c r="CM2377" s="166">
        <v>0</v>
      </c>
      <c r="CN2377" s="166">
        <v>0</v>
      </c>
      <c r="CO2377" s="166">
        <v>0</v>
      </c>
      <c r="CP2377" s="166">
        <v>0</v>
      </c>
      <c r="CQ2377" s="166">
        <v>0</v>
      </c>
      <c r="CR2377" s="166">
        <v>0</v>
      </c>
      <c r="CS2377" s="166">
        <v>0</v>
      </c>
      <c r="CT2377" s="166">
        <v>0</v>
      </c>
      <c r="CU2377" s="166">
        <v>0</v>
      </c>
      <c r="CV2377" s="166">
        <v>0</v>
      </c>
      <c r="CW2377" s="166">
        <v>0</v>
      </c>
      <c r="CX2377" s="166">
        <v>0</v>
      </c>
      <c r="CY2377" s="166">
        <v>11442.618027111201</v>
      </c>
      <c r="CZ2377" s="166">
        <v>11442.618027111201</v>
      </c>
    </row>
    <row r="2378" spans="1:104" x14ac:dyDescent="0.2">
      <c r="A2378" s="167" t="s">
        <v>226</v>
      </c>
      <c r="B2378" s="166">
        <v>37430.497575381902</v>
      </c>
      <c r="C2378" s="166">
        <v>37430.497575381902</v>
      </c>
      <c r="D2378" s="166">
        <v>0</v>
      </c>
      <c r="E2378" s="166">
        <v>0</v>
      </c>
      <c r="F2378" s="166">
        <v>0</v>
      </c>
      <c r="G2378" s="166">
        <v>0</v>
      </c>
      <c r="H2378" s="166">
        <v>0</v>
      </c>
      <c r="I2378" s="166">
        <v>0</v>
      </c>
      <c r="J2378" s="166">
        <v>0</v>
      </c>
      <c r="K2378" s="166">
        <v>0</v>
      </c>
      <c r="L2378" s="166">
        <v>0</v>
      </c>
      <c r="M2378" s="166">
        <v>0</v>
      </c>
      <c r="N2378" s="166">
        <v>0</v>
      </c>
      <c r="O2378" s="166">
        <v>0</v>
      </c>
      <c r="P2378" s="166">
        <v>0</v>
      </c>
      <c r="Q2378" s="166">
        <v>0</v>
      </c>
      <c r="R2378" s="166">
        <v>0</v>
      </c>
      <c r="S2378" s="166">
        <v>0</v>
      </c>
      <c r="T2378" s="166">
        <v>0</v>
      </c>
      <c r="U2378" s="166">
        <v>0</v>
      </c>
      <c r="V2378" s="166">
        <v>0</v>
      </c>
      <c r="W2378" s="166">
        <v>0</v>
      </c>
      <c r="X2378" s="166">
        <v>0</v>
      </c>
      <c r="Y2378" s="166">
        <v>0</v>
      </c>
      <c r="Z2378" s="166">
        <v>0</v>
      </c>
      <c r="AA2378" s="166">
        <v>0</v>
      </c>
      <c r="AB2378" s="166">
        <v>0</v>
      </c>
      <c r="AC2378" s="166">
        <v>0</v>
      </c>
      <c r="AD2378" s="166">
        <v>0</v>
      </c>
      <c r="AE2378" s="166">
        <v>0</v>
      </c>
      <c r="AF2378" s="166">
        <v>0</v>
      </c>
      <c r="AG2378" s="166">
        <v>0</v>
      </c>
      <c r="AH2378" s="166">
        <v>0</v>
      </c>
      <c r="AI2378" s="166">
        <v>0</v>
      </c>
      <c r="AJ2378" s="166">
        <v>0</v>
      </c>
      <c r="AK2378" s="166">
        <v>0</v>
      </c>
      <c r="AL2378" s="166">
        <v>0</v>
      </c>
      <c r="AM2378" s="166">
        <v>0</v>
      </c>
      <c r="AN2378" s="166">
        <v>0</v>
      </c>
      <c r="AO2378" s="166">
        <v>0</v>
      </c>
      <c r="AP2378" s="166">
        <v>0</v>
      </c>
      <c r="AQ2378" s="166">
        <v>0</v>
      </c>
      <c r="AR2378" s="166">
        <v>0</v>
      </c>
      <c r="AS2378" s="166">
        <v>0</v>
      </c>
      <c r="AT2378" s="166">
        <v>0</v>
      </c>
      <c r="AU2378" s="166">
        <v>0</v>
      </c>
      <c r="AV2378" s="166">
        <v>0</v>
      </c>
      <c r="AW2378" s="166">
        <v>0</v>
      </c>
      <c r="AX2378" s="166">
        <v>0</v>
      </c>
      <c r="AY2378" s="166">
        <v>0</v>
      </c>
      <c r="AZ2378" s="166">
        <v>0</v>
      </c>
      <c r="BA2378" s="166">
        <v>0</v>
      </c>
      <c r="BB2378" s="166">
        <v>0</v>
      </c>
      <c r="BC2378" s="166">
        <v>0</v>
      </c>
      <c r="BD2378" s="166">
        <v>0</v>
      </c>
      <c r="BE2378" s="166">
        <v>0</v>
      </c>
      <c r="BF2378" s="166">
        <v>0</v>
      </c>
      <c r="BG2378" s="166">
        <v>0</v>
      </c>
      <c r="BH2378" s="166">
        <v>0</v>
      </c>
      <c r="BI2378" s="166">
        <v>0</v>
      </c>
      <c r="BJ2378" s="166">
        <v>0</v>
      </c>
      <c r="BK2378" s="166">
        <v>0</v>
      </c>
      <c r="BL2378" s="166">
        <v>0</v>
      </c>
      <c r="BM2378" s="166">
        <v>0</v>
      </c>
      <c r="BN2378" s="166">
        <v>0</v>
      </c>
      <c r="BO2378" s="166">
        <v>0</v>
      </c>
      <c r="BP2378" s="166">
        <v>0</v>
      </c>
      <c r="BQ2378" s="166">
        <v>0</v>
      </c>
      <c r="BR2378" s="166">
        <v>37430.497575381902</v>
      </c>
      <c r="BS2378" s="166">
        <v>37430.497575381902</v>
      </c>
      <c r="BT2378" s="168">
        <v>0.99999812279077205</v>
      </c>
      <c r="BU2378" s="166">
        <v>1835.7119275636001</v>
      </c>
      <c r="BV2378" s="166">
        <v>37430.427310506398</v>
      </c>
      <c r="BW2378" s="166">
        <v>0</v>
      </c>
      <c r="BX2378" s="166">
        <v>0</v>
      </c>
      <c r="BY2378" s="166">
        <v>0</v>
      </c>
      <c r="BZ2378" s="166">
        <v>0</v>
      </c>
      <c r="CA2378" s="166">
        <v>0</v>
      </c>
      <c r="CB2378" s="166">
        <v>0</v>
      </c>
      <c r="CC2378" s="166">
        <v>0</v>
      </c>
      <c r="CD2378" s="166">
        <v>0</v>
      </c>
      <c r="CE2378" s="166">
        <v>0</v>
      </c>
      <c r="CF2378" s="166">
        <v>0</v>
      </c>
      <c r="CG2378" s="166">
        <v>0</v>
      </c>
      <c r="CH2378" s="166">
        <v>0</v>
      </c>
      <c r="CI2378" s="166">
        <v>0</v>
      </c>
      <c r="CJ2378" s="166">
        <v>0</v>
      </c>
      <c r="CK2378" s="166">
        <v>0</v>
      </c>
      <c r="CL2378" s="166">
        <v>0</v>
      </c>
      <c r="CM2378" s="166">
        <v>0</v>
      </c>
      <c r="CN2378" s="166">
        <v>0</v>
      </c>
      <c r="CO2378" s="166">
        <v>0</v>
      </c>
      <c r="CP2378" s="166">
        <v>0</v>
      </c>
      <c r="CQ2378" s="166">
        <v>0</v>
      </c>
      <c r="CR2378" s="166">
        <v>0</v>
      </c>
      <c r="CS2378" s="166">
        <v>0</v>
      </c>
      <c r="CT2378" s="166">
        <v>0</v>
      </c>
      <c r="CU2378" s="166">
        <v>0</v>
      </c>
      <c r="CV2378" s="166">
        <v>0</v>
      </c>
      <c r="CW2378" s="166">
        <v>0</v>
      </c>
      <c r="CX2378" s="166">
        <v>0</v>
      </c>
      <c r="CY2378" s="166">
        <v>37430.427310506398</v>
      </c>
      <c r="CZ2378" s="166">
        <v>37430.427310506398</v>
      </c>
    </row>
    <row r="2379" spans="1:104" x14ac:dyDescent="0.2">
      <c r="A2379" s="167" t="s">
        <v>227</v>
      </c>
      <c r="B2379" s="166">
        <v>29385.202831047602</v>
      </c>
      <c r="C2379" s="166">
        <v>29385.202831047602</v>
      </c>
      <c r="D2379" s="166">
        <v>0</v>
      </c>
      <c r="E2379" s="166">
        <v>0</v>
      </c>
      <c r="F2379" s="166">
        <v>0</v>
      </c>
      <c r="G2379" s="166">
        <v>0</v>
      </c>
      <c r="H2379" s="166">
        <v>0</v>
      </c>
      <c r="I2379" s="166">
        <v>0</v>
      </c>
      <c r="J2379" s="166">
        <v>0</v>
      </c>
      <c r="K2379" s="166">
        <v>0</v>
      </c>
      <c r="L2379" s="166">
        <v>0</v>
      </c>
      <c r="M2379" s="166">
        <v>0</v>
      </c>
      <c r="N2379" s="166">
        <v>0</v>
      </c>
      <c r="O2379" s="166">
        <v>0</v>
      </c>
      <c r="P2379" s="166">
        <v>0</v>
      </c>
      <c r="Q2379" s="166">
        <v>0</v>
      </c>
      <c r="R2379" s="166">
        <v>0</v>
      </c>
      <c r="S2379" s="166">
        <v>0</v>
      </c>
      <c r="T2379" s="166">
        <v>0</v>
      </c>
      <c r="U2379" s="166">
        <v>0</v>
      </c>
      <c r="V2379" s="166">
        <v>0</v>
      </c>
      <c r="W2379" s="166">
        <v>0</v>
      </c>
      <c r="X2379" s="166">
        <v>0</v>
      </c>
      <c r="Y2379" s="166">
        <v>0</v>
      </c>
      <c r="Z2379" s="166">
        <v>0</v>
      </c>
      <c r="AA2379" s="166">
        <v>0</v>
      </c>
      <c r="AB2379" s="166">
        <v>0</v>
      </c>
      <c r="AC2379" s="166">
        <v>0</v>
      </c>
      <c r="AD2379" s="166">
        <v>0</v>
      </c>
      <c r="AE2379" s="166">
        <v>0</v>
      </c>
      <c r="AF2379" s="166">
        <v>0</v>
      </c>
      <c r="AG2379" s="166">
        <v>0</v>
      </c>
      <c r="AH2379" s="166">
        <v>0</v>
      </c>
      <c r="AI2379" s="166">
        <v>0</v>
      </c>
      <c r="AJ2379" s="166">
        <v>0</v>
      </c>
      <c r="AK2379" s="166">
        <v>0</v>
      </c>
      <c r="AL2379" s="166">
        <v>0</v>
      </c>
      <c r="AM2379" s="166">
        <v>0</v>
      </c>
      <c r="AN2379" s="166">
        <v>0</v>
      </c>
      <c r="AO2379" s="166">
        <v>0</v>
      </c>
      <c r="AP2379" s="166">
        <v>0</v>
      </c>
      <c r="AQ2379" s="166">
        <v>0</v>
      </c>
      <c r="AR2379" s="166">
        <v>0</v>
      </c>
      <c r="AS2379" s="166">
        <v>0</v>
      </c>
      <c r="AT2379" s="166">
        <v>0</v>
      </c>
      <c r="AU2379" s="166">
        <v>0</v>
      </c>
      <c r="AV2379" s="166">
        <v>0</v>
      </c>
      <c r="AW2379" s="166">
        <v>0</v>
      </c>
      <c r="AX2379" s="166">
        <v>0</v>
      </c>
      <c r="AY2379" s="166">
        <v>0</v>
      </c>
      <c r="AZ2379" s="166">
        <v>0</v>
      </c>
      <c r="BA2379" s="166">
        <v>0</v>
      </c>
      <c r="BB2379" s="166">
        <v>0</v>
      </c>
      <c r="BC2379" s="166">
        <v>0</v>
      </c>
      <c r="BD2379" s="166">
        <v>0</v>
      </c>
      <c r="BE2379" s="166">
        <v>0</v>
      </c>
      <c r="BF2379" s="166">
        <v>0</v>
      </c>
      <c r="BG2379" s="166">
        <v>0</v>
      </c>
      <c r="BH2379" s="166">
        <v>0</v>
      </c>
      <c r="BI2379" s="166">
        <v>0</v>
      </c>
      <c r="BJ2379" s="166">
        <v>0</v>
      </c>
      <c r="BK2379" s="166">
        <v>0</v>
      </c>
      <c r="BL2379" s="166">
        <v>0</v>
      </c>
      <c r="BM2379" s="166">
        <v>0</v>
      </c>
      <c r="BN2379" s="166">
        <v>0</v>
      </c>
      <c r="BO2379" s="166">
        <v>0</v>
      </c>
      <c r="BP2379" s="166">
        <v>0</v>
      </c>
      <c r="BQ2379" s="166">
        <v>0</v>
      </c>
      <c r="BR2379" s="166">
        <v>29385.202831047602</v>
      </c>
      <c r="BS2379" s="166">
        <v>29385.202831047602</v>
      </c>
      <c r="BT2379" s="166">
        <v>1000</v>
      </c>
      <c r="BU2379" s="166">
        <v>1441.1475157188099</v>
      </c>
      <c r="BV2379" s="166">
        <v>29385.202831047602</v>
      </c>
      <c r="BW2379" s="166">
        <v>0</v>
      </c>
      <c r="BX2379" s="166">
        <v>0</v>
      </c>
      <c r="BY2379" s="166">
        <v>0</v>
      </c>
      <c r="BZ2379" s="166">
        <v>0</v>
      </c>
      <c r="CA2379" s="166">
        <v>0</v>
      </c>
      <c r="CB2379" s="166">
        <v>0</v>
      </c>
      <c r="CC2379" s="166">
        <v>0</v>
      </c>
      <c r="CD2379" s="166">
        <v>0</v>
      </c>
      <c r="CE2379" s="166">
        <v>0</v>
      </c>
      <c r="CF2379" s="166">
        <v>0</v>
      </c>
      <c r="CG2379" s="166">
        <v>0</v>
      </c>
      <c r="CH2379" s="166">
        <v>0</v>
      </c>
      <c r="CI2379" s="166">
        <v>0</v>
      </c>
      <c r="CJ2379" s="166">
        <v>0</v>
      </c>
      <c r="CK2379" s="166">
        <v>0</v>
      </c>
      <c r="CL2379" s="166">
        <v>0</v>
      </c>
      <c r="CM2379" s="166">
        <v>0</v>
      </c>
      <c r="CN2379" s="166">
        <v>0</v>
      </c>
      <c r="CO2379" s="166">
        <v>0</v>
      </c>
      <c r="CP2379" s="166">
        <v>0</v>
      </c>
      <c r="CQ2379" s="166">
        <v>0</v>
      </c>
      <c r="CR2379" s="166">
        <v>0</v>
      </c>
      <c r="CS2379" s="166">
        <v>0</v>
      </c>
      <c r="CT2379" s="166">
        <v>0</v>
      </c>
      <c r="CU2379" s="166">
        <v>0</v>
      </c>
      <c r="CV2379" s="166">
        <v>0</v>
      </c>
      <c r="CW2379" s="166">
        <v>0</v>
      </c>
      <c r="CX2379" s="166">
        <v>0</v>
      </c>
      <c r="CY2379" s="166">
        <v>29385.202831047602</v>
      </c>
      <c r="CZ2379" s="166">
        <v>29385.202831047602</v>
      </c>
    </row>
    <row r="2380" spans="1:104" x14ac:dyDescent="0.2">
      <c r="A2380" s="167" t="s">
        <v>1082</v>
      </c>
      <c r="B2380" s="166">
        <v>4795828.4324730802</v>
      </c>
      <c r="C2380" s="166">
        <v>4795828.4324730802</v>
      </c>
      <c r="D2380" s="166">
        <v>0</v>
      </c>
      <c r="E2380" s="166">
        <v>0</v>
      </c>
      <c r="F2380" s="166">
        <v>0</v>
      </c>
      <c r="G2380" s="166">
        <v>0</v>
      </c>
      <c r="H2380" s="166">
        <v>0</v>
      </c>
      <c r="I2380" s="166">
        <v>0</v>
      </c>
      <c r="J2380" s="166">
        <v>0</v>
      </c>
      <c r="K2380" s="166">
        <v>0</v>
      </c>
      <c r="L2380" s="166">
        <v>0</v>
      </c>
      <c r="M2380" s="166">
        <v>0</v>
      </c>
      <c r="N2380" s="166">
        <v>0</v>
      </c>
      <c r="O2380" s="166">
        <v>0</v>
      </c>
      <c r="P2380" s="166">
        <v>0</v>
      </c>
      <c r="Q2380" s="166">
        <v>0</v>
      </c>
      <c r="R2380" s="166">
        <v>0</v>
      </c>
      <c r="S2380" s="166">
        <v>0</v>
      </c>
      <c r="T2380" s="166">
        <v>0</v>
      </c>
      <c r="U2380" s="166">
        <v>0</v>
      </c>
      <c r="V2380" s="166">
        <v>0</v>
      </c>
      <c r="W2380" s="166">
        <v>0</v>
      </c>
      <c r="X2380" s="166">
        <v>0</v>
      </c>
      <c r="Y2380" s="166">
        <v>0</v>
      </c>
      <c r="Z2380" s="166">
        <v>0</v>
      </c>
      <c r="AA2380" s="166">
        <v>0</v>
      </c>
      <c r="AB2380" s="166">
        <v>0</v>
      </c>
      <c r="AC2380" s="166">
        <v>0</v>
      </c>
      <c r="AD2380" s="166">
        <v>0</v>
      </c>
      <c r="AE2380" s="166">
        <v>0</v>
      </c>
      <c r="AF2380" s="166">
        <v>0</v>
      </c>
      <c r="AG2380" s="166">
        <v>0</v>
      </c>
      <c r="AH2380" s="166">
        <v>0</v>
      </c>
      <c r="AI2380" s="166">
        <v>0</v>
      </c>
      <c r="AJ2380" s="166">
        <v>0</v>
      </c>
      <c r="AK2380" s="166">
        <v>0</v>
      </c>
      <c r="AL2380" s="166">
        <v>0</v>
      </c>
      <c r="AM2380" s="166">
        <v>0</v>
      </c>
      <c r="AN2380" s="166">
        <v>0</v>
      </c>
      <c r="AO2380" s="166">
        <v>0</v>
      </c>
      <c r="AP2380" s="166">
        <v>0</v>
      </c>
      <c r="AQ2380" s="166">
        <v>0</v>
      </c>
      <c r="AR2380" s="166">
        <v>0</v>
      </c>
      <c r="AS2380" s="166">
        <v>0</v>
      </c>
      <c r="AT2380" s="166">
        <v>0</v>
      </c>
      <c r="AU2380" s="166">
        <v>0</v>
      </c>
      <c r="AV2380" s="166">
        <v>0</v>
      </c>
      <c r="AW2380" s="166">
        <v>0</v>
      </c>
      <c r="AX2380" s="166">
        <v>0</v>
      </c>
      <c r="AY2380" s="166">
        <v>0</v>
      </c>
      <c r="AZ2380" s="166">
        <v>0</v>
      </c>
      <c r="BA2380" s="166">
        <v>0</v>
      </c>
      <c r="BB2380" s="166">
        <v>0</v>
      </c>
      <c r="BC2380" s="166">
        <v>0</v>
      </c>
      <c r="BD2380" s="166">
        <v>0</v>
      </c>
      <c r="BE2380" s="166">
        <v>0</v>
      </c>
      <c r="BF2380" s="166">
        <v>0</v>
      </c>
      <c r="BG2380" s="166">
        <v>0</v>
      </c>
      <c r="BH2380" s="166">
        <v>0</v>
      </c>
      <c r="BI2380" s="166">
        <v>0</v>
      </c>
      <c r="BJ2380" s="166">
        <v>0</v>
      </c>
      <c r="BK2380" s="166">
        <v>0</v>
      </c>
      <c r="BL2380" s="166">
        <v>0</v>
      </c>
      <c r="BM2380" s="166">
        <v>0</v>
      </c>
      <c r="BN2380" s="166">
        <v>0</v>
      </c>
      <c r="BO2380" s="166">
        <v>0</v>
      </c>
      <c r="BP2380" s="166">
        <v>0</v>
      </c>
      <c r="BQ2380" s="166">
        <v>0</v>
      </c>
      <c r="BR2380" s="166">
        <v>4795828.4324730802</v>
      </c>
      <c r="BS2380" s="166">
        <v>4795828.4324730802</v>
      </c>
      <c r="BT2380" s="168">
        <v>0.70788236107156799</v>
      </c>
      <c r="BU2380" s="166">
        <v>170684.72408313199</v>
      </c>
      <c r="BV2380" s="166">
        <v>3394882.3540731999</v>
      </c>
      <c r="BW2380" s="166">
        <v>0</v>
      </c>
      <c r="BX2380" s="166">
        <v>0</v>
      </c>
      <c r="BY2380" s="166">
        <v>0</v>
      </c>
      <c r="BZ2380" s="166">
        <v>0</v>
      </c>
      <c r="CA2380" s="166">
        <v>0</v>
      </c>
      <c r="CB2380" s="166">
        <v>0</v>
      </c>
      <c r="CC2380" s="166">
        <v>0</v>
      </c>
      <c r="CD2380" s="166">
        <v>0</v>
      </c>
      <c r="CE2380" s="166">
        <v>0</v>
      </c>
      <c r="CF2380" s="166">
        <v>0</v>
      </c>
      <c r="CG2380" s="166">
        <v>0</v>
      </c>
      <c r="CH2380" s="166">
        <v>0</v>
      </c>
      <c r="CI2380" s="166">
        <v>0</v>
      </c>
      <c r="CJ2380" s="166">
        <v>0</v>
      </c>
      <c r="CK2380" s="166">
        <v>0</v>
      </c>
      <c r="CL2380" s="166">
        <v>0</v>
      </c>
      <c r="CM2380" s="166">
        <v>0</v>
      </c>
      <c r="CN2380" s="166">
        <v>0</v>
      </c>
      <c r="CO2380" s="166">
        <v>0</v>
      </c>
      <c r="CP2380" s="166">
        <v>0</v>
      </c>
      <c r="CQ2380" s="166">
        <v>0</v>
      </c>
      <c r="CR2380" s="166">
        <v>0</v>
      </c>
      <c r="CS2380" s="166">
        <v>0</v>
      </c>
      <c r="CT2380" s="166">
        <v>0</v>
      </c>
      <c r="CU2380" s="166">
        <v>0</v>
      </c>
      <c r="CV2380" s="166">
        <v>0</v>
      </c>
      <c r="CW2380" s="166">
        <v>0</v>
      </c>
      <c r="CX2380" s="166">
        <v>0</v>
      </c>
      <c r="CY2380" s="166">
        <v>3394882.3540731999</v>
      </c>
      <c r="CZ2380" s="166">
        <v>3394882.3540731999</v>
      </c>
    </row>
    <row r="2381" spans="1:104" x14ac:dyDescent="0.2">
      <c r="A2381" s="167" t="s">
        <v>1083</v>
      </c>
      <c r="B2381" s="166">
        <v>4927268.5399999898</v>
      </c>
      <c r="C2381" s="166">
        <v>4927268.5399999898</v>
      </c>
      <c r="D2381" s="166">
        <v>0</v>
      </c>
      <c r="E2381" s="166">
        <v>0</v>
      </c>
      <c r="F2381" s="166">
        <v>0</v>
      </c>
      <c r="G2381" s="166">
        <v>0</v>
      </c>
      <c r="H2381" s="166">
        <v>0</v>
      </c>
      <c r="I2381" s="166">
        <v>0</v>
      </c>
      <c r="J2381" s="166">
        <v>0</v>
      </c>
      <c r="K2381" s="166">
        <v>0</v>
      </c>
      <c r="L2381" s="166">
        <v>0</v>
      </c>
      <c r="M2381" s="166">
        <v>0</v>
      </c>
      <c r="N2381" s="166">
        <v>0</v>
      </c>
      <c r="O2381" s="166">
        <v>0</v>
      </c>
      <c r="P2381" s="166">
        <v>0</v>
      </c>
      <c r="Q2381" s="166">
        <v>0</v>
      </c>
      <c r="R2381" s="166">
        <v>0</v>
      </c>
      <c r="S2381" s="166">
        <v>0</v>
      </c>
      <c r="T2381" s="166">
        <v>0</v>
      </c>
      <c r="U2381" s="166">
        <v>0</v>
      </c>
      <c r="V2381" s="166">
        <v>0</v>
      </c>
      <c r="W2381" s="166">
        <v>0</v>
      </c>
      <c r="X2381" s="166">
        <v>0</v>
      </c>
      <c r="Y2381" s="166">
        <v>0</v>
      </c>
      <c r="Z2381" s="166">
        <v>0</v>
      </c>
      <c r="AA2381" s="166">
        <v>0</v>
      </c>
      <c r="AB2381" s="166">
        <v>0</v>
      </c>
      <c r="AC2381" s="166">
        <v>0</v>
      </c>
      <c r="AD2381" s="166">
        <v>0</v>
      </c>
      <c r="AE2381" s="166">
        <v>0</v>
      </c>
      <c r="AF2381" s="166">
        <v>0</v>
      </c>
      <c r="AG2381" s="166">
        <v>0</v>
      </c>
      <c r="AH2381" s="166">
        <v>0</v>
      </c>
      <c r="AI2381" s="166">
        <v>0</v>
      </c>
      <c r="AJ2381" s="166">
        <v>0</v>
      </c>
      <c r="AK2381" s="166">
        <v>0</v>
      </c>
      <c r="AL2381" s="166">
        <v>0</v>
      </c>
      <c r="AM2381" s="166">
        <v>0</v>
      </c>
      <c r="AN2381" s="166">
        <v>0</v>
      </c>
      <c r="AO2381" s="166">
        <v>0</v>
      </c>
      <c r="AP2381" s="166">
        <v>0</v>
      </c>
      <c r="AQ2381" s="166">
        <v>0</v>
      </c>
      <c r="AR2381" s="166">
        <v>0</v>
      </c>
      <c r="AS2381" s="166">
        <v>0</v>
      </c>
      <c r="AT2381" s="166">
        <v>0</v>
      </c>
      <c r="AU2381" s="166">
        <v>0</v>
      </c>
      <c r="AV2381" s="166">
        <v>0</v>
      </c>
      <c r="AW2381" s="166">
        <v>0</v>
      </c>
      <c r="AX2381" s="166">
        <v>0</v>
      </c>
      <c r="AY2381" s="166">
        <v>0</v>
      </c>
      <c r="AZ2381" s="166">
        <v>0</v>
      </c>
      <c r="BA2381" s="166">
        <v>0</v>
      </c>
      <c r="BB2381" s="166">
        <v>0</v>
      </c>
      <c r="BC2381" s="166">
        <v>0</v>
      </c>
      <c r="BD2381" s="166">
        <v>0</v>
      </c>
      <c r="BE2381" s="166">
        <v>0</v>
      </c>
      <c r="BF2381" s="166">
        <v>0</v>
      </c>
      <c r="BG2381" s="166">
        <v>0</v>
      </c>
      <c r="BH2381" s="166">
        <v>0</v>
      </c>
      <c r="BI2381" s="166">
        <v>0</v>
      </c>
      <c r="BJ2381" s="166">
        <v>0</v>
      </c>
      <c r="BK2381" s="166">
        <v>0</v>
      </c>
      <c r="BL2381" s="166">
        <v>0</v>
      </c>
      <c r="BM2381" s="166">
        <v>0</v>
      </c>
      <c r="BN2381" s="166">
        <v>0</v>
      </c>
      <c r="BO2381" s="166">
        <v>0</v>
      </c>
      <c r="BP2381" s="166">
        <v>0</v>
      </c>
      <c r="BQ2381" s="166">
        <v>0</v>
      </c>
      <c r="BR2381" s="166">
        <v>4927268.5399999898</v>
      </c>
      <c r="BS2381" s="166">
        <v>4927268.5399999898</v>
      </c>
      <c r="BT2381" s="168">
        <v>0</v>
      </c>
      <c r="BU2381" s="166">
        <v>177114.462096067</v>
      </c>
      <c r="BV2381" s="166">
        <v>3525985.6267082598</v>
      </c>
      <c r="BW2381" s="166">
        <v>0</v>
      </c>
      <c r="BX2381" s="166">
        <v>0</v>
      </c>
      <c r="BY2381" s="166">
        <v>0</v>
      </c>
      <c r="BZ2381" s="166">
        <v>0</v>
      </c>
      <c r="CA2381" s="166">
        <v>0</v>
      </c>
      <c r="CB2381" s="166">
        <v>0</v>
      </c>
      <c r="CC2381" s="166">
        <v>0</v>
      </c>
      <c r="CD2381" s="166">
        <v>0</v>
      </c>
      <c r="CE2381" s="166">
        <v>0</v>
      </c>
      <c r="CF2381" s="166">
        <v>0</v>
      </c>
      <c r="CG2381" s="166">
        <v>0</v>
      </c>
      <c r="CH2381" s="166">
        <v>0</v>
      </c>
      <c r="CI2381" s="166">
        <v>0</v>
      </c>
      <c r="CJ2381" s="166">
        <v>0</v>
      </c>
      <c r="CK2381" s="166">
        <v>0</v>
      </c>
      <c r="CL2381" s="166">
        <v>0</v>
      </c>
      <c r="CM2381" s="166">
        <v>0</v>
      </c>
      <c r="CN2381" s="166">
        <v>0</v>
      </c>
      <c r="CO2381" s="166">
        <v>0</v>
      </c>
      <c r="CP2381" s="166">
        <v>0</v>
      </c>
      <c r="CQ2381" s="166">
        <v>0</v>
      </c>
      <c r="CR2381" s="166">
        <v>0</v>
      </c>
      <c r="CS2381" s="166">
        <v>0</v>
      </c>
      <c r="CT2381" s="166">
        <v>0</v>
      </c>
      <c r="CU2381" s="166">
        <v>0</v>
      </c>
      <c r="CV2381" s="166">
        <v>0</v>
      </c>
      <c r="CW2381" s="166">
        <v>0</v>
      </c>
      <c r="CX2381" s="166">
        <v>0</v>
      </c>
      <c r="CY2381" s="166">
        <v>3525985.6267082598</v>
      </c>
      <c r="CZ2381" s="166">
        <v>3525985.6267082598</v>
      </c>
    </row>
    <row r="2382" spans="1:104" x14ac:dyDescent="0.2">
      <c r="A2382" s="167" t="s">
        <v>230</v>
      </c>
    </row>
    <row r="2383" spans="1:104" x14ac:dyDescent="0.2">
      <c r="A2383" s="167" t="s">
        <v>231</v>
      </c>
      <c r="B2383" s="166">
        <v>430000</v>
      </c>
      <c r="C2383" s="166">
        <v>430000</v>
      </c>
      <c r="D2383" s="166">
        <v>0</v>
      </c>
      <c r="E2383" s="166">
        <v>0</v>
      </c>
      <c r="F2383" s="166">
        <v>0</v>
      </c>
      <c r="G2383" s="166">
        <v>0</v>
      </c>
      <c r="H2383" s="166">
        <v>0</v>
      </c>
      <c r="I2383" s="166">
        <v>0</v>
      </c>
      <c r="J2383" s="166">
        <v>0</v>
      </c>
      <c r="K2383" s="166">
        <v>0</v>
      </c>
      <c r="L2383" s="166">
        <v>0</v>
      </c>
      <c r="M2383" s="166">
        <v>0</v>
      </c>
      <c r="N2383" s="166">
        <v>0</v>
      </c>
      <c r="O2383" s="166">
        <v>0</v>
      </c>
      <c r="P2383" s="166">
        <v>0</v>
      </c>
      <c r="Q2383" s="166">
        <v>0</v>
      </c>
      <c r="R2383" s="166">
        <v>0</v>
      </c>
      <c r="S2383" s="166">
        <v>0</v>
      </c>
      <c r="T2383" s="166">
        <v>0</v>
      </c>
      <c r="U2383" s="166">
        <v>0</v>
      </c>
      <c r="V2383" s="166">
        <v>0</v>
      </c>
      <c r="W2383" s="166">
        <v>0</v>
      </c>
      <c r="X2383" s="166">
        <v>0</v>
      </c>
      <c r="Y2383" s="166">
        <v>0</v>
      </c>
      <c r="Z2383" s="166">
        <v>0</v>
      </c>
      <c r="AA2383" s="166">
        <v>0</v>
      </c>
      <c r="AB2383" s="166">
        <v>0</v>
      </c>
      <c r="AC2383" s="166">
        <v>0</v>
      </c>
      <c r="AD2383" s="166">
        <v>0</v>
      </c>
      <c r="AE2383" s="166">
        <v>0</v>
      </c>
      <c r="AF2383" s="166">
        <v>0</v>
      </c>
      <c r="AG2383" s="166">
        <v>0</v>
      </c>
      <c r="AH2383" s="166">
        <v>0</v>
      </c>
      <c r="AI2383" s="166">
        <v>0</v>
      </c>
      <c r="AJ2383" s="166">
        <v>0</v>
      </c>
      <c r="AK2383" s="166">
        <v>0</v>
      </c>
      <c r="AL2383" s="166">
        <v>0</v>
      </c>
      <c r="AM2383" s="166">
        <v>0</v>
      </c>
      <c r="AN2383" s="166">
        <v>0</v>
      </c>
      <c r="AO2383" s="166">
        <v>0</v>
      </c>
      <c r="AP2383" s="166">
        <v>0</v>
      </c>
      <c r="AQ2383" s="166">
        <v>0</v>
      </c>
      <c r="AR2383" s="166">
        <v>0</v>
      </c>
      <c r="AS2383" s="166">
        <v>0</v>
      </c>
      <c r="AT2383" s="166">
        <v>0</v>
      </c>
      <c r="AU2383" s="166">
        <v>0</v>
      </c>
      <c r="AV2383" s="166">
        <v>0</v>
      </c>
      <c r="AW2383" s="166">
        <v>0</v>
      </c>
      <c r="AX2383" s="166">
        <v>0</v>
      </c>
      <c r="AY2383" s="166">
        <v>0</v>
      </c>
      <c r="AZ2383" s="166">
        <v>0</v>
      </c>
      <c r="BA2383" s="166">
        <v>0</v>
      </c>
      <c r="BB2383" s="166">
        <v>0</v>
      </c>
      <c r="BC2383" s="166">
        <v>0</v>
      </c>
      <c r="BD2383" s="166">
        <v>0</v>
      </c>
      <c r="BE2383" s="166">
        <v>0</v>
      </c>
      <c r="BF2383" s="166">
        <v>0</v>
      </c>
      <c r="BG2383" s="166">
        <v>0</v>
      </c>
      <c r="BH2383" s="166">
        <v>0</v>
      </c>
      <c r="BI2383" s="166">
        <v>0</v>
      </c>
      <c r="BJ2383" s="166">
        <v>0</v>
      </c>
      <c r="BK2383" s="166">
        <v>0</v>
      </c>
      <c r="BL2383" s="166">
        <v>0</v>
      </c>
      <c r="BM2383" s="166">
        <v>0</v>
      </c>
      <c r="BN2383" s="166">
        <v>0</v>
      </c>
      <c r="BO2383" s="166">
        <v>0</v>
      </c>
      <c r="BP2383" s="166">
        <v>0</v>
      </c>
      <c r="BQ2383" s="166">
        <v>0</v>
      </c>
      <c r="BR2383" s="166">
        <v>430000</v>
      </c>
      <c r="BS2383" s="166">
        <v>430000</v>
      </c>
      <c r="BT2383" s="168">
        <v>0.70788236107156799</v>
      </c>
      <c r="BU2383" s="166">
        <v>8848.5295133946092</v>
      </c>
      <c r="BV2383" s="166">
        <v>304389.41526077403</v>
      </c>
      <c r="BW2383" s="166">
        <v>0</v>
      </c>
      <c r="BX2383" s="166">
        <v>0</v>
      </c>
      <c r="BY2383" s="166">
        <v>0</v>
      </c>
      <c r="BZ2383" s="166">
        <v>0</v>
      </c>
      <c r="CA2383" s="166">
        <v>0</v>
      </c>
      <c r="CB2383" s="166">
        <v>0</v>
      </c>
      <c r="CC2383" s="166">
        <v>0</v>
      </c>
      <c r="CD2383" s="166">
        <v>0</v>
      </c>
      <c r="CE2383" s="166">
        <v>0</v>
      </c>
      <c r="CF2383" s="166">
        <v>0</v>
      </c>
      <c r="CG2383" s="166">
        <v>0</v>
      </c>
      <c r="CH2383" s="166">
        <v>0</v>
      </c>
      <c r="CI2383" s="166">
        <v>0</v>
      </c>
      <c r="CJ2383" s="166">
        <v>0</v>
      </c>
      <c r="CK2383" s="166">
        <v>0</v>
      </c>
      <c r="CL2383" s="166">
        <v>0</v>
      </c>
      <c r="CM2383" s="166">
        <v>0</v>
      </c>
      <c r="CN2383" s="166">
        <v>0</v>
      </c>
      <c r="CO2383" s="166">
        <v>0</v>
      </c>
      <c r="CP2383" s="166">
        <v>0</v>
      </c>
      <c r="CQ2383" s="166">
        <v>0</v>
      </c>
      <c r="CR2383" s="166">
        <v>0</v>
      </c>
      <c r="CS2383" s="166">
        <v>0</v>
      </c>
      <c r="CT2383" s="166">
        <v>0</v>
      </c>
      <c r="CU2383" s="166">
        <v>0</v>
      </c>
      <c r="CV2383" s="166">
        <v>0</v>
      </c>
      <c r="CW2383" s="166">
        <v>0</v>
      </c>
      <c r="CX2383" s="166">
        <v>0</v>
      </c>
      <c r="CY2383" s="166">
        <v>304389.41526077403</v>
      </c>
      <c r="CZ2383" s="166">
        <v>304389.41526077403</v>
      </c>
    </row>
    <row r="2384" spans="1:104" x14ac:dyDescent="0.2">
      <c r="A2384" s="170" t="s">
        <v>232</v>
      </c>
      <c r="B2384" s="166">
        <v>18606944.999999899</v>
      </c>
      <c r="C2384" s="166">
        <v>18606944.999999899</v>
      </c>
      <c r="D2384" s="166">
        <v>0</v>
      </c>
      <c r="E2384" s="166">
        <v>0</v>
      </c>
      <c r="F2384" s="166">
        <v>0</v>
      </c>
      <c r="G2384" s="166">
        <v>0</v>
      </c>
      <c r="H2384" s="166">
        <v>0</v>
      </c>
      <c r="I2384" s="166">
        <v>0</v>
      </c>
      <c r="J2384" s="166">
        <v>0</v>
      </c>
      <c r="K2384" s="166">
        <v>0</v>
      </c>
      <c r="L2384" s="166">
        <v>0</v>
      </c>
      <c r="M2384" s="166">
        <v>0</v>
      </c>
      <c r="N2384" s="166">
        <v>0</v>
      </c>
      <c r="O2384" s="166">
        <v>0</v>
      </c>
      <c r="P2384" s="166">
        <v>0</v>
      </c>
      <c r="Q2384" s="166">
        <v>0</v>
      </c>
      <c r="R2384" s="166">
        <v>0</v>
      </c>
      <c r="S2384" s="166">
        <v>0</v>
      </c>
      <c r="T2384" s="166">
        <v>0</v>
      </c>
      <c r="U2384" s="166">
        <v>0</v>
      </c>
      <c r="V2384" s="166">
        <v>0</v>
      </c>
      <c r="W2384" s="166">
        <v>0</v>
      </c>
      <c r="X2384" s="166">
        <v>0</v>
      </c>
      <c r="Y2384" s="166">
        <v>0</v>
      </c>
      <c r="Z2384" s="166">
        <v>0</v>
      </c>
      <c r="AA2384" s="166">
        <v>0</v>
      </c>
      <c r="AB2384" s="166">
        <v>0</v>
      </c>
      <c r="AC2384" s="166">
        <v>0</v>
      </c>
      <c r="AD2384" s="166">
        <v>0</v>
      </c>
      <c r="AE2384" s="166">
        <v>0</v>
      </c>
      <c r="AF2384" s="166">
        <v>0</v>
      </c>
      <c r="AG2384" s="166">
        <v>0</v>
      </c>
      <c r="AH2384" s="166">
        <v>0</v>
      </c>
      <c r="AI2384" s="166">
        <v>0</v>
      </c>
      <c r="AJ2384" s="166">
        <v>0</v>
      </c>
      <c r="AK2384" s="166">
        <v>0</v>
      </c>
      <c r="AL2384" s="166">
        <v>0</v>
      </c>
      <c r="AM2384" s="166">
        <v>0</v>
      </c>
      <c r="AN2384" s="166">
        <v>0</v>
      </c>
      <c r="AO2384" s="166">
        <v>0</v>
      </c>
      <c r="AP2384" s="166">
        <v>0</v>
      </c>
      <c r="AQ2384" s="166">
        <v>0</v>
      </c>
      <c r="AR2384" s="166">
        <v>0</v>
      </c>
      <c r="AS2384" s="166">
        <v>0</v>
      </c>
      <c r="AT2384" s="166">
        <v>0</v>
      </c>
      <c r="AU2384" s="166">
        <v>0</v>
      </c>
      <c r="AV2384" s="166">
        <v>0</v>
      </c>
      <c r="AW2384" s="166">
        <v>0</v>
      </c>
      <c r="AX2384" s="166">
        <v>0</v>
      </c>
      <c r="AY2384" s="166">
        <v>0</v>
      </c>
      <c r="AZ2384" s="166">
        <v>0</v>
      </c>
      <c r="BA2384" s="166">
        <v>0</v>
      </c>
      <c r="BB2384" s="166">
        <v>0</v>
      </c>
      <c r="BC2384" s="166">
        <v>0</v>
      </c>
      <c r="BD2384" s="166">
        <v>0</v>
      </c>
      <c r="BE2384" s="166">
        <v>0</v>
      </c>
      <c r="BF2384" s="166">
        <v>0</v>
      </c>
      <c r="BG2384" s="166">
        <v>0</v>
      </c>
      <c r="BH2384" s="166">
        <v>0</v>
      </c>
      <c r="BI2384" s="166">
        <v>0</v>
      </c>
      <c r="BJ2384" s="166">
        <v>0</v>
      </c>
      <c r="BK2384" s="166">
        <v>0</v>
      </c>
      <c r="BL2384" s="166">
        <v>0</v>
      </c>
      <c r="BM2384" s="166">
        <v>0</v>
      </c>
      <c r="BN2384" s="166">
        <v>0</v>
      </c>
      <c r="BO2384" s="166">
        <v>0</v>
      </c>
      <c r="BP2384" s="166">
        <v>0</v>
      </c>
      <c r="BQ2384" s="166">
        <v>0</v>
      </c>
      <c r="BR2384" s="166">
        <v>18606944.999999899</v>
      </c>
      <c r="BS2384" s="166">
        <v>18606944.999999899</v>
      </c>
      <c r="BT2384" s="168">
        <v>0</v>
      </c>
      <c r="BU2384" s="166">
        <v>1493257.26813298</v>
      </c>
      <c r="BV2384" s="166">
        <v>13222764.5736064</v>
      </c>
      <c r="BW2384" s="166">
        <v>0</v>
      </c>
      <c r="BX2384" s="166">
        <v>0</v>
      </c>
      <c r="BY2384" s="166">
        <v>0</v>
      </c>
      <c r="BZ2384" s="166">
        <v>0</v>
      </c>
      <c r="CA2384" s="166">
        <v>0</v>
      </c>
      <c r="CB2384" s="166">
        <v>0</v>
      </c>
      <c r="CC2384" s="166">
        <v>0</v>
      </c>
      <c r="CD2384" s="166">
        <v>0</v>
      </c>
      <c r="CE2384" s="166">
        <v>0</v>
      </c>
      <c r="CF2384" s="166">
        <v>0</v>
      </c>
      <c r="CG2384" s="166">
        <v>0</v>
      </c>
      <c r="CH2384" s="166">
        <v>0</v>
      </c>
      <c r="CI2384" s="166">
        <v>0</v>
      </c>
      <c r="CJ2384" s="166">
        <v>0</v>
      </c>
      <c r="CK2384" s="166">
        <v>0</v>
      </c>
      <c r="CL2384" s="166">
        <v>0</v>
      </c>
      <c r="CM2384" s="166">
        <v>0</v>
      </c>
      <c r="CN2384" s="166">
        <v>0</v>
      </c>
      <c r="CO2384" s="166">
        <v>0</v>
      </c>
      <c r="CP2384" s="166">
        <v>0</v>
      </c>
      <c r="CQ2384" s="166">
        <v>0</v>
      </c>
      <c r="CR2384" s="166">
        <v>0</v>
      </c>
      <c r="CS2384" s="166">
        <v>0</v>
      </c>
      <c r="CT2384" s="166">
        <v>0</v>
      </c>
      <c r="CU2384" s="166">
        <v>0</v>
      </c>
      <c r="CV2384" s="166">
        <v>0</v>
      </c>
      <c r="CW2384" s="166">
        <v>0</v>
      </c>
      <c r="CX2384" s="166">
        <v>0</v>
      </c>
      <c r="CY2384" s="166">
        <v>13222764.5736064</v>
      </c>
      <c r="CZ2384" s="166">
        <v>13222764.5736064</v>
      </c>
    </row>
    <row r="2385" spans="1:104" x14ac:dyDescent="0.2">
      <c r="A2385" s="170" t="s">
        <v>233</v>
      </c>
    </row>
    <row r="2386" spans="1:104" x14ac:dyDescent="0.2">
      <c r="A2386" s="167" t="s">
        <v>1084</v>
      </c>
      <c r="B2386" s="166">
        <v>0</v>
      </c>
      <c r="C2386" s="166">
        <v>0</v>
      </c>
      <c r="D2386" s="166">
        <v>0</v>
      </c>
      <c r="E2386" s="166">
        <v>0</v>
      </c>
      <c r="F2386" s="166">
        <v>0</v>
      </c>
      <c r="G2386" s="166">
        <v>0</v>
      </c>
      <c r="H2386" s="166">
        <v>0</v>
      </c>
      <c r="I2386" s="166">
        <v>0</v>
      </c>
      <c r="J2386" s="166">
        <v>0</v>
      </c>
      <c r="K2386" s="166">
        <v>0</v>
      </c>
      <c r="L2386" s="166">
        <v>0</v>
      </c>
      <c r="M2386" s="166">
        <v>0</v>
      </c>
      <c r="N2386" s="166">
        <v>0</v>
      </c>
      <c r="O2386" s="166">
        <v>0</v>
      </c>
      <c r="P2386" s="166">
        <v>0</v>
      </c>
      <c r="Q2386" s="166">
        <v>0</v>
      </c>
      <c r="R2386" s="166">
        <v>0</v>
      </c>
      <c r="S2386" s="166">
        <v>0</v>
      </c>
      <c r="T2386" s="166">
        <v>0</v>
      </c>
      <c r="U2386" s="166">
        <v>0</v>
      </c>
      <c r="V2386" s="166">
        <v>0</v>
      </c>
      <c r="W2386" s="166">
        <v>0</v>
      </c>
      <c r="X2386" s="166">
        <v>0</v>
      </c>
      <c r="Y2386" s="166">
        <v>0</v>
      </c>
      <c r="Z2386" s="166">
        <v>0</v>
      </c>
      <c r="AA2386" s="166">
        <v>0</v>
      </c>
      <c r="AB2386" s="166">
        <v>0</v>
      </c>
      <c r="AC2386" s="166">
        <v>0</v>
      </c>
      <c r="AD2386" s="166">
        <v>0</v>
      </c>
      <c r="AE2386" s="166">
        <v>0</v>
      </c>
      <c r="AF2386" s="166">
        <v>0</v>
      </c>
      <c r="AG2386" s="166">
        <v>0</v>
      </c>
      <c r="AH2386" s="166">
        <v>0</v>
      </c>
      <c r="AI2386" s="166">
        <v>0</v>
      </c>
      <c r="AJ2386" s="166">
        <v>0</v>
      </c>
      <c r="AK2386" s="166">
        <v>0</v>
      </c>
      <c r="AL2386" s="166">
        <v>0</v>
      </c>
      <c r="AM2386" s="166">
        <v>0</v>
      </c>
      <c r="AN2386" s="166">
        <v>0</v>
      </c>
      <c r="AO2386" s="166">
        <v>0</v>
      </c>
      <c r="AP2386" s="166">
        <v>0</v>
      </c>
      <c r="AQ2386" s="166">
        <v>0</v>
      </c>
      <c r="AR2386" s="166">
        <v>0</v>
      </c>
      <c r="AS2386" s="166">
        <v>0</v>
      </c>
      <c r="AT2386" s="166">
        <v>0</v>
      </c>
      <c r="AU2386" s="166">
        <v>0</v>
      </c>
      <c r="AV2386" s="166">
        <v>0</v>
      </c>
      <c r="AW2386" s="166">
        <v>0</v>
      </c>
      <c r="AX2386" s="166">
        <v>0</v>
      </c>
      <c r="AY2386" s="166">
        <v>0</v>
      </c>
      <c r="AZ2386" s="166">
        <v>0</v>
      </c>
      <c r="BA2386" s="166">
        <v>0</v>
      </c>
      <c r="BB2386" s="166">
        <v>0</v>
      </c>
      <c r="BC2386" s="166">
        <v>0</v>
      </c>
      <c r="BD2386" s="166">
        <v>0</v>
      </c>
      <c r="BE2386" s="166">
        <v>0</v>
      </c>
      <c r="BF2386" s="166">
        <v>0</v>
      </c>
      <c r="BG2386" s="166">
        <v>0</v>
      </c>
      <c r="BH2386" s="166">
        <v>0</v>
      </c>
      <c r="BI2386" s="166">
        <v>0</v>
      </c>
      <c r="BJ2386" s="166">
        <v>0</v>
      </c>
      <c r="BK2386" s="166">
        <v>0</v>
      </c>
      <c r="BL2386" s="166">
        <v>0</v>
      </c>
      <c r="BM2386" s="166">
        <v>0</v>
      </c>
      <c r="BN2386" s="166">
        <v>0</v>
      </c>
      <c r="BO2386" s="166">
        <v>0</v>
      </c>
      <c r="BP2386" s="166">
        <v>0</v>
      </c>
      <c r="BQ2386" s="166">
        <v>0</v>
      </c>
      <c r="BR2386" s="166">
        <v>0</v>
      </c>
      <c r="BS2386" s="166">
        <v>0</v>
      </c>
      <c r="BT2386" s="168">
        <v>0.99999812279077205</v>
      </c>
      <c r="BU2386" s="166">
        <v>0</v>
      </c>
      <c r="BV2386" s="166">
        <v>0</v>
      </c>
      <c r="BW2386" s="166">
        <v>0</v>
      </c>
      <c r="BX2386" s="166">
        <v>0</v>
      </c>
      <c r="BY2386" s="166">
        <v>0</v>
      </c>
      <c r="BZ2386" s="166">
        <v>0</v>
      </c>
      <c r="CA2386" s="166">
        <v>0</v>
      </c>
      <c r="CB2386" s="166">
        <v>0</v>
      </c>
      <c r="CC2386" s="166">
        <v>0</v>
      </c>
      <c r="CD2386" s="166">
        <v>0</v>
      </c>
      <c r="CE2386" s="166">
        <v>0</v>
      </c>
      <c r="CF2386" s="166">
        <v>0</v>
      </c>
      <c r="CG2386" s="166">
        <v>0</v>
      </c>
      <c r="CH2386" s="166">
        <v>0</v>
      </c>
      <c r="CI2386" s="166">
        <v>0</v>
      </c>
      <c r="CJ2386" s="166">
        <v>0</v>
      </c>
      <c r="CK2386" s="166">
        <v>0</v>
      </c>
      <c r="CL2386" s="166">
        <v>0</v>
      </c>
      <c r="CM2386" s="166">
        <v>0</v>
      </c>
      <c r="CN2386" s="166">
        <v>0</v>
      </c>
      <c r="CO2386" s="166">
        <v>0</v>
      </c>
      <c r="CP2386" s="166">
        <v>0</v>
      </c>
      <c r="CQ2386" s="166">
        <v>0</v>
      </c>
      <c r="CR2386" s="166">
        <v>0</v>
      </c>
      <c r="CS2386" s="166">
        <v>0</v>
      </c>
      <c r="CT2386" s="166">
        <v>0</v>
      </c>
      <c r="CU2386" s="166">
        <v>0</v>
      </c>
      <c r="CV2386" s="166">
        <v>0</v>
      </c>
      <c r="CW2386" s="166">
        <v>0</v>
      </c>
      <c r="CX2386" s="166">
        <v>0</v>
      </c>
      <c r="CY2386" s="166">
        <v>0</v>
      </c>
      <c r="CZ2386" s="166">
        <v>0</v>
      </c>
    </row>
    <row r="2387" spans="1:104" x14ac:dyDescent="0.2">
      <c r="A2387" s="167" t="s">
        <v>1085</v>
      </c>
      <c r="B2387" s="166">
        <v>0</v>
      </c>
      <c r="C2387" s="166">
        <v>0</v>
      </c>
      <c r="D2387" s="166">
        <v>0</v>
      </c>
      <c r="E2387" s="166">
        <v>0</v>
      </c>
      <c r="F2387" s="166">
        <v>0</v>
      </c>
      <c r="G2387" s="166">
        <v>0</v>
      </c>
      <c r="H2387" s="166">
        <v>0</v>
      </c>
      <c r="I2387" s="166">
        <v>0</v>
      </c>
      <c r="J2387" s="166">
        <v>0</v>
      </c>
      <c r="K2387" s="166">
        <v>0</v>
      </c>
      <c r="L2387" s="166">
        <v>0</v>
      </c>
      <c r="M2387" s="166">
        <v>0</v>
      </c>
      <c r="N2387" s="166">
        <v>0</v>
      </c>
      <c r="O2387" s="166">
        <v>0</v>
      </c>
      <c r="P2387" s="166">
        <v>0</v>
      </c>
      <c r="Q2387" s="166">
        <v>0</v>
      </c>
      <c r="R2387" s="166">
        <v>0</v>
      </c>
      <c r="S2387" s="166">
        <v>0</v>
      </c>
      <c r="T2387" s="166">
        <v>0</v>
      </c>
      <c r="U2387" s="166">
        <v>0</v>
      </c>
      <c r="V2387" s="166">
        <v>0</v>
      </c>
      <c r="W2387" s="166">
        <v>0</v>
      </c>
      <c r="X2387" s="166">
        <v>0</v>
      </c>
      <c r="Y2387" s="166">
        <v>0</v>
      </c>
      <c r="Z2387" s="166">
        <v>0</v>
      </c>
      <c r="AA2387" s="166">
        <v>0</v>
      </c>
      <c r="AB2387" s="166">
        <v>0</v>
      </c>
      <c r="AC2387" s="166">
        <v>0</v>
      </c>
      <c r="AD2387" s="166">
        <v>0</v>
      </c>
      <c r="AE2387" s="166">
        <v>0</v>
      </c>
      <c r="AF2387" s="166">
        <v>0</v>
      </c>
      <c r="AG2387" s="166">
        <v>0</v>
      </c>
      <c r="AH2387" s="166">
        <v>0</v>
      </c>
      <c r="AI2387" s="166">
        <v>0</v>
      </c>
      <c r="AJ2387" s="166">
        <v>0</v>
      </c>
      <c r="AK2387" s="166">
        <v>0</v>
      </c>
      <c r="AL2387" s="166">
        <v>0</v>
      </c>
      <c r="AM2387" s="166">
        <v>0</v>
      </c>
      <c r="AN2387" s="166">
        <v>0</v>
      </c>
      <c r="AO2387" s="166">
        <v>0</v>
      </c>
      <c r="AP2387" s="166">
        <v>0</v>
      </c>
      <c r="AQ2387" s="166">
        <v>0</v>
      </c>
      <c r="AR2387" s="166">
        <v>0</v>
      </c>
      <c r="AS2387" s="166">
        <v>0</v>
      </c>
      <c r="AT2387" s="166">
        <v>0</v>
      </c>
      <c r="AU2387" s="166">
        <v>0</v>
      </c>
      <c r="AV2387" s="166">
        <v>0</v>
      </c>
      <c r="AW2387" s="166">
        <v>0</v>
      </c>
      <c r="AX2387" s="166">
        <v>0</v>
      </c>
      <c r="AY2387" s="166">
        <v>0</v>
      </c>
      <c r="AZ2387" s="166">
        <v>0</v>
      </c>
      <c r="BA2387" s="166">
        <v>0</v>
      </c>
      <c r="BB2387" s="166">
        <v>0</v>
      </c>
      <c r="BC2387" s="166">
        <v>0</v>
      </c>
      <c r="BD2387" s="166">
        <v>0</v>
      </c>
      <c r="BE2387" s="166">
        <v>0</v>
      </c>
      <c r="BF2387" s="166">
        <v>0</v>
      </c>
      <c r="BG2387" s="166">
        <v>0</v>
      </c>
      <c r="BH2387" s="166">
        <v>0</v>
      </c>
      <c r="BI2387" s="166">
        <v>0</v>
      </c>
      <c r="BJ2387" s="166">
        <v>0</v>
      </c>
      <c r="BK2387" s="166">
        <v>0</v>
      </c>
      <c r="BL2387" s="166">
        <v>0</v>
      </c>
      <c r="BM2387" s="166">
        <v>0</v>
      </c>
      <c r="BN2387" s="166">
        <v>0</v>
      </c>
      <c r="BO2387" s="166">
        <v>0</v>
      </c>
      <c r="BP2387" s="166">
        <v>0</v>
      </c>
      <c r="BQ2387" s="166">
        <v>0</v>
      </c>
      <c r="BR2387" s="166">
        <v>0</v>
      </c>
      <c r="BS2387" s="166">
        <v>0</v>
      </c>
      <c r="BT2387" s="168">
        <v>0.95155251328940305</v>
      </c>
      <c r="BU2387" s="166">
        <v>0</v>
      </c>
      <c r="BV2387" s="166">
        <v>0</v>
      </c>
      <c r="BW2387" s="166">
        <v>0</v>
      </c>
      <c r="BX2387" s="166">
        <v>0</v>
      </c>
      <c r="BY2387" s="166">
        <v>0</v>
      </c>
      <c r="BZ2387" s="166">
        <v>0</v>
      </c>
      <c r="CA2387" s="166">
        <v>0</v>
      </c>
      <c r="CB2387" s="166">
        <v>0</v>
      </c>
      <c r="CC2387" s="166">
        <v>0</v>
      </c>
      <c r="CD2387" s="166">
        <v>0</v>
      </c>
      <c r="CE2387" s="166">
        <v>0</v>
      </c>
      <c r="CF2387" s="166">
        <v>0</v>
      </c>
      <c r="CG2387" s="166">
        <v>0</v>
      </c>
      <c r="CH2387" s="166">
        <v>0</v>
      </c>
      <c r="CI2387" s="166">
        <v>0</v>
      </c>
      <c r="CJ2387" s="166">
        <v>0</v>
      </c>
      <c r="CK2387" s="166">
        <v>0</v>
      </c>
      <c r="CL2387" s="166">
        <v>0</v>
      </c>
      <c r="CM2387" s="166">
        <v>0</v>
      </c>
      <c r="CN2387" s="166">
        <v>0</v>
      </c>
      <c r="CO2387" s="166">
        <v>0</v>
      </c>
      <c r="CP2387" s="166">
        <v>0</v>
      </c>
      <c r="CQ2387" s="166">
        <v>0</v>
      </c>
      <c r="CR2387" s="166">
        <v>0</v>
      </c>
      <c r="CS2387" s="166">
        <v>0</v>
      </c>
      <c r="CT2387" s="166">
        <v>0</v>
      </c>
      <c r="CU2387" s="166">
        <v>0</v>
      </c>
      <c r="CV2387" s="166">
        <v>0</v>
      </c>
      <c r="CW2387" s="166">
        <v>0</v>
      </c>
      <c r="CX2387" s="166">
        <v>0</v>
      </c>
      <c r="CY2387" s="166">
        <v>0</v>
      </c>
      <c r="CZ2387" s="166">
        <v>0</v>
      </c>
    </row>
    <row r="2388" spans="1:104" x14ac:dyDescent="0.2">
      <c r="A2388" s="167" t="s">
        <v>1086</v>
      </c>
      <c r="B2388" s="166">
        <v>0</v>
      </c>
      <c r="C2388" s="166">
        <v>0</v>
      </c>
      <c r="D2388" s="166">
        <v>0</v>
      </c>
      <c r="E2388" s="166">
        <v>0</v>
      </c>
      <c r="F2388" s="166">
        <v>0</v>
      </c>
      <c r="G2388" s="166">
        <v>0</v>
      </c>
      <c r="H2388" s="166">
        <v>0</v>
      </c>
      <c r="I2388" s="166">
        <v>0</v>
      </c>
      <c r="J2388" s="166">
        <v>0</v>
      </c>
      <c r="K2388" s="166">
        <v>0</v>
      </c>
      <c r="L2388" s="166">
        <v>0</v>
      </c>
      <c r="M2388" s="166">
        <v>0</v>
      </c>
      <c r="N2388" s="166">
        <v>0</v>
      </c>
      <c r="O2388" s="166">
        <v>0</v>
      </c>
      <c r="P2388" s="166">
        <v>0</v>
      </c>
      <c r="Q2388" s="166">
        <v>0</v>
      </c>
      <c r="R2388" s="166">
        <v>0</v>
      </c>
      <c r="S2388" s="166">
        <v>0</v>
      </c>
      <c r="T2388" s="166">
        <v>0</v>
      </c>
      <c r="U2388" s="166">
        <v>0</v>
      </c>
      <c r="V2388" s="166">
        <v>0</v>
      </c>
      <c r="W2388" s="166">
        <v>0</v>
      </c>
      <c r="X2388" s="166">
        <v>0</v>
      </c>
      <c r="Y2388" s="166">
        <v>0</v>
      </c>
      <c r="Z2388" s="166">
        <v>0</v>
      </c>
      <c r="AA2388" s="166">
        <v>0</v>
      </c>
      <c r="AB2388" s="166">
        <v>0</v>
      </c>
      <c r="AC2388" s="166">
        <v>0</v>
      </c>
      <c r="AD2388" s="166">
        <v>0</v>
      </c>
      <c r="AE2388" s="166">
        <v>0</v>
      </c>
      <c r="AF2388" s="166">
        <v>0</v>
      </c>
      <c r="AG2388" s="166">
        <v>0</v>
      </c>
      <c r="AH2388" s="166">
        <v>0</v>
      </c>
      <c r="AI2388" s="166">
        <v>0</v>
      </c>
      <c r="AJ2388" s="166">
        <v>0</v>
      </c>
      <c r="AK2388" s="166">
        <v>0</v>
      </c>
      <c r="AL2388" s="166">
        <v>0</v>
      </c>
      <c r="AM2388" s="166">
        <v>0</v>
      </c>
      <c r="AN2388" s="166">
        <v>0</v>
      </c>
      <c r="AO2388" s="166">
        <v>0</v>
      </c>
      <c r="AP2388" s="166">
        <v>0</v>
      </c>
      <c r="AQ2388" s="166">
        <v>0</v>
      </c>
      <c r="AR2388" s="166">
        <v>0</v>
      </c>
      <c r="AS2388" s="166">
        <v>0</v>
      </c>
      <c r="AT2388" s="166">
        <v>0</v>
      </c>
      <c r="AU2388" s="166">
        <v>0</v>
      </c>
      <c r="AV2388" s="166">
        <v>0</v>
      </c>
      <c r="AW2388" s="166">
        <v>0</v>
      </c>
      <c r="AX2388" s="166">
        <v>0</v>
      </c>
      <c r="AY2388" s="166">
        <v>0</v>
      </c>
      <c r="AZ2388" s="166">
        <v>0</v>
      </c>
      <c r="BA2388" s="166">
        <v>0</v>
      </c>
      <c r="BB2388" s="166">
        <v>0</v>
      </c>
      <c r="BC2388" s="166">
        <v>0</v>
      </c>
      <c r="BD2388" s="166">
        <v>0</v>
      </c>
      <c r="BE2388" s="166">
        <v>0</v>
      </c>
      <c r="BF2388" s="166">
        <v>0</v>
      </c>
      <c r="BG2388" s="166">
        <v>0</v>
      </c>
      <c r="BH2388" s="166">
        <v>0</v>
      </c>
      <c r="BI2388" s="166">
        <v>0</v>
      </c>
      <c r="BJ2388" s="166">
        <v>0</v>
      </c>
      <c r="BK2388" s="166">
        <v>0</v>
      </c>
      <c r="BL2388" s="166">
        <v>0</v>
      </c>
      <c r="BM2388" s="166">
        <v>0</v>
      </c>
      <c r="BN2388" s="166">
        <v>0</v>
      </c>
      <c r="BO2388" s="166">
        <v>0</v>
      </c>
      <c r="BP2388" s="166">
        <v>0</v>
      </c>
      <c r="BQ2388" s="166">
        <v>0</v>
      </c>
      <c r="BR2388" s="166">
        <v>0</v>
      </c>
      <c r="BS2388" s="166">
        <v>0</v>
      </c>
      <c r="BT2388" s="168">
        <v>0.97794258413195501</v>
      </c>
      <c r="BU2388" s="166">
        <v>0</v>
      </c>
      <c r="BV2388" s="166">
        <v>0</v>
      </c>
      <c r="BW2388" s="166">
        <v>0</v>
      </c>
      <c r="BX2388" s="166">
        <v>0</v>
      </c>
      <c r="BY2388" s="166">
        <v>0</v>
      </c>
      <c r="BZ2388" s="166">
        <v>0</v>
      </c>
      <c r="CA2388" s="166">
        <v>0</v>
      </c>
      <c r="CB2388" s="166">
        <v>0</v>
      </c>
      <c r="CC2388" s="166">
        <v>0</v>
      </c>
      <c r="CD2388" s="166">
        <v>0</v>
      </c>
      <c r="CE2388" s="166">
        <v>0</v>
      </c>
      <c r="CF2388" s="166">
        <v>0</v>
      </c>
      <c r="CG2388" s="166">
        <v>0</v>
      </c>
      <c r="CH2388" s="166">
        <v>0</v>
      </c>
      <c r="CI2388" s="166">
        <v>0</v>
      </c>
      <c r="CJ2388" s="166">
        <v>0</v>
      </c>
      <c r="CK2388" s="166">
        <v>0</v>
      </c>
      <c r="CL2388" s="166">
        <v>0</v>
      </c>
      <c r="CM2388" s="166">
        <v>0</v>
      </c>
      <c r="CN2388" s="166">
        <v>0</v>
      </c>
      <c r="CO2388" s="166">
        <v>0</v>
      </c>
      <c r="CP2388" s="166">
        <v>0</v>
      </c>
      <c r="CQ2388" s="166">
        <v>0</v>
      </c>
      <c r="CR2388" s="166">
        <v>0</v>
      </c>
      <c r="CS2388" s="166">
        <v>0</v>
      </c>
      <c r="CT2388" s="166">
        <v>0</v>
      </c>
      <c r="CU2388" s="166">
        <v>0</v>
      </c>
      <c r="CV2388" s="166">
        <v>0</v>
      </c>
      <c r="CW2388" s="166">
        <v>0</v>
      </c>
      <c r="CX2388" s="166">
        <v>0</v>
      </c>
      <c r="CY2388" s="166">
        <v>0</v>
      </c>
      <c r="CZ2388" s="166">
        <v>0</v>
      </c>
    </row>
    <row r="2389" spans="1:104" x14ac:dyDescent="0.2">
      <c r="A2389" s="167" t="s">
        <v>237</v>
      </c>
      <c r="B2389" s="166">
        <v>0</v>
      </c>
      <c r="C2389" s="166">
        <v>0</v>
      </c>
      <c r="D2389" s="166">
        <v>0</v>
      </c>
      <c r="E2389" s="166">
        <v>0</v>
      </c>
      <c r="F2389" s="166">
        <v>0</v>
      </c>
      <c r="G2389" s="166">
        <v>0</v>
      </c>
      <c r="H2389" s="166">
        <v>0</v>
      </c>
      <c r="I2389" s="166">
        <v>0</v>
      </c>
      <c r="J2389" s="166">
        <v>0</v>
      </c>
      <c r="K2389" s="166">
        <v>0</v>
      </c>
      <c r="L2389" s="166">
        <v>0</v>
      </c>
      <c r="M2389" s="166">
        <v>0</v>
      </c>
      <c r="N2389" s="166">
        <v>0</v>
      </c>
      <c r="O2389" s="166">
        <v>0</v>
      </c>
      <c r="P2389" s="166">
        <v>0</v>
      </c>
      <c r="Q2389" s="166">
        <v>0</v>
      </c>
      <c r="R2389" s="166">
        <v>0</v>
      </c>
      <c r="S2389" s="166">
        <v>0</v>
      </c>
      <c r="T2389" s="166">
        <v>0</v>
      </c>
      <c r="U2389" s="166">
        <v>0</v>
      </c>
      <c r="V2389" s="166">
        <v>0</v>
      </c>
      <c r="W2389" s="166">
        <v>0</v>
      </c>
      <c r="X2389" s="166">
        <v>0</v>
      </c>
      <c r="Y2389" s="166">
        <v>0</v>
      </c>
      <c r="Z2389" s="166">
        <v>0</v>
      </c>
      <c r="AA2389" s="166">
        <v>0</v>
      </c>
      <c r="AB2389" s="166">
        <v>0</v>
      </c>
      <c r="AC2389" s="166">
        <v>0</v>
      </c>
      <c r="AD2389" s="166">
        <v>0</v>
      </c>
      <c r="AE2389" s="166">
        <v>0</v>
      </c>
      <c r="AF2389" s="166">
        <v>0</v>
      </c>
      <c r="AG2389" s="166">
        <v>0</v>
      </c>
      <c r="AH2389" s="166">
        <v>0</v>
      </c>
      <c r="AI2389" s="166">
        <v>0</v>
      </c>
      <c r="AJ2389" s="166">
        <v>0</v>
      </c>
      <c r="AK2389" s="166">
        <v>0</v>
      </c>
      <c r="AL2389" s="166">
        <v>0</v>
      </c>
      <c r="AM2389" s="166">
        <v>0</v>
      </c>
      <c r="AN2389" s="166">
        <v>0</v>
      </c>
      <c r="AO2389" s="166">
        <v>0</v>
      </c>
      <c r="AP2389" s="166">
        <v>0</v>
      </c>
      <c r="AQ2389" s="166">
        <v>0</v>
      </c>
      <c r="AR2389" s="166">
        <v>0</v>
      </c>
      <c r="AS2389" s="166">
        <v>0</v>
      </c>
      <c r="AT2389" s="166">
        <v>0</v>
      </c>
      <c r="AU2389" s="166">
        <v>0</v>
      </c>
      <c r="AV2389" s="166">
        <v>0</v>
      </c>
      <c r="AW2389" s="166">
        <v>0</v>
      </c>
      <c r="AX2389" s="166">
        <v>0</v>
      </c>
      <c r="AY2389" s="166">
        <v>0</v>
      </c>
      <c r="AZ2389" s="166">
        <v>0</v>
      </c>
      <c r="BA2389" s="166">
        <v>0</v>
      </c>
      <c r="BB2389" s="166">
        <v>0</v>
      </c>
      <c r="BC2389" s="166">
        <v>0</v>
      </c>
      <c r="BD2389" s="166">
        <v>0</v>
      </c>
      <c r="BE2389" s="166">
        <v>0</v>
      </c>
      <c r="BF2389" s="166">
        <v>0</v>
      </c>
      <c r="BG2389" s="166">
        <v>0</v>
      </c>
      <c r="BH2389" s="166">
        <v>0</v>
      </c>
      <c r="BI2389" s="166">
        <v>0</v>
      </c>
      <c r="BJ2389" s="166">
        <v>0</v>
      </c>
      <c r="BK2389" s="166">
        <v>0</v>
      </c>
      <c r="BL2389" s="166">
        <v>0</v>
      </c>
      <c r="BM2389" s="166">
        <v>0</v>
      </c>
      <c r="BN2389" s="166">
        <v>0</v>
      </c>
      <c r="BO2389" s="166">
        <v>0</v>
      </c>
      <c r="BP2389" s="166">
        <v>0</v>
      </c>
      <c r="BQ2389" s="166">
        <v>0</v>
      </c>
      <c r="BR2389" s="166">
        <v>0</v>
      </c>
      <c r="BS2389" s="166">
        <v>0</v>
      </c>
      <c r="BT2389" s="168">
        <v>0.99999812279077205</v>
      </c>
      <c r="BU2389" s="166">
        <v>0</v>
      </c>
      <c r="BV2389" s="166">
        <v>0</v>
      </c>
      <c r="BW2389" s="166">
        <v>0</v>
      </c>
      <c r="BX2389" s="166">
        <v>0</v>
      </c>
      <c r="BY2389" s="166">
        <v>0</v>
      </c>
      <c r="BZ2389" s="166">
        <v>0</v>
      </c>
      <c r="CA2389" s="166">
        <v>0</v>
      </c>
      <c r="CB2389" s="166">
        <v>0</v>
      </c>
      <c r="CC2389" s="166">
        <v>0</v>
      </c>
      <c r="CD2389" s="166">
        <v>0</v>
      </c>
      <c r="CE2389" s="166">
        <v>0</v>
      </c>
      <c r="CF2389" s="166">
        <v>0</v>
      </c>
      <c r="CG2389" s="166">
        <v>0</v>
      </c>
      <c r="CH2389" s="166">
        <v>0</v>
      </c>
      <c r="CI2389" s="166">
        <v>0</v>
      </c>
      <c r="CJ2389" s="166">
        <v>0</v>
      </c>
      <c r="CK2389" s="166">
        <v>0</v>
      </c>
      <c r="CL2389" s="166">
        <v>0</v>
      </c>
      <c r="CM2389" s="166">
        <v>0</v>
      </c>
      <c r="CN2389" s="166">
        <v>0</v>
      </c>
      <c r="CO2389" s="166">
        <v>0</v>
      </c>
      <c r="CP2389" s="166">
        <v>0</v>
      </c>
      <c r="CQ2389" s="166">
        <v>0</v>
      </c>
      <c r="CR2389" s="166">
        <v>0</v>
      </c>
      <c r="CS2389" s="166">
        <v>0</v>
      </c>
      <c r="CT2389" s="166">
        <v>0</v>
      </c>
      <c r="CU2389" s="166">
        <v>0</v>
      </c>
      <c r="CV2389" s="166">
        <v>0</v>
      </c>
      <c r="CW2389" s="166">
        <v>0</v>
      </c>
      <c r="CX2389" s="166">
        <v>0</v>
      </c>
      <c r="CY2389" s="166">
        <v>0</v>
      </c>
      <c r="CZ2389" s="166">
        <v>0</v>
      </c>
    </row>
    <row r="2390" spans="1:104" x14ac:dyDescent="0.2">
      <c r="A2390" s="167" t="s">
        <v>238</v>
      </c>
      <c r="B2390" s="166">
        <v>0</v>
      </c>
      <c r="C2390" s="166">
        <v>0</v>
      </c>
      <c r="D2390" s="166">
        <v>0</v>
      </c>
      <c r="E2390" s="166">
        <v>0</v>
      </c>
      <c r="F2390" s="166">
        <v>0</v>
      </c>
      <c r="G2390" s="166">
        <v>0</v>
      </c>
      <c r="H2390" s="166">
        <v>0</v>
      </c>
      <c r="I2390" s="166">
        <v>0</v>
      </c>
      <c r="J2390" s="166">
        <v>0</v>
      </c>
      <c r="K2390" s="166">
        <v>0</v>
      </c>
      <c r="L2390" s="166">
        <v>0</v>
      </c>
      <c r="M2390" s="166">
        <v>0</v>
      </c>
      <c r="N2390" s="166">
        <v>0</v>
      </c>
      <c r="O2390" s="166">
        <v>0</v>
      </c>
      <c r="P2390" s="166">
        <v>0</v>
      </c>
      <c r="Q2390" s="166">
        <v>0</v>
      </c>
      <c r="R2390" s="166">
        <v>0</v>
      </c>
      <c r="S2390" s="166">
        <v>0</v>
      </c>
      <c r="T2390" s="166">
        <v>0</v>
      </c>
      <c r="U2390" s="166">
        <v>0</v>
      </c>
      <c r="V2390" s="166">
        <v>0</v>
      </c>
      <c r="W2390" s="166">
        <v>0</v>
      </c>
      <c r="X2390" s="166">
        <v>0</v>
      </c>
      <c r="Y2390" s="166">
        <v>0</v>
      </c>
      <c r="Z2390" s="166">
        <v>0</v>
      </c>
      <c r="AA2390" s="166">
        <v>0</v>
      </c>
      <c r="AB2390" s="166">
        <v>0</v>
      </c>
      <c r="AC2390" s="166">
        <v>0</v>
      </c>
      <c r="AD2390" s="166">
        <v>0</v>
      </c>
      <c r="AE2390" s="166">
        <v>0</v>
      </c>
      <c r="AF2390" s="166">
        <v>0</v>
      </c>
      <c r="AG2390" s="166">
        <v>0</v>
      </c>
      <c r="AH2390" s="166">
        <v>0</v>
      </c>
      <c r="AI2390" s="166">
        <v>0</v>
      </c>
      <c r="AJ2390" s="166">
        <v>0</v>
      </c>
      <c r="AK2390" s="166">
        <v>0</v>
      </c>
      <c r="AL2390" s="166">
        <v>0</v>
      </c>
      <c r="AM2390" s="166">
        <v>0</v>
      </c>
      <c r="AN2390" s="166">
        <v>0</v>
      </c>
      <c r="AO2390" s="166">
        <v>0</v>
      </c>
      <c r="AP2390" s="166">
        <v>0</v>
      </c>
      <c r="AQ2390" s="166">
        <v>0</v>
      </c>
      <c r="AR2390" s="166">
        <v>0</v>
      </c>
      <c r="AS2390" s="166">
        <v>0</v>
      </c>
      <c r="AT2390" s="166">
        <v>0</v>
      </c>
      <c r="AU2390" s="166">
        <v>0</v>
      </c>
      <c r="AV2390" s="166">
        <v>0</v>
      </c>
      <c r="AW2390" s="166">
        <v>0</v>
      </c>
      <c r="AX2390" s="166">
        <v>0</v>
      </c>
      <c r="AY2390" s="166">
        <v>0</v>
      </c>
      <c r="AZ2390" s="166">
        <v>0</v>
      </c>
      <c r="BA2390" s="166">
        <v>0</v>
      </c>
      <c r="BB2390" s="166">
        <v>0</v>
      </c>
      <c r="BC2390" s="166">
        <v>0</v>
      </c>
      <c r="BD2390" s="166">
        <v>0</v>
      </c>
      <c r="BE2390" s="166">
        <v>0</v>
      </c>
      <c r="BF2390" s="166">
        <v>0</v>
      </c>
      <c r="BG2390" s="166">
        <v>0</v>
      </c>
      <c r="BH2390" s="166">
        <v>0</v>
      </c>
      <c r="BI2390" s="166">
        <v>0</v>
      </c>
      <c r="BJ2390" s="166">
        <v>0</v>
      </c>
      <c r="BK2390" s="166">
        <v>0</v>
      </c>
      <c r="BL2390" s="166">
        <v>0</v>
      </c>
      <c r="BM2390" s="166">
        <v>0</v>
      </c>
      <c r="BN2390" s="166">
        <v>0</v>
      </c>
      <c r="BO2390" s="166">
        <v>0</v>
      </c>
      <c r="BP2390" s="166">
        <v>0</v>
      </c>
      <c r="BQ2390" s="166">
        <v>0</v>
      </c>
      <c r="BR2390" s="166">
        <v>0</v>
      </c>
      <c r="BS2390" s="166">
        <v>0</v>
      </c>
      <c r="BT2390" s="166">
        <v>1000</v>
      </c>
      <c r="BU2390" s="166">
        <v>0</v>
      </c>
      <c r="BV2390" s="166">
        <v>0</v>
      </c>
      <c r="BW2390" s="166">
        <v>0</v>
      </c>
      <c r="BX2390" s="166">
        <v>0</v>
      </c>
      <c r="BY2390" s="166">
        <v>0</v>
      </c>
      <c r="BZ2390" s="166">
        <v>0</v>
      </c>
      <c r="CA2390" s="166">
        <v>0</v>
      </c>
      <c r="CB2390" s="166">
        <v>0</v>
      </c>
      <c r="CC2390" s="166">
        <v>0</v>
      </c>
      <c r="CD2390" s="166">
        <v>0</v>
      </c>
      <c r="CE2390" s="166">
        <v>0</v>
      </c>
      <c r="CF2390" s="166">
        <v>0</v>
      </c>
      <c r="CG2390" s="166">
        <v>0</v>
      </c>
      <c r="CH2390" s="166">
        <v>0</v>
      </c>
      <c r="CI2390" s="166">
        <v>0</v>
      </c>
      <c r="CJ2390" s="166">
        <v>0</v>
      </c>
      <c r="CK2390" s="166">
        <v>0</v>
      </c>
      <c r="CL2390" s="166">
        <v>0</v>
      </c>
      <c r="CM2390" s="166">
        <v>0</v>
      </c>
      <c r="CN2390" s="166">
        <v>0</v>
      </c>
      <c r="CO2390" s="166">
        <v>0</v>
      </c>
      <c r="CP2390" s="166">
        <v>0</v>
      </c>
      <c r="CQ2390" s="166">
        <v>0</v>
      </c>
      <c r="CR2390" s="166">
        <v>0</v>
      </c>
      <c r="CS2390" s="166">
        <v>0</v>
      </c>
      <c r="CT2390" s="166">
        <v>0</v>
      </c>
      <c r="CU2390" s="166">
        <v>0</v>
      </c>
      <c r="CV2390" s="166">
        <v>0</v>
      </c>
      <c r="CW2390" s="166">
        <v>0</v>
      </c>
      <c r="CX2390" s="166">
        <v>0</v>
      </c>
      <c r="CY2390" s="166">
        <v>0</v>
      </c>
      <c r="CZ2390" s="166">
        <v>0</v>
      </c>
    </row>
    <row r="2391" spans="1:104" x14ac:dyDescent="0.2">
      <c r="A2391" s="167" t="s">
        <v>1087</v>
      </c>
      <c r="B2391" s="166">
        <v>0</v>
      </c>
      <c r="C2391" s="166">
        <v>0</v>
      </c>
      <c r="D2391" s="166">
        <v>0</v>
      </c>
      <c r="E2391" s="166">
        <v>0</v>
      </c>
      <c r="F2391" s="166">
        <v>0</v>
      </c>
      <c r="G2391" s="166">
        <v>0</v>
      </c>
      <c r="H2391" s="166">
        <v>0</v>
      </c>
      <c r="I2391" s="166">
        <v>0</v>
      </c>
      <c r="J2391" s="166">
        <v>0</v>
      </c>
      <c r="K2391" s="166">
        <v>0</v>
      </c>
      <c r="L2391" s="166">
        <v>0</v>
      </c>
      <c r="M2391" s="166">
        <v>0</v>
      </c>
      <c r="N2391" s="166">
        <v>0</v>
      </c>
      <c r="O2391" s="166">
        <v>0</v>
      </c>
      <c r="P2391" s="166">
        <v>0</v>
      </c>
      <c r="Q2391" s="166">
        <v>0</v>
      </c>
      <c r="R2391" s="166">
        <v>0</v>
      </c>
      <c r="S2391" s="166">
        <v>0</v>
      </c>
      <c r="T2391" s="166">
        <v>0</v>
      </c>
      <c r="U2391" s="166">
        <v>0</v>
      </c>
      <c r="V2391" s="166">
        <v>0</v>
      </c>
      <c r="W2391" s="166">
        <v>0</v>
      </c>
      <c r="X2391" s="166">
        <v>0</v>
      </c>
      <c r="Y2391" s="166">
        <v>0</v>
      </c>
      <c r="Z2391" s="166">
        <v>0</v>
      </c>
      <c r="AA2391" s="166">
        <v>0</v>
      </c>
      <c r="AB2391" s="166">
        <v>0</v>
      </c>
      <c r="AC2391" s="166">
        <v>0</v>
      </c>
      <c r="AD2391" s="166">
        <v>0</v>
      </c>
      <c r="AE2391" s="166">
        <v>0</v>
      </c>
      <c r="AF2391" s="166">
        <v>0</v>
      </c>
      <c r="AG2391" s="166">
        <v>0</v>
      </c>
      <c r="AH2391" s="166">
        <v>0</v>
      </c>
      <c r="AI2391" s="166">
        <v>0</v>
      </c>
      <c r="AJ2391" s="166">
        <v>0</v>
      </c>
      <c r="AK2391" s="166">
        <v>0</v>
      </c>
      <c r="AL2391" s="166">
        <v>0</v>
      </c>
      <c r="AM2391" s="166">
        <v>0</v>
      </c>
      <c r="AN2391" s="166">
        <v>0</v>
      </c>
      <c r="AO2391" s="166">
        <v>0</v>
      </c>
      <c r="AP2391" s="166">
        <v>0</v>
      </c>
      <c r="AQ2391" s="166">
        <v>0</v>
      </c>
      <c r="AR2391" s="166">
        <v>0</v>
      </c>
      <c r="AS2391" s="166">
        <v>0</v>
      </c>
      <c r="AT2391" s="166">
        <v>0</v>
      </c>
      <c r="AU2391" s="166">
        <v>0</v>
      </c>
      <c r="AV2391" s="166">
        <v>0</v>
      </c>
      <c r="AW2391" s="166">
        <v>0</v>
      </c>
      <c r="AX2391" s="166">
        <v>0</v>
      </c>
      <c r="AY2391" s="166">
        <v>0</v>
      </c>
      <c r="AZ2391" s="166">
        <v>0</v>
      </c>
      <c r="BA2391" s="166">
        <v>0</v>
      </c>
      <c r="BB2391" s="166">
        <v>0</v>
      </c>
      <c r="BC2391" s="166">
        <v>0</v>
      </c>
      <c r="BD2391" s="166">
        <v>0</v>
      </c>
      <c r="BE2391" s="166">
        <v>0</v>
      </c>
      <c r="BF2391" s="166">
        <v>0</v>
      </c>
      <c r="BG2391" s="166">
        <v>0</v>
      </c>
      <c r="BH2391" s="166">
        <v>0</v>
      </c>
      <c r="BI2391" s="166">
        <v>0</v>
      </c>
      <c r="BJ2391" s="166">
        <v>0</v>
      </c>
      <c r="BK2391" s="166">
        <v>0</v>
      </c>
      <c r="BL2391" s="166">
        <v>0</v>
      </c>
      <c r="BM2391" s="166">
        <v>0</v>
      </c>
      <c r="BN2391" s="166">
        <v>0</v>
      </c>
      <c r="BO2391" s="166">
        <v>0</v>
      </c>
      <c r="BP2391" s="166">
        <v>0</v>
      </c>
      <c r="BQ2391" s="166">
        <v>0</v>
      </c>
      <c r="BR2391" s="166">
        <v>0</v>
      </c>
      <c r="BS2391" s="166">
        <v>0</v>
      </c>
      <c r="BT2391" s="168">
        <v>0.70788236107156799</v>
      </c>
      <c r="BU2391" s="166">
        <v>0</v>
      </c>
      <c r="BV2391" s="166">
        <v>0</v>
      </c>
      <c r="BW2391" s="166">
        <v>0</v>
      </c>
      <c r="BX2391" s="166">
        <v>0</v>
      </c>
      <c r="BY2391" s="166">
        <v>0</v>
      </c>
      <c r="BZ2391" s="166">
        <v>0</v>
      </c>
      <c r="CA2391" s="166">
        <v>0</v>
      </c>
      <c r="CB2391" s="166">
        <v>0</v>
      </c>
      <c r="CC2391" s="166">
        <v>0</v>
      </c>
      <c r="CD2391" s="166">
        <v>0</v>
      </c>
      <c r="CE2391" s="166">
        <v>0</v>
      </c>
      <c r="CF2391" s="166">
        <v>0</v>
      </c>
      <c r="CG2391" s="166">
        <v>0</v>
      </c>
      <c r="CH2391" s="166">
        <v>0</v>
      </c>
      <c r="CI2391" s="166">
        <v>0</v>
      </c>
      <c r="CJ2391" s="166">
        <v>0</v>
      </c>
      <c r="CK2391" s="166">
        <v>0</v>
      </c>
      <c r="CL2391" s="166">
        <v>0</v>
      </c>
      <c r="CM2391" s="166">
        <v>0</v>
      </c>
      <c r="CN2391" s="166">
        <v>0</v>
      </c>
      <c r="CO2391" s="166">
        <v>0</v>
      </c>
      <c r="CP2391" s="166">
        <v>0</v>
      </c>
      <c r="CQ2391" s="166">
        <v>0</v>
      </c>
      <c r="CR2391" s="166">
        <v>0</v>
      </c>
      <c r="CS2391" s="166">
        <v>0</v>
      </c>
      <c r="CT2391" s="166">
        <v>0</v>
      </c>
      <c r="CU2391" s="166">
        <v>0</v>
      </c>
      <c r="CV2391" s="166">
        <v>0</v>
      </c>
      <c r="CW2391" s="166">
        <v>0</v>
      </c>
      <c r="CX2391" s="166">
        <v>0</v>
      </c>
      <c r="CY2391" s="166">
        <v>0</v>
      </c>
      <c r="CZ2391" s="166">
        <v>0</v>
      </c>
    </row>
    <row r="2392" spans="1:104" x14ac:dyDescent="0.2">
      <c r="A2392" s="167" t="s">
        <v>1088</v>
      </c>
      <c r="B2392" s="166">
        <v>0</v>
      </c>
      <c r="C2392" s="166">
        <v>0</v>
      </c>
      <c r="D2392" s="166">
        <v>0</v>
      </c>
      <c r="E2392" s="166">
        <v>0</v>
      </c>
      <c r="F2392" s="166">
        <v>0</v>
      </c>
      <c r="G2392" s="166">
        <v>0</v>
      </c>
      <c r="H2392" s="166">
        <v>0</v>
      </c>
      <c r="I2392" s="166">
        <v>0</v>
      </c>
      <c r="J2392" s="166">
        <v>0</v>
      </c>
      <c r="K2392" s="166">
        <v>0</v>
      </c>
      <c r="L2392" s="166">
        <v>0</v>
      </c>
      <c r="M2392" s="166">
        <v>0</v>
      </c>
      <c r="N2392" s="166">
        <v>0</v>
      </c>
      <c r="O2392" s="166">
        <v>0</v>
      </c>
      <c r="P2392" s="166">
        <v>0</v>
      </c>
      <c r="Q2392" s="166">
        <v>0</v>
      </c>
      <c r="R2392" s="166">
        <v>0</v>
      </c>
      <c r="S2392" s="166">
        <v>0</v>
      </c>
      <c r="T2392" s="166">
        <v>0</v>
      </c>
      <c r="U2392" s="166">
        <v>0</v>
      </c>
      <c r="V2392" s="166">
        <v>0</v>
      </c>
      <c r="W2392" s="166">
        <v>0</v>
      </c>
      <c r="X2392" s="166">
        <v>0</v>
      </c>
      <c r="Y2392" s="166">
        <v>0</v>
      </c>
      <c r="Z2392" s="166">
        <v>0</v>
      </c>
      <c r="AA2392" s="166">
        <v>0</v>
      </c>
      <c r="AB2392" s="166">
        <v>0</v>
      </c>
      <c r="AC2392" s="166">
        <v>0</v>
      </c>
      <c r="AD2392" s="166">
        <v>0</v>
      </c>
      <c r="AE2392" s="166">
        <v>0</v>
      </c>
      <c r="AF2392" s="166">
        <v>0</v>
      </c>
      <c r="AG2392" s="166">
        <v>0</v>
      </c>
      <c r="AH2392" s="166">
        <v>0</v>
      </c>
      <c r="AI2392" s="166">
        <v>0</v>
      </c>
      <c r="AJ2392" s="166">
        <v>0</v>
      </c>
      <c r="AK2392" s="166">
        <v>0</v>
      </c>
      <c r="AL2392" s="166">
        <v>0</v>
      </c>
      <c r="AM2392" s="166">
        <v>0</v>
      </c>
      <c r="AN2392" s="166">
        <v>0</v>
      </c>
      <c r="AO2392" s="166">
        <v>0</v>
      </c>
      <c r="AP2392" s="166">
        <v>0</v>
      </c>
      <c r="AQ2392" s="166">
        <v>0</v>
      </c>
      <c r="AR2392" s="166">
        <v>0</v>
      </c>
      <c r="AS2392" s="166">
        <v>0</v>
      </c>
      <c r="AT2392" s="166">
        <v>0</v>
      </c>
      <c r="AU2392" s="166">
        <v>0</v>
      </c>
      <c r="AV2392" s="166">
        <v>0</v>
      </c>
      <c r="AW2392" s="166">
        <v>0</v>
      </c>
      <c r="AX2392" s="166">
        <v>0</v>
      </c>
      <c r="AY2392" s="166">
        <v>0</v>
      </c>
      <c r="AZ2392" s="166">
        <v>0</v>
      </c>
      <c r="BA2392" s="166">
        <v>0</v>
      </c>
      <c r="BB2392" s="166">
        <v>0</v>
      </c>
      <c r="BC2392" s="166">
        <v>0</v>
      </c>
      <c r="BD2392" s="166">
        <v>0</v>
      </c>
      <c r="BE2392" s="166">
        <v>0</v>
      </c>
      <c r="BF2392" s="166">
        <v>0</v>
      </c>
      <c r="BG2392" s="166">
        <v>0</v>
      </c>
      <c r="BH2392" s="166">
        <v>0</v>
      </c>
      <c r="BI2392" s="166">
        <v>0</v>
      </c>
      <c r="BJ2392" s="166">
        <v>0</v>
      </c>
      <c r="BK2392" s="166">
        <v>0</v>
      </c>
      <c r="BL2392" s="166">
        <v>0</v>
      </c>
      <c r="BM2392" s="166">
        <v>0</v>
      </c>
      <c r="BN2392" s="166">
        <v>0</v>
      </c>
      <c r="BO2392" s="166">
        <v>0</v>
      </c>
      <c r="BP2392" s="166">
        <v>0</v>
      </c>
      <c r="BQ2392" s="166">
        <v>0</v>
      </c>
      <c r="BR2392" s="166">
        <v>0</v>
      </c>
      <c r="BS2392" s="166">
        <v>0</v>
      </c>
      <c r="BT2392" s="168">
        <v>0</v>
      </c>
      <c r="BU2392" s="166">
        <v>0</v>
      </c>
      <c r="BV2392" s="166">
        <v>0</v>
      </c>
      <c r="BW2392" s="166">
        <v>0</v>
      </c>
      <c r="BX2392" s="166">
        <v>0</v>
      </c>
      <c r="BY2392" s="166">
        <v>0</v>
      </c>
      <c r="BZ2392" s="166">
        <v>0</v>
      </c>
      <c r="CA2392" s="166">
        <v>0</v>
      </c>
      <c r="CB2392" s="166">
        <v>0</v>
      </c>
      <c r="CC2392" s="166">
        <v>0</v>
      </c>
      <c r="CD2392" s="166">
        <v>0</v>
      </c>
      <c r="CE2392" s="166">
        <v>0</v>
      </c>
      <c r="CF2392" s="166">
        <v>0</v>
      </c>
      <c r="CG2392" s="166">
        <v>0</v>
      </c>
      <c r="CH2392" s="166">
        <v>0</v>
      </c>
      <c r="CI2392" s="166">
        <v>0</v>
      </c>
      <c r="CJ2392" s="166">
        <v>0</v>
      </c>
      <c r="CK2392" s="166">
        <v>0</v>
      </c>
      <c r="CL2392" s="166">
        <v>0</v>
      </c>
      <c r="CM2392" s="166">
        <v>0</v>
      </c>
      <c r="CN2392" s="166">
        <v>0</v>
      </c>
      <c r="CO2392" s="166">
        <v>0</v>
      </c>
      <c r="CP2392" s="166">
        <v>0</v>
      </c>
      <c r="CQ2392" s="166">
        <v>0</v>
      </c>
      <c r="CR2392" s="166">
        <v>0</v>
      </c>
      <c r="CS2392" s="166">
        <v>0</v>
      </c>
      <c r="CT2392" s="166">
        <v>0</v>
      </c>
      <c r="CU2392" s="166">
        <v>0</v>
      </c>
      <c r="CV2392" s="166">
        <v>0</v>
      </c>
      <c r="CW2392" s="166">
        <v>0</v>
      </c>
      <c r="CX2392" s="166">
        <v>0</v>
      </c>
      <c r="CY2392" s="166">
        <v>0</v>
      </c>
      <c r="CZ2392" s="166">
        <v>0</v>
      </c>
    </row>
    <row r="2393" spans="1:104" x14ac:dyDescent="0.2">
      <c r="A2393" s="167" t="s">
        <v>241</v>
      </c>
    </row>
    <row r="2394" spans="1:104" x14ac:dyDescent="0.2">
      <c r="A2394" s="167" t="s">
        <v>1089</v>
      </c>
      <c r="B2394" s="166">
        <v>26576.945258692402</v>
      </c>
      <c r="C2394" s="166">
        <v>26576.945258692402</v>
      </c>
      <c r="D2394" s="166">
        <v>0</v>
      </c>
      <c r="E2394" s="166">
        <v>0</v>
      </c>
      <c r="F2394" s="166">
        <v>0</v>
      </c>
      <c r="G2394" s="166">
        <v>0</v>
      </c>
      <c r="H2394" s="166">
        <v>0</v>
      </c>
      <c r="I2394" s="166">
        <v>0</v>
      </c>
      <c r="J2394" s="166">
        <v>0</v>
      </c>
      <c r="K2394" s="166">
        <v>0</v>
      </c>
      <c r="L2394" s="166">
        <v>0</v>
      </c>
      <c r="M2394" s="166">
        <v>0</v>
      </c>
      <c r="N2394" s="166">
        <v>0</v>
      </c>
      <c r="O2394" s="166">
        <v>0</v>
      </c>
      <c r="P2394" s="166">
        <v>0</v>
      </c>
      <c r="Q2394" s="166">
        <v>0</v>
      </c>
      <c r="R2394" s="166">
        <v>0</v>
      </c>
      <c r="S2394" s="166">
        <v>0</v>
      </c>
      <c r="T2394" s="166">
        <v>0</v>
      </c>
      <c r="U2394" s="166">
        <v>0</v>
      </c>
      <c r="V2394" s="166">
        <v>0</v>
      </c>
      <c r="W2394" s="166">
        <v>0</v>
      </c>
      <c r="X2394" s="166">
        <v>0</v>
      </c>
      <c r="Y2394" s="166">
        <v>0</v>
      </c>
      <c r="Z2394" s="166">
        <v>0</v>
      </c>
      <c r="AA2394" s="166">
        <v>0</v>
      </c>
      <c r="AB2394" s="166">
        <v>0</v>
      </c>
      <c r="AC2394" s="166">
        <v>0</v>
      </c>
      <c r="AD2394" s="166">
        <v>0</v>
      </c>
      <c r="AE2394" s="166">
        <v>0</v>
      </c>
      <c r="AF2394" s="166">
        <v>0</v>
      </c>
      <c r="AG2394" s="166">
        <v>0</v>
      </c>
      <c r="AH2394" s="166">
        <v>0</v>
      </c>
      <c r="AI2394" s="166">
        <v>0</v>
      </c>
      <c r="AJ2394" s="166">
        <v>0</v>
      </c>
      <c r="AK2394" s="166">
        <v>0</v>
      </c>
      <c r="AL2394" s="166">
        <v>0</v>
      </c>
      <c r="AM2394" s="166">
        <v>0</v>
      </c>
      <c r="AN2394" s="166">
        <v>0</v>
      </c>
      <c r="AO2394" s="166">
        <v>0</v>
      </c>
      <c r="AP2394" s="166">
        <v>0</v>
      </c>
      <c r="AQ2394" s="166">
        <v>0</v>
      </c>
      <c r="AR2394" s="166">
        <v>0</v>
      </c>
      <c r="AS2394" s="166">
        <v>0</v>
      </c>
      <c r="AT2394" s="166">
        <v>0</v>
      </c>
      <c r="AU2394" s="166">
        <v>0</v>
      </c>
      <c r="AV2394" s="166">
        <v>0</v>
      </c>
      <c r="AW2394" s="166">
        <v>0</v>
      </c>
      <c r="AX2394" s="166">
        <v>0</v>
      </c>
      <c r="AY2394" s="166">
        <v>0</v>
      </c>
      <c r="AZ2394" s="166">
        <v>0</v>
      </c>
      <c r="BA2394" s="166">
        <v>0</v>
      </c>
      <c r="BB2394" s="166">
        <v>0</v>
      </c>
      <c r="BC2394" s="166">
        <v>0</v>
      </c>
      <c r="BD2394" s="166">
        <v>0</v>
      </c>
      <c r="BE2394" s="166">
        <v>0</v>
      </c>
      <c r="BF2394" s="166">
        <v>0</v>
      </c>
      <c r="BG2394" s="166">
        <v>0</v>
      </c>
      <c r="BH2394" s="166">
        <v>0</v>
      </c>
      <c r="BI2394" s="166">
        <v>0</v>
      </c>
      <c r="BJ2394" s="166">
        <v>0</v>
      </c>
      <c r="BK2394" s="166">
        <v>0</v>
      </c>
      <c r="BL2394" s="166">
        <v>0</v>
      </c>
      <c r="BM2394" s="166">
        <v>0</v>
      </c>
      <c r="BN2394" s="166">
        <v>0</v>
      </c>
      <c r="BO2394" s="166">
        <v>0</v>
      </c>
      <c r="BP2394" s="166">
        <v>0</v>
      </c>
      <c r="BQ2394" s="166">
        <v>0</v>
      </c>
      <c r="BR2394" s="166">
        <v>26576.945258692402</v>
      </c>
      <c r="BS2394" s="166">
        <v>26576.945258692402</v>
      </c>
      <c r="BT2394" s="168">
        <v>0.99999812279077205</v>
      </c>
      <c r="BU2394" s="166">
        <v>1518.94021597399</v>
      </c>
      <c r="BV2394" s="166">
        <v>26576.8953682055</v>
      </c>
      <c r="BW2394" s="166">
        <v>0</v>
      </c>
      <c r="BX2394" s="166">
        <v>0</v>
      </c>
      <c r="BY2394" s="166">
        <v>0</v>
      </c>
      <c r="BZ2394" s="166">
        <v>0</v>
      </c>
      <c r="CA2394" s="166">
        <v>0</v>
      </c>
      <c r="CB2394" s="166">
        <v>0</v>
      </c>
      <c r="CC2394" s="166">
        <v>0</v>
      </c>
      <c r="CD2394" s="166">
        <v>0</v>
      </c>
      <c r="CE2394" s="166">
        <v>0</v>
      </c>
      <c r="CF2394" s="166">
        <v>0</v>
      </c>
      <c r="CG2394" s="166">
        <v>0</v>
      </c>
      <c r="CH2394" s="166">
        <v>0</v>
      </c>
      <c r="CI2394" s="166">
        <v>0</v>
      </c>
      <c r="CJ2394" s="166">
        <v>0</v>
      </c>
      <c r="CK2394" s="166">
        <v>0</v>
      </c>
      <c r="CL2394" s="166">
        <v>0</v>
      </c>
      <c r="CM2394" s="166">
        <v>0</v>
      </c>
      <c r="CN2394" s="166">
        <v>0</v>
      </c>
      <c r="CO2394" s="166">
        <v>0</v>
      </c>
      <c r="CP2394" s="166">
        <v>0</v>
      </c>
      <c r="CQ2394" s="166">
        <v>0</v>
      </c>
      <c r="CR2394" s="166">
        <v>0</v>
      </c>
      <c r="CS2394" s="166">
        <v>0</v>
      </c>
      <c r="CT2394" s="166">
        <v>0</v>
      </c>
      <c r="CU2394" s="166">
        <v>0</v>
      </c>
      <c r="CV2394" s="166">
        <v>0</v>
      </c>
      <c r="CW2394" s="166">
        <v>0</v>
      </c>
      <c r="CX2394" s="166">
        <v>0</v>
      </c>
      <c r="CY2394" s="166">
        <v>26576.8953682055</v>
      </c>
      <c r="CZ2394" s="166">
        <v>26576.8953682055</v>
      </c>
    </row>
    <row r="2395" spans="1:104" x14ac:dyDescent="0.2">
      <c r="A2395" s="167" t="s">
        <v>1090</v>
      </c>
      <c r="B2395" s="166">
        <v>840.27112523573999</v>
      </c>
      <c r="C2395" s="166">
        <v>840.27112523573999</v>
      </c>
      <c r="D2395" s="166">
        <v>0</v>
      </c>
      <c r="E2395" s="166">
        <v>0</v>
      </c>
      <c r="F2395" s="166">
        <v>0</v>
      </c>
      <c r="G2395" s="166">
        <v>0</v>
      </c>
      <c r="H2395" s="166">
        <v>0</v>
      </c>
      <c r="I2395" s="166">
        <v>0</v>
      </c>
      <c r="J2395" s="166">
        <v>0</v>
      </c>
      <c r="K2395" s="166">
        <v>0</v>
      </c>
      <c r="L2395" s="166">
        <v>0</v>
      </c>
      <c r="M2395" s="166">
        <v>0</v>
      </c>
      <c r="N2395" s="166">
        <v>0</v>
      </c>
      <c r="O2395" s="166">
        <v>0</v>
      </c>
      <c r="P2395" s="166">
        <v>0</v>
      </c>
      <c r="Q2395" s="166">
        <v>0</v>
      </c>
      <c r="R2395" s="166">
        <v>0</v>
      </c>
      <c r="S2395" s="166">
        <v>0</v>
      </c>
      <c r="T2395" s="166">
        <v>0</v>
      </c>
      <c r="U2395" s="166">
        <v>0</v>
      </c>
      <c r="V2395" s="166">
        <v>0</v>
      </c>
      <c r="W2395" s="166">
        <v>0</v>
      </c>
      <c r="X2395" s="166">
        <v>0</v>
      </c>
      <c r="Y2395" s="166">
        <v>0</v>
      </c>
      <c r="Z2395" s="166">
        <v>0</v>
      </c>
      <c r="AA2395" s="166">
        <v>0</v>
      </c>
      <c r="AB2395" s="166">
        <v>0</v>
      </c>
      <c r="AC2395" s="166">
        <v>0</v>
      </c>
      <c r="AD2395" s="166">
        <v>0</v>
      </c>
      <c r="AE2395" s="166">
        <v>0</v>
      </c>
      <c r="AF2395" s="166">
        <v>0</v>
      </c>
      <c r="AG2395" s="166">
        <v>0</v>
      </c>
      <c r="AH2395" s="166">
        <v>0</v>
      </c>
      <c r="AI2395" s="166">
        <v>0</v>
      </c>
      <c r="AJ2395" s="166">
        <v>0</v>
      </c>
      <c r="AK2395" s="166">
        <v>0</v>
      </c>
      <c r="AL2395" s="166">
        <v>0</v>
      </c>
      <c r="AM2395" s="166">
        <v>0</v>
      </c>
      <c r="AN2395" s="166">
        <v>0</v>
      </c>
      <c r="AO2395" s="166">
        <v>0</v>
      </c>
      <c r="AP2395" s="166">
        <v>0</v>
      </c>
      <c r="AQ2395" s="166">
        <v>0</v>
      </c>
      <c r="AR2395" s="166">
        <v>0</v>
      </c>
      <c r="AS2395" s="166">
        <v>0</v>
      </c>
      <c r="AT2395" s="166">
        <v>0</v>
      </c>
      <c r="AU2395" s="166">
        <v>0</v>
      </c>
      <c r="AV2395" s="166">
        <v>0</v>
      </c>
      <c r="AW2395" s="166">
        <v>0</v>
      </c>
      <c r="AX2395" s="166">
        <v>0</v>
      </c>
      <c r="AY2395" s="166">
        <v>0</v>
      </c>
      <c r="AZ2395" s="166">
        <v>0</v>
      </c>
      <c r="BA2395" s="166">
        <v>0</v>
      </c>
      <c r="BB2395" s="166">
        <v>0</v>
      </c>
      <c r="BC2395" s="166">
        <v>0</v>
      </c>
      <c r="BD2395" s="166">
        <v>0</v>
      </c>
      <c r="BE2395" s="166">
        <v>0</v>
      </c>
      <c r="BF2395" s="166">
        <v>0</v>
      </c>
      <c r="BG2395" s="166">
        <v>0</v>
      </c>
      <c r="BH2395" s="166">
        <v>0</v>
      </c>
      <c r="BI2395" s="166">
        <v>0</v>
      </c>
      <c r="BJ2395" s="166">
        <v>0</v>
      </c>
      <c r="BK2395" s="166">
        <v>0</v>
      </c>
      <c r="BL2395" s="166">
        <v>0</v>
      </c>
      <c r="BM2395" s="166">
        <v>0</v>
      </c>
      <c r="BN2395" s="166">
        <v>0</v>
      </c>
      <c r="BO2395" s="166">
        <v>0</v>
      </c>
      <c r="BP2395" s="166">
        <v>0</v>
      </c>
      <c r="BQ2395" s="166">
        <v>0</v>
      </c>
      <c r="BR2395" s="166">
        <v>840.27112523573999</v>
      </c>
      <c r="BS2395" s="166">
        <v>840.27112523573999</v>
      </c>
      <c r="BT2395" s="168">
        <v>0.95155251328940305</v>
      </c>
      <c r="BU2395" s="166">
        <v>45.697099440950197</v>
      </c>
      <c r="BV2395" s="166">
        <v>799.56210106258197</v>
      </c>
      <c r="BW2395" s="166">
        <v>0</v>
      </c>
      <c r="BX2395" s="166">
        <v>0</v>
      </c>
      <c r="BY2395" s="166">
        <v>0</v>
      </c>
      <c r="BZ2395" s="166">
        <v>0</v>
      </c>
      <c r="CA2395" s="166">
        <v>0</v>
      </c>
      <c r="CB2395" s="166">
        <v>0</v>
      </c>
      <c r="CC2395" s="166">
        <v>0</v>
      </c>
      <c r="CD2395" s="166">
        <v>0</v>
      </c>
      <c r="CE2395" s="166">
        <v>0</v>
      </c>
      <c r="CF2395" s="166">
        <v>0</v>
      </c>
      <c r="CG2395" s="166">
        <v>0</v>
      </c>
      <c r="CH2395" s="166">
        <v>0</v>
      </c>
      <c r="CI2395" s="166">
        <v>0</v>
      </c>
      <c r="CJ2395" s="166">
        <v>0</v>
      </c>
      <c r="CK2395" s="166">
        <v>0</v>
      </c>
      <c r="CL2395" s="166">
        <v>0</v>
      </c>
      <c r="CM2395" s="166">
        <v>0</v>
      </c>
      <c r="CN2395" s="166">
        <v>0</v>
      </c>
      <c r="CO2395" s="166">
        <v>0</v>
      </c>
      <c r="CP2395" s="166">
        <v>0</v>
      </c>
      <c r="CQ2395" s="166">
        <v>0</v>
      </c>
      <c r="CR2395" s="166">
        <v>0</v>
      </c>
      <c r="CS2395" s="166">
        <v>0</v>
      </c>
      <c r="CT2395" s="166">
        <v>0</v>
      </c>
      <c r="CU2395" s="166">
        <v>0</v>
      </c>
      <c r="CV2395" s="166">
        <v>0</v>
      </c>
      <c r="CW2395" s="166">
        <v>0</v>
      </c>
      <c r="CX2395" s="166">
        <v>0</v>
      </c>
      <c r="CY2395" s="166">
        <v>799.56210106258197</v>
      </c>
      <c r="CZ2395" s="166">
        <v>799.56210106258197</v>
      </c>
    </row>
    <row r="2396" spans="1:104" x14ac:dyDescent="0.2">
      <c r="A2396" s="167" t="s">
        <v>1091</v>
      </c>
      <c r="B2396" s="166">
        <v>6061.5708978523799</v>
      </c>
      <c r="C2396" s="166">
        <v>6061.5708978523799</v>
      </c>
      <c r="D2396" s="166">
        <v>0</v>
      </c>
      <c r="E2396" s="166">
        <v>0</v>
      </c>
      <c r="F2396" s="166">
        <v>0</v>
      </c>
      <c r="G2396" s="166">
        <v>0</v>
      </c>
      <c r="H2396" s="166">
        <v>0</v>
      </c>
      <c r="I2396" s="166">
        <v>0</v>
      </c>
      <c r="J2396" s="166">
        <v>0</v>
      </c>
      <c r="K2396" s="166">
        <v>0</v>
      </c>
      <c r="L2396" s="166">
        <v>0</v>
      </c>
      <c r="M2396" s="166">
        <v>0</v>
      </c>
      <c r="N2396" s="166">
        <v>0</v>
      </c>
      <c r="O2396" s="166">
        <v>0</v>
      </c>
      <c r="P2396" s="166">
        <v>0</v>
      </c>
      <c r="Q2396" s="166">
        <v>0</v>
      </c>
      <c r="R2396" s="166">
        <v>0</v>
      </c>
      <c r="S2396" s="166">
        <v>0</v>
      </c>
      <c r="T2396" s="166">
        <v>0</v>
      </c>
      <c r="U2396" s="166">
        <v>0</v>
      </c>
      <c r="V2396" s="166">
        <v>0</v>
      </c>
      <c r="W2396" s="166">
        <v>0</v>
      </c>
      <c r="X2396" s="166">
        <v>0</v>
      </c>
      <c r="Y2396" s="166">
        <v>0</v>
      </c>
      <c r="Z2396" s="166">
        <v>0</v>
      </c>
      <c r="AA2396" s="166">
        <v>0</v>
      </c>
      <c r="AB2396" s="166">
        <v>0</v>
      </c>
      <c r="AC2396" s="166">
        <v>0</v>
      </c>
      <c r="AD2396" s="166">
        <v>0</v>
      </c>
      <c r="AE2396" s="166">
        <v>0</v>
      </c>
      <c r="AF2396" s="166">
        <v>0</v>
      </c>
      <c r="AG2396" s="166">
        <v>0</v>
      </c>
      <c r="AH2396" s="166">
        <v>0</v>
      </c>
      <c r="AI2396" s="166">
        <v>0</v>
      </c>
      <c r="AJ2396" s="166">
        <v>0</v>
      </c>
      <c r="AK2396" s="166">
        <v>0</v>
      </c>
      <c r="AL2396" s="166">
        <v>0</v>
      </c>
      <c r="AM2396" s="166">
        <v>0</v>
      </c>
      <c r="AN2396" s="166">
        <v>0</v>
      </c>
      <c r="AO2396" s="166">
        <v>0</v>
      </c>
      <c r="AP2396" s="166">
        <v>0</v>
      </c>
      <c r="AQ2396" s="166">
        <v>0</v>
      </c>
      <c r="AR2396" s="166">
        <v>0</v>
      </c>
      <c r="AS2396" s="166">
        <v>0</v>
      </c>
      <c r="AT2396" s="166">
        <v>0</v>
      </c>
      <c r="AU2396" s="166">
        <v>0</v>
      </c>
      <c r="AV2396" s="166">
        <v>0</v>
      </c>
      <c r="AW2396" s="166">
        <v>0</v>
      </c>
      <c r="AX2396" s="166">
        <v>0</v>
      </c>
      <c r="AY2396" s="166">
        <v>0</v>
      </c>
      <c r="AZ2396" s="166">
        <v>0</v>
      </c>
      <c r="BA2396" s="166">
        <v>0</v>
      </c>
      <c r="BB2396" s="166">
        <v>0</v>
      </c>
      <c r="BC2396" s="166">
        <v>0</v>
      </c>
      <c r="BD2396" s="166">
        <v>0</v>
      </c>
      <c r="BE2396" s="166">
        <v>0</v>
      </c>
      <c r="BF2396" s="166">
        <v>0</v>
      </c>
      <c r="BG2396" s="166">
        <v>0</v>
      </c>
      <c r="BH2396" s="166">
        <v>0</v>
      </c>
      <c r="BI2396" s="166">
        <v>0</v>
      </c>
      <c r="BJ2396" s="166">
        <v>0</v>
      </c>
      <c r="BK2396" s="166">
        <v>0</v>
      </c>
      <c r="BL2396" s="166">
        <v>0</v>
      </c>
      <c r="BM2396" s="166">
        <v>0</v>
      </c>
      <c r="BN2396" s="166">
        <v>0</v>
      </c>
      <c r="BO2396" s="166">
        <v>0</v>
      </c>
      <c r="BP2396" s="166">
        <v>0</v>
      </c>
      <c r="BQ2396" s="166">
        <v>0</v>
      </c>
      <c r="BR2396" s="166">
        <v>6061.5708978523799</v>
      </c>
      <c r="BS2396" s="166">
        <v>6061.5708978523799</v>
      </c>
      <c r="BT2396" s="168">
        <v>0.97794258413195501</v>
      </c>
      <c r="BU2396" s="166">
        <v>338.79343101914901</v>
      </c>
      <c r="BV2396" s="166">
        <v>5927.8683077448104</v>
      </c>
      <c r="BW2396" s="166">
        <v>0</v>
      </c>
      <c r="BX2396" s="166">
        <v>0</v>
      </c>
      <c r="BY2396" s="166">
        <v>0</v>
      </c>
      <c r="BZ2396" s="166">
        <v>0</v>
      </c>
      <c r="CA2396" s="166">
        <v>0</v>
      </c>
      <c r="CB2396" s="166">
        <v>0</v>
      </c>
      <c r="CC2396" s="166">
        <v>0</v>
      </c>
      <c r="CD2396" s="166">
        <v>0</v>
      </c>
      <c r="CE2396" s="166">
        <v>0</v>
      </c>
      <c r="CF2396" s="166">
        <v>0</v>
      </c>
      <c r="CG2396" s="166">
        <v>0</v>
      </c>
      <c r="CH2396" s="166">
        <v>0</v>
      </c>
      <c r="CI2396" s="166">
        <v>0</v>
      </c>
      <c r="CJ2396" s="166">
        <v>0</v>
      </c>
      <c r="CK2396" s="166">
        <v>0</v>
      </c>
      <c r="CL2396" s="166">
        <v>0</v>
      </c>
      <c r="CM2396" s="166">
        <v>0</v>
      </c>
      <c r="CN2396" s="166">
        <v>0</v>
      </c>
      <c r="CO2396" s="166">
        <v>0</v>
      </c>
      <c r="CP2396" s="166">
        <v>0</v>
      </c>
      <c r="CQ2396" s="166">
        <v>0</v>
      </c>
      <c r="CR2396" s="166">
        <v>0</v>
      </c>
      <c r="CS2396" s="166">
        <v>0</v>
      </c>
      <c r="CT2396" s="166">
        <v>0</v>
      </c>
      <c r="CU2396" s="166">
        <v>0</v>
      </c>
      <c r="CV2396" s="166">
        <v>0</v>
      </c>
      <c r="CW2396" s="166">
        <v>0</v>
      </c>
      <c r="CX2396" s="166">
        <v>0</v>
      </c>
      <c r="CY2396" s="166">
        <v>5927.8683077448104</v>
      </c>
      <c r="CZ2396" s="166">
        <v>5927.8683077448104</v>
      </c>
    </row>
    <row r="2397" spans="1:104" x14ac:dyDescent="0.2">
      <c r="A2397" s="167" t="s">
        <v>245</v>
      </c>
      <c r="B2397" s="166">
        <v>19390.9348188074</v>
      </c>
      <c r="C2397" s="166">
        <v>19390.9348188074</v>
      </c>
      <c r="D2397" s="166">
        <v>0</v>
      </c>
      <c r="E2397" s="166">
        <v>0</v>
      </c>
      <c r="F2397" s="166">
        <v>0</v>
      </c>
      <c r="G2397" s="166">
        <v>0</v>
      </c>
      <c r="H2397" s="166">
        <v>0</v>
      </c>
      <c r="I2397" s="166">
        <v>0</v>
      </c>
      <c r="J2397" s="166">
        <v>0</v>
      </c>
      <c r="K2397" s="166">
        <v>0</v>
      </c>
      <c r="L2397" s="166">
        <v>0</v>
      </c>
      <c r="M2397" s="166">
        <v>0</v>
      </c>
      <c r="N2397" s="166">
        <v>0</v>
      </c>
      <c r="O2397" s="166">
        <v>0</v>
      </c>
      <c r="P2397" s="166">
        <v>0</v>
      </c>
      <c r="Q2397" s="166">
        <v>0</v>
      </c>
      <c r="R2397" s="166">
        <v>0</v>
      </c>
      <c r="S2397" s="166">
        <v>0</v>
      </c>
      <c r="T2397" s="166">
        <v>0</v>
      </c>
      <c r="U2397" s="166">
        <v>0</v>
      </c>
      <c r="V2397" s="166">
        <v>0</v>
      </c>
      <c r="W2397" s="166">
        <v>0</v>
      </c>
      <c r="X2397" s="166">
        <v>0</v>
      </c>
      <c r="Y2397" s="166">
        <v>0</v>
      </c>
      <c r="Z2397" s="166">
        <v>0</v>
      </c>
      <c r="AA2397" s="166">
        <v>0</v>
      </c>
      <c r="AB2397" s="166">
        <v>0</v>
      </c>
      <c r="AC2397" s="166">
        <v>0</v>
      </c>
      <c r="AD2397" s="166">
        <v>0</v>
      </c>
      <c r="AE2397" s="166">
        <v>0</v>
      </c>
      <c r="AF2397" s="166">
        <v>0</v>
      </c>
      <c r="AG2397" s="166">
        <v>0</v>
      </c>
      <c r="AH2397" s="166">
        <v>0</v>
      </c>
      <c r="AI2397" s="166">
        <v>0</v>
      </c>
      <c r="AJ2397" s="166">
        <v>0</v>
      </c>
      <c r="AK2397" s="166">
        <v>0</v>
      </c>
      <c r="AL2397" s="166">
        <v>0</v>
      </c>
      <c r="AM2397" s="166">
        <v>0</v>
      </c>
      <c r="AN2397" s="166">
        <v>0</v>
      </c>
      <c r="AO2397" s="166">
        <v>0</v>
      </c>
      <c r="AP2397" s="166">
        <v>0</v>
      </c>
      <c r="AQ2397" s="166">
        <v>0</v>
      </c>
      <c r="AR2397" s="166">
        <v>0</v>
      </c>
      <c r="AS2397" s="166">
        <v>0</v>
      </c>
      <c r="AT2397" s="166">
        <v>0</v>
      </c>
      <c r="AU2397" s="166">
        <v>0</v>
      </c>
      <c r="AV2397" s="166">
        <v>0</v>
      </c>
      <c r="AW2397" s="166">
        <v>0</v>
      </c>
      <c r="AX2397" s="166">
        <v>0</v>
      </c>
      <c r="AY2397" s="166">
        <v>0</v>
      </c>
      <c r="AZ2397" s="166">
        <v>0</v>
      </c>
      <c r="BA2397" s="166">
        <v>0</v>
      </c>
      <c r="BB2397" s="166">
        <v>0</v>
      </c>
      <c r="BC2397" s="166">
        <v>0</v>
      </c>
      <c r="BD2397" s="166">
        <v>0</v>
      </c>
      <c r="BE2397" s="166">
        <v>0</v>
      </c>
      <c r="BF2397" s="166">
        <v>0</v>
      </c>
      <c r="BG2397" s="166">
        <v>0</v>
      </c>
      <c r="BH2397" s="166">
        <v>0</v>
      </c>
      <c r="BI2397" s="166">
        <v>0</v>
      </c>
      <c r="BJ2397" s="166">
        <v>0</v>
      </c>
      <c r="BK2397" s="166">
        <v>0</v>
      </c>
      <c r="BL2397" s="166">
        <v>0</v>
      </c>
      <c r="BM2397" s="166">
        <v>0</v>
      </c>
      <c r="BN2397" s="166">
        <v>0</v>
      </c>
      <c r="BO2397" s="166">
        <v>0</v>
      </c>
      <c r="BP2397" s="166">
        <v>0</v>
      </c>
      <c r="BQ2397" s="166">
        <v>0</v>
      </c>
      <c r="BR2397" s="166">
        <v>19390.9348188074</v>
      </c>
      <c r="BS2397" s="166">
        <v>19390.9348188074</v>
      </c>
      <c r="BT2397" s="168">
        <v>0.99999812279077205</v>
      </c>
      <c r="BU2397" s="166">
        <v>1108.24138872708</v>
      </c>
      <c r="BV2397" s="166">
        <v>19390.8984179656</v>
      </c>
      <c r="BW2397" s="166">
        <v>0</v>
      </c>
      <c r="BX2397" s="166">
        <v>0</v>
      </c>
      <c r="BY2397" s="166">
        <v>0</v>
      </c>
      <c r="BZ2397" s="166">
        <v>0</v>
      </c>
      <c r="CA2397" s="166">
        <v>0</v>
      </c>
      <c r="CB2397" s="166">
        <v>0</v>
      </c>
      <c r="CC2397" s="166">
        <v>0</v>
      </c>
      <c r="CD2397" s="166">
        <v>0</v>
      </c>
      <c r="CE2397" s="166">
        <v>0</v>
      </c>
      <c r="CF2397" s="166">
        <v>0</v>
      </c>
      <c r="CG2397" s="166">
        <v>0</v>
      </c>
      <c r="CH2397" s="166">
        <v>0</v>
      </c>
      <c r="CI2397" s="166">
        <v>0</v>
      </c>
      <c r="CJ2397" s="166">
        <v>0</v>
      </c>
      <c r="CK2397" s="166">
        <v>0</v>
      </c>
      <c r="CL2397" s="166">
        <v>0</v>
      </c>
      <c r="CM2397" s="166">
        <v>0</v>
      </c>
      <c r="CN2397" s="166">
        <v>0</v>
      </c>
      <c r="CO2397" s="166">
        <v>0</v>
      </c>
      <c r="CP2397" s="166">
        <v>0</v>
      </c>
      <c r="CQ2397" s="166">
        <v>0</v>
      </c>
      <c r="CR2397" s="166">
        <v>0</v>
      </c>
      <c r="CS2397" s="166">
        <v>0</v>
      </c>
      <c r="CT2397" s="166">
        <v>0</v>
      </c>
      <c r="CU2397" s="166">
        <v>0</v>
      </c>
      <c r="CV2397" s="166">
        <v>0</v>
      </c>
      <c r="CW2397" s="166">
        <v>0</v>
      </c>
      <c r="CX2397" s="166">
        <v>0</v>
      </c>
      <c r="CY2397" s="166">
        <v>19390.8984179656</v>
      </c>
      <c r="CZ2397" s="166">
        <v>19390.8984179656</v>
      </c>
    </row>
    <row r="2398" spans="1:104" x14ac:dyDescent="0.2">
      <c r="A2398" s="167" t="s">
        <v>246</v>
      </c>
      <c r="B2398" s="166">
        <v>15223.0557872424</v>
      </c>
      <c r="C2398" s="166">
        <v>15223.0557872424</v>
      </c>
      <c r="D2398" s="166">
        <v>0</v>
      </c>
      <c r="E2398" s="166">
        <v>0</v>
      </c>
      <c r="F2398" s="166">
        <v>0</v>
      </c>
      <c r="G2398" s="166">
        <v>0</v>
      </c>
      <c r="H2398" s="166">
        <v>0</v>
      </c>
      <c r="I2398" s="166">
        <v>0</v>
      </c>
      <c r="J2398" s="166">
        <v>0</v>
      </c>
      <c r="K2398" s="166">
        <v>0</v>
      </c>
      <c r="L2398" s="166">
        <v>0</v>
      </c>
      <c r="M2398" s="166">
        <v>0</v>
      </c>
      <c r="N2398" s="166">
        <v>0</v>
      </c>
      <c r="O2398" s="166">
        <v>0</v>
      </c>
      <c r="P2398" s="166">
        <v>0</v>
      </c>
      <c r="Q2398" s="166">
        <v>0</v>
      </c>
      <c r="R2398" s="166">
        <v>0</v>
      </c>
      <c r="S2398" s="166">
        <v>0</v>
      </c>
      <c r="T2398" s="166">
        <v>0</v>
      </c>
      <c r="U2398" s="166">
        <v>0</v>
      </c>
      <c r="V2398" s="166">
        <v>0</v>
      </c>
      <c r="W2398" s="166">
        <v>0</v>
      </c>
      <c r="X2398" s="166">
        <v>0</v>
      </c>
      <c r="Y2398" s="166">
        <v>0</v>
      </c>
      <c r="Z2398" s="166">
        <v>0</v>
      </c>
      <c r="AA2398" s="166">
        <v>0</v>
      </c>
      <c r="AB2398" s="166">
        <v>0</v>
      </c>
      <c r="AC2398" s="166">
        <v>0</v>
      </c>
      <c r="AD2398" s="166">
        <v>0</v>
      </c>
      <c r="AE2398" s="166">
        <v>0</v>
      </c>
      <c r="AF2398" s="166">
        <v>0</v>
      </c>
      <c r="AG2398" s="166">
        <v>0</v>
      </c>
      <c r="AH2398" s="166">
        <v>0</v>
      </c>
      <c r="AI2398" s="166">
        <v>0</v>
      </c>
      <c r="AJ2398" s="166">
        <v>0</v>
      </c>
      <c r="AK2398" s="166">
        <v>0</v>
      </c>
      <c r="AL2398" s="166">
        <v>0</v>
      </c>
      <c r="AM2398" s="166">
        <v>0</v>
      </c>
      <c r="AN2398" s="166">
        <v>0</v>
      </c>
      <c r="AO2398" s="166">
        <v>0</v>
      </c>
      <c r="AP2398" s="166">
        <v>0</v>
      </c>
      <c r="AQ2398" s="166">
        <v>0</v>
      </c>
      <c r="AR2398" s="166">
        <v>0</v>
      </c>
      <c r="AS2398" s="166">
        <v>0</v>
      </c>
      <c r="AT2398" s="166">
        <v>0</v>
      </c>
      <c r="AU2398" s="166">
        <v>0</v>
      </c>
      <c r="AV2398" s="166">
        <v>0</v>
      </c>
      <c r="AW2398" s="166">
        <v>0</v>
      </c>
      <c r="AX2398" s="166">
        <v>0</v>
      </c>
      <c r="AY2398" s="166">
        <v>0</v>
      </c>
      <c r="AZ2398" s="166">
        <v>0</v>
      </c>
      <c r="BA2398" s="166">
        <v>0</v>
      </c>
      <c r="BB2398" s="166">
        <v>0</v>
      </c>
      <c r="BC2398" s="166">
        <v>0</v>
      </c>
      <c r="BD2398" s="166">
        <v>0</v>
      </c>
      <c r="BE2398" s="166">
        <v>0</v>
      </c>
      <c r="BF2398" s="166">
        <v>0</v>
      </c>
      <c r="BG2398" s="166">
        <v>0</v>
      </c>
      <c r="BH2398" s="166">
        <v>0</v>
      </c>
      <c r="BI2398" s="166">
        <v>0</v>
      </c>
      <c r="BJ2398" s="166">
        <v>0</v>
      </c>
      <c r="BK2398" s="166">
        <v>0</v>
      </c>
      <c r="BL2398" s="166">
        <v>0</v>
      </c>
      <c r="BM2398" s="166">
        <v>0</v>
      </c>
      <c r="BN2398" s="166">
        <v>0</v>
      </c>
      <c r="BO2398" s="166">
        <v>0</v>
      </c>
      <c r="BP2398" s="166">
        <v>0</v>
      </c>
      <c r="BQ2398" s="166">
        <v>0</v>
      </c>
      <c r="BR2398" s="166">
        <v>15223.0557872424</v>
      </c>
      <c r="BS2398" s="166">
        <v>15223.0557872424</v>
      </c>
      <c r="BT2398" s="166">
        <v>1000</v>
      </c>
      <c r="BU2398" s="166">
        <v>870.03810358227497</v>
      </c>
      <c r="BV2398" s="166">
        <v>15223.0557872424</v>
      </c>
      <c r="BW2398" s="166">
        <v>0</v>
      </c>
      <c r="BX2398" s="166">
        <v>0</v>
      </c>
      <c r="BY2398" s="166">
        <v>0</v>
      </c>
      <c r="BZ2398" s="166">
        <v>0</v>
      </c>
      <c r="CA2398" s="166">
        <v>0</v>
      </c>
      <c r="CB2398" s="166">
        <v>0</v>
      </c>
      <c r="CC2398" s="166">
        <v>0</v>
      </c>
      <c r="CD2398" s="166">
        <v>0</v>
      </c>
      <c r="CE2398" s="166">
        <v>0</v>
      </c>
      <c r="CF2398" s="166">
        <v>0</v>
      </c>
      <c r="CG2398" s="166">
        <v>0</v>
      </c>
      <c r="CH2398" s="166">
        <v>0</v>
      </c>
      <c r="CI2398" s="166">
        <v>0</v>
      </c>
      <c r="CJ2398" s="166">
        <v>0</v>
      </c>
      <c r="CK2398" s="166">
        <v>0</v>
      </c>
      <c r="CL2398" s="166">
        <v>0</v>
      </c>
      <c r="CM2398" s="166">
        <v>0</v>
      </c>
      <c r="CN2398" s="166">
        <v>0</v>
      </c>
      <c r="CO2398" s="166">
        <v>0</v>
      </c>
      <c r="CP2398" s="166">
        <v>0</v>
      </c>
      <c r="CQ2398" s="166">
        <v>0</v>
      </c>
      <c r="CR2398" s="166">
        <v>0</v>
      </c>
      <c r="CS2398" s="166">
        <v>0</v>
      </c>
      <c r="CT2398" s="166">
        <v>0</v>
      </c>
      <c r="CU2398" s="166">
        <v>0</v>
      </c>
      <c r="CV2398" s="166">
        <v>0</v>
      </c>
      <c r="CW2398" s="166">
        <v>0</v>
      </c>
      <c r="CX2398" s="166">
        <v>0</v>
      </c>
      <c r="CY2398" s="166">
        <v>15223.0557872424</v>
      </c>
      <c r="CZ2398" s="166">
        <v>15223.0557872424</v>
      </c>
    </row>
    <row r="2399" spans="1:104" x14ac:dyDescent="0.2">
      <c r="A2399" s="167" t="s">
        <v>1092</v>
      </c>
      <c r="B2399" s="166">
        <v>2476994.4521121699</v>
      </c>
      <c r="C2399" s="166">
        <v>2476994.4521121699</v>
      </c>
      <c r="D2399" s="166">
        <v>0</v>
      </c>
      <c r="E2399" s="166">
        <v>0</v>
      </c>
      <c r="F2399" s="166">
        <v>0</v>
      </c>
      <c r="G2399" s="166">
        <v>0</v>
      </c>
      <c r="H2399" s="166">
        <v>0</v>
      </c>
      <c r="I2399" s="166">
        <v>0</v>
      </c>
      <c r="J2399" s="166">
        <v>0</v>
      </c>
      <c r="K2399" s="166">
        <v>0</v>
      </c>
      <c r="L2399" s="166">
        <v>0</v>
      </c>
      <c r="M2399" s="166">
        <v>0</v>
      </c>
      <c r="N2399" s="166">
        <v>0</v>
      </c>
      <c r="O2399" s="166">
        <v>0</v>
      </c>
      <c r="P2399" s="166">
        <v>0</v>
      </c>
      <c r="Q2399" s="166">
        <v>0</v>
      </c>
      <c r="R2399" s="166">
        <v>0</v>
      </c>
      <c r="S2399" s="166">
        <v>0</v>
      </c>
      <c r="T2399" s="166">
        <v>0</v>
      </c>
      <c r="U2399" s="166">
        <v>0</v>
      </c>
      <c r="V2399" s="166">
        <v>0</v>
      </c>
      <c r="W2399" s="166">
        <v>0</v>
      </c>
      <c r="X2399" s="166">
        <v>0</v>
      </c>
      <c r="Y2399" s="166">
        <v>0</v>
      </c>
      <c r="Z2399" s="166">
        <v>0</v>
      </c>
      <c r="AA2399" s="166">
        <v>0</v>
      </c>
      <c r="AB2399" s="166">
        <v>0</v>
      </c>
      <c r="AC2399" s="166">
        <v>0</v>
      </c>
      <c r="AD2399" s="166">
        <v>0</v>
      </c>
      <c r="AE2399" s="166">
        <v>0</v>
      </c>
      <c r="AF2399" s="166">
        <v>0</v>
      </c>
      <c r="AG2399" s="166">
        <v>0</v>
      </c>
      <c r="AH2399" s="166">
        <v>0</v>
      </c>
      <c r="AI2399" s="166">
        <v>0</v>
      </c>
      <c r="AJ2399" s="166">
        <v>0</v>
      </c>
      <c r="AK2399" s="166">
        <v>0</v>
      </c>
      <c r="AL2399" s="166">
        <v>0</v>
      </c>
      <c r="AM2399" s="166">
        <v>0</v>
      </c>
      <c r="AN2399" s="166">
        <v>0</v>
      </c>
      <c r="AO2399" s="166">
        <v>0</v>
      </c>
      <c r="AP2399" s="166">
        <v>0</v>
      </c>
      <c r="AQ2399" s="166">
        <v>0</v>
      </c>
      <c r="AR2399" s="166">
        <v>0</v>
      </c>
      <c r="AS2399" s="166">
        <v>0</v>
      </c>
      <c r="AT2399" s="166">
        <v>0</v>
      </c>
      <c r="AU2399" s="166">
        <v>0</v>
      </c>
      <c r="AV2399" s="166">
        <v>0</v>
      </c>
      <c r="AW2399" s="166">
        <v>0</v>
      </c>
      <c r="AX2399" s="166">
        <v>0</v>
      </c>
      <c r="AY2399" s="166">
        <v>0</v>
      </c>
      <c r="AZ2399" s="166">
        <v>0</v>
      </c>
      <c r="BA2399" s="166">
        <v>0</v>
      </c>
      <c r="BB2399" s="166">
        <v>0</v>
      </c>
      <c r="BC2399" s="166">
        <v>0</v>
      </c>
      <c r="BD2399" s="166">
        <v>0</v>
      </c>
      <c r="BE2399" s="166">
        <v>0</v>
      </c>
      <c r="BF2399" s="166">
        <v>0</v>
      </c>
      <c r="BG2399" s="166">
        <v>0</v>
      </c>
      <c r="BH2399" s="166">
        <v>0</v>
      </c>
      <c r="BI2399" s="166">
        <v>0</v>
      </c>
      <c r="BJ2399" s="166">
        <v>0</v>
      </c>
      <c r="BK2399" s="166">
        <v>0</v>
      </c>
      <c r="BL2399" s="166">
        <v>0</v>
      </c>
      <c r="BM2399" s="166">
        <v>0</v>
      </c>
      <c r="BN2399" s="166">
        <v>0</v>
      </c>
      <c r="BO2399" s="166">
        <v>0</v>
      </c>
      <c r="BP2399" s="166">
        <v>0</v>
      </c>
      <c r="BQ2399" s="166">
        <v>0</v>
      </c>
      <c r="BR2399" s="166">
        <v>2476994.4521121699</v>
      </c>
      <c r="BS2399" s="166">
        <v>2476994.4521121699</v>
      </c>
      <c r="BT2399" s="168">
        <v>0.70788236107156799</v>
      </c>
      <c r="BU2399" s="166">
        <v>103044.422609078</v>
      </c>
      <c r="BV2399" s="166">
        <v>1753420.68112234</v>
      </c>
      <c r="BW2399" s="166">
        <v>0</v>
      </c>
      <c r="BX2399" s="166">
        <v>0</v>
      </c>
      <c r="BY2399" s="166">
        <v>0</v>
      </c>
      <c r="BZ2399" s="166">
        <v>0</v>
      </c>
      <c r="CA2399" s="166">
        <v>0</v>
      </c>
      <c r="CB2399" s="166">
        <v>0</v>
      </c>
      <c r="CC2399" s="166">
        <v>0</v>
      </c>
      <c r="CD2399" s="166">
        <v>0</v>
      </c>
      <c r="CE2399" s="166">
        <v>0</v>
      </c>
      <c r="CF2399" s="166">
        <v>0</v>
      </c>
      <c r="CG2399" s="166">
        <v>0</v>
      </c>
      <c r="CH2399" s="166">
        <v>0</v>
      </c>
      <c r="CI2399" s="166">
        <v>0</v>
      </c>
      <c r="CJ2399" s="166">
        <v>0</v>
      </c>
      <c r="CK2399" s="166">
        <v>0</v>
      </c>
      <c r="CL2399" s="166">
        <v>0</v>
      </c>
      <c r="CM2399" s="166">
        <v>0</v>
      </c>
      <c r="CN2399" s="166">
        <v>0</v>
      </c>
      <c r="CO2399" s="166">
        <v>0</v>
      </c>
      <c r="CP2399" s="166">
        <v>0</v>
      </c>
      <c r="CQ2399" s="166">
        <v>0</v>
      </c>
      <c r="CR2399" s="166">
        <v>0</v>
      </c>
      <c r="CS2399" s="166">
        <v>0</v>
      </c>
      <c r="CT2399" s="166">
        <v>0</v>
      </c>
      <c r="CU2399" s="166">
        <v>0</v>
      </c>
      <c r="CV2399" s="166">
        <v>0</v>
      </c>
      <c r="CW2399" s="166">
        <v>0</v>
      </c>
      <c r="CX2399" s="166">
        <v>0</v>
      </c>
      <c r="CY2399" s="166">
        <v>1753420.68112234</v>
      </c>
      <c r="CZ2399" s="166">
        <v>1753420.68112234</v>
      </c>
    </row>
    <row r="2400" spans="1:104" x14ac:dyDescent="0.2">
      <c r="A2400" s="167" t="s">
        <v>1093</v>
      </c>
      <c r="B2400" s="166">
        <v>2545087.23</v>
      </c>
      <c r="C2400" s="166">
        <v>2545087.23</v>
      </c>
      <c r="D2400" s="166">
        <v>0</v>
      </c>
      <c r="E2400" s="166">
        <v>0</v>
      </c>
      <c r="F2400" s="166">
        <v>0</v>
      </c>
      <c r="G2400" s="166">
        <v>0</v>
      </c>
      <c r="H2400" s="166">
        <v>0</v>
      </c>
      <c r="I2400" s="166">
        <v>0</v>
      </c>
      <c r="J2400" s="166">
        <v>0</v>
      </c>
      <c r="K2400" s="166">
        <v>0</v>
      </c>
      <c r="L2400" s="166">
        <v>0</v>
      </c>
      <c r="M2400" s="166">
        <v>0</v>
      </c>
      <c r="N2400" s="166">
        <v>0</v>
      </c>
      <c r="O2400" s="166">
        <v>0</v>
      </c>
      <c r="P2400" s="166">
        <v>0</v>
      </c>
      <c r="Q2400" s="166">
        <v>0</v>
      </c>
      <c r="R2400" s="166">
        <v>0</v>
      </c>
      <c r="S2400" s="166">
        <v>0</v>
      </c>
      <c r="T2400" s="166">
        <v>0</v>
      </c>
      <c r="U2400" s="166">
        <v>0</v>
      </c>
      <c r="V2400" s="166">
        <v>0</v>
      </c>
      <c r="W2400" s="166">
        <v>0</v>
      </c>
      <c r="X2400" s="166">
        <v>0</v>
      </c>
      <c r="Y2400" s="166">
        <v>0</v>
      </c>
      <c r="Z2400" s="166">
        <v>0</v>
      </c>
      <c r="AA2400" s="166">
        <v>0</v>
      </c>
      <c r="AB2400" s="166">
        <v>0</v>
      </c>
      <c r="AC2400" s="166">
        <v>0</v>
      </c>
      <c r="AD2400" s="166">
        <v>0</v>
      </c>
      <c r="AE2400" s="166">
        <v>0</v>
      </c>
      <c r="AF2400" s="166">
        <v>0</v>
      </c>
      <c r="AG2400" s="166">
        <v>0</v>
      </c>
      <c r="AH2400" s="166">
        <v>0</v>
      </c>
      <c r="AI2400" s="166">
        <v>0</v>
      </c>
      <c r="AJ2400" s="166">
        <v>0</v>
      </c>
      <c r="AK2400" s="166">
        <v>0</v>
      </c>
      <c r="AL2400" s="166">
        <v>0</v>
      </c>
      <c r="AM2400" s="166">
        <v>0</v>
      </c>
      <c r="AN2400" s="166">
        <v>0</v>
      </c>
      <c r="AO2400" s="166">
        <v>0</v>
      </c>
      <c r="AP2400" s="166">
        <v>0</v>
      </c>
      <c r="AQ2400" s="166">
        <v>0</v>
      </c>
      <c r="AR2400" s="166">
        <v>0</v>
      </c>
      <c r="AS2400" s="166">
        <v>0</v>
      </c>
      <c r="AT2400" s="166">
        <v>0</v>
      </c>
      <c r="AU2400" s="166">
        <v>0</v>
      </c>
      <c r="AV2400" s="166">
        <v>0</v>
      </c>
      <c r="AW2400" s="166">
        <v>0</v>
      </c>
      <c r="AX2400" s="166">
        <v>0</v>
      </c>
      <c r="AY2400" s="166">
        <v>0</v>
      </c>
      <c r="AZ2400" s="166">
        <v>0</v>
      </c>
      <c r="BA2400" s="166">
        <v>0</v>
      </c>
      <c r="BB2400" s="166">
        <v>0</v>
      </c>
      <c r="BC2400" s="166">
        <v>0</v>
      </c>
      <c r="BD2400" s="166">
        <v>0</v>
      </c>
      <c r="BE2400" s="166">
        <v>0</v>
      </c>
      <c r="BF2400" s="166">
        <v>0</v>
      </c>
      <c r="BG2400" s="166">
        <v>0</v>
      </c>
      <c r="BH2400" s="166">
        <v>0</v>
      </c>
      <c r="BI2400" s="166">
        <v>0</v>
      </c>
      <c r="BJ2400" s="166">
        <v>0</v>
      </c>
      <c r="BK2400" s="166">
        <v>0</v>
      </c>
      <c r="BL2400" s="166">
        <v>0</v>
      </c>
      <c r="BM2400" s="166">
        <v>0</v>
      </c>
      <c r="BN2400" s="166">
        <v>0</v>
      </c>
      <c r="BO2400" s="166">
        <v>0</v>
      </c>
      <c r="BP2400" s="166">
        <v>0</v>
      </c>
      <c r="BQ2400" s="166">
        <v>0</v>
      </c>
      <c r="BR2400" s="166">
        <v>2545087.23</v>
      </c>
      <c r="BS2400" s="166">
        <v>2545087.23</v>
      </c>
      <c r="BT2400" s="168">
        <v>0</v>
      </c>
      <c r="BU2400" s="166">
        <v>106926.13284782101</v>
      </c>
      <c r="BV2400" s="166">
        <v>1821338.9611045599</v>
      </c>
      <c r="BW2400" s="166">
        <v>0</v>
      </c>
      <c r="BX2400" s="166">
        <v>0</v>
      </c>
      <c r="BY2400" s="166">
        <v>0</v>
      </c>
      <c r="BZ2400" s="166">
        <v>0</v>
      </c>
      <c r="CA2400" s="166">
        <v>0</v>
      </c>
      <c r="CB2400" s="166">
        <v>0</v>
      </c>
      <c r="CC2400" s="166">
        <v>0</v>
      </c>
      <c r="CD2400" s="166">
        <v>0</v>
      </c>
      <c r="CE2400" s="166">
        <v>0</v>
      </c>
      <c r="CF2400" s="166">
        <v>0</v>
      </c>
      <c r="CG2400" s="166">
        <v>0</v>
      </c>
      <c r="CH2400" s="166">
        <v>0</v>
      </c>
      <c r="CI2400" s="166">
        <v>0</v>
      </c>
      <c r="CJ2400" s="166">
        <v>0</v>
      </c>
      <c r="CK2400" s="166">
        <v>0</v>
      </c>
      <c r="CL2400" s="166">
        <v>0</v>
      </c>
      <c r="CM2400" s="166">
        <v>0</v>
      </c>
      <c r="CN2400" s="166">
        <v>0</v>
      </c>
      <c r="CO2400" s="166">
        <v>0</v>
      </c>
      <c r="CP2400" s="166">
        <v>0</v>
      </c>
      <c r="CQ2400" s="166">
        <v>0</v>
      </c>
      <c r="CR2400" s="166">
        <v>0</v>
      </c>
      <c r="CS2400" s="166">
        <v>0</v>
      </c>
      <c r="CT2400" s="166">
        <v>0</v>
      </c>
      <c r="CU2400" s="166">
        <v>0</v>
      </c>
      <c r="CV2400" s="166">
        <v>0</v>
      </c>
      <c r="CW2400" s="166">
        <v>0</v>
      </c>
      <c r="CX2400" s="166">
        <v>0</v>
      </c>
      <c r="CY2400" s="166">
        <v>1821338.9611045599</v>
      </c>
      <c r="CZ2400" s="166">
        <v>1821338.9611045599</v>
      </c>
    </row>
    <row r="2401" spans="1:104" x14ac:dyDescent="0.2">
      <c r="A2401" s="167" t="s">
        <v>249</v>
      </c>
    </row>
    <row r="2402" spans="1:104" x14ac:dyDescent="0.2">
      <c r="A2402" s="167" t="s">
        <v>1094</v>
      </c>
      <c r="B2402" s="166">
        <v>61362.855616828703</v>
      </c>
      <c r="C2402" s="166">
        <v>61362.855616828703</v>
      </c>
      <c r="D2402" s="166">
        <v>0</v>
      </c>
      <c r="E2402" s="166">
        <v>0</v>
      </c>
      <c r="F2402" s="166">
        <v>0</v>
      </c>
      <c r="G2402" s="166">
        <v>0</v>
      </c>
      <c r="H2402" s="166">
        <v>0</v>
      </c>
      <c r="I2402" s="166">
        <v>0</v>
      </c>
      <c r="J2402" s="166">
        <v>0</v>
      </c>
      <c r="K2402" s="166">
        <v>0</v>
      </c>
      <c r="L2402" s="166">
        <v>0</v>
      </c>
      <c r="M2402" s="166">
        <v>0</v>
      </c>
      <c r="N2402" s="166">
        <v>0</v>
      </c>
      <c r="O2402" s="166">
        <v>0</v>
      </c>
      <c r="P2402" s="166">
        <v>0</v>
      </c>
      <c r="Q2402" s="166">
        <v>0</v>
      </c>
      <c r="R2402" s="166">
        <v>0</v>
      </c>
      <c r="S2402" s="166">
        <v>0</v>
      </c>
      <c r="T2402" s="166">
        <v>0</v>
      </c>
      <c r="U2402" s="166">
        <v>0</v>
      </c>
      <c r="V2402" s="166">
        <v>0</v>
      </c>
      <c r="W2402" s="166">
        <v>0</v>
      </c>
      <c r="X2402" s="166">
        <v>0</v>
      </c>
      <c r="Y2402" s="166">
        <v>0</v>
      </c>
      <c r="Z2402" s="166">
        <v>0</v>
      </c>
      <c r="AA2402" s="166">
        <v>0</v>
      </c>
      <c r="AB2402" s="166">
        <v>0</v>
      </c>
      <c r="AC2402" s="166">
        <v>0</v>
      </c>
      <c r="AD2402" s="166">
        <v>0</v>
      </c>
      <c r="AE2402" s="166">
        <v>0</v>
      </c>
      <c r="AF2402" s="166">
        <v>0</v>
      </c>
      <c r="AG2402" s="166">
        <v>0</v>
      </c>
      <c r="AH2402" s="166">
        <v>0</v>
      </c>
      <c r="AI2402" s="166">
        <v>0</v>
      </c>
      <c r="AJ2402" s="166">
        <v>0</v>
      </c>
      <c r="AK2402" s="166">
        <v>0</v>
      </c>
      <c r="AL2402" s="166">
        <v>0</v>
      </c>
      <c r="AM2402" s="166">
        <v>0</v>
      </c>
      <c r="AN2402" s="166">
        <v>0</v>
      </c>
      <c r="AO2402" s="166">
        <v>0</v>
      </c>
      <c r="AP2402" s="166">
        <v>0</v>
      </c>
      <c r="AQ2402" s="166">
        <v>0</v>
      </c>
      <c r="AR2402" s="166">
        <v>0</v>
      </c>
      <c r="AS2402" s="166">
        <v>0</v>
      </c>
      <c r="AT2402" s="166">
        <v>0</v>
      </c>
      <c r="AU2402" s="166">
        <v>0</v>
      </c>
      <c r="AV2402" s="166">
        <v>0</v>
      </c>
      <c r="AW2402" s="166">
        <v>0</v>
      </c>
      <c r="AX2402" s="166">
        <v>0</v>
      </c>
      <c r="AY2402" s="166">
        <v>0</v>
      </c>
      <c r="AZ2402" s="166">
        <v>0</v>
      </c>
      <c r="BA2402" s="166">
        <v>0</v>
      </c>
      <c r="BB2402" s="166">
        <v>0</v>
      </c>
      <c r="BC2402" s="166">
        <v>0</v>
      </c>
      <c r="BD2402" s="166">
        <v>0</v>
      </c>
      <c r="BE2402" s="166">
        <v>0</v>
      </c>
      <c r="BF2402" s="166">
        <v>0</v>
      </c>
      <c r="BG2402" s="166">
        <v>0</v>
      </c>
      <c r="BH2402" s="166">
        <v>0</v>
      </c>
      <c r="BI2402" s="166">
        <v>0</v>
      </c>
      <c r="BJ2402" s="166">
        <v>0</v>
      </c>
      <c r="BK2402" s="166">
        <v>0</v>
      </c>
      <c r="BL2402" s="166">
        <v>0</v>
      </c>
      <c r="BM2402" s="166">
        <v>0</v>
      </c>
      <c r="BN2402" s="166">
        <v>0</v>
      </c>
      <c r="BO2402" s="166">
        <v>0</v>
      </c>
      <c r="BP2402" s="166">
        <v>0</v>
      </c>
      <c r="BQ2402" s="166">
        <v>0</v>
      </c>
      <c r="BR2402" s="166">
        <v>61362.855616828703</v>
      </c>
      <c r="BS2402" s="166">
        <v>61362.855616828703</v>
      </c>
      <c r="BT2402" s="168">
        <v>0.99999812279077205</v>
      </c>
      <c r="BU2402" s="166">
        <v>1953.3090649549999</v>
      </c>
      <c r="BV2402" s="166">
        <v>61362.740425909898</v>
      </c>
      <c r="BW2402" s="166">
        <v>0</v>
      </c>
      <c r="BX2402" s="166">
        <v>0</v>
      </c>
      <c r="BY2402" s="166">
        <v>0</v>
      </c>
      <c r="BZ2402" s="166">
        <v>0</v>
      </c>
      <c r="CA2402" s="166">
        <v>0</v>
      </c>
      <c r="CB2402" s="166">
        <v>0</v>
      </c>
      <c r="CC2402" s="166">
        <v>0</v>
      </c>
      <c r="CD2402" s="166">
        <v>0</v>
      </c>
      <c r="CE2402" s="166">
        <v>0</v>
      </c>
      <c r="CF2402" s="166">
        <v>0</v>
      </c>
      <c r="CG2402" s="166">
        <v>0</v>
      </c>
      <c r="CH2402" s="166">
        <v>0</v>
      </c>
      <c r="CI2402" s="166">
        <v>0</v>
      </c>
      <c r="CJ2402" s="166">
        <v>0</v>
      </c>
      <c r="CK2402" s="166">
        <v>0</v>
      </c>
      <c r="CL2402" s="166">
        <v>0</v>
      </c>
      <c r="CM2402" s="166">
        <v>0</v>
      </c>
      <c r="CN2402" s="166">
        <v>0</v>
      </c>
      <c r="CO2402" s="166">
        <v>0</v>
      </c>
      <c r="CP2402" s="166">
        <v>0</v>
      </c>
      <c r="CQ2402" s="166">
        <v>0</v>
      </c>
      <c r="CR2402" s="166">
        <v>0</v>
      </c>
      <c r="CS2402" s="166">
        <v>0</v>
      </c>
      <c r="CT2402" s="166">
        <v>0</v>
      </c>
      <c r="CU2402" s="166">
        <v>0</v>
      </c>
      <c r="CV2402" s="166">
        <v>0</v>
      </c>
      <c r="CW2402" s="166">
        <v>0</v>
      </c>
      <c r="CX2402" s="166">
        <v>0</v>
      </c>
      <c r="CY2402" s="166">
        <v>61362.740425909898</v>
      </c>
      <c r="CZ2402" s="166">
        <v>61362.740425909898</v>
      </c>
    </row>
    <row r="2403" spans="1:104" x14ac:dyDescent="0.2">
      <c r="A2403" s="167" t="s">
        <v>1095</v>
      </c>
      <c r="B2403" s="166">
        <v>1940.08134625505</v>
      </c>
      <c r="C2403" s="166">
        <v>1940.08134625505</v>
      </c>
      <c r="D2403" s="166">
        <v>0</v>
      </c>
      <c r="E2403" s="166">
        <v>0</v>
      </c>
      <c r="F2403" s="166">
        <v>0</v>
      </c>
      <c r="G2403" s="166">
        <v>0</v>
      </c>
      <c r="H2403" s="166">
        <v>0</v>
      </c>
      <c r="I2403" s="166">
        <v>0</v>
      </c>
      <c r="J2403" s="166">
        <v>0</v>
      </c>
      <c r="K2403" s="166">
        <v>0</v>
      </c>
      <c r="L2403" s="166">
        <v>0</v>
      </c>
      <c r="M2403" s="166">
        <v>0</v>
      </c>
      <c r="N2403" s="166">
        <v>0</v>
      </c>
      <c r="O2403" s="166">
        <v>0</v>
      </c>
      <c r="P2403" s="166">
        <v>0</v>
      </c>
      <c r="Q2403" s="166">
        <v>0</v>
      </c>
      <c r="R2403" s="166">
        <v>0</v>
      </c>
      <c r="S2403" s="166">
        <v>0</v>
      </c>
      <c r="T2403" s="166">
        <v>0</v>
      </c>
      <c r="U2403" s="166">
        <v>0</v>
      </c>
      <c r="V2403" s="166">
        <v>0</v>
      </c>
      <c r="W2403" s="166">
        <v>0</v>
      </c>
      <c r="X2403" s="166">
        <v>0</v>
      </c>
      <c r="Y2403" s="166">
        <v>0</v>
      </c>
      <c r="Z2403" s="166">
        <v>0</v>
      </c>
      <c r="AA2403" s="166">
        <v>0</v>
      </c>
      <c r="AB2403" s="166">
        <v>0</v>
      </c>
      <c r="AC2403" s="166">
        <v>0</v>
      </c>
      <c r="AD2403" s="166">
        <v>0</v>
      </c>
      <c r="AE2403" s="166">
        <v>0</v>
      </c>
      <c r="AF2403" s="166">
        <v>0</v>
      </c>
      <c r="AG2403" s="166">
        <v>0</v>
      </c>
      <c r="AH2403" s="166">
        <v>0</v>
      </c>
      <c r="AI2403" s="166">
        <v>0</v>
      </c>
      <c r="AJ2403" s="166">
        <v>0</v>
      </c>
      <c r="AK2403" s="166">
        <v>0</v>
      </c>
      <c r="AL2403" s="166">
        <v>0</v>
      </c>
      <c r="AM2403" s="166">
        <v>0</v>
      </c>
      <c r="AN2403" s="166">
        <v>0</v>
      </c>
      <c r="AO2403" s="166">
        <v>0</v>
      </c>
      <c r="AP2403" s="166">
        <v>0</v>
      </c>
      <c r="AQ2403" s="166">
        <v>0</v>
      </c>
      <c r="AR2403" s="166">
        <v>0</v>
      </c>
      <c r="AS2403" s="166">
        <v>0</v>
      </c>
      <c r="AT2403" s="166">
        <v>0</v>
      </c>
      <c r="AU2403" s="166">
        <v>0</v>
      </c>
      <c r="AV2403" s="166">
        <v>0</v>
      </c>
      <c r="AW2403" s="166">
        <v>0</v>
      </c>
      <c r="AX2403" s="166">
        <v>0</v>
      </c>
      <c r="AY2403" s="166">
        <v>0</v>
      </c>
      <c r="AZ2403" s="166">
        <v>0</v>
      </c>
      <c r="BA2403" s="166">
        <v>0</v>
      </c>
      <c r="BB2403" s="166">
        <v>0</v>
      </c>
      <c r="BC2403" s="166">
        <v>0</v>
      </c>
      <c r="BD2403" s="166">
        <v>0</v>
      </c>
      <c r="BE2403" s="166">
        <v>0</v>
      </c>
      <c r="BF2403" s="166">
        <v>0</v>
      </c>
      <c r="BG2403" s="166">
        <v>0</v>
      </c>
      <c r="BH2403" s="166">
        <v>0</v>
      </c>
      <c r="BI2403" s="166">
        <v>0</v>
      </c>
      <c r="BJ2403" s="166">
        <v>0</v>
      </c>
      <c r="BK2403" s="166">
        <v>0</v>
      </c>
      <c r="BL2403" s="166">
        <v>0</v>
      </c>
      <c r="BM2403" s="166">
        <v>0</v>
      </c>
      <c r="BN2403" s="166">
        <v>0</v>
      </c>
      <c r="BO2403" s="166">
        <v>0</v>
      </c>
      <c r="BP2403" s="166">
        <v>0</v>
      </c>
      <c r="BQ2403" s="166">
        <v>0</v>
      </c>
      <c r="BR2403" s="166">
        <v>1940.08134625505</v>
      </c>
      <c r="BS2403" s="166">
        <v>1940.08134625505</v>
      </c>
      <c r="BT2403" s="168">
        <v>0.95155251328940305</v>
      </c>
      <c r="BU2403" s="166">
        <v>58.765024219811899</v>
      </c>
      <c r="BV2403" s="166">
        <v>1846.08928101488</v>
      </c>
      <c r="BW2403" s="166">
        <v>0</v>
      </c>
      <c r="BX2403" s="166">
        <v>0</v>
      </c>
      <c r="BY2403" s="166">
        <v>0</v>
      </c>
      <c r="BZ2403" s="166">
        <v>0</v>
      </c>
      <c r="CA2403" s="166">
        <v>0</v>
      </c>
      <c r="CB2403" s="166">
        <v>0</v>
      </c>
      <c r="CC2403" s="166">
        <v>0</v>
      </c>
      <c r="CD2403" s="166">
        <v>0</v>
      </c>
      <c r="CE2403" s="166">
        <v>0</v>
      </c>
      <c r="CF2403" s="166">
        <v>0</v>
      </c>
      <c r="CG2403" s="166">
        <v>0</v>
      </c>
      <c r="CH2403" s="166">
        <v>0</v>
      </c>
      <c r="CI2403" s="166">
        <v>0</v>
      </c>
      <c r="CJ2403" s="166">
        <v>0</v>
      </c>
      <c r="CK2403" s="166">
        <v>0</v>
      </c>
      <c r="CL2403" s="166">
        <v>0</v>
      </c>
      <c r="CM2403" s="166">
        <v>0</v>
      </c>
      <c r="CN2403" s="166">
        <v>0</v>
      </c>
      <c r="CO2403" s="166">
        <v>0</v>
      </c>
      <c r="CP2403" s="166">
        <v>0</v>
      </c>
      <c r="CQ2403" s="166">
        <v>0</v>
      </c>
      <c r="CR2403" s="166">
        <v>0</v>
      </c>
      <c r="CS2403" s="166">
        <v>0</v>
      </c>
      <c r="CT2403" s="166">
        <v>0</v>
      </c>
      <c r="CU2403" s="166">
        <v>0</v>
      </c>
      <c r="CV2403" s="166">
        <v>0</v>
      </c>
      <c r="CW2403" s="166">
        <v>0</v>
      </c>
      <c r="CX2403" s="166">
        <v>0</v>
      </c>
      <c r="CY2403" s="166">
        <v>1846.08928101488</v>
      </c>
      <c r="CZ2403" s="166">
        <v>1846.08928101488</v>
      </c>
    </row>
    <row r="2404" spans="1:104" x14ac:dyDescent="0.2">
      <c r="A2404" s="167" t="s">
        <v>1096</v>
      </c>
      <c r="B2404" s="166">
        <v>13995.412045875801</v>
      </c>
      <c r="C2404" s="166">
        <v>13995.412045875801</v>
      </c>
      <c r="D2404" s="166">
        <v>0</v>
      </c>
      <c r="E2404" s="166">
        <v>0</v>
      </c>
      <c r="F2404" s="166">
        <v>0</v>
      </c>
      <c r="G2404" s="166">
        <v>0</v>
      </c>
      <c r="H2404" s="166">
        <v>0</v>
      </c>
      <c r="I2404" s="166">
        <v>0</v>
      </c>
      <c r="J2404" s="166">
        <v>0</v>
      </c>
      <c r="K2404" s="166">
        <v>0</v>
      </c>
      <c r="L2404" s="166">
        <v>0</v>
      </c>
      <c r="M2404" s="166">
        <v>0</v>
      </c>
      <c r="N2404" s="166">
        <v>0</v>
      </c>
      <c r="O2404" s="166">
        <v>0</v>
      </c>
      <c r="P2404" s="166">
        <v>0</v>
      </c>
      <c r="Q2404" s="166">
        <v>0</v>
      </c>
      <c r="R2404" s="166">
        <v>0</v>
      </c>
      <c r="S2404" s="166">
        <v>0</v>
      </c>
      <c r="T2404" s="166">
        <v>0</v>
      </c>
      <c r="U2404" s="166">
        <v>0</v>
      </c>
      <c r="V2404" s="166">
        <v>0</v>
      </c>
      <c r="W2404" s="166">
        <v>0</v>
      </c>
      <c r="X2404" s="166">
        <v>0</v>
      </c>
      <c r="Y2404" s="166">
        <v>0</v>
      </c>
      <c r="Z2404" s="166">
        <v>0</v>
      </c>
      <c r="AA2404" s="166">
        <v>0</v>
      </c>
      <c r="AB2404" s="166">
        <v>0</v>
      </c>
      <c r="AC2404" s="166">
        <v>0</v>
      </c>
      <c r="AD2404" s="166">
        <v>0</v>
      </c>
      <c r="AE2404" s="166">
        <v>0</v>
      </c>
      <c r="AF2404" s="166">
        <v>0</v>
      </c>
      <c r="AG2404" s="166">
        <v>0</v>
      </c>
      <c r="AH2404" s="166">
        <v>0</v>
      </c>
      <c r="AI2404" s="166">
        <v>0</v>
      </c>
      <c r="AJ2404" s="166">
        <v>0</v>
      </c>
      <c r="AK2404" s="166">
        <v>0</v>
      </c>
      <c r="AL2404" s="166">
        <v>0</v>
      </c>
      <c r="AM2404" s="166">
        <v>0</v>
      </c>
      <c r="AN2404" s="166">
        <v>0</v>
      </c>
      <c r="AO2404" s="166">
        <v>0</v>
      </c>
      <c r="AP2404" s="166">
        <v>0</v>
      </c>
      <c r="AQ2404" s="166">
        <v>0</v>
      </c>
      <c r="AR2404" s="166">
        <v>0</v>
      </c>
      <c r="AS2404" s="166">
        <v>0</v>
      </c>
      <c r="AT2404" s="166">
        <v>0</v>
      </c>
      <c r="AU2404" s="166">
        <v>0</v>
      </c>
      <c r="AV2404" s="166">
        <v>0</v>
      </c>
      <c r="AW2404" s="166">
        <v>0</v>
      </c>
      <c r="AX2404" s="166">
        <v>0</v>
      </c>
      <c r="AY2404" s="166">
        <v>0</v>
      </c>
      <c r="AZ2404" s="166">
        <v>0</v>
      </c>
      <c r="BA2404" s="166">
        <v>0</v>
      </c>
      <c r="BB2404" s="166">
        <v>0</v>
      </c>
      <c r="BC2404" s="166">
        <v>0</v>
      </c>
      <c r="BD2404" s="166">
        <v>0</v>
      </c>
      <c r="BE2404" s="166">
        <v>0</v>
      </c>
      <c r="BF2404" s="166">
        <v>0</v>
      </c>
      <c r="BG2404" s="166">
        <v>0</v>
      </c>
      <c r="BH2404" s="166">
        <v>0</v>
      </c>
      <c r="BI2404" s="166">
        <v>0</v>
      </c>
      <c r="BJ2404" s="166">
        <v>0</v>
      </c>
      <c r="BK2404" s="166">
        <v>0</v>
      </c>
      <c r="BL2404" s="166">
        <v>0</v>
      </c>
      <c r="BM2404" s="166">
        <v>0</v>
      </c>
      <c r="BN2404" s="166">
        <v>0</v>
      </c>
      <c r="BO2404" s="166">
        <v>0</v>
      </c>
      <c r="BP2404" s="166">
        <v>0</v>
      </c>
      <c r="BQ2404" s="166">
        <v>0</v>
      </c>
      <c r="BR2404" s="166">
        <v>13995.412045875801</v>
      </c>
      <c r="BS2404" s="166">
        <v>13995.412045875801</v>
      </c>
      <c r="BT2404" s="168">
        <v>0.97794258413195501</v>
      </c>
      <c r="BU2404" s="166">
        <v>435.67763431200098</v>
      </c>
      <c r="BV2404" s="166">
        <v>13686.7094221352</v>
      </c>
      <c r="BW2404" s="166">
        <v>0</v>
      </c>
      <c r="BX2404" s="166">
        <v>0</v>
      </c>
      <c r="BY2404" s="166">
        <v>0</v>
      </c>
      <c r="BZ2404" s="166">
        <v>0</v>
      </c>
      <c r="CA2404" s="166">
        <v>0</v>
      </c>
      <c r="CB2404" s="166">
        <v>0</v>
      </c>
      <c r="CC2404" s="166">
        <v>0</v>
      </c>
      <c r="CD2404" s="166">
        <v>0</v>
      </c>
      <c r="CE2404" s="166">
        <v>0</v>
      </c>
      <c r="CF2404" s="166">
        <v>0</v>
      </c>
      <c r="CG2404" s="166">
        <v>0</v>
      </c>
      <c r="CH2404" s="166">
        <v>0</v>
      </c>
      <c r="CI2404" s="166">
        <v>0</v>
      </c>
      <c r="CJ2404" s="166">
        <v>0</v>
      </c>
      <c r="CK2404" s="166">
        <v>0</v>
      </c>
      <c r="CL2404" s="166">
        <v>0</v>
      </c>
      <c r="CM2404" s="166">
        <v>0</v>
      </c>
      <c r="CN2404" s="166">
        <v>0</v>
      </c>
      <c r="CO2404" s="166">
        <v>0</v>
      </c>
      <c r="CP2404" s="166">
        <v>0</v>
      </c>
      <c r="CQ2404" s="166">
        <v>0</v>
      </c>
      <c r="CR2404" s="166">
        <v>0</v>
      </c>
      <c r="CS2404" s="166">
        <v>0</v>
      </c>
      <c r="CT2404" s="166">
        <v>0</v>
      </c>
      <c r="CU2404" s="166">
        <v>0</v>
      </c>
      <c r="CV2404" s="166">
        <v>0</v>
      </c>
      <c r="CW2404" s="166">
        <v>0</v>
      </c>
      <c r="CX2404" s="166">
        <v>0</v>
      </c>
      <c r="CY2404" s="166">
        <v>13686.7094221352</v>
      </c>
      <c r="CZ2404" s="166">
        <v>13686.7094221352</v>
      </c>
    </row>
    <row r="2405" spans="1:104" x14ac:dyDescent="0.2">
      <c r="A2405" s="167" t="s">
        <v>253</v>
      </c>
      <c r="B2405" s="166">
        <v>44771.252752332199</v>
      </c>
      <c r="C2405" s="166">
        <v>44771.252752332199</v>
      </c>
      <c r="D2405" s="166">
        <v>0</v>
      </c>
      <c r="E2405" s="166">
        <v>0</v>
      </c>
      <c r="F2405" s="166">
        <v>0</v>
      </c>
      <c r="G2405" s="166">
        <v>0</v>
      </c>
      <c r="H2405" s="166">
        <v>0</v>
      </c>
      <c r="I2405" s="166">
        <v>0</v>
      </c>
      <c r="J2405" s="166">
        <v>0</v>
      </c>
      <c r="K2405" s="166">
        <v>0</v>
      </c>
      <c r="L2405" s="166">
        <v>0</v>
      </c>
      <c r="M2405" s="166">
        <v>0</v>
      </c>
      <c r="N2405" s="166">
        <v>0</v>
      </c>
      <c r="O2405" s="166">
        <v>0</v>
      </c>
      <c r="P2405" s="166">
        <v>0</v>
      </c>
      <c r="Q2405" s="166">
        <v>0</v>
      </c>
      <c r="R2405" s="166">
        <v>0</v>
      </c>
      <c r="S2405" s="166">
        <v>0</v>
      </c>
      <c r="T2405" s="166">
        <v>0</v>
      </c>
      <c r="U2405" s="166">
        <v>0</v>
      </c>
      <c r="V2405" s="166">
        <v>0</v>
      </c>
      <c r="W2405" s="166">
        <v>0</v>
      </c>
      <c r="X2405" s="166">
        <v>0</v>
      </c>
      <c r="Y2405" s="166">
        <v>0</v>
      </c>
      <c r="Z2405" s="166">
        <v>0</v>
      </c>
      <c r="AA2405" s="166">
        <v>0</v>
      </c>
      <c r="AB2405" s="166">
        <v>0</v>
      </c>
      <c r="AC2405" s="166">
        <v>0</v>
      </c>
      <c r="AD2405" s="166">
        <v>0</v>
      </c>
      <c r="AE2405" s="166">
        <v>0</v>
      </c>
      <c r="AF2405" s="166">
        <v>0</v>
      </c>
      <c r="AG2405" s="166">
        <v>0</v>
      </c>
      <c r="AH2405" s="166">
        <v>0</v>
      </c>
      <c r="AI2405" s="166">
        <v>0</v>
      </c>
      <c r="AJ2405" s="166">
        <v>0</v>
      </c>
      <c r="AK2405" s="166">
        <v>0</v>
      </c>
      <c r="AL2405" s="166">
        <v>0</v>
      </c>
      <c r="AM2405" s="166">
        <v>0</v>
      </c>
      <c r="AN2405" s="166">
        <v>0</v>
      </c>
      <c r="AO2405" s="166">
        <v>0</v>
      </c>
      <c r="AP2405" s="166">
        <v>0</v>
      </c>
      <c r="AQ2405" s="166">
        <v>0</v>
      </c>
      <c r="AR2405" s="166">
        <v>0</v>
      </c>
      <c r="AS2405" s="166">
        <v>0</v>
      </c>
      <c r="AT2405" s="166">
        <v>0</v>
      </c>
      <c r="AU2405" s="166">
        <v>0</v>
      </c>
      <c r="AV2405" s="166">
        <v>0</v>
      </c>
      <c r="AW2405" s="166">
        <v>0</v>
      </c>
      <c r="AX2405" s="166">
        <v>0</v>
      </c>
      <c r="AY2405" s="166">
        <v>0</v>
      </c>
      <c r="AZ2405" s="166">
        <v>0</v>
      </c>
      <c r="BA2405" s="166">
        <v>0</v>
      </c>
      <c r="BB2405" s="166">
        <v>0</v>
      </c>
      <c r="BC2405" s="166">
        <v>0</v>
      </c>
      <c r="BD2405" s="166">
        <v>0</v>
      </c>
      <c r="BE2405" s="166">
        <v>0</v>
      </c>
      <c r="BF2405" s="166">
        <v>0</v>
      </c>
      <c r="BG2405" s="166">
        <v>0</v>
      </c>
      <c r="BH2405" s="166">
        <v>0</v>
      </c>
      <c r="BI2405" s="166">
        <v>0</v>
      </c>
      <c r="BJ2405" s="166">
        <v>0</v>
      </c>
      <c r="BK2405" s="166">
        <v>0</v>
      </c>
      <c r="BL2405" s="166">
        <v>0</v>
      </c>
      <c r="BM2405" s="166">
        <v>0</v>
      </c>
      <c r="BN2405" s="166">
        <v>0</v>
      </c>
      <c r="BO2405" s="166">
        <v>0</v>
      </c>
      <c r="BP2405" s="166">
        <v>0</v>
      </c>
      <c r="BQ2405" s="166">
        <v>0</v>
      </c>
      <c r="BR2405" s="166">
        <v>44771.252752332199</v>
      </c>
      <c r="BS2405" s="166">
        <v>44771.252752332199</v>
      </c>
      <c r="BT2405" s="168">
        <v>0.99999812279077205</v>
      </c>
      <c r="BU2405" s="166">
        <v>1425.16336587403</v>
      </c>
      <c r="BV2405" s="166">
        <v>44771.168707323399</v>
      </c>
      <c r="BW2405" s="166">
        <v>0</v>
      </c>
      <c r="BX2405" s="166">
        <v>0</v>
      </c>
      <c r="BY2405" s="166">
        <v>0</v>
      </c>
      <c r="BZ2405" s="166">
        <v>0</v>
      </c>
      <c r="CA2405" s="166">
        <v>0</v>
      </c>
      <c r="CB2405" s="166">
        <v>0</v>
      </c>
      <c r="CC2405" s="166">
        <v>0</v>
      </c>
      <c r="CD2405" s="166">
        <v>0</v>
      </c>
      <c r="CE2405" s="166">
        <v>0</v>
      </c>
      <c r="CF2405" s="166">
        <v>0</v>
      </c>
      <c r="CG2405" s="166">
        <v>0</v>
      </c>
      <c r="CH2405" s="166">
        <v>0</v>
      </c>
      <c r="CI2405" s="166">
        <v>0</v>
      </c>
      <c r="CJ2405" s="166">
        <v>0</v>
      </c>
      <c r="CK2405" s="166">
        <v>0</v>
      </c>
      <c r="CL2405" s="166">
        <v>0</v>
      </c>
      <c r="CM2405" s="166">
        <v>0</v>
      </c>
      <c r="CN2405" s="166">
        <v>0</v>
      </c>
      <c r="CO2405" s="166">
        <v>0</v>
      </c>
      <c r="CP2405" s="166">
        <v>0</v>
      </c>
      <c r="CQ2405" s="166">
        <v>0</v>
      </c>
      <c r="CR2405" s="166">
        <v>0</v>
      </c>
      <c r="CS2405" s="166">
        <v>0</v>
      </c>
      <c r="CT2405" s="166">
        <v>0</v>
      </c>
      <c r="CU2405" s="166">
        <v>0</v>
      </c>
      <c r="CV2405" s="166">
        <v>0</v>
      </c>
      <c r="CW2405" s="166">
        <v>0</v>
      </c>
      <c r="CX2405" s="166">
        <v>0</v>
      </c>
      <c r="CY2405" s="166">
        <v>44771.168707323399</v>
      </c>
      <c r="CZ2405" s="166">
        <v>44771.168707323399</v>
      </c>
    </row>
    <row r="2406" spans="1:104" x14ac:dyDescent="0.2">
      <c r="A2406" s="167" t="s">
        <v>254</v>
      </c>
      <c r="B2406" s="166">
        <v>35148.139307468402</v>
      </c>
      <c r="C2406" s="166">
        <v>35148.139307468402</v>
      </c>
      <c r="D2406" s="166">
        <v>0</v>
      </c>
      <c r="E2406" s="166">
        <v>0</v>
      </c>
      <c r="F2406" s="166">
        <v>0</v>
      </c>
      <c r="G2406" s="166">
        <v>0</v>
      </c>
      <c r="H2406" s="166">
        <v>0</v>
      </c>
      <c r="I2406" s="166">
        <v>0</v>
      </c>
      <c r="J2406" s="166">
        <v>0</v>
      </c>
      <c r="K2406" s="166">
        <v>0</v>
      </c>
      <c r="L2406" s="166">
        <v>0</v>
      </c>
      <c r="M2406" s="166">
        <v>0</v>
      </c>
      <c r="N2406" s="166">
        <v>0</v>
      </c>
      <c r="O2406" s="166">
        <v>0</v>
      </c>
      <c r="P2406" s="166">
        <v>0</v>
      </c>
      <c r="Q2406" s="166">
        <v>0</v>
      </c>
      <c r="R2406" s="166">
        <v>0</v>
      </c>
      <c r="S2406" s="166">
        <v>0</v>
      </c>
      <c r="T2406" s="166">
        <v>0</v>
      </c>
      <c r="U2406" s="166">
        <v>0</v>
      </c>
      <c r="V2406" s="166">
        <v>0</v>
      </c>
      <c r="W2406" s="166">
        <v>0</v>
      </c>
      <c r="X2406" s="166">
        <v>0</v>
      </c>
      <c r="Y2406" s="166">
        <v>0</v>
      </c>
      <c r="Z2406" s="166">
        <v>0</v>
      </c>
      <c r="AA2406" s="166">
        <v>0</v>
      </c>
      <c r="AB2406" s="166">
        <v>0</v>
      </c>
      <c r="AC2406" s="166">
        <v>0</v>
      </c>
      <c r="AD2406" s="166">
        <v>0</v>
      </c>
      <c r="AE2406" s="166">
        <v>0</v>
      </c>
      <c r="AF2406" s="166">
        <v>0</v>
      </c>
      <c r="AG2406" s="166">
        <v>0</v>
      </c>
      <c r="AH2406" s="166">
        <v>0</v>
      </c>
      <c r="AI2406" s="166">
        <v>0</v>
      </c>
      <c r="AJ2406" s="166">
        <v>0</v>
      </c>
      <c r="AK2406" s="166">
        <v>0</v>
      </c>
      <c r="AL2406" s="166">
        <v>0</v>
      </c>
      <c r="AM2406" s="166">
        <v>0</v>
      </c>
      <c r="AN2406" s="166">
        <v>0</v>
      </c>
      <c r="AO2406" s="166">
        <v>0</v>
      </c>
      <c r="AP2406" s="166">
        <v>0</v>
      </c>
      <c r="AQ2406" s="166">
        <v>0</v>
      </c>
      <c r="AR2406" s="166">
        <v>0</v>
      </c>
      <c r="AS2406" s="166">
        <v>0</v>
      </c>
      <c r="AT2406" s="166">
        <v>0</v>
      </c>
      <c r="AU2406" s="166">
        <v>0</v>
      </c>
      <c r="AV2406" s="166">
        <v>0</v>
      </c>
      <c r="AW2406" s="166">
        <v>0</v>
      </c>
      <c r="AX2406" s="166">
        <v>0</v>
      </c>
      <c r="AY2406" s="166">
        <v>0</v>
      </c>
      <c r="AZ2406" s="166">
        <v>0</v>
      </c>
      <c r="BA2406" s="166">
        <v>0</v>
      </c>
      <c r="BB2406" s="166">
        <v>0</v>
      </c>
      <c r="BC2406" s="166">
        <v>0</v>
      </c>
      <c r="BD2406" s="166">
        <v>0</v>
      </c>
      <c r="BE2406" s="166">
        <v>0</v>
      </c>
      <c r="BF2406" s="166">
        <v>0</v>
      </c>
      <c r="BG2406" s="166">
        <v>0</v>
      </c>
      <c r="BH2406" s="166">
        <v>0</v>
      </c>
      <c r="BI2406" s="166">
        <v>0</v>
      </c>
      <c r="BJ2406" s="166">
        <v>0</v>
      </c>
      <c r="BK2406" s="166">
        <v>0</v>
      </c>
      <c r="BL2406" s="166">
        <v>0</v>
      </c>
      <c r="BM2406" s="166">
        <v>0</v>
      </c>
      <c r="BN2406" s="166">
        <v>0</v>
      </c>
      <c r="BO2406" s="166">
        <v>0</v>
      </c>
      <c r="BP2406" s="166">
        <v>0</v>
      </c>
      <c r="BQ2406" s="166">
        <v>0</v>
      </c>
      <c r="BR2406" s="166">
        <v>35148.139307468402</v>
      </c>
      <c r="BS2406" s="166">
        <v>35148.139307468402</v>
      </c>
      <c r="BT2406" s="166">
        <v>1000</v>
      </c>
      <c r="BU2406" s="166">
        <v>1118.8414769133999</v>
      </c>
      <c r="BV2406" s="166">
        <v>35148.139307468402</v>
      </c>
      <c r="BW2406" s="166">
        <v>0</v>
      </c>
      <c r="BX2406" s="166">
        <v>0</v>
      </c>
      <c r="BY2406" s="166">
        <v>0</v>
      </c>
      <c r="BZ2406" s="166">
        <v>0</v>
      </c>
      <c r="CA2406" s="166">
        <v>0</v>
      </c>
      <c r="CB2406" s="166">
        <v>0</v>
      </c>
      <c r="CC2406" s="166">
        <v>0</v>
      </c>
      <c r="CD2406" s="166">
        <v>0</v>
      </c>
      <c r="CE2406" s="166">
        <v>0</v>
      </c>
      <c r="CF2406" s="166">
        <v>0</v>
      </c>
      <c r="CG2406" s="166">
        <v>0</v>
      </c>
      <c r="CH2406" s="166">
        <v>0</v>
      </c>
      <c r="CI2406" s="166">
        <v>0</v>
      </c>
      <c r="CJ2406" s="166">
        <v>0</v>
      </c>
      <c r="CK2406" s="166">
        <v>0</v>
      </c>
      <c r="CL2406" s="166">
        <v>0</v>
      </c>
      <c r="CM2406" s="166">
        <v>0</v>
      </c>
      <c r="CN2406" s="166">
        <v>0</v>
      </c>
      <c r="CO2406" s="166">
        <v>0</v>
      </c>
      <c r="CP2406" s="166">
        <v>0</v>
      </c>
      <c r="CQ2406" s="166">
        <v>0</v>
      </c>
      <c r="CR2406" s="166">
        <v>0</v>
      </c>
      <c r="CS2406" s="166">
        <v>0</v>
      </c>
      <c r="CT2406" s="166">
        <v>0</v>
      </c>
      <c r="CU2406" s="166">
        <v>0</v>
      </c>
      <c r="CV2406" s="166">
        <v>0</v>
      </c>
      <c r="CW2406" s="166">
        <v>0</v>
      </c>
      <c r="CX2406" s="166">
        <v>0</v>
      </c>
      <c r="CY2406" s="166">
        <v>35148.139307468402</v>
      </c>
      <c r="CZ2406" s="166">
        <v>35148.139307468402</v>
      </c>
    </row>
    <row r="2407" spans="1:104" x14ac:dyDescent="0.2">
      <c r="A2407" s="167" t="s">
        <v>1097</v>
      </c>
      <c r="B2407" s="166">
        <v>5733614.3789312299</v>
      </c>
      <c r="C2407" s="166">
        <v>5733614.3789312299</v>
      </c>
      <c r="D2407" s="166">
        <v>0</v>
      </c>
      <c r="E2407" s="166">
        <v>0</v>
      </c>
      <c r="F2407" s="166">
        <v>0</v>
      </c>
      <c r="G2407" s="166">
        <v>0</v>
      </c>
      <c r="H2407" s="166">
        <v>0</v>
      </c>
      <c r="I2407" s="166">
        <v>0</v>
      </c>
      <c r="J2407" s="166">
        <v>0</v>
      </c>
      <c r="K2407" s="166">
        <v>0</v>
      </c>
      <c r="L2407" s="166">
        <v>0</v>
      </c>
      <c r="M2407" s="166">
        <v>0</v>
      </c>
      <c r="N2407" s="166">
        <v>0</v>
      </c>
      <c r="O2407" s="166">
        <v>0</v>
      </c>
      <c r="P2407" s="166">
        <v>0</v>
      </c>
      <c r="Q2407" s="166">
        <v>0</v>
      </c>
      <c r="R2407" s="166">
        <v>0</v>
      </c>
      <c r="S2407" s="166">
        <v>0</v>
      </c>
      <c r="T2407" s="166">
        <v>0</v>
      </c>
      <c r="U2407" s="166">
        <v>0</v>
      </c>
      <c r="V2407" s="166">
        <v>0</v>
      </c>
      <c r="W2407" s="166">
        <v>0</v>
      </c>
      <c r="X2407" s="166">
        <v>0</v>
      </c>
      <c r="Y2407" s="166">
        <v>0</v>
      </c>
      <c r="Z2407" s="166">
        <v>0</v>
      </c>
      <c r="AA2407" s="166">
        <v>0</v>
      </c>
      <c r="AB2407" s="166">
        <v>0</v>
      </c>
      <c r="AC2407" s="166">
        <v>0</v>
      </c>
      <c r="AD2407" s="166">
        <v>0</v>
      </c>
      <c r="AE2407" s="166">
        <v>0</v>
      </c>
      <c r="AF2407" s="166">
        <v>0</v>
      </c>
      <c r="AG2407" s="166">
        <v>0</v>
      </c>
      <c r="AH2407" s="166">
        <v>0</v>
      </c>
      <c r="AI2407" s="166">
        <v>0</v>
      </c>
      <c r="AJ2407" s="166">
        <v>0</v>
      </c>
      <c r="AK2407" s="166">
        <v>0</v>
      </c>
      <c r="AL2407" s="166">
        <v>0</v>
      </c>
      <c r="AM2407" s="166">
        <v>0</v>
      </c>
      <c r="AN2407" s="166">
        <v>0</v>
      </c>
      <c r="AO2407" s="166">
        <v>0</v>
      </c>
      <c r="AP2407" s="166">
        <v>0</v>
      </c>
      <c r="AQ2407" s="166">
        <v>0</v>
      </c>
      <c r="AR2407" s="166">
        <v>0</v>
      </c>
      <c r="AS2407" s="166">
        <v>0</v>
      </c>
      <c r="AT2407" s="166">
        <v>0</v>
      </c>
      <c r="AU2407" s="166">
        <v>0</v>
      </c>
      <c r="AV2407" s="166">
        <v>0</v>
      </c>
      <c r="AW2407" s="166">
        <v>0</v>
      </c>
      <c r="AX2407" s="166">
        <v>0</v>
      </c>
      <c r="AY2407" s="166">
        <v>0</v>
      </c>
      <c r="AZ2407" s="166">
        <v>0</v>
      </c>
      <c r="BA2407" s="166">
        <v>0</v>
      </c>
      <c r="BB2407" s="166">
        <v>0</v>
      </c>
      <c r="BC2407" s="166">
        <v>0</v>
      </c>
      <c r="BD2407" s="166">
        <v>0</v>
      </c>
      <c r="BE2407" s="166">
        <v>0</v>
      </c>
      <c r="BF2407" s="166">
        <v>0</v>
      </c>
      <c r="BG2407" s="166">
        <v>0</v>
      </c>
      <c r="BH2407" s="166">
        <v>0</v>
      </c>
      <c r="BI2407" s="166">
        <v>0</v>
      </c>
      <c r="BJ2407" s="166">
        <v>0</v>
      </c>
      <c r="BK2407" s="166">
        <v>0</v>
      </c>
      <c r="BL2407" s="166">
        <v>0</v>
      </c>
      <c r="BM2407" s="166">
        <v>0</v>
      </c>
      <c r="BN2407" s="166">
        <v>0</v>
      </c>
      <c r="BO2407" s="166">
        <v>0</v>
      </c>
      <c r="BP2407" s="166">
        <v>0</v>
      </c>
      <c r="BQ2407" s="166">
        <v>0</v>
      </c>
      <c r="BR2407" s="166">
        <v>5733614.3789312299</v>
      </c>
      <c r="BS2407" s="166">
        <v>5733614.3789312299</v>
      </c>
      <c r="BT2407" s="168">
        <v>0.70788236107156799</v>
      </c>
      <c r="BU2407" s="166">
        <v>132511.867589403</v>
      </c>
      <c r="BV2407" s="166">
        <v>4058724.4840317401</v>
      </c>
      <c r="BW2407" s="166">
        <v>0</v>
      </c>
      <c r="BX2407" s="166">
        <v>0</v>
      </c>
      <c r="BY2407" s="166">
        <v>0</v>
      </c>
      <c r="BZ2407" s="166">
        <v>0</v>
      </c>
      <c r="CA2407" s="166">
        <v>0</v>
      </c>
      <c r="CB2407" s="166">
        <v>0</v>
      </c>
      <c r="CC2407" s="166">
        <v>0</v>
      </c>
      <c r="CD2407" s="166">
        <v>0</v>
      </c>
      <c r="CE2407" s="166">
        <v>0</v>
      </c>
      <c r="CF2407" s="166">
        <v>0</v>
      </c>
      <c r="CG2407" s="166">
        <v>0</v>
      </c>
      <c r="CH2407" s="166">
        <v>0</v>
      </c>
      <c r="CI2407" s="166">
        <v>0</v>
      </c>
      <c r="CJ2407" s="166">
        <v>0</v>
      </c>
      <c r="CK2407" s="166">
        <v>0</v>
      </c>
      <c r="CL2407" s="166">
        <v>0</v>
      </c>
      <c r="CM2407" s="166">
        <v>0</v>
      </c>
      <c r="CN2407" s="166">
        <v>0</v>
      </c>
      <c r="CO2407" s="166">
        <v>0</v>
      </c>
      <c r="CP2407" s="166">
        <v>0</v>
      </c>
      <c r="CQ2407" s="166">
        <v>0</v>
      </c>
      <c r="CR2407" s="166">
        <v>0</v>
      </c>
      <c r="CS2407" s="166">
        <v>0</v>
      </c>
      <c r="CT2407" s="166">
        <v>0</v>
      </c>
      <c r="CU2407" s="166">
        <v>0</v>
      </c>
      <c r="CV2407" s="166">
        <v>0</v>
      </c>
      <c r="CW2407" s="166">
        <v>0</v>
      </c>
      <c r="CX2407" s="166">
        <v>0</v>
      </c>
      <c r="CY2407" s="166">
        <v>4058724.4840317401</v>
      </c>
      <c r="CZ2407" s="166">
        <v>4058724.4840317401</v>
      </c>
    </row>
    <row r="2408" spans="1:104" x14ac:dyDescent="0.2">
      <c r="A2408" s="167" t="s">
        <v>1098</v>
      </c>
      <c r="B2408" s="166">
        <v>5890832.1200000001</v>
      </c>
      <c r="C2408" s="166">
        <v>5890832.1200000001</v>
      </c>
      <c r="D2408" s="166">
        <v>0</v>
      </c>
      <c r="E2408" s="166">
        <v>0</v>
      </c>
      <c r="F2408" s="166">
        <v>0</v>
      </c>
      <c r="G2408" s="166">
        <v>0</v>
      </c>
      <c r="H2408" s="166">
        <v>0</v>
      </c>
      <c r="I2408" s="166">
        <v>0</v>
      </c>
      <c r="J2408" s="166">
        <v>0</v>
      </c>
      <c r="K2408" s="166">
        <v>0</v>
      </c>
      <c r="L2408" s="166">
        <v>0</v>
      </c>
      <c r="M2408" s="166">
        <v>0</v>
      </c>
      <c r="N2408" s="166">
        <v>0</v>
      </c>
      <c r="O2408" s="166">
        <v>0</v>
      </c>
      <c r="P2408" s="166">
        <v>0</v>
      </c>
      <c r="Q2408" s="166">
        <v>0</v>
      </c>
      <c r="R2408" s="166">
        <v>0</v>
      </c>
      <c r="S2408" s="166">
        <v>0</v>
      </c>
      <c r="T2408" s="166">
        <v>0</v>
      </c>
      <c r="U2408" s="166">
        <v>0</v>
      </c>
      <c r="V2408" s="166">
        <v>0</v>
      </c>
      <c r="W2408" s="166">
        <v>0</v>
      </c>
      <c r="X2408" s="166">
        <v>0</v>
      </c>
      <c r="Y2408" s="166">
        <v>0</v>
      </c>
      <c r="Z2408" s="166">
        <v>0</v>
      </c>
      <c r="AA2408" s="166">
        <v>0</v>
      </c>
      <c r="AB2408" s="166">
        <v>0</v>
      </c>
      <c r="AC2408" s="166">
        <v>0</v>
      </c>
      <c r="AD2408" s="166">
        <v>0</v>
      </c>
      <c r="AE2408" s="166">
        <v>0</v>
      </c>
      <c r="AF2408" s="166">
        <v>0</v>
      </c>
      <c r="AG2408" s="166">
        <v>0</v>
      </c>
      <c r="AH2408" s="166">
        <v>0</v>
      </c>
      <c r="AI2408" s="166">
        <v>0</v>
      </c>
      <c r="AJ2408" s="166">
        <v>0</v>
      </c>
      <c r="AK2408" s="166">
        <v>0</v>
      </c>
      <c r="AL2408" s="166">
        <v>0</v>
      </c>
      <c r="AM2408" s="166">
        <v>0</v>
      </c>
      <c r="AN2408" s="166">
        <v>0</v>
      </c>
      <c r="AO2408" s="166">
        <v>0</v>
      </c>
      <c r="AP2408" s="166">
        <v>0</v>
      </c>
      <c r="AQ2408" s="166">
        <v>0</v>
      </c>
      <c r="AR2408" s="166">
        <v>0</v>
      </c>
      <c r="AS2408" s="166">
        <v>0</v>
      </c>
      <c r="AT2408" s="166">
        <v>0</v>
      </c>
      <c r="AU2408" s="166">
        <v>0</v>
      </c>
      <c r="AV2408" s="166">
        <v>0</v>
      </c>
      <c r="AW2408" s="166">
        <v>0</v>
      </c>
      <c r="AX2408" s="166">
        <v>0</v>
      </c>
      <c r="AY2408" s="166">
        <v>0</v>
      </c>
      <c r="AZ2408" s="166">
        <v>0</v>
      </c>
      <c r="BA2408" s="166">
        <v>0</v>
      </c>
      <c r="BB2408" s="166">
        <v>0</v>
      </c>
      <c r="BC2408" s="166">
        <v>0</v>
      </c>
      <c r="BD2408" s="166">
        <v>0</v>
      </c>
      <c r="BE2408" s="166">
        <v>0</v>
      </c>
      <c r="BF2408" s="166">
        <v>0</v>
      </c>
      <c r="BG2408" s="166">
        <v>0</v>
      </c>
      <c r="BH2408" s="166">
        <v>0</v>
      </c>
      <c r="BI2408" s="166">
        <v>0</v>
      </c>
      <c r="BJ2408" s="166">
        <v>0</v>
      </c>
      <c r="BK2408" s="166">
        <v>0</v>
      </c>
      <c r="BL2408" s="166">
        <v>0</v>
      </c>
      <c r="BM2408" s="166">
        <v>0</v>
      </c>
      <c r="BN2408" s="166">
        <v>0</v>
      </c>
      <c r="BO2408" s="166">
        <v>0</v>
      </c>
      <c r="BP2408" s="166">
        <v>0</v>
      </c>
      <c r="BQ2408" s="166">
        <v>0</v>
      </c>
      <c r="BR2408" s="166">
        <v>5890832.1200000001</v>
      </c>
      <c r="BS2408" s="166">
        <v>5890832.1199999899</v>
      </c>
      <c r="BT2408" s="168">
        <v>0</v>
      </c>
      <c r="BU2408" s="166">
        <v>137503.624155678</v>
      </c>
      <c r="BV2408" s="166">
        <v>4215539.3311755899</v>
      </c>
      <c r="BW2408" s="166">
        <v>0</v>
      </c>
      <c r="BX2408" s="166">
        <v>0</v>
      </c>
      <c r="BY2408" s="166">
        <v>0</v>
      </c>
      <c r="BZ2408" s="166">
        <v>0</v>
      </c>
      <c r="CA2408" s="166">
        <v>0</v>
      </c>
      <c r="CB2408" s="166">
        <v>0</v>
      </c>
      <c r="CC2408" s="166">
        <v>0</v>
      </c>
      <c r="CD2408" s="166">
        <v>0</v>
      </c>
      <c r="CE2408" s="166">
        <v>0</v>
      </c>
      <c r="CF2408" s="166">
        <v>0</v>
      </c>
      <c r="CG2408" s="166">
        <v>0</v>
      </c>
      <c r="CH2408" s="166">
        <v>0</v>
      </c>
      <c r="CI2408" s="166">
        <v>0</v>
      </c>
      <c r="CJ2408" s="166">
        <v>0</v>
      </c>
      <c r="CK2408" s="166">
        <v>0</v>
      </c>
      <c r="CL2408" s="166">
        <v>0</v>
      </c>
      <c r="CM2408" s="166">
        <v>0</v>
      </c>
      <c r="CN2408" s="166">
        <v>0</v>
      </c>
      <c r="CO2408" s="166">
        <v>0</v>
      </c>
      <c r="CP2408" s="166">
        <v>0</v>
      </c>
      <c r="CQ2408" s="166">
        <v>0</v>
      </c>
      <c r="CR2408" s="166">
        <v>0</v>
      </c>
      <c r="CS2408" s="166">
        <v>0</v>
      </c>
      <c r="CT2408" s="166">
        <v>0</v>
      </c>
      <c r="CU2408" s="166">
        <v>0</v>
      </c>
      <c r="CV2408" s="166">
        <v>0</v>
      </c>
      <c r="CW2408" s="166">
        <v>0</v>
      </c>
      <c r="CX2408" s="166">
        <v>0</v>
      </c>
      <c r="CY2408" s="166">
        <v>4215539.3311755899</v>
      </c>
      <c r="CZ2408" s="166">
        <v>4215539.3311755899</v>
      </c>
    </row>
    <row r="2409" spans="1:104" x14ac:dyDescent="0.2">
      <c r="A2409" s="167" t="s">
        <v>257</v>
      </c>
    </row>
    <row r="2410" spans="1:104" x14ac:dyDescent="0.2">
      <c r="A2410" s="167" t="s">
        <v>1099</v>
      </c>
      <c r="B2410" s="166">
        <v>42841.311104858803</v>
      </c>
      <c r="C2410" s="166">
        <v>42841.311104858803</v>
      </c>
      <c r="D2410" s="166">
        <v>0</v>
      </c>
      <c r="E2410" s="166">
        <v>0</v>
      </c>
      <c r="F2410" s="166">
        <v>0</v>
      </c>
      <c r="G2410" s="166">
        <v>0</v>
      </c>
      <c r="H2410" s="166">
        <v>0</v>
      </c>
      <c r="I2410" s="166">
        <v>0</v>
      </c>
      <c r="J2410" s="166">
        <v>0</v>
      </c>
      <c r="K2410" s="166">
        <v>0</v>
      </c>
      <c r="L2410" s="166">
        <v>0</v>
      </c>
      <c r="M2410" s="166">
        <v>0</v>
      </c>
      <c r="N2410" s="166">
        <v>0</v>
      </c>
      <c r="O2410" s="166">
        <v>0</v>
      </c>
      <c r="P2410" s="166">
        <v>0</v>
      </c>
      <c r="Q2410" s="166">
        <v>0</v>
      </c>
      <c r="R2410" s="166">
        <v>0</v>
      </c>
      <c r="S2410" s="166">
        <v>0</v>
      </c>
      <c r="T2410" s="166">
        <v>0</v>
      </c>
      <c r="U2410" s="166">
        <v>0</v>
      </c>
      <c r="V2410" s="166">
        <v>0</v>
      </c>
      <c r="W2410" s="166">
        <v>0</v>
      </c>
      <c r="X2410" s="166">
        <v>0</v>
      </c>
      <c r="Y2410" s="166">
        <v>0</v>
      </c>
      <c r="Z2410" s="166">
        <v>0</v>
      </c>
      <c r="AA2410" s="166">
        <v>0</v>
      </c>
      <c r="AB2410" s="166">
        <v>0</v>
      </c>
      <c r="AC2410" s="166">
        <v>0</v>
      </c>
      <c r="AD2410" s="166">
        <v>0</v>
      </c>
      <c r="AE2410" s="166">
        <v>0</v>
      </c>
      <c r="AF2410" s="166">
        <v>0</v>
      </c>
      <c r="AG2410" s="166">
        <v>0</v>
      </c>
      <c r="AH2410" s="166">
        <v>0</v>
      </c>
      <c r="AI2410" s="166">
        <v>0</v>
      </c>
      <c r="AJ2410" s="166">
        <v>0</v>
      </c>
      <c r="AK2410" s="166">
        <v>0</v>
      </c>
      <c r="AL2410" s="166">
        <v>0</v>
      </c>
      <c r="AM2410" s="166">
        <v>0</v>
      </c>
      <c r="AN2410" s="166">
        <v>0</v>
      </c>
      <c r="AO2410" s="166">
        <v>0</v>
      </c>
      <c r="AP2410" s="166">
        <v>0</v>
      </c>
      <c r="AQ2410" s="166">
        <v>0</v>
      </c>
      <c r="AR2410" s="166">
        <v>0</v>
      </c>
      <c r="AS2410" s="166">
        <v>0</v>
      </c>
      <c r="AT2410" s="166">
        <v>0</v>
      </c>
      <c r="AU2410" s="166">
        <v>0</v>
      </c>
      <c r="AV2410" s="166">
        <v>0</v>
      </c>
      <c r="AW2410" s="166">
        <v>0</v>
      </c>
      <c r="AX2410" s="166">
        <v>0</v>
      </c>
      <c r="AY2410" s="166">
        <v>0</v>
      </c>
      <c r="AZ2410" s="166">
        <v>0</v>
      </c>
      <c r="BA2410" s="166">
        <v>0</v>
      </c>
      <c r="BB2410" s="166">
        <v>0</v>
      </c>
      <c r="BC2410" s="166">
        <v>0</v>
      </c>
      <c r="BD2410" s="166">
        <v>0</v>
      </c>
      <c r="BE2410" s="166">
        <v>0</v>
      </c>
      <c r="BF2410" s="166">
        <v>0</v>
      </c>
      <c r="BG2410" s="166">
        <v>0</v>
      </c>
      <c r="BH2410" s="166">
        <v>0</v>
      </c>
      <c r="BI2410" s="166">
        <v>0</v>
      </c>
      <c r="BJ2410" s="166">
        <v>0</v>
      </c>
      <c r="BK2410" s="166">
        <v>0</v>
      </c>
      <c r="BL2410" s="166">
        <v>0</v>
      </c>
      <c r="BM2410" s="166">
        <v>0</v>
      </c>
      <c r="BN2410" s="166">
        <v>0</v>
      </c>
      <c r="BO2410" s="166">
        <v>0</v>
      </c>
      <c r="BP2410" s="166">
        <v>0</v>
      </c>
      <c r="BQ2410" s="166">
        <v>0</v>
      </c>
      <c r="BR2410" s="166">
        <v>42841.311104858803</v>
      </c>
      <c r="BS2410" s="166">
        <v>42841.311104858803</v>
      </c>
      <c r="BT2410" s="168">
        <v>0.99999812279077205</v>
      </c>
      <c r="BU2410" s="166">
        <v>4487.6405449307003</v>
      </c>
      <c r="BV2410" s="166">
        <v>42841.2306827543</v>
      </c>
      <c r="BW2410" s="166">
        <v>0</v>
      </c>
      <c r="BX2410" s="166">
        <v>0</v>
      </c>
      <c r="BY2410" s="166">
        <v>0</v>
      </c>
      <c r="BZ2410" s="166">
        <v>0</v>
      </c>
      <c r="CA2410" s="166">
        <v>0</v>
      </c>
      <c r="CB2410" s="166">
        <v>0</v>
      </c>
      <c r="CC2410" s="166">
        <v>0</v>
      </c>
      <c r="CD2410" s="166">
        <v>0</v>
      </c>
      <c r="CE2410" s="166">
        <v>0</v>
      </c>
      <c r="CF2410" s="166">
        <v>0</v>
      </c>
      <c r="CG2410" s="166">
        <v>0</v>
      </c>
      <c r="CH2410" s="166">
        <v>0</v>
      </c>
      <c r="CI2410" s="166">
        <v>0</v>
      </c>
      <c r="CJ2410" s="166">
        <v>0</v>
      </c>
      <c r="CK2410" s="166">
        <v>0</v>
      </c>
      <c r="CL2410" s="166">
        <v>0</v>
      </c>
      <c r="CM2410" s="166">
        <v>0</v>
      </c>
      <c r="CN2410" s="166">
        <v>0</v>
      </c>
      <c r="CO2410" s="166">
        <v>0</v>
      </c>
      <c r="CP2410" s="166">
        <v>0</v>
      </c>
      <c r="CQ2410" s="166">
        <v>0</v>
      </c>
      <c r="CR2410" s="166">
        <v>0</v>
      </c>
      <c r="CS2410" s="166">
        <v>0</v>
      </c>
      <c r="CT2410" s="166">
        <v>0</v>
      </c>
      <c r="CU2410" s="166">
        <v>0</v>
      </c>
      <c r="CV2410" s="166">
        <v>0</v>
      </c>
      <c r="CW2410" s="166">
        <v>0</v>
      </c>
      <c r="CX2410" s="166">
        <v>0</v>
      </c>
      <c r="CY2410" s="166">
        <v>42841.2306827543</v>
      </c>
      <c r="CZ2410" s="166">
        <v>42841.2306827543</v>
      </c>
    </row>
    <row r="2411" spans="1:104" x14ac:dyDescent="0.2">
      <c r="A2411" s="167" t="s">
        <v>1100</v>
      </c>
      <c r="B2411" s="166">
        <v>1354.4941428842401</v>
      </c>
      <c r="C2411" s="166">
        <v>1354.4941428842401</v>
      </c>
      <c r="D2411" s="166">
        <v>0</v>
      </c>
      <c r="E2411" s="166">
        <v>0</v>
      </c>
      <c r="F2411" s="166">
        <v>0</v>
      </c>
      <c r="G2411" s="166">
        <v>0</v>
      </c>
      <c r="H2411" s="166">
        <v>0</v>
      </c>
      <c r="I2411" s="166">
        <v>0</v>
      </c>
      <c r="J2411" s="166">
        <v>0</v>
      </c>
      <c r="K2411" s="166">
        <v>0</v>
      </c>
      <c r="L2411" s="166">
        <v>0</v>
      </c>
      <c r="M2411" s="166">
        <v>0</v>
      </c>
      <c r="N2411" s="166">
        <v>0</v>
      </c>
      <c r="O2411" s="166">
        <v>0</v>
      </c>
      <c r="P2411" s="166">
        <v>0</v>
      </c>
      <c r="Q2411" s="166">
        <v>0</v>
      </c>
      <c r="R2411" s="166">
        <v>0</v>
      </c>
      <c r="S2411" s="166">
        <v>0</v>
      </c>
      <c r="T2411" s="166">
        <v>0</v>
      </c>
      <c r="U2411" s="166">
        <v>0</v>
      </c>
      <c r="V2411" s="166">
        <v>0</v>
      </c>
      <c r="W2411" s="166">
        <v>0</v>
      </c>
      <c r="X2411" s="166">
        <v>0</v>
      </c>
      <c r="Y2411" s="166">
        <v>0</v>
      </c>
      <c r="Z2411" s="166">
        <v>0</v>
      </c>
      <c r="AA2411" s="166">
        <v>0</v>
      </c>
      <c r="AB2411" s="166">
        <v>0</v>
      </c>
      <c r="AC2411" s="166">
        <v>0</v>
      </c>
      <c r="AD2411" s="166">
        <v>0</v>
      </c>
      <c r="AE2411" s="166">
        <v>0</v>
      </c>
      <c r="AF2411" s="166">
        <v>0</v>
      </c>
      <c r="AG2411" s="166">
        <v>0</v>
      </c>
      <c r="AH2411" s="166">
        <v>0</v>
      </c>
      <c r="AI2411" s="166">
        <v>0</v>
      </c>
      <c r="AJ2411" s="166">
        <v>0</v>
      </c>
      <c r="AK2411" s="166">
        <v>0</v>
      </c>
      <c r="AL2411" s="166">
        <v>0</v>
      </c>
      <c r="AM2411" s="166">
        <v>0</v>
      </c>
      <c r="AN2411" s="166">
        <v>0</v>
      </c>
      <c r="AO2411" s="166">
        <v>0</v>
      </c>
      <c r="AP2411" s="166">
        <v>0</v>
      </c>
      <c r="AQ2411" s="166">
        <v>0</v>
      </c>
      <c r="AR2411" s="166">
        <v>0</v>
      </c>
      <c r="AS2411" s="166">
        <v>0</v>
      </c>
      <c r="AT2411" s="166">
        <v>0</v>
      </c>
      <c r="AU2411" s="166">
        <v>0</v>
      </c>
      <c r="AV2411" s="166">
        <v>0</v>
      </c>
      <c r="AW2411" s="166">
        <v>0</v>
      </c>
      <c r="AX2411" s="166">
        <v>0</v>
      </c>
      <c r="AY2411" s="166">
        <v>0</v>
      </c>
      <c r="AZ2411" s="166">
        <v>0</v>
      </c>
      <c r="BA2411" s="166">
        <v>0</v>
      </c>
      <c r="BB2411" s="166">
        <v>0</v>
      </c>
      <c r="BC2411" s="166">
        <v>0</v>
      </c>
      <c r="BD2411" s="166">
        <v>0</v>
      </c>
      <c r="BE2411" s="166">
        <v>0</v>
      </c>
      <c r="BF2411" s="166">
        <v>0</v>
      </c>
      <c r="BG2411" s="166">
        <v>0</v>
      </c>
      <c r="BH2411" s="166">
        <v>0</v>
      </c>
      <c r="BI2411" s="166">
        <v>0</v>
      </c>
      <c r="BJ2411" s="166">
        <v>0</v>
      </c>
      <c r="BK2411" s="166">
        <v>0</v>
      </c>
      <c r="BL2411" s="166">
        <v>0</v>
      </c>
      <c r="BM2411" s="166">
        <v>0</v>
      </c>
      <c r="BN2411" s="166">
        <v>0</v>
      </c>
      <c r="BO2411" s="166">
        <v>0</v>
      </c>
      <c r="BP2411" s="166">
        <v>0</v>
      </c>
      <c r="BQ2411" s="166">
        <v>0</v>
      </c>
      <c r="BR2411" s="166">
        <v>1354.4941428842401</v>
      </c>
      <c r="BS2411" s="166">
        <v>1354.4941428842401</v>
      </c>
      <c r="BT2411" s="168">
        <v>0.95155251328940305</v>
      </c>
      <c r="BU2411" s="166">
        <v>135.01002480564301</v>
      </c>
      <c r="BV2411" s="166">
        <v>1288.8723058972701</v>
      </c>
      <c r="BW2411" s="166">
        <v>0</v>
      </c>
      <c r="BX2411" s="166">
        <v>0</v>
      </c>
      <c r="BY2411" s="166">
        <v>0</v>
      </c>
      <c r="BZ2411" s="166">
        <v>0</v>
      </c>
      <c r="CA2411" s="166">
        <v>0</v>
      </c>
      <c r="CB2411" s="166">
        <v>0</v>
      </c>
      <c r="CC2411" s="166">
        <v>0</v>
      </c>
      <c r="CD2411" s="166">
        <v>0</v>
      </c>
      <c r="CE2411" s="166">
        <v>0</v>
      </c>
      <c r="CF2411" s="166">
        <v>0</v>
      </c>
      <c r="CG2411" s="166">
        <v>0</v>
      </c>
      <c r="CH2411" s="166">
        <v>0</v>
      </c>
      <c r="CI2411" s="166">
        <v>0</v>
      </c>
      <c r="CJ2411" s="166">
        <v>0</v>
      </c>
      <c r="CK2411" s="166">
        <v>0</v>
      </c>
      <c r="CL2411" s="166">
        <v>0</v>
      </c>
      <c r="CM2411" s="166">
        <v>0</v>
      </c>
      <c r="CN2411" s="166">
        <v>0</v>
      </c>
      <c r="CO2411" s="166">
        <v>0</v>
      </c>
      <c r="CP2411" s="166">
        <v>0</v>
      </c>
      <c r="CQ2411" s="166">
        <v>0</v>
      </c>
      <c r="CR2411" s="166">
        <v>0</v>
      </c>
      <c r="CS2411" s="166">
        <v>0</v>
      </c>
      <c r="CT2411" s="166">
        <v>0</v>
      </c>
      <c r="CU2411" s="166">
        <v>0</v>
      </c>
      <c r="CV2411" s="166">
        <v>0</v>
      </c>
      <c r="CW2411" s="166">
        <v>0</v>
      </c>
      <c r="CX2411" s="166">
        <v>0</v>
      </c>
      <c r="CY2411" s="166">
        <v>1288.8723058972701</v>
      </c>
      <c r="CZ2411" s="166">
        <v>1288.8723058972701</v>
      </c>
    </row>
    <row r="2412" spans="1:104" x14ac:dyDescent="0.2">
      <c r="A2412" s="167" t="s">
        <v>1101</v>
      </c>
      <c r="B2412" s="166">
        <v>9771.0870113681594</v>
      </c>
      <c r="C2412" s="166">
        <v>9771.0870113681594</v>
      </c>
      <c r="D2412" s="166">
        <v>0</v>
      </c>
      <c r="E2412" s="166">
        <v>0</v>
      </c>
      <c r="F2412" s="166">
        <v>0</v>
      </c>
      <c r="G2412" s="166">
        <v>0</v>
      </c>
      <c r="H2412" s="166">
        <v>0</v>
      </c>
      <c r="I2412" s="166">
        <v>0</v>
      </c>
      <c r="J2412" s="166">
        <v>0</v>
      </c>
      <c r="K2412" s="166">
        <v>0</v>
      </c>
      <c r="L2412" s="166">
        <v>0</v>
      </c>
      <c r="M2412" s="166">
        <v>0</v>
      </c>
      <c r="N2412" s="166">
        <v>0</v>
      </c>
      <c r="O2412" s="166">
        <v>0</v>
      </c>
      <c r="P2412" s="166">
        <v>0</v>
      </c>
      <c r="Q2412" s="166">
        <v>0</v>
      </c>
      <c r="R2412" s="166">
        <v>0</v>
      </c>
      <c r="S2412" s="166">
        <v>0</v>
      </c>
      <c r="T2412" s="166">
        <v>0</v>
      </c>
      <c r="U2412" s="166">
        <v>0</v>
      </c>
      <c r="V2412" s="166">
        <v>0</v>
      </c>
      <c r="W2412" s="166">
        <v>0</v>
      </c>
      <c r="X2412" s="166">
        <v>0</v>
      </c>
      <c r="Y2412" s="166">
        <v>0</v>
      </c>
      <c r="Z2412" s="166">
        <v>0</v>
      </c>
      <c r="AA2412" s="166">
        <v>0</v>
      </c>
      <c r="AB2412" s="166">
        <v>0</v>
      </c>
      <c r="AC2412" s="166">
        <v>0</v>
      </c>
      <c r="AD2412" s="166">
        <v>0</v>
      </c>
      <c r="AE2412" s="166">
        <v>0</v>
      </c>
      <c r="AF2412" s="166">
        <v>0</v>
      </c>
      <c r="AG2412" s="166">
        <v>0</v>
      </c>
      <c r="AH2412" s="166">
        <v>0</v>
      </c>
      <c r="AI2412" s="166">
        <v>0</v>
      </c>
      <c r="AJ2412" s="166">
        <v>0</v>
      </c>
      <c r="AK2412" s="166">
        <v>0</v>
      </c>
      <c r="AL2412" s="166">
        <v>0</v>
      </c>
      <c r="AM2412" s="166">
        <v>0</v>
      </c>
      <c r="AN2412" s="166">
        <v>0</v>
      </c>
      <c r="AO2412" s="166">
        <v>0</v>
      </c>
      <c r="AP2412" s="166">
        <v>0</v>
      </c>
      <c r="AQ2412" s="166">
        <v>0</v>
      </c>
      <c r="AR2412" s="166">
        <v>0</v>
      </c>
      <c r="AS2412" s="166">
        <v>0</v>
      </c>
      <c r="AT2412" s="166">
        <v>0</v>
      </c>
      <c r="AU2412" s="166">
        <v>0</v>
      </c>
      <c r="AV2412" s="166">
        <v>0</v>
      </c>
      <c r="AW2412" s="166">
        <v>0</v>
      </c>
      <c r="AX2412" s="166">
        <v>0</v>
      </c>
      <c r="AY2412" s="166">
        <v>0</v>
      </c>
      <c r="AZ2412" s="166">
        <v>0</v>
      </c>
      <c r="BA2412" s="166">
        <v>0</v>
      </c>
      <c r="BB2412" s="166">
        <v>0</v>
      </c>
      <c r="BC2412" s="166">
        <v>0</v>
      </c>
      <c r="BD2412" s="166">
        <v>0</v>
      </c>
      <c r="BE2412" s="166">
        <v>0</v>
      </c>
      <c r="BF2412" s="166">
        <v>0</v>
      </c>
      <c r="BG2412" s="166">
        <v>0</v>
      </c>
      <c r="BH2412" s="166">
        <v>0</v>
      </c>
      <c r="BI2412" s="166">
        <v>0</v>
      </c>
      <c r="BJ2412" s="166">
        <v>0</v>
      </c>
      <c r="BK2412" s="166">
        <v>0</v>
      </c>
      <c r="BL2412" s="166">
        <v>0</v>
      </c>
      <c r="BM2412" s="166">
        <v>0</v>
      </c>
      <c r="BN2412" s="166">
        <v>0</v>
      </c>
      <c r="BO2412" s="166">
        <v>0</v>
      </c>
      <c r="BP2412" s="166">
        <v>0</v>
      </c>
      <c r="BQ2412" s="166">
        <v>0</v>
      </c>
      <c r="BR2412" s="166">
        <v>9771.0870113681594</v>
      </c>
      <c r="BS2412" s="166">
        <v>9771.0870113681594</v>
      </c>
      <c r="BT2412" s="168">
        <v>0.97794258413195501</v>
      </c>
      <c r="BU2412" s="166">
        <v>1000.94995274241</v>
      </c>
      <c r="BV2412" s="166">
        <v>9555.56208167556</v>
      </c>
      <c r="BW2412" s="166">
        <v>0</v>
      </c>
      <c r="BX2412" s="166">
        <v>0</v>
      </c>
      <c r="BY2412" s="166">
        <v>0</v>
      </c>
      <c r="BZ2412" s="166">
        <v>0</v>
      </c>
      <c r="CA2412" s="166">
        <v>0</v>
      </c>
      <c r="CB2412" s="166">
        <v>0</v>
      </c>
      <c r="CC2412" s="166">
        <v>0</v>
      </c>
      <c r="CD2412" s="166">
        <v>0</v>
      </c>
      <c r="CE2412" s="166">
        <v>0</v>
      </c>
      <c r="CF2412" s="166">
        <v>0</v>
      </c>
      <c r="CG2412" s="166">
        <v>0</v>
      </c>
      <c r="CH2412" s="166">
        <v>0</v>
      </c>
      <c r="CI2412" s="166">
        <v>0</v>
      </c>
      <c r="CJ2412" s="166">
        <v>0</v>
      </c>
      <c r="CK2412" s="166">
        <v>0</v>
      </c>
      <c r="CL2412" s="166">
        <v>0</v>
      </c>
      <c r="CM2412" s="166">
        <v>0</v>
      </c>
      <c r="CN2412" s="166">
        <v>0</v>
      </c>
      <c r="CO2412" s="166">
        <v>0</v>
      </c>
      <c r="CP2412" s="166">
        <v>0</v>
      </c>
      <c r="CQ2412" s="166">
        <v>0</v>
      </c>
      <c r="CR2412" s="166">
        <v>0</v>
      </c>
      <c r="CS2412" s="166">
        <v>0</v>
      </c>
      <c r="CT2412" s="166">
        <v>0</v>
      </c>
      <c r="CU2412" s="166">
        <v>0</v>
      </c>
      <c r="CV2412" s="166">
        <v>0</v>
      </c>
      <c r="CW2412" s="166">
        <v>0</v>
      </c>
      <c r="CX2412" s="166">
        <v>0</v>
      </c>
      <c r="CY2412" s="166">
        <v>9555.56208167556</v>
      </c>
      <c r="CZ2412" s="166">
        <v>9555.56208167556</v>
      </c>
    </row>
    <row r="2413" spans="1:104" x14ac:dyDescent="0.2">
      <c r="A2413" s="167" t="s">
        <v>261</v>
      </c>
      <c r="B2413" s="166">
        <v>31257.658210921101</v>
      </c>
      <c r="C2413" s="166">
        <v>31257.658210921101</v>
      </c>
      <c r="D2413" s="166">
        <v>0</v>
      </c>
      <c r="E2413" s="166">
        <v>0</v>
      </c>
      <c r="F2413" s="166">
        <v>0</v>
      </c>
      <c r="G2413" s="166">
        <v>0</v>
      </c>
      <c r="H2413" s="166">
        <v>0</v>
      </c>
      <c r="I2413" s="166">
        <v>0</v>
      </c>
      <c r="J2413" s="166">
        <v>0</v>
      </c>
      <c r="K2413" s="166">
        <v>0</v>
      </c>
      <c r="L2413" s="166">
        <v>0</v>
      </c>
      <c r="M2413" s="166">
        <v>0</v>
      </c>
      <c r="N2413" s="166">
        <v>0</v>
      </c>
      <c r="O2413" s="166">
        <v>0</v>
      </c>
      <c r="P2413" s="166">
        <v>0</v>
      </c>
      <c r="Q2413" s="166">
        <v>0</v>
      </c>
      <c r="R2413" s="166">
        <v>0</v>
      </c>
      <c r="S2413" s="166">
        <v>0</v>
      </c>
      <c r="T2413" s="166">
        <v>0</v>
      </c>
      <c r="U2413" s="166">
        <v>0</v>
      </c>
      <c r="V2413" s="166">
        <v>0</v>
      </c>
      <c r="W2413" s="166">
        <v>0</v>
      </c>
      <c r="X2413" s="166">
        <v>0</v>
      </c>
      <c r="Y2413" s="166">
        <v>0</v>
      </c>
      <c r="Z2413" s="166">
        <v>0</v>
      </c>
      <c r="AA2413" s="166">
        <v>0</v>
      </c>
      <c r="AB2413" s="166">
        <v>0</v>
      </c>
      <c r="AC2413" s="166">
        <v>0</v>
      </c>
      <c r="AD2413" s="166">
        <v>0</v>
      </c>
      <c r="AE2413" s="166">
        <v>0</v>
      </c>
      <c r="AF2413" s="166">
        <v>0</v>
      </c>
      <c r="AG2413" s="166">
        <v>0</v>
      </c>
      <c r="AH2413" s="166">
        <v>0</v>
      </c>
      <c r="AI2413" s="166">
        <v>0</v>
      </c>
      <c r="AJ2413" s="166">
        <v>0</v>
      </c>
      <c r="AK2413" s="166">
        <v>0</v>
      </c>
      <c r="AL2413" s="166">
        <v>0</v>
      </c>
      <c r="AM2413" s="166">
        <v>0</v>
      </c>
      <c r="AN2413" s="166">
        <v>0</v>
      </c>
      <c r="AO2413" s="166">
        <v>0</v>
      </c>
      <c r="AP2413" s="166">
        <v>0</v>
      </c>
      <c r="AQ2413" s="166">
        <v>0</v>
      </c>
      <c r="AR2413" s="166">
        <v>0</v>
      </c>
      <c r="AS2413" s="166">
        <v>0</v>
      </c>
      <c r="AT2413" s="166">
        <v>0</v>
      </c>
      <c r="AU2413" s="166">
        <v>0</v>
      </c>
      <c r="AV2413" s="166">
        <v>0</v>
      </c>
      <c r="AW2413" s="166">
        <v>0</v>
      </c>
      <c r="AX2413" s="166">
        <v>0</v>
      </c>
      <c r="AY2413" s="166">
        <v>0</v>
      </c>
      <c r="AZ2413" s="166">
        <v>0</v>
      </c>
      <c r="BA2413" s="166">
        <v>0</v>
      </c>
      <c r="BB2413" s="166">
        <v>0</v>
      </c>
      <c r="BC2413" s="166">
        <v>0</v>
      </c>
      <c r="BD2413" s="166">
        <v>0</v>
      </c>
      <c r="BE2413" s="166">
        <v>0</v>
      </c>
      <c r="BF2413" s="166">
        <v>0</v>
      </c>
      <c r="BG2413" s="166">
        <v>0</v>
      </c>
      <c r="BH2413" s="166">
        <v>0</v>
      </c>
      <c r="BI2413" s="166">
        <v>0</v>
      </c>
      <c r="BJ2413" s="166">
        <v>0</v>
      </c>
      <c r="BK2413" s="166">
        <v>0</v>
      </c>
      <c r="BL2413" s="166">
        <v>0</v>
      </c>
      <c r="BM2413" s="166">
        <v>0</v>
      </c>
      <c r="BN2413" s="166">
        <v>0</v>
      </c>
      <c r="BO2413" s="166">
        <v>0</v>
      </c>
      <c r="BP2413" s="166">
        <v>0</v>
      </c>
      <c r="BQ2413" s="166">
        <v>0</v>
      </c>
      <c r="BR2413" s="166">
        <v>31257.658210921101</v>
      </c>
      <c r="BS2413" s="166">
        <v>31257.658210921101</v>
      </c>
      <c r="BT2413" s="168">
        <v>0.99999812279077205</v>
      </c>
      <c r="BU2413" s="166">
        <v>3274.2493333964899</v>
      </c>
      <c r="BV2413" s="166">
        <v>31257.5995337567</v>
      </c>
      <c r="BW2413" s="166">
        <v>0</v>
      </c>
      <c r="BX2413" s="166">
        <v>0</v>
      </c>
      <c r="BY2413" s="166">
        <v>0</v>
      </c>
      <c r="BZ2413" s="166">
        <v>0</v>
      </c>
      <c r="CA2413" s="166">
        <v>0</v>
      </c>
      <c r="CB2413" s="166">
        <v>0</v>
      </c>
      <c r="CC2413" s="166">
        <v>0</v>
      </c>
      <c r="CD2413" s="166">
        <v>0</v>
      </c>
      <c r="CE2413" s="166">
        <v>0</v>
      </c>
      <c r="CF2413" s="166">
        <v>0</v>
      </c>
      <c r="CG2413" s="166">
        <v>0</v>
      </c>
      <c r="CH2413" s="166">
        <v>0</v>
      </c>
      <c r="CI2413" s="166">
        <v>0</v>
      </c>
      <c r="CJ2413" s="166">
        <v>0</v>
      </c>
      <c r="CK2413" s="166">
        <v>0</v>
      </c>
      <c r="CL2413" s="166">
        <v>0</v>
      </c>
      <c r="CM2413" s="166">
        <v>0</v>
      </c>
      <c r="CN2413" s="166">
        <v>0</v>
      </c>
      <c r="CO2413" s="166">
        <v>0</v>
      </c>
      <c r="CP2413" s="166">
        <v>0</v>
      </c>
      <c r="CQ2413" s="166">
        <v>0</v>
      </c>
      <c r="CR2413" s="166">
        <v>0</v>
      </c>
      <c r="CS2413" s="166">
        <v>0</v>
      </c>
      <c r="CT2413" s="166">
        <v>0</v>
      </c>
      <c r="CU2413" s="166">
        <v>0</v>
      </c>
      <c r="CV2413" s="166">
        <v>0</v>
      </c>
      <c r="CW2413" s="166">
        <v>0</v>
      </c>
      <c r="CX2413" s="166">
        <v>0</v>
      </c>
      <c r="CY2413" s="166">
        <v>31257.5995337567</v>
      </c>
      <c r="CZ2413" s="166">
        <v>31257.5995337567</v>
      </c>
    </row>
    <row r="2414" spans="1:104" x14ac:dyDescent="0.2">
      <c r="A2414" s="167" t="s">
        <v>262</v>
      </c>
      <c r="B2414" s="166">
        <v>24539.1508542378</v>
      </c>
      <c r="C2414" s="166">
        <v>24539.1508542378</v>
      </c>
      <c r="D2414" s="166">
        <v>0</v>
      </c>
      <c r="E2414" s="166">
        <v>0</v>
      </c>
      <c r="F2414" s="166">
        <v>0</v>
      </c>
      <c r="G2414" s="166">
        <v>0</v>
      </c>
      <c r="H2414" s="166">
        <v>0</v>
      </c>
      <c r="I2414" s="166">
        <v>0</v>
      </c>
      <c r="J2414" s="166">
        <v>0</v>
      </c>
      <c r="K2414" s="166">
        <v>0</v>
      </c>
      <c r="L2414" s="166">
        <v>0</v>
      </c>
      <c r="M2414" s="166">
        <v>0</v>
      </c>
      <c r="N2414" s="166">
        <v>0</v>
      </c>
      <c r="O2414" s="166">
        <v>0</v>
      </c>
      <c r="P2414" s="166">
        <v>0</v>
      </c>
      <c r="Q2414" s="166">
        <v>0</v>
      </c>
      <c r="R2414" s="166">
        <v>0</v>
      </c>
      <c r="S2414" s="166">
        <v>0</v>
      </c>
      <c r="T2414" s="166">
        <v>0</v>
      </c>
      <c r="U2414" s="166">
        <v>0</v>
      </c>
      <c r="V2414" s="166">
        <v>0</v>
      </c>
      <c r="W2414" s="166">
        <v>0</v>
      </c>
      <c r="X2414" s="166">
        <v>0</v>
      </c>
      <c r="Y2414" s="166">
        <v>0</v>
      </c>
      <c r="Z2414" s="166">
        <v>0</v>
      </c>
      <c r="AA2414" s="166">
        <v>0</v>
      </c>
      <c r="AB2414" s="166">
        <v>0</v>
      </c>
      <c r="AC2414" s="166">
        <v>0</v>
      </c>
      <c r="AD2414" s="166">
        <v>0</v>
      </c>
      <c r="AE2414" s="166">
        <v>0</v>
      </c>
      <c r="AF2414" s="166">
        <v>0</v>
      </c>
      <c r="AG2414" s="166">
        <v>0</v>
      </c>
      <c r="AH2414" s="166">
        <v>0</v>
      </c>
      <c r="AI2414" s="166">
        <v>0</v>
      </c>
      <c r="AJ2414" s="166">
        <v>0</v>
      </c>
      <c r="AK2414" s="166">
        <v>0</v>
      </c>
      <c r="AL2414" s="166">
        <v>0</v>
      </c>
      <c r="AM2414" s="166">
        <v>0</v>
      </c>
      <c r="AN2414" s="166">
        <v>0</v>
      </c>
      <c r="AO2414" s="166">
        <v>0</v>
      </c>
      <c r="AP2414" s="166">
        <v>0</v>
      </c>
      <c r="AQ2414" s="166">
        <v>0</v>
      </c>
      <c r="AR2414" s="166">
        <v>0</v>
      </c>
      <c r="AS2414" s="166">
        <v>0</v>
      </c>
      <c r="AT2414" s="166">
        <v>0</v>
      </c>
      <c r="AU2414" s="166">
        <v>0</v>
      </c>
      <c r="AV2414" s="166">
        <v>0</v>
      </c>
      <c r="AW2414" s="166">
        <v>0</v>
      </c>
      <c r="AX2414" s="166">
        <v>0</v>
      </c>
      <c r="AY2414" s="166">
        <v>0</v>
      </c>
      <c r="AZ2414" s="166">
        <v>0</v>
      </c>
      <c r="BA2414" s="166">
        <v>0</v>
      </c>
      <c r="BB2414" s="166">
        <v>0</v>
      </c>
      <c r="BC2414" s="166">
        <v>0</v>
      </c>
      <c r="BD2414" s="166">
        <v>0</v>
      </c>
      <c r="BE2414" s="166">
        <v>0</v>
      </c>
      <c r="BF2414" s="166">
        <v>0</v>
      </c>
      <c r="BG2414" s="166">
        <v>0</v>
      </c>
      <c r="BH2414" s="166">
        <v>0</v>
      </c>
      <c r="BI2414" s="166">
        <v>0</v>
      </c>
      <c r="BJ2414" s="166">
        <v>0</v>
      </c>
      <c r="BK2414" s="166">
        <v>0</v>
      </c>
      <c r="BL2414" s="166">
        <v>0</v>
      </c>
      <c r="BM2414" s="166">
        <v>0</v>
      </c>
      <c r="BN2414" s="166">
        <v>0</v>
      </c>
      <c r="BO2414" s="166">
        <v>0</v>
      </c>
      <c r="BP2414" s="166">
        <v>0</v>
      </c>
      <c r="BQ2414" s="166">
        <v>0</v>
      </c>
      <c r="BR2414" s="166">
        <v>24539.1508542378</v>
      </c>
      <c r="BS2414" s="166">
        <v>24539.1508542378</v>
      </c>
      <c r="BT2414" s="166">
        <v>1000</v>
      </c>
      <c r="BU2414" s="166">
        <v>2570.4884420133599</v>
      </c>
      <c r="BV2414" s="166">
        <v>24539.1508542378</v>
      </c>
      <c r="BW2414" s="166">
        <v>0</v>
      </c>
      <c r="BX2414" s="166">
        <v>0</v>
      </c>
      <c r="BY2414" s="166">
        <v>0</v>
      </c>
      <c r="BZ2414" s="166">
        <v>0</v>
      </c>
      <c r="CA2414" s="166">
        <v>0</v>
      </c>
      <c r="CB2414" s="166">
        <v>0</v>
      </c>
      <c r="CC2414" s="166">
        <v>0</v>
      </c>
      <c r="CD2414" s="166">
        <v>0</v>
      </c>
      <c r="CE2414" s="166">
        <v>0</v>
      </c>
      <c r="CF2414" s="166">
        <v>0</v>
      </c>
      <c r="CG2414" s="166">
        <v>0</v>
      </c>
      <c r="CH2414" s="166">
        <v>0</v>
      </c>
      <c r="CI2414" s="166">
        <v>0</v>
      </c>
      <c r="CJ2414" s="166">
        <v>0</v>
      </c>
      <c r="CK2414" s="166">
        <v>0</v>
      </c>
      <c r="CL2414" s="166">
        <v>0</v>
      </c>
      <c r="CM2414" s="166">
        <v>0</v>
      </c>
      <c r="CN2414" s="166">
        <v>0</v>
      </c>
      <c r="CO2414" s="166">
        <v>0</v>
      </c>
      <c r="CP2414" s="166">
        <v>0</v>
      </c>
      <c r="CQ2414" s="166">
        <v>0</v>
      </c>
      <c r="CR2414" s="166">
        <v>0</v>
      </c>
      <c r="CS2414" s="166">
        <v>0</v>
      </c>
      <c r="CT2414" s="166">
        <v>0</v>
      </c>
      <c r="CU2414" s="166">
        <v>0</v>
      </c>
      <c r="CV2414" s="166">
        <v>0</v>
      </c>
      <c r="CW2414" s="166">
        <v>0</v>
      </c>
      <c r="CX2414" s="166">
        <v>0</v>
      </c>
      <c r="CY2414" s="166">
        <v>24539.1508542378</v>
      </c>
      <c r="CZ2414" s="166">
        <v>24539.1508542378</v>
      </c>
    </row>
    <row r="2415" spans="1:104" x14ac:dyDescent="0.2">
      <c r="A2415" s="167" t="s">
        <v>1102</v>
      </c>
      <c r="B2415" s="166">
        <v>4008531.0286757299</v>
      </c>
      <c r="C2415" s="166">
        <v>4008531.0286757299</v>
      </c>
      <c r="D2415" s="166">
        <v>0</v>
      </c>
      <c r="E2415" s="166">
        <v>0</v>
      </c>
      <c r="F2415" s="166">
        <v>0</v>
      </c>
      <c r="G2415" s="166">
        <v>0</v>
      </c>
      <c r="H2415" s="166">
        <v>0</v>
      </c>
      <c r="I2415" s="166">
        <v>0</v>
      </c>
      <c r="J2415" s="166">
        <v>0</v>
      </c>
      <c r="K2415" s="166">
        <v>0</v>
      </c>
      <c r="L2415" s="166">
        <v>0</v>
      </c>
      <c r="M2415" s="166">
        <v>0</v>
      </c>
      <c r="N2415" s="166">
        <v>0</v>
      </c>
      <c r="O2415" s="166">
        <v>0</v>
      </c>
      <c r="P2415" s="166">
        <v>0</v>
      </c>
      <c r="Q2415" s="166">
        <v>0</v>
      </c>
      <c r="R2415" s="166">
        <v>0</v>
      </c>
      <c r="S2415" s="166">
        <v>0</v>
      </c>
      <c r="T2415" s="166">
        <v>0</v>
      </c>
      <c r="U2415" s="166">
        <v>0</v>
      </c>
      <c r="V2415" s="166">
        <v>0</v>
      </c>
      <c r="W2415" s="166">
        <v>0</v>
      </c>
      <c r="X2415" s="166">
        <v>0</v>
      </c>
      <c r="Y2415" s="166">
        <v>0</v>
      </c>
      <c r="Z2415" s="166">
        <v>0</v>
      </c>
      <c r="AA2415" s="166">
        <v>0</v>
      </c>
      <c r="AB2415" s="166">
        <v>0</v>
      </c>
      <c r="AC2415" s="166">
        <v>0</v>
      </c>
      <c r="AD2415" s="166">
        <v>0</v>
      </c>
      <c r="AE2415" s="166">
        <v>0</v>
      </c>
      <c r="AF2415" s="166">
        <v>0</v>
      </c>
      <c r="AG2415" s="166">
        <v>0</v>
      </c>
      <c r="AH2415" s="166">
        <v>0</v>
      </c>
      <c r="AI2415" s="166">
        <v>0</v>
      </c>
      <c r="AJ2415" s="166">
        <v>0</v>
      </c>
      <c r="AK2415" s="166">
        <v>0</v>
      </c>
      <c r="AL2415" s="166">
        <v>0</v>
      </c>
      <c r="AM2415" s="166">
        <v>0</v>
      </c>
      <c r="AN2415" s="166">
        <v>0</v>
      </c>
      <c r="AO2415" s="166">
        <v>0</v>
      </c>
      <c r="AP2415" s="166">
        <v>0</v>
      </c>
      <c r="AQ2415" s="166">
        <v>0</v>
      </c>
      <c r="AR2415" s="166">
        <v>0</v>
      </c>
      <c r="AS2415" s="166">
        <v>0</v>
      </c>
      <c r="AT2415" s="166">
        <v>0</v>
      </c>
      <c r="AU2415" s="166">
        <v>0</v>
      </c>
      <c r="AV2415" s="166">
        <v>0</v>
      </c>
      <c r="AW2415" s="166">
        <v>0</v>
      </c>
      <c r="AX2415" s="166">
        <v>0</v>
      </c>
      <c r="AY2415" s="166">
        <v>0</v>
      </c>
      <c r="AZ2415" s="166">
        <v>0</v>
      </c>
      <c r="BA2415" s="166">
        <v>0</v>
      </c>
      <c r="BB2415" s="166">
        <v>0</v>
      </c>
      <c r="BC2415" s="166">
        <v>0</v>
      </c>
      <c r="BD2415" s="166">
        <v>0</v>
      </c>
      <c r="BE2415" s="166">
        <v>0</v>
      </c>
      <c r="BF2415" s="166">
        <v>0</v>
      </c>
      <c r="BG2415" s="166">
        <v>0</v>
      </c>
      <c r="BH2415" s="166">
        <v>0</v>
      </c>
      <c r="BI2415" s="166">
        <v>0</v>
      </c>
      <c r="BJ2415" s="166">
        <v>0</v>
      </c>
      <c r="BK2415" s="166">
        <v>0</v>
      </c>
      <c r="BL2415" s="166">
        <v>0</v>
      </c>
      <c r="BM2415" s="166">
        <v>0</v>
      </c>
      <c r="BN2415" s="166">
        <v>0</v>
      </c>
      <c r="BO2415" s="166">
        <v>0</v>
      </c>
      <c r="BP2415" s="166">
        <v>0</v>
      </c>
      <c r="BQ2415" s="166">
        <v>0</v>
      </c>
      <c r="BR2415" s="166">
        <v>4008531.0286757299</v>
      </c>
      <c r="BS2415" s="166">
        <v>4008531.0286757299</v>
      </c>
      <c r="BT2415" s="168">
        <v>0.70788236107156799</v>
      </c>
      <c r="BU2415" s="166">
        <v>304440.11157670902</v>
      </c>
      <c r="BV2415" s="166">
        <v>2837568.4090076201</v>
      </c>
      <c r="BW2415" s="166">
        <v>0</v>
      </c>
      <c r="BX2415" s="166">
        <v>0</v>
      </c>
      <c r="BY2415" s="166">
        <v>0</v>
      </c>
      <c r="BZ2415" s="166">
        <v>0</v>
      </c>
      <c r="CA2415" s="166">
        <v>0</v>
      </c>
      <c r="CB2415" s="166">
        <v>0</v>
      </c>
      <c r="CC2415" s="166">
        <v>0</v>
      </c>
      <c r="CD2415" s="166">
        <v>0</v>
      </c>
      <c r="CE2415" s="166">
        <v>0</v>
      </c>
      <c r="CF2415" s="166">
        <v>0</v>
      </c>
      <c r="CG2415" s="166">
        <v>0</v>
      </c>
      <c r="CH2415" s="166">
        <v>0</v>
      </c>
      <c r="CI2415" s="166">
        <v>0</v>
      </c>
      <c r="CJ2415" s="166">
        <v>0</v>
      </c>
      <c r="CK2415" s="166">
        <v>0</v>
      </c>
      <c r="CL2415" s="166">
        <v>0</v>
      </c>
      <c r="CM2415" s="166">
        <v>0</v>
      </c>
      <c r="CN2415" s="166">
        <v>0</v>
      </c>
      <c r="CO2415" s="166">
        <v>0</v>
      </c>
      <c r="CP2415" s="166">
        <v>0</v>
      </c>
      <c r="CQ2415" s="166">
        <v>0</v>
      </c>
      <c r="CR2415" s="166">
        <v>0</v>
      </c>
      <c r="CS2415" s="166">
        <v>0</v>
      </c>
      <c r="CT2415" s="166">
        <v>0</v>
      </c>
      <c r="CU2415" s="166">
        <v>0</v>
      </c>
      <c r="CV2415" s="166">
        <v>0</v>
      </c>
      <c r="CW2415" s="166">
        <v>0</v>
      </c>
      <c r="CX2415" s="166">
        <v>0</v>
      </c>
      <c r="CY2415" s="166">
        <v>2837568.4090076201</v>
      </c>
      <c r="CZ2415" s="166">
        <v>2837568.4090076201</v>
      </c>
    </row>
    <row r="2416" spans="1:104" x14ac:dyDescent="0.2">
      <c r="A2416" s="167" t="s">
        <v>1103</v>
      </c>
      <c r="B2416" s="166">
        <v>4118294.73</v>
      </c>
      <c r="C2416" s="166">
        <v>4118294.73</v>
      </c>
      <c r="D2416" s="166">
        <v>0</v>
      </c>
      <c r="E2416" s="166">
        <v>0</v>
      </c>
      <c r="F2416" s="166">
        <v>0</v>
      </c>
      <c r="G2416" s="166">
        <v>0</v>
      </c>
      <c r="H2416" s="166">
        <v>0</v>
      </c>
      <c r="I2416" s="166">
        <v>0</v>
      </c>
      <c r="J2416" s="166">
        <v>0</v>
      </c>
      <c r="K2416" s="166">
        <v>0</v>
      </c>
      <c r="L2416" s="166">
        <v>0</v>
      </c>
      <c r="M2416" s="166">
        <v>0</v>
      </c>
      <c r="N2416" s="166">
        <v>0</v>
      </c>
      <c r="O2416" s="166">
        <v>0</v>
      </c>
      <c r="P2416" s="166">
        <v>0</v>
      </c>
      <c r="Q2416" s="166">
        <v>0</v>
      </c>
      <c r="R2416" s="166">
        <v>0</v>
      </c>
      <c r="S2416" s="166">
        <v>0</v>
      </c>
      <c r="T2416" s="166">
        <v>0</v>
      </c>
      <c r="U2416" s="166">
        <v>0</v>
      </c>
      <c r="V2416" s="166">
        <v>0</v>
      </c>
      <c r="W2416" s="166">
        <v>0</v>
      </c>
      <c r="X2416" s="166">
        <v>0</v>
      </c>
      <c r="Y2416" s="166">
        <v>0</v>
      </c>
      <c r="Z2416" s="166">
        <v>0</v>
      </c>
      <c r="AA2416" s="166">
        <v>0</v>
      </c>
      <c r="AB2416" s="166">
        <v>0</v>
      </c>
      <c r="AC2416" s="166">
        <v>0</v>
      </c>
      <c r="AD2416" s="166">
        <v>0</v>
      </c>
      <c r="AE2416" s="166">
        <v>0</v>
      </c>
      <c r="AF2416" s="166">
        <v>0</v>
      </c>
      <c r="AG2416" s="166">
        <v>0</v>
      </c>
      <c r="AH2416" s="166">
        <v>0</v>
      </c>
      <c r="AI2416" s="166">
        <v>0</v>
      </c>
      <c r="AJ2416" s="166">
        <v>0</v>
      </c>
      <c r="AK2416" s="166">
        <v>0</v>
      </c>
      <c r="AL2416" s="166">
        <v>0</v>
      </c>
      <c r="AM2416" s="166">
        <v>0</v>
      </c>
      <c r="AN2416" s="166">
        <v>0</v>
      </c>
      <c r="AO2416" s="166">
        <v>0</v>
      </c>
      <c r="AP2416" s="166">
        <v>0</v>
      </c>
      <c r="AQ2416" s="166">
        <v>0</v>
      </c>
      <c r="AR2416" s="166">
        <v>0</v>
      </c>
      <c r="AS2416" s="166">
        <v>0</v>
      </c>
      <c r="AT2416" s="166">
        <v>0</v>
      </c>
      <c r="AU2416" s="166">
        <v>0</v>
      </c>
      <c r="AV2416" s="166">
        <v>0</v>
      </c>
      <c r="AW2416" s="166">
        <v>0</v>
      </c>
      <c r="AX2416" s="166">
        <v>0</v>
      </c>
      <c r="AY2416" s="166">
        <v>0</v>
      </c>
      <c r="AZ2416" s="166">
        <v>0</v>
      </c>
      <c r="BA2416" s="166">
        <v>0</v>
      </c>
      <c r="BB2416" s="166">
        <v>0</v>
      </c>
      <c r="BC2416" s="166">
        <v>0</v>
      </c>
      <c r="BD2416" s="166">
        <v>0</v>
      </c>
      <c r="BE2416" s="166">
        <v>0</v>
      </c>
      <c r="BF2416" s="166">
        <v>0</v>
      </c>
      <c r="BG2416" s="166">
        <v>0</v>
      </c>
      <c r="BH2416" s="166">
        <v>0</v>
      </c>
      <c r="BI2416" s="166">
        <v>0</v>
      </c>
      <c r="BJ2416" s="166">
        <v>0</v>
      </c>
      <c r="BK2416" s="166">
        <v>0</v>
      </c>
      <c r="BL2416" s="166">
        <v>0</v>
      </c>
      <c r="BM2416" s="166">
        <v>0</v>
      </c>
      <c r="BN2416" s="166">
        <v>0</v>
      </c>
      <c r="BO2416" s="166">
        <v>0</v>
      </c>
      <c r="BP2416" s="166">
        <v>0</v>
      </c>
      <c r="BQ2416" s="166">
        <v>0</v>
      </c>
      <c r="BR2416" s="166">
        <v>4118294.73</v>
      </c>
      <c r="BS2416" s="166">
        <v>4118294.73</v>
      </c>
      <c r="BT2416" s="168">
        <v>0</v>
      </c>
      <c r="BU2416" s="166">
        <v>315908.44987459702</v>
      </c>
      <c r="BV2416" s="166">
        <v>2947050.8244659398</v>
      </c>
      <c r="BW2416" s="166">
        <v>0</v>
      </c>
      <c r="BX2416" s="166">
        <v>0</v>
      </c>
      <c r="BY2416" s="166">
        <v>0</v>
      </c>
      <c r="BZ2416" s="166">
        <v>0</v>
      </c>
      <c r="CA2416" s="166">
        <v>0</v>
      </c>
      <c r="CB2416" s="166">
        <v>0</v>
      </c>
      <c r="CC2416" s="166">
        <v>0</v>
      </c>
      <c r="CD2416" s="166">
        <v>0</v>
      </c>
      <c r="CE2416" s="166">
        <v>0</v>
      </c>
      <c r="CF2416" s="166">
        <v>0</v>
      </c>
      <c r="CG2416" s="166">
        <v>0</v>
      </c>
      <c r="CH2416" s="166">
        <v>0</v>
      </c>
      <c r="CI2416" s="166">
        <v>0</v>
      </c>
      <c r="CJ2416" s="166">
        <v>0</v>
      </c>
      <c r="CK2416" s="166">
        <v>0</v>
      </c>
      <c r="CL2416" s="166">
        <v>0</v>
      </c>
      <c r="CM2416" s="166">
        <v>0</v>
      </c>
      <c r="CN2416" s="166">
        <v>0</v>
      </c>
      <c r="CO2416" s="166">
        <v>0</v>
      </c>
      <c r="CP2416" s="166">
        <v>0</v>
      </c>
      <c r="CQ2416" s="166">
        <v>0</v>
      </c>
      <c r="CR2416" s="166">
        <v>0</v>
      </c>
      <c r="CS2416" s="166">
        <v>0</v>
      </c>
      <c r="CT2416" s="166">
        <v>0</v>
      </c>
      <c r="CU2416" s="166">
        <v>0</v>
      </c>
      <c r="CV2416" s="166">
        <v>0</v>
      </c>
      <c r="CW2416" s="166">
        <v>0</v>
      </c>
      <c r="CX2416" s="166">
        <v>0</v>
      </c>
      <c r="CY2416" s="166">
        <v>2947050.8244659398</v>
      </c>
      <c r="CZ2416" s="166">
        <v>2947050.8244659398</v>
      </c>
    </row>
    <row r="2417" spans="1:104" x14ac:dyDescent="0.2">
      <c r="A2417" s="167" t="s">
        <v>265</v>
      </c>
    </row>
    <row r="2418" spans="1:104" x14ac:dyDescent="0.2">
      <c r="A2418" s="167" t="s">
        <v>266</v>
      </c>
      <c r="B2418" s="166">
        <v>1.8205170674848002E-11</v>
      </c>
      <c r="C2418" s="166">
        <v>1.8205170674848002E-11</v>
      </c>
      <c r="D2418" s="166">
        <v>0</v>
      </c>
      <c r="E2418" s="166">
        <v>0</v>
      </c>
      <c r="F2418" s="166">
        <v>0</v>
      </c>
      <c r="G2418" s="166">
        <v>0</v>
      </c>
      <c r="H2418" s="166">
        <v>0</v>
      </c>
      <c r="I2418" s="166">
        <v>0</v>
      </c>
      <c r="J2418" s="166">
        <v>0</v>
      </c>
      <c r="K2418" s="166">
        <v>0</v>
      </c>
      <c r="L2418" s="166">
        <v>0</v>
      </c>
      <c r="M2418" s="166">
        <v>0</v>
      </c>
      <c r="N2418" s="166">
        <v>0</v>
      </c>
      <c r="O2418" s="166">
        <v>0</v>
      </c>
      <c r="P2418" s="166">
        <v>0</v>
      </c>
      <c r="Q2418" s="166">
        <v>0</v>
      </c>
      <c r="R2418" s="166">
        <v>0</v>
      </c>
      <c r="S2418" s="166">
        <v>0</v>
      </c>
      <c r="T2418" s="166">
        <v>0</v>
      </c>
      <c r="U2418" s="166">
        <v>0</v>
      </c>
      <c r="V2418" s="166">
        <v>0</v>
      </c>
      <c r="W2418" s="166">
        <v>0</v>
      </c>
      <c r="X2418" s="166">
        <v>0</v>
      </c>
      <c r="Y2418" s="166">
        <v>0</v>
      </c>
      <c r="Z2418" s="166">
        <v>0</v>
      </c>
      <c r="AA2418" s="166">
        <v>0</v>
      </c>
      <c r="AB2418" s="166">
        <v>0</v>
      </c>
      <c r="AC2418" s="166">
        <v>0</v>
      </c>
      <c r="AD2418" s="166">
        <v>0</v>
      </c>
      <c r="AE2418" s="166">
        <v>0</v>
      </c>
      <c r="AF2418" s="166">
        <v>0</v>
      </c>
      <c r="AG2418" s="166">
        <v>0</v>
      </c>
      <c r="AH2418" s="166">
        <v>0</v>
      </c>
      <c r="AI2418" s="166">
        <v>0</v>
      </c>
      <c r="AJ2418" s="166">
        <v>0</v>
      </c>
      <c r="AK2418" s="166">
        <v>0</v>
      </c>
      <c r="AL2418" s="166">
        <v>0</v>
      </c>
      <c r="AM2418" s="166">
        <v>0</v>
      </c>
      <c r="AN2418" s="166">
        <v>0</v>
      </c>
      <c r="AO2418" s="166">
        <v>0</v>
      </c>
      <c r="AP2418" s="166">
        <v>0</v>
      </c>
      <c r="AQ2418" s="166">
        <v>0</v>
      </c>
      <c r="AR2418" s="166">
        <v>0</v>
      </c>
      <c r="AS2418" s="166">
        <v>0</v>
      </c>
      <c r="AT2418" s="166">
        <v>0</v>
      </c>
      <c r="AU2418" s="166">
        <v>0</v>
      </c>
      <c r="AV2418" s="166">
        <v>0</v>
      </c>
      <c r="AW2418" s="166">
        <v>0</v>
      </c>
      <c r="AX2418" s="166">
        <v>0</v>
      </c>
      <c r="AY2418" s="166">
        <v>0</v>
      </c>
      <c r="AZ2418" s="166">
        <v>0</v>
      </c>
      <c r="BA2418" s="166">
        <v>0</v>
      </c>
      <c r="BB2418" s="166">
        <v>0</v>
      </c>
      <c r="BC2418" s="166">
        <v>0</v>
      </c>
      <c r="BD2418" s="166">
        <v>0</v>
      </c>
      <c r="BE2418" s="166">
        <v>0</v>
      </c>
      <c r="BF2418" s="166">
        <v>0</v>
      </c>
      <c r="BG2418" s="166">
        <v>0</v>
      </c>
      <c r="BH2418" s="166">
        <v>0</v>
      </c>
      <c r="BI2418" s="166">
        <v>0</v>
      </c>
      <c r="BJ2418" s="166">
        <v>0</v>
      </c>
      <c r="BK2418" s="166">
        <v>0</v>
      </c>
      <c r="BL2418" s="166">
        <v>0</v>
      </c>
      <c r="BM2418" s="166">
        <v>0</v>
      </c>
      <c r="BN2418" s="166">
        <v>0</v>
      </c>
      <c r="BO2418" s="166">
        <v>0</v>
      </c>
      <c r="BP2418" s="166">
        <v>0</v>
      </c>
      <c r="BQ2418" s="166">
        <v>0</v>
      </c>
      <c r="BR2418" s="166">
        <v>1.8205170674848002E-11</v>
      </c>
      <c r="BS2418" s="166">
        <v>1.8205170674848002E-11</v>
      </c>
      <c r="BT2418" s="168">
        <v>0.99999812279077205</v>
      </c>
      <c r="BU2418" s="166">
        <v>0</v>
      </c>
      <c r="BV2418" s="166">
        <v>1.8205136499933601E-11</v>
      </c>
      <c r="BW2418" s="166">
        <v>0</v>
      </c>
      <c r="BX2418" s="166">
        <v>0</v>
      </c>
      <c r="BY2418" s="166">
        <v>0</v>
      </c>
      <c r="BZ2418" s="166">
        <v>0</v>
      </c>
      <c r="CA2418" s="166">
        <v>0</v>
      </c>
      <c r="CB2418" s="166">
        <v>0</v>
      </c>
      <c r="CC2418" s="166">
        <v>0</v>
      </c>
      <c r="CD2418" s="166">
        <v>0</v>
      </c>
      <c r="CE2418" s="166">
        <v>0</v>
      </c>
      <c r="CF2418" s="166">
        <v>0</v>
      </c>
      <c r="CG2418" s="166">
        <v>0</v>
      </c>
      <c r="CH2418" s="166">
        <v>0</v>
      </c>
      <c r="CI2418" s="166">
        <v>0</v>
      </c>
      <c r="CJ2418" s="166">
        <v>0</v>
      </c>
      <c r="CK2418" s="166">
        <v>0</v>
      </c>
      <c r="CL2418" s="166">
        <v>0</v>
      </c>
      <c r="CM2418" s="166">
        <v>0</v>
      </c>
      <c r="CN2418" s="166">
        <v>0</v>
      </c>
      <c r="CO2418" s="166">
        <v>0</v>
      </c>
      <c r="CP2418" s="166">
        <v>0</v>
      </c>
      <c r="CQ2418" s="166">
        <v>0</v>
      </c>
      <c r="CR2418" s="166">
        <v>0</v>
      </c>
      <c r="CS2418" s="166">
        <v>0</v>
      </c>
      <c r="CT2418" s="166">
        <v>0</v>
      </c>
      <c r="CU2418" s="166">
        <v>0</v>
      </c>
      <c r="CV2418" s="166">
        <v>0</v>
      </c>
      <c r="CW2418" s="166">
        <v>0</v>
      </c>
      <c r="CX2418" s="166">
        <v>0</v>
      </c>
      <c r="CY2418" s="166">
        <v>1.8205136499933601E-11</v>
      </c>
      <c r="CZ2418" s="166">
        <v>1.8205136499933601E-11</v>
      </c>
    </row>
    <row r="2419" spans="1:104" x14ac:dyDescent="0.2">
      <c r="A2419" s="167" t="s">
        <v>267</v>
      </c>
      <c r="B2419" s="166">
        <v>1.5880619347403501E-12</v>
      </c>
      <c r="C2419" s="166">
        <v>1.5880619347403501E-12</v>
      </c>
      <c r="D2419" s="166">
        <v>0</v>
      </c>
      <c r="E2419" s="166">
        <v>0</v>
      </c>
      <c r="F2419" s="166">
        <v>0</v>
      </c>
      <c r="G2419" s="166">
        <v>0</v>
      </c>
      <c r="H2419" s="166">
        <v>0</v>
      </c>
      <c r="I2419" s="166">
        <v>0</v>
      </c>
      <c r="J2419" s="166">
        <v>0</v>
      </c>
      <c r="K2419" s="166">
        <v>0</v>
      </c>
      <c r="L2419" s="166">
        <v>0</v>
      </c>
      <c r="M2419" s="166">
        <v>0</v>
      </c>
      <c r="N2419" s="166">
        <v>0</v>
      </c>
      <c r="O2419" s="166">
        <v>0</v>
      </c>
      <c r="P2419" s="166">
        <v>0</v>
      </c>
      <c r="Q2419" s="166">
        <v>0</v>
      </c>
      <c r="R2419" s="166">
        <v>0</v>
      </c>
      <c r="S2419" s="166">
        <v>0</v>
      </c>
      <c r="T2419" s="166">
        <v>0</v>
      </c>
      <c r="U2419" s="166">
        <v>0</v>
      </c>
      <c r="V2419" s="166">
        <v>0</v>
      </c>
      <c r="W2419" s="166">
        <v>0</v>
      </c>
      <c r="X2419" s="166">
        <v>0</v>
      </c>
      <c r="Y2419" s="166">
        <v>0</v>
      </c>
      <c r="Z2419" s="166">
        <v>0</v>
      </c>
      <c r="AA2419" s="166">
        <v>0</v>
      </c>
      <c r="AB2419" s="166">
        <v>0</v>
      </c>
      <c r="AC2419" s="166">
        <v>0</v>
      </c>
      <c r="AD2419" s="166">
        <v>0</v>
      </c>
      <c r="AE2419" s="166">
        <v>0</v>
      </c>
      <c r="AF2419" s="166">
        <v>0</v>
      </c>
      <c r="AG2419" s="166">
        <v>0</v>
      </c>
      <c r="AH2419" s="166">
        <v>0</v>
      </c>
      <c r="AI2419" s="166">
        <v>0</v>
      </c>
      <c r="AJ2419" s="166">
        <v>0</v>
      </c>
      <c r="AK2419" s="166">
        <v>0</v>
      </c>
      <c r="AL2419" s="166">
        <v>0</v>
      </c>
      <c r="AM2419" s="166">
        <v>0</v>
      </c>
      <c r="AN2419" s="166">
        <v>0</v>
      </c>
      <c r="AO2419" s="166">
        <v>0</v>
      </c>
      <c r="AP2419" s="166">
        <v>0</v>
      </c>
      <c r="AQ2419" s="166">
        <v>0</v>
      </c>
      <c r="AR2419" s="166">
        <v>0</v>
      </c>
      <c r="AS2419" s="166">
        <v>0</v>
      </c>
      <c r="AT2419" s="166">
        <v>0</v>
      </c>
      <c r="AU2419" s="166">
        <v>0</v>
      </c>
      <c r="AV2419" s="166">
        <v>0</v>
      </c>
      <c r="AW2419" s="166">
        <v>0</v>
      </c>
      <c r="AX2419" s="166">
        <v>0</v>
      </c>
      <c r="AY2419" s="166">
        <v>0</v>
      </c>
      <c r="AZ2419" s="166">
        <v>0</v>
      </c>
      <c r="BA2419" s="166">
        <v>0</v>
      </c>
      <c r="BB2419" s="166">
        <v>0</v>
      </c>
      <c r="BC2419" s="166">
        <v>0</v>
      </c>
      <c r="BD2419" s="166">
        <v>0</v>
      </c>
      <c r="BE2419" s="166">
        <v>0</v>
      </c>
      <c r="BF2419" s="166">
        <v>0</v>
      </c>
      <c r="BG2419" s="166">
        <v>0</v>
      </c>
      <c r="BH2419" s="166">
        <v>0</v>
      </c>
      <c r="BI2419" s="166">
        <v>0</v>
      </c>
      <c r="BJ2419" s="166">
        <v>0</v>
      </c>
      <c r="BK2419" s="166">
        <v>0</v>
      </c>
      <c r="BL2419" s="166">
        <v>0</v>
      </c>
      <c r="BM2419" s="166">
        <v>0</v>
      </c>
      <c r="BN2419" s="166">
        <v>0</v>
      </c>
      <c r="BO2419" s="166">
        <v>0</v>
      </c>
      <c r="BP2419" s="166">
        <v>0</v>
      </c>
      <c r="BQ2419" s="166">
        <v>0</v>
      </c>
      <c r="BR2419" s="166">
        <v>1.5880619347403501E-12</v>
      </c>
      <c r="BS2419" s="166">
        <v>1.5880619347403501E-12</v>
      </c>
      <c r="BT2419" s="168">
        <v>0.95155251328940305</v>
      </c>
      <c r="BU2419" s="166">
        <v>0</v>
      </c>
      <c r="BV2419" s="166">
        <v>1.5111243252614101E-12</v>
      </c>
      <c r="BW2419" s="166">
        <v>0</v>
      </c>
      <c r="BX2419" s="166">
        <v>0</v>
      </c>
      <c r="BY2419" s="166">
        <v>0</v>
      </c>
      <c r="BZ2419" s="166">
        <v>0</v>
      </c>
      <c r="CA2419" s="166">
        <v>0</v>
      </c>
      <c r="CB2419" s="166">
        <v>0</v>
      </c>
      <c r="CC2419" s="166">
        <v>0</v>
      </c>
      <c r="CD2419" s="166">
        <v>0</v>
      </c>
      <c r="CE2419" s="166">
        <v>0</v>
      </c>
      <c r="CF2419" s="166">
        <v>0</v>
      </c>
      <c r="CG2419" s="166">
        <v>0</v>
      </c>
      <c r="CH2419" s="166">
        <v>0</v>
      </c>
      <c r="CI2419" s="166">
        <v>0</v>
      </c>
      <c r="CJ2419" s="166">
        <v>0</v>
      </c>
      <c r="CK2419" s="166">
        <v>0</v>
      </c>
      <c r="CL2419" s="166">
        <v>0</v>
      </c>
      <c r="CM2419" s="166">
        <v>0</v>
      </c>
      <c r="CN2419" s="166">
        <v>0</v>
      </c>
      <c r="CO2419" s="166">
        <v>0</v>
      </c>
      <c r="CP2419" s="166">
        <v>0</v>
      </c>
      <c r="CQ2419" s="166">
        <v>0</v>
      </c>
      <c r="CR2419" s="166">
        <v>0</v>
      </c>
      <c r="CS2419" s="166">
        <v>0</v>
      </c>
      <c r="CT2419" s="166">
        <v>0</v>
      </c>
      <c r="CU2419" s="166">
        <v>0</v>
      </c>
      <c r="CV2419" s="166">
        <v>0</v>
      </c>
      <c r="CW2419" s="166">
        <v>0</v>
      </c>
      <c r="CX2419" s="166">
        <v>0</v>
      </c>
      <c r="CY2419" s="166">
        <v>1.5111243252614101E-12</v>
      </c>
      <c r="CZ2419" s="166">
        <v>1.5111243252614101E-12</v>
      </c>
    </row>
    <row r="2420" spans="1:104" x14ac:dyDescent="0.2">
      <c r="A2420" s="167" t="s">
        <v>268</v>
      </c>
      <c r="B2420" s="166">
        <v>1.68579200851923E-12</v>
      </c>
      <c r="C2420" s="166">
        <v>1.68579200851923E-12</v>
      </c>
      <c r="D2420" s="166">
        <v>0</v>
      </c>
      <c r="E2420" s="166">
        <v>0</v>
      </c>
      <c r="F2420" s="166">
        <v>0</v>
      </c>
      <c r="G2420" s="166">
        <v>0</v>
      </c>
      <c r="H2420" s="166">
        <v>0</v>
      </c>
      <c r="I2420" s="166">
        <v>0</v>
      </c>
      <c r="J2420" s="166">
        <v>0</v>
      </c>
      <c r="K2420" s="166">
        <v>0</v>
      </c>
      <c r="L2420" s="166">
        <v>0</v>
      </c>
      <c r="M2420" s="166">
        <v>0</v>
      </c>
      <c r="N2420" s="166">
        <v>0</v>
      </c>
      <c r="O2420" s="166">
        <v>0</v>
      </c>
      <c r="P2420" s="166">
        <v>0</v>
      </c>
      <c r="Q2420" s="166">
        <v>0</v>
      </c>
      <c r="R2420" s="166">
        <v>0</v>
      </c>
      <c r="S2420" s="166">
        <v>0</v>
      </c>
      <c r="T2420" s="166">
        <v>0</v>
      </c>
      <c r="U2420" s="166">
        <v>0</v>
      </c>
      <c r="V2420" s="166">
        <v>0</v>
      </c>
      <c r="W2420" s="166">
        <v>0</v>
      </c>
      <c r="X2420" s="166">
        <v>0</v>
      </c>
      <c r="Y2420" s="166">
        <v>0</v>
      </c>
      <c r="Z2420" s="166">
        <v>0</v>
      </c>
      <c r="AA2420" s="166">
        <v>0</v>
      </c>
      <c r="AB2420" s="166">
        <v>0</v>
      </c>
      <c r="AC2420" s="166">
        <v>0</v>
      </c>
      <c r="AD2420" s="166">
        <v>0</v>
      </c>
      <c r="AE2420" s="166">
        <v>0</v>
      </c>
      <c r="AF2420" s="166">
        <v>0</v>
      </c>
      <c r="AG2420" s="166">
        <v>0</v>
      </c>
      <c r="AH2420" s="166">
        <v>0</v>
      </c>
      <c r="AI2420" s="166">
        <v>0</v>
      </c>
      <c r="AJ2420" s="166">
        <v>0</v>
      </c>
      <c r="AK2420" s="166">
        <v>0</v>
      </c>
      <c r="AL2420" s="166">
        <v>0</v>
      </c>
      <c r="AM2420" s="166">
        <v>0</v>
      </c>
      <c r="AN2420" s="166">
        <v>0</v>
      </c>
      <c r="AO2420" s="166">
        <v>0</v>
      </c>
      <c r="AP2420" s="166">
        <v>0</v>
      </c>
      <c r="AQ2420" s="166">
        <v>0</v>
      </c>
      <c r="AR2420" s="166">
        <v>0</v>
      </c>
      <c r="AS2420" s="166">
        <v>0</v>
      </c>
      <c r="AT2420" s="166">
        <v>0</v>
      </c>
      <c r="AU2420" s="166">
        <v>0</v>
      </c>
      <c r="AV2420" s="166">
        <v>0</v>
      </c>
      <c r="AW2420" s="166">
        <v>0</v>
      </c>
      <c r="AX2420" s="166">
        <v>0</v>
      </c>
      <c r="AY2420" s="166">
        <v>0</v>
      </c>
      <c r="AZ2420" s="166">
        <v>0</v>
      </c>
      <c r="BA2420" s="166">
        <v>0</v>
      </c>
      <c r="BB2420" s="166">
        <v>0</v>
      </c>
      <c r="BC2420" s="166">
        <v>0</v>
      </c>
      <c r="BD2420" s="166">
        <v>0</v>
      </c>
      <c r="BE2420" s="166">
        <v>0</v>
      </c>
      <c r="BF2420" s="166">
        <v>0</v>
      </c>
      <c r="BG2420" s="166">
        <v>0</v>
      </c>
      <c r="BH2420" s="166">
        <v>0</v>
      </c>
      <c r="BI2420" s="166">
        <v>0</v>
      </c>
      <c r="BJ2420" s="166">
        <v>0</v>
      </c>
      <c r="BK2420" s="166">
        <v>0</v>
      </c>
      <c r="BL2420" s="166">
        <v>0</v>
      </c>
      <c r="BM2420" s="166">
        <v>0</v>
      </c>
      <c r="BN2420" s="166">
        <v>0</v>
      </c>
      <c r="BO2420" s="166">
        <v>0</v>
      </c>
      <c r="BP2420" s="166">
        <v>0</v>
      </c>
      <c r="BQ2420" s="166">
        <v>0</v>
      </c>
      <c r="BR2420" s="166">
        <v>1.68579200851923E-12</v>
      </c>
      <c r="BS2420" s="166">
        <v>1.68579200851923E-12</v>
      </c>
      <c r="BT2420" s="168">
        <v>0.97794258413195501</v>
      </c>
      <c r="BU2420" s="166">
        <v>0</v>
      </c>
      <c r="BV2420" s="166">
        <v>1.6486077931203E-12</v>
      </c>
      <c r="BW2420" s="166">
        <v>0</v>
      </c>
      <c r="BX2420" s="166">
        <v>0</v>
      </c>
      <c r="BY2420" s="166">
        <v>0</v>
      </c>
      <c r="BZ2420" s="166">
        <v>0</v>
      </c>
      <c r="CA2420" s="166">
        <v>0</v>
      </c>
      <c r="CB2420" s="166">
        <v>0</v>
      </c>
      <c r="CC2420" s="166">
        <v>0</v>
      </c>
      <c r="CD2420" s="166">
        <v>0</v>
      </c>
      <c r="CE2420" s="166">
        <v>0</v>
      </c>
      <c r="CF2420" s="166">
        <v>0</v>
      </c>
      <c r="CG2420" s="166">
        <v>0</v>
      </c>
      <c r="CH2420" s="166">
        <v>0</v>
      </c>
      <c r="CI2420" s="166">
        <v>0</v>
      </c>
      <c r="CJ2420" s="166">
        <v>0</v>
      </c>
      <c r="CK2420" s="166">
        <v>0</v>
      </c>
      <c r="CL2420" s="166">
        <v>0</v>
      </c>
      <c r="CM2420" s="166">
        <v>0</v>
      </c>
      <c r="CN2420" s="166">
        <v>0</v>
      </c>
      <c r="CO2420" s="166">
        <v>0</v>
      </c>
      <c r="CP2420" s="166">
        <v>0</v>
      </c>
      <c r="CQ2420" s="166">
        <v>0</v>
      </c>
      <c r="CR2420" s="166">
        <v>0</v>
      </c>
      <c r="CS2420" s="166">
        <v>0</v>
      </c>
      <c r="CT2420" s="166">
        <v>0</v>
      </c>
      <c r="CU2420" s="166">
        <v>0</v>
      </c>
      <c r="CV2420" s="166">
        <v>0</v>
      </c>
      <c r="CW2420" s="166">
        <v>0</v>
      </c>
      <c r="CX2420" s="166">
        <v>0</v>
      </c>
      <c r="CY2420" s="166">
        <v>1.6486077931203E-12</v>
      </c>
      <c r="CZ2420" s="166">
        <v>1.6486077931203E-12</v>
      </c>
    </row>
    <row r="2421" spans="1:104" x14ac:dyDescent="0.2">
      <c r="A2421" s="167" t="s">
        <v>269</v>
      </c>
      <c r="B2421" s="166">
        <v>6.9426848122963803E-12</v>
      </c>
      <c r="C2421" s="166">
        <v>6.9426848122963803E-12</v>
      </c>
      <c r="D2421" s="166">
        <v>0</v>
      </c>
      <c r="E2421" s="166">
        <v>0</v>
      </c>
      <c r="F2421" s="166">
        <v>0</v>
      </c>
      <c r="G2421" s="166">
        <v>0</v>
      </c>
      <c r="H2421" s="166">
        <v>0</v>
      </c>
      <c r="I2421" s="166">
        <v>0</v>
      </c>
      <c r="J2421" s="166">
        <v>0</v>
      </c>
      <c r="K2421" s="166">
        <v>0</v>
      </c>
      <c r="L2421" s="166">
        <v>0</v>
      </c>
      <c r="M2421" s="166">
        <v>0</v>
      </c>
      <c r="N2421" s="166">
        <v>0</v>
      </c>
      <c r="O2421" s="166">
        <v>0</v>
      </c>
      <c r="P2421" s="166">
        <v>0</v>
      </c>
      <c r="Q2421" s="166">
        <v>0</v>
      </c>
      <c r="R2421" s="166">
        <v>0</v>
      </c>
      <c r="S2421" s="166">
        <v>0</v>
      </c>
      <c r="T2421" s="166">
        <v>0</v>
      </c>
      <c r="U2421" s="166">
        <v>0</v>
      </c>
      <c r="V2421" s="166">
        <v>0</v>
      </c>
      <c r="W2421" s="166">
        <v>0</v>
      </c>
      <c r="X2421" s="166">
        <v>0</v>
      </c>
      <c r="Y2421" s="166">
        <v>0</v>
      </c>
      <c r="Z2421" s="166">
        <v>0</v>
      </c>
      <c r="AA2421" s="166">
        <v>0</v>
      </c>
      <c r="AB2421" s="166">
        <v>0</v>
      </c>
      <c r="AC2421" s="166">
        <v>0</v>
      </c>
      <c r="AD2421" s="166">
        <v>0</v>
      </c>
      <c r="AE2421" s="166">
        <v>0</v>
      </c>
      <c r="AF2421" s="166">
        <v>0</v>
      </c>
      <c r="AG2421" s="166">
        <v>0</v>
      </c>
      <c r="AH2421" s="166">
        <v>0</v>
      </c>
      <c r="AI2421" s="166">
        <v>0</v>
      </c>
      <c r="AJ2421" s="166">
        <v>0</v>
      </c>
      <c r="AK2421" s="166">
        <v>0</v>
      </c>
      <c r="AL2421" s="166">
        <v>0</v>
      </c>
      <c r="AM2421" s="166">
        <v>0</v>
      </c>
      <c r="AN2421" s="166">
        <v>0</v>
      </c>
      <c r="AO2421" s="166">
        <v>0</v>
      </c>
      <c r="AP2421" s="166">
        <v>0</v>
      </c>
      <c r="AQ2421" s="166">
        <v>0</v>
      </c>
      <c r="AR2421" s="166">
        <v>0</v>
      </c>
      <c r="AS2421" s="166">
        <v>0</v>
      </c>
      <c r="AT2421" s="166">
        <v>0</v>
      </c>
      <c r="AU2421" s="166">
        <v>0</v>
      </c>
      <c r="AV2421" s="166">
        <v>0</v>
      </c>
      <c r="AW2421" s="166">
        <v>0</v>
      </c>
      <c r="AX2421" s="166">
        <v>0</v>
      </c>
      <c r="AY2421" s="166">
        <v>0</v>
      </c>
      <c r="AZ2421" s="166">
        <v>0</v>
      </c>
      <c r="BA2421" s="166">
        <v>0</v>
      </c>
      <c r="BB2421" s="166">
        <v>0</v>
      </c>
      <c r="BC2421" s="166">
        <v>0</v>
      </c>
      <c r="BD2421" s="166">
        <v>0</v>
      </c>
      <c r="BE2421" s="166">
        <v>0</v>
      </c>
      <c r="BF2421" s="166">
        <v>0</v>
      </c>
      <c r="BG2421" s="166">
        <v>0</v>
      </c>
      <c r="BH2421" s="166">
        <v>0</v>
      </c>
      <c r="BI2421" s="166">
        <v>0</v>
      </c>
      <c r="BJ2421" s="166">
        <v>0</v>
      </c>
      <c r="BK2421" s="166">
        <v>0</v>
      </c>
      <c r="BL2421" s="166">
        <v>0</v>
      </c>
      <c r="BM2421" s="166">
        <v>0</v>
      </c>
      <c r="BN2421" s="166">
        <v>0</v>
      </c>
      <c r="BO2421" s="166">
        <v>0</v>
      </c>
      <c r="BP2421" s="166">
        <v>0</v>
      </c>
      <c r="BQ2421" s="166">
        <v>0</v>
      </c>
      <c r="BR2421" s="166">
        <v>6.9426848122963803E-12</v>
      </c>
      <c r="BS2421" s="166">
        <v>6.9426848122963803E-12</v>
      </c>
      <c r="BT2421" s="168">
        <v>0.99999812279077205</v>
      </c>
      <c r="BU2421" s="166">
        <v>0</v>
      </c>
      <c r="BV2421" s="166">
        <v>6.94267177942438E-12</v>
      </c>
      <c r="BW2421" s="166">
        <v>0</v>
      </c>
      <c r="BX2421" s="166">
        <v>0</v>
      </c>
      <c r="BY2421" s="166">
        <v>0</v>
      </c>
      <c r="BZ2421" s="166">
        <v>0</v>
      </c>
      <c r="CA2421" s="166">
        <v>0</v>
      </c>
      <c r="CB2421" s="166">
        <v>0</v>
      </c>
      <c r="CC2421" s="166">
        <v>0</v>
      </c>
      <c r="CD2421" s="166">
        <v>0</v>
      </c>
      <c r="CE2421" s="166">
        <v>0</v>
      </c>
      <c r="CF2421" s="166">
        <v>0</v>
      </c>
      <c r="CG2421" s="166">
        <v>0</v>
      </c>
      <c r="CH2421" s="166">
        <v>0</v>
      </c>
      <c r="CI2421" s="166">
        <v>0</v>
      </c>
      <c r="CJ2421" s="166">
        <v>0</v>
      </c>
      <c r="CK2421" s="166">
        <v>0</v>
      </c>
      <c r="CL2421" s="166">
        <v>0</v>
      </c>
      <c r="CM2421" s="166">
        <v>0</v>
      </c>
      <c r="CN2421" s="166">
        <v>0</v>
      </c>
      <c r="CO2421" s="166">
        <v>0</v>
      </c>
      <c r="CP2421" s="166">
        <v>0</v>
      </c>
      <c r="CQ2421" s="166">
        <v>0</v>
      </c>
      <c r="CR2421" s="166">
        <v>0</v>
      </c>
      <c r="CS2421" s="166">
        <v>0</v>
      </c>
      <c r="CT2421" s="166">
        <v>0</v>
      </c>
      <c r="CU2421" s="166">
        <v>0</v>
      </c>
      <c r="CV2421" s="166">
        <v>0</v>
      </c>
      <c r="CW2421" s="166">
        <v>0</v>
      </c>
      <c r="CX2421" s="166">
        <v>0</v>
      </c>
      <c r="CY2421" s="166">
        <v>6.94267177942438E-12</v>
      </c>
      <c r="CZ2421" s="166">
        <v>6.94267177942438E-12</v>
      </c>
    </row>
    <row r="2422" spans="1:104" x14ac:dyDescent="0.2">
      <c r="A2422" s="167" t="s">
        <v>1104</v>
      </c>
      <c r="B2422" s="166">
        <v>396723.47</v>
      </c>
      <c r="C2422" s="166">
        <v>396723.47</v>
      </c>
      <c r="D2422" s="166">
        <v>0</v>
      </c>
      <c r="E2422" s="166">
        <v>0</v>
      </c>
      <c r="F2422" s="166">
        <v>0</v>
      </c>
      <c r="G2422" s="166">
        <v>0</v>
      </c>
      <c r="H2422" s="166">
        <v>0</v>
      </c>
      <c r="I2422" s="166">
        <v>0</v>
      </c>
      <c r="J2422" s="166">
        <v>0</v>
      </c>
      <c r="K2422" s="166">
        <v>0</v>
      </c>
      <c r="L2422" s="166">
        <v>0</v>
      </c>
      <c r="M2422" s="166">
        <v>0</v>
      </c>
      <c r="N2422" s="166">
        <v>0</v>
      </c>
      <c r="O2422" s="166">
        <v>0</v>
      </c>
      <c r="P2422" s="166">
        <v>0</v>
      </c>
      <c r="Q2422" s="166">
        <v>0</v>
      </c>
      <c r="R2422" s="166">
        <v>0</v>
      </c>
      <c r="S2422" s="166">
        <v>0</v>
      </c>
      <c r="T2422" s="166">
        <v>0</v>
      </c>
      <c r="U2422" s="166">
        <v>0</v>
      </c>
      <c r="V2422" s="166">
        <v>0</v>
      </c>
      <c r="W2422" s="166">
        <v>0</v>
      </c>
      <c r="X2422" s="166">
        <v>0</v>
      </c>
      <c r="Y2422" s="166">
        <v>0</v>
      </c>
      <c r="Z2422" s="166">
        <v>0</v>
      </c>
      <c r="AA2422" s="166">
        <v>0</v>
      </c>
      <c r="AB2422" s="166">
        <v>0</v>
      </c>
      <c r="AC2422" s="166">
        <v>0</v>
      </c>
      <c r="AD2422" s="166">
        <v>0</v>
      </c>
      <c r="AE2422" s="166">
        <v>0</v>
      </c>
      <c r="AF2422" s="166">
        <v>0</v>
      </c>
      <c r="AG2422" s="166">
        <v>0</v>
      </c>
      <c r="AH2422" s="166">
        <v>0</v>
      </c>
      <c r="AI2422" s="166">
        <v>0</v>
      </c>
      <c r="AJ2422" s="166">
        <v>0</v>
      </c>
      <c r="AK2422" s="166">
        <v>0</v>
      </c>
      <c r="AL2422" s="166">
        <v>0</v>
      </c>
      <c r="AM2422" s="166">
        <v>0</v>
      </c>
      <c r="AN2422" s="166">
        <v>0</v>
      </c>
      <c r="AO2422" s="166">
        <v>0</v>
      </c>
      <c r="AP2422" s="166">
        <v>0</v>
      </c>
      <c r="AQ2422" s="166">
        <v>0</v>
      </c>
      <c r="AR2422" s="166">
        <v>0</v>
      </c>
      <c r="AS2422" s="166">
        <v>0</v>
      </c>
      <c r="AT2422" s="166">
        <v>0</v>
      </c>
      <c r="AU2422" s="166">
        <v>0</v>
      </c>
      <c r="AV2422" s="166">
        <v>0</v>
      </c>
      <c r="AW2422" s="166">
        <v>0</v>
      </c>
      <c r="AX2422" s="166">
        <v>0</v>
      </c>
      <c r="AY2422" s="166">
        <v>0</v>
      </c>
      <c r="AZ2422" s="166">
        <v>0</v>
      </c>
      <c r="BA2422" s="166">
        <v>0</v>
      </c>
      <c r="BB2422" s="166">
        <v>0</v>
      </c>
      <c r="BC2422" s="166">
        <v>0</v>
      </c>
      <c r="BD2422" s="166">
        <v>0</v>
      </c>
      <c r="BE2422" s="166">
        <v>0</v>
      </c>
      <c r="BF2422" s="166">
        <v>0</v>
      </c>
      <c r="BG2422" s="166">
        <v>0</v>
      </c>
      <c r="BH2422" s="166">
        <v>0</v>
      </c>
      <c r="BI2422" s="166">
        <v>0</v>
      </c>
      <c r="BJ2422" s="166">
        <v>0</v>
      </c>
      <c r="BK2422" s="166">
        <v>0</v>
      </c>
      <c r="BL2422" s="166">
        <v>0</v>
      </c>
      <c r="BM2422" s="166">
        <v>0</v>
      </c>
      <c r="BN2422" s="166">
        <v>0</v>
      </c>
      <c r="BO2422" s="166">
        <v>0</v>
      </c>
      <c r="BP2422" s="166">
        <v>0</v>
      </c>
      <c r="BQ2422" s="166">
        <v>0</v>
      </c>
      <c r="BR2422" s="166">
        <v>396723.47</v>
      </c>
      <c r="BS2422" s="166">
        <v>396723.47</v>
      </c>
      <c r="BT2422" s="168">
        <v>0.70788236107156799</v>
      </c>
      <c r="BU2422" s="166">
        <v>28247.0758197262</v>
      </c>
      <c r="BV2422" s="166">
        <v>280833.54663610499</v>
      </c>
      <c r="BW2422" s="166">
        <v>0</v>
      </c>
      <c r="BX2422" s="166">
        <v>0</v>
      </c>
      <c r="BY2422" s="166">
        <v>0</v>
      </c>
      <c r="BZ2422" s="166">
        <v>0</v>
      </c>
      <c r="CA2422" s="166">
        <v>0</v>
      </c>
      <c r="CB2422" s="166">
        <v>0</v>
      </c>
      <c r="CC2422" s="166">
        <v>0</v>
      </c>
      <c r="CD2422" s="166">
        <v>0</v>
      </c>
      <c r="CE2422" s="166">
        <v>0</v>
      </c>
      <c r="CF2422" s="166">
        <v>0</v>
      </c>
      <c r="CG2422" s="166">
        <v>0</v>
      </c>
      <c r="CH2422" s="166">
        <v>0</v>
      </c>
      <c r="CI2422" s="166">
        <v>0</v>
      </c>
      <c r="CJ2422" s="166">
        <v>0</v>
      </c>
      <c r="CK2422" s="166">
        <v>0</v>
      </c>
      <c r="CL2422" s="166">
        <v>0</v>
      </c>
      <c r="CM2422" s="166">
        <v>0</v>
      </c>
      <c r="CN2422" s="166">
        <v>0</v>
      </c>
      <c r="CO2422" s="166">
        <v>0</v>
      </c>
      <c r="CP2422" s="166">
        <v>0</v>
      </c>
      <c r="CQ2422" s="166">
        <v>0</v>
      </c>
      <c r="CR2422" s="166">
        <v>0</v>
      </c>
      <c r="CS2422" s="166">
        <v>0</v>
      </c>
      <c r="CT2422" s="166">
        <v>0</v>
      </c>
      <c r="CU2422" s="166">
        <v>0</v>
      </c>
      <c r="CV2422" s="166">
        <v>0</v>
      </c>
      <c r="CW2422" s="166">
        <v>0</v>
      </c>
      <c r="CX2422" s="166">
        <v>0</v>
      </c>
      <c r="CY2422" s="166">
        <v>280833.54663610499</v>
      </c>
      <c r="CZ2422" s="166">
        <v>280833.54663610499</v>
      </c>
    </row>
    <row r="2423" spans="1:104" x14ac:dyDescent="0.2">
      <c r="A2423" s="167" t="s">
        <v>271</v>
      </c>
      <c r="B2423" s="166">
        <v>396723.47</v>
      </c>
      <c r="C2423" s="166">
        <v>396723.47</v>
      </c>
      <c r="D2423" s="166">
        <v>0</v>
      </c>
      <c r="E2423" s="166">
        <v>0</v>
      </c>
      <c r="F2423" s="166">
        <v>0</v>
      </c>
      <c r="G2423" s="166">
        <v>0</v>
      </c>
      <c r="H2423" s="166">
        <v>0</v>
      </c>
      <c r="I2423" s="166">
        <v>0</v>
      </c>
      <c r="J2423" s="166">
        <v>0</v>
      </c>
      <c r="K2423" s="166">
        <v>0</v>
      </c>
      <c r="L2423" s="166">
        <v>0</v>
      </c>
      <c r="M2423" s="166">
        <v>0</v>
      </c>
      <c r="N2423" s="166">
        <v>0</v>
      </c>
      <c r="O2423" s="166">
        <v>0</v>
      </c>
      <c r="P2423" s="166">
        <v>0</v>
      </c>
      <c r="Q2423" s="166">
        <v>0</v>
      </c>
      <c r="R2423" s="166">
        <v>0</v>
      </c>
      <c r="S2423" s="166">
        <v>0</v>
      </c>
      <c r="T2423" s="166">
        <v>0</v>
      </c>
      <c r="U2423" s="166">
        <v>0</v>
      </c>
      <c r="V2423" s="166">
        <v>0</v>
      </c>
      <c r="W2423" s="166">
        <v>0</v>
      </c>
      <c r="X2423" s="166">
        <v>0</v>
      </c>
      <c r="Y2423" s="166">
        <v>0</v>
      </c>
      <c r="Z2423" s="166">
        <v>0</v>
      </c>
      <c r="AA2423" s="166">
        <v>0</v>
      </c>
      <c r="AB2423" s="166">
        <v>0</v>
      </c>
      <c r="AC2423" s="166">
        <v>0</v>
      </c>
      <c r="AD2423" s="166">
        <v>0</v>
      </c>
      <c r="AE2423" s="166">
        <v>0</v>
      </c>
      <c r="AF2423" s="166">
        <v>0</v>
      </c>
      <c r="AG2423" s="166">
        <v>0</v>
      </c>
      <c r="AH2423" s="166">
        <v>0</v>
      </c>
      <c r="AI2423" s="166">
        <v>0</v>
      </c>
      <c r="AJ2423" s="166">
        <v>0</v>
      </c>
      <c r="AK2423" s="166">
        <v>0</v>
      </c>
      <c r="AL2423" s="166">
        <v>0</v>
      </c>
      <c r="AM2423" s="166">
        <v>0</v>
      </c>
      <c r="AN2423" s="166">
        <v>0</v>
      </c>
      <c r="AO2423" s="166">
        <v>0</v>
      </c>
      <c r="AP2423" s="166">
        <v>0</v>
      </c>
      <c r="AQ2423" s="166">
        <v>0</v>
      </c>
      <c r="AR2423" s="166">
        <v>0</v>
      </c>
      <c r="AS2423" s="166">
        <v>0</v>
      </c>
      <c r="AT2423" s="166">
        <v>0</v>
      </c>
      <c r="AU2423" s="166">
        <v>0</v>
      </c>
      <c r="AV2423" s="166">
        <v>0</v>
      </c>
      <c r="AW2423" s="166">
        <v>0</v>
      </c>
      <c r="AX2423" s="166">
        <v>0</v>
      </c>
      <c r="AY2423" s="166">
        <v>0</v>
      </c>
      <c r="AZ2423" s="166">
        <v>0</v>
      </c>
      <c r="BA2423" s="166">
        <v>0</v>
      </c>
      <c r="BB2423" s="166">
        <v>0</v>
      </c>
      <c r="BC2423" s="166">
        <v>0</v>
      </c>
      <c r="BD2423" s="166">
        <v>0</v>
      </c>
      <c r="BE2423" s="166">
        <v>0</v>
      </c>
      <c r="BF2423" s="166">
        <v>0</v>
      </c>
      <c r="BG2423" s="166">
        <v>0</v>
      </c>
      <c r="BH2423" s="166">
        <v>0</v>
      </c>
      <c r="BI2423" s="166">
        <v>0</v>
      </c>
      <c r="BJ2423" s="166">
        <v>0</v>
      </c>
      <c r="BK2423" s="166">
        <v>0</v>
      </c>
      <c r="BL2423" s="166">
        <v>0</v>
      </c>
      <c r="BM2423" s="166">
        <v>0</v>
      </c>
      <c r="BN2423" s="166">
        <v>0</v>
      </c>
      <c r="BO2423" s="166">
        <v>0</v>
      </c>
      <c r="BP2423" s="166">
        <v>0</v>
      </c>
      <c r="BQ2423" s="166">
        <v>0</v>
      </c>
      <c r="BR2423" s="166">
        <v>396723.47</v>
      </c>
      <c r="BS2423" s="166">
        <v>396723.47</v>
      </c>
      <c r="BT2423" s="168">
        <v>0</v>
      </c>
      <c r="BU2423" s="166">
        <v>28247.0758197262</v>
      </c>
      <c r="BV2423" s="166">
        <v>280833.54663610499</v>
      </c>
      <c r="BW2423" s="166">
        <v>0</v>
      </c>
      <c r="BX2423" s="166">
        <v>0</v>
      </c>
      <c r="BY2423" s="166">
        <v>0</v>
      </c>
      <c r="BZ2423" s="166">
        <v>0</v>
      </c>
      <c r="CA2423" s="166">
        <v>0</v>
      </c>
      <c r="CB2423" s="166">
        <v>0</v>
      </c>
      <c r="CC2423" s="166">
        <v>0</v>
      </c>
      <c r="CD2423" s="166">
        <v>0</v>
      </c>
      <c r="CE2423" s="166">
        <v>0</v>
      </c>
      <c r="CF2423" s="166">
        <v>0</v>
      </c>
      <c r="CG2423" s="166">
        <v>0</v>
      </c>
      <c r="CH2423" s="166">
        <v>0</v>
      </c>
      <c r="CI2423" s="166">
        <v>0</v>
      </c>
      <c r="CJ2423" s="166">
        <v>0</v>
      </c>
      <c r="CK2423" s="166">
        <v>0</v>
      </c>
      <c r="CL2423" s="166">
        <v>0</v>
      </c>
      <c r="CM2423" s="166">
        <v>0</v>
      </c>
      <c r="CN2423" s="166">
        <v>0</v>
      </c>
      <c r="CO2423" s="166">
        <v>0</v>
      </c>
      <c r="CP2423" s="166">
        <v>0</v>
      </c>
      <c r="CQ2423" s="166">
        <v>0</v>
      </c>
      <c r="CR2423" s="166">
        <v>0</v>
      </c>
      <c r="CS2423" s="166">
        <v>0</v>
      </c>
      <c r="CT2423" s="166">
        <v>0</v>
      </c>
      <c r="CU2423" s="166">
        <v>0</v>
      </c>
      <c r="CV2423" s="166">
        <v>0</v>
      </c>
      <c r="CW2423" s="166">
        <v>0</v>
      </c>
      <c r="CX2423" s="166">
        <v>0</v>
      </c>
      <c r="CY2423" s="166">
        <v>280833.54663610499</v>
      </c>
      <c r="CZ2423" s="166">
        <v>280833.54663610499</v>
      </c>
    </row>
    <row r="2424" spans="1:104" x14ac:dyDescent="0.2">
      <c r="A2424" s="167" t="s">
        <v>272</v>
      </c>
    </row>
    <row r="2425" spans="1:104" x14ac:dyDescent="0.2">
      <c r="A2425" s="167" t="s">
        <v>1105</v>
      </c>
      <c r="B2425" s="166">
        <v>0</v>
      </c>
      <c r="C2425" s="166">
        <v>0</v>
      </c>
      <c r="D2425" s="166">
        <v>0</v>
      </c>
      <c r="E2425" s="166">
        <v>0</v>
      </c>
      <c r="F2425" s="166">
        <v>0</v>
      </c>
      <c r="G2425" s="166">
        <v>0</v>
      </c>
      <c r="H2425" s="166">
        <v>0</v>
      </c>
      <c r="I2425" s="166">
        <v>0</v>
      </c>
      <c r="J2425" s="166">
        <v>0</v>
      </c>
      <c r="K2425" s="166">
        <v>0</v>
      </c>
      <c r="L2425" s="166">
        <v>0</v>
      </c>
      <c r="M2425" s="166">
        <v>0</v>
      </c>
      <c r="N2425" s="166">
        <v>0</v>
      </c>
      <c r="O2425" s="166">
        <v>0</v>
      </c>
      <c r="P2425" s="166">
        <v>0</v>
      </c>
      <c r="Q2425" s="166">
        <v>0</v>
      </c>
      <c r="R2425" s="166">
        <v>0</v>
      </c>
      <c r="S2425" s="166">
        <v>0</v>
      </c>
      <c r="T2425" s="166">
        <v>0</v>
      </c>
      <c r="U2425" s="166">
        <v>0</v>
      </c>
      <c r="V2425" s="166">
        <v>0</v>
      </c>
      <c r="W2425" s="166">
        <v>0</v>
      </c>
      <c r="X2425" s="166">
        <v>0</v>
      </c>
      <c r="Y2425" s="166">
        <v>0</v>
      </c>
      <c r="Z2425" s="166">
        <v>0</v>
      </c>
      <c r="AA2425" s="166">
        <v>0</v>
      </c>
      <c r="AB2425" s="166">
        <v>0</v>
      </c>
      <c r="AC2425" s="166">
        <v>0</v>
      </c>
      <c r="AD2425" s="166">
        <v>0</v>
      </c>
      <c r="AE2425" s="166">
        <v>0</v>
      </c>
      <c r="AF2425" s="166">
        <v>0</v>
      </c>
      <c r="AG2425" s="166">
        <v>0</v>
      </c>
      <c r="AH2425" s="166">
        <v>0</v>
      </c>
      <c r="AI2425" s="166">
        <v>0</v>
      </c>
      <c r="AJ2425" s="166">
        <v>0</v>
      </c>
      <c r="AK2425" s="166">
        <v>0</v>
      </c>
      <c r="AL2425" s="166">
        <v>0</v>
      </c>
      <c r="AM2425" s="166">
        <v>0</v>
      </c>
      <c r="AN2425" s="166">
        <v>0</v>
      </c>
      <c r="AO2425" s="166">
        <v>0</v>
      </c>
      <c r="AP2425" s="166">
        <v>0</v>
      </c>
      <c r="AQ2425" s="166">
        <v>0</v>
      </c>
      <c r="AR2425" s="166">
        <v>0</v>
      </c>
      <c r="AS2425" s="166">
        <v>0</v>
      </c>
      <c r="AT2425" s="166">
        <v>0</v>
      </c>
      <c r="AU2425" s="166">
        <v>0</v>
      </c>
      <c r="AV2425" s="166">
        <v>0</v>
      </c>
      <c r="AW2425" s="166">
        <v>0</v>
      </c>
      <c r="AX2425" s="166">
        <v>0</v>
      </c>
      <c r="AY2425" s="166">
        <v>0</v>
      </c>
      <c r="AZ2425" s="166">
        <v>0</v>
      </c>
      <c r="BA2425" s="166">
        <v>0</v>
      </c>
      <c r="BB2425" s="166">
        <v>0</v>
      </c>
      <c r="BC2425" s="166">
        <v>0</v>
      </c>
      <c r="BD2425" s="166">
        <v>0</v>
      </c>
      <c r="BE2425" s="166">
        <v>0</v>
      </c>
      <c r="BF2425" s="166">
        <v>0</v>
      </c>
      <c r="BG2425" s="166">
        <v>0</v>
      </c>
      <c r="BH2425" s="166">
        <v>0</v>
      </c>
      <c r="BI2425" s="166">
        <v>0</v>
      </c>
      <c r="BJ2425" s="166">
        <v>0</v>
      </c>
      <c r="BK2425" s="166">
        <v>0</v>
      </c>
      <c r="BL2425" s="166">
        <v>0</v>
      </c>
      <c r="BM2425" s="166">
        <v>0</v>
      </c>
      <c r="BN2425" s="166">
        <v>0</v>
      </c>
      <c r="BO2425" s="166">
        <v>0</v>
      </c>
      <c r="BP2425" s="166">
        <v>0</v>
      </c>
      <c r="BQ2425" s="166">
        <v>0</v>
      </c>
      <c r="BR2425" s="166">
        <v>0</v>
      </c>
      <c r="BS2425" s="166">
        <v>0</v>
      </c>
      <c r="BT2425" s="168">
        <v>0.99999812279077205</v>
      </c>
      <c r="BU2425" s="166">
        <v>0</v>
      </c>
      <c r="BV2425" s="166">
        <v>0</v>
      </c>
      <c r="BW2425" s="166">
        <v>0</v>
      </c>
      <c r="BX2425" s="166">
        <v>0</v>
      </c>
      <c r="BY2425" s="166">
        <v>0</v>
      </c>
      <c r="BZ2425" s="166">
        <v>0</v>
      </c>
      <c r="CA2425" s="166">
        <v>0</v>
      </c>
      <c r="CB2425" s="166">
        <v>0</v>
      </c>
      <c r="CC2425" s="166">
        <v>0</v>
      </c>
      <c r="CD2425" s="166">
        <v>0</v>
      </c>
      <c r="CE2425" s="166">
        <v>0</v>
      </c>
      <c r="CF2425" s="166">
        <v>0</v>
      </c>
      <c r="CG2425" s="166">
        <v>0</v>
      </c>
      <c r="CH2425" s="166">
        <v>0</v>
      </c>
      <c r="CI2425" s="166">
        <v>0</v>
      </c>
      <c r="CJ2425" s="166">
        <v>0</v>
      </c>
      <c r="CK2425" s="166">
        <v>0</v>
      </c>
      <c r="CL2425" s="166">
        <v>0</v>
      </c>
      <c r="CM2425" s="166">
        <v>0</v>
      </c>
      <c r="CN2425" s="166">
        <v>0</v>
      </c>
      <c r="CO2425" s="166">
        <v>0</v>
      </c>
      <c r="CP2425" s="166">
        <v>0</v>
      </c>
      <c r="CQ2425" s="166">
        <v>0</v>
      </c>
      <c r="CR2425" s="166">
        <v>0</v>
      </c>
      <c r="CS2425" s="166">
        <v>0</v>
      </c>
      <c r="CT2425" s="166">
        <v>0</v>
      </c>
      <c r="CU2425" s="166">
        <v>0</v>
      </c>
      <c r="CV2425" s="166">
        <v>0</v>
      </c>
      <c r="CW2425" s="166">
        <v>0</v>
      </c>
      <c r="CX2425" s="166">
        <v>0</v>
      </c>
      <c r="CY2425" s="166">
        <v>0</v>
      </c>
      <c r="CZ2425" s="166">
        <v>0</v>
      </c>
    </row>
    <row r="2426" spans="1:104" x14ac:dyDescent="0.2">
      <c r="A2426" s="167" t="s">
        <v>1106</v>
      </c>
      <c r="B2426" s="166">
        <v>0</v>
      </c>
      <c r="C2426" s="166">
        <v>0</v>
      </c>
      <c r="D2426" s="166">
        <v>0</v>
      </c>
      <c r="E2426" s="166">
        <v>0</v>
      </c>
      <c r="F2426" s="166">
        <v>0</v>
      </c>
      <c r="G2426" s="166">
        <v>0</v>
      </c>
      <c r="H2426" s="166">
        <v>0</v>
      </c>
      <c r="I2426" s="166">
        <v>0</v>
      </c>
      <c r="J2426" s="166">
        <v>0</v>
      </c>
      <c r="K2426" s="166">
        <v>0</v>
      </c>
      <c r="L2426" s="166">
        <v>0</v>
      </c>
      <c r="M2426" s="166">
        <v>0</v>
      </c>
      <c r="N2426" s="166">
        <v>0</v>
      </c>
      <c r="O2426" s="166">
        <v>0</v>
      </c>
      <c r="P2426" s="166">
        <v>0</v>
      </c>
      <c r="Q2426" s="166">
        <v>0</v>
      </c>
      <c r="R2426" s="166">
        <v>0</v>
      </c>
      <c r="S2426" s="166">
        <v>0</v>
      </c>
      <c r="T2426" s="166">
        <v>0</v>
      </c>
      <c r="U2426" s="166">
        <v>0</v>
      </c>
      <c r="V2426" s="166">
        <v>0</v>
      </c>
      <c r="W2426" s="166">
        <v>0</v>
      </c>
      <c r="X2426" s="166">
        <v>0</v>
      </c>
      <c r="Y2426" s="166">
        <v>0</v>
      </c>
      <c r="Z2426" s="166">
        <v>0</v>
      </c>
      <c r="AA2426" s="166">
        <v>0</v>
      </c>
      <c r="AB2426" s="166">
        <v>0</v>
      </c>
      <c r="AC2426" s="166">
        <v>0</v>
      </c>
      <c r="AD2426" s="166">
        <v>0</v>
      </c>
      <c r="AE2426" s="166">
        <v>0</v>
      </c>
      <c r="AF2426" s="166">
        <v>0</v>
      </c>
      <c r="AG2426" s="166">
        <v>0</v>
      </c>
      <c r="AH2426" s="166">
        <v>0</v>
      </c>
      <c r="AI2426" s="166">
        <v>0</v>
      </c>
      <c r="AJ2426" s="166">
        <v>0</v>
      </c>
      <c r="AK2426" s="166">
        <v>0</v>
      </c>
      <c r="AL2426" s="166">
        <v>0</v>
      </c>
      <c r="AM2426" s="166">
        <v>0</v>
      </c>
      <c r="AN2426" s="166">
        <v>0</v>
      </c>
      <c r="AO2426" s="166">
        <v>0</v>
      </c>
      <c r="AP2426" s="166">
        <v>0</v>
      </c>
      <c r="AQ2426" s="166">
        <v>0</v>
      </c>
      <c r="AR2426" s="166">
        <v>0</v>
      </c>
      <c r="AS2426" s="166">
        <v>0</v>
      </c>
      <c r="AT2426" s="166">
        <v>0</v>
      </c>
      <c r="AU2426" s="166">
        <v>0</v>
      </c>
      <c r="AV2426" s="166">
        <v>0</v>
      </c>
      <c r="AW2426" s="166">
        <v>0</v>
      </c>
      <c r="AX2426" s="166">
        <v>0</v>
      </c>
      <c r="AY2426" s="166">
        <v>0</v>
      </c>
      <c r="AZ2426" s="166">
        <v>0</v>
      </c>
      <c r="BA2426" s="166">
        <v>0</v>
      </c>
      <c r="BB2426" s="166">
        <v>0</v>
      </c>
      <c r="BC2426" s="166">
        <v>0</v>
      </c>
      <c r="BD2426" s="166">
        <v>0</v>
      </c>
      <c r="BE2426" s="166">
        <v>0</v>
      </c>
      <c r="BF2426" s="166">
        <v>0</v>
      </c>
      <c r="BG2426" s="166">
        <v>0</v>
      </c>
      <c r="BH2426" s="166">
        <v>0</v>
      </c>
      <c r="BI2426" s="166">
        <v>0</v>
      </c>
      <c r="BJ2426" s="166">
        <v>0</v>
      </c>
      <c r="BK2426" s="166">
        <v>0</v>
      </c>
      <c r="BL2426" s="166">
        <v>0</v>
      </c>
      <c r="BM2426" s="166">
        <v>0</v>
      </c>
      <c r="BN2426" s="166">
        <v>0</v>
      </c>
      <c r="BO2426" s="166">
        <v>0</v>
      </c>
      <c r="BP2426" s="166">
        <v>0</v>
      </c>
      <c r="BQ2426" s="166">
        <v>0</v>
      </c>
      <c r="BR2426" s="166">
        <v>0</v>
      </c>
      <c r="BS2426" s="166">
        <v>0</v>
      </c>
      <c r="BT2426" s="168">
        <v>0.95155251328940305</v>
      </c>
      <c r="BU2426" s="166">
        <v>0</v>
      </c>
      <c r="BV2426" s="166">
        <v>0</v>
      </c>
      <c r="BW2426" s="166">
        <v>0</v>
      </c>
      <c r="BX2426" s="166">
        <v>0</v>
      </c>
      <c r="BY2426" s="166">
        <v>0</v>
      </c>
      <c r="BZ2426" s="166">
        <v>0</v>
      </c>
      <c r="CA2426" s="166">
        <v>0</v>
      </c>
      <c r="CB2426" s="166">
        <v>0</v>
      </c>
      <c r="CC2426" s="166">
        <v>0</v>
      </c>
      <c r="CD2426" s="166">
        <v>0</v>
      </c>
      <c r="CE2426" s="166">
        <v>0</v>
      </c>
      <c r="CF2426" s="166">
        <v>0</v>
      </c>
      <c r="CG2426" s="166">
        <v>0</v>
      </c>
      <c r="CH2426" s="166">
        <v>0</v>
      </c>
      <c r="CI2426" s="166">
        <v>0</v>
      </c>
      <c r="CJ2426" s="166">
        <v>0</v>
      </c>
      <c r="CK2426" s="166">
        <v>0</v>
      </c>
      <c r="CL2426" s="166">
        <v>0</v>
      </c>
      <c r="CM2426" s="166">
        <v>0</v>
      </c>
      <c r="CN2426" s="166">
        <v>0</v>
      </c>
      <c r="CO2426" s="166">
        <v>0</v>
      </c>
      <c r="CP2426" s="166">
        <v>0</v>
      </c>
      <c r="CQ2426" s="166">
        <v>0</v>
      </c>
      <c r="CR2426" s="166">
        <v>0</v>
      </c>
      <c r="CS2426" s="166">
        <v>0</v>
      </c>
      <c r="CT2426" s="166">
        <v>0</v>
      </c>
      <c r="CU2426" s="166">
        <v>0</v>
      </c>
      <c r="CV2426" s="166">
        <v>0</v>
      </c>
      <c r="CW2426" s="166">
        <v>0</v>
      </c>
      <c r="CX2426" s="166">
        <v>0</v>
      </c>
      <c r="CY2426" s="166">
        <v>0</v>
      </c>
      <c r="CZ2426" s="166">
        <v>0</v>
      </c>
    </row>
    <row r="2427" spans="1:104" x14ac:dyDescent="0.2">
      <c r="A2427" s="167" t="s">
        <v>275</v>
      </c>
      <c r="B2427" s="166">
        <v>0</v>
      </c>
      <c r="C2427" s="166">
        <v>0</v>
      </c>
      <c r="D2427" s="166">
        <v>0</v>
      </c>
      <c r="E2427" s="166">
        <v>0</v>
      </c>
      <c r="F2427" s="166">
        <v>0</v>
      </c>
      <c r="G2427" s="166">
        <v>0</v>
      </c>
      <c r="H2427" s="166">
        <v>0</v>
      </c>
      <c r="I2427" s="166">
        <v>0</v>
      </c>
      <c r="J2427" s="166">
        <v>0</v>
      </c>
      <c r="K2427" s="166">
        <v>0</v>
      </c>
      <c r="L2427" s="166">
        <v>0</v>
      </c>
      <c r="M2427" s="166">
        <v>0</v>
      </c>
      <c r="N2427" s="166">
        <v>0</v>
      </c>
      <c r="O2427" s="166">
        <v>0</v>
      </c>
      <c r="P2427" s="166">
        <v>0</v>
      </c>
      <c r="Q2427" s="166">
        <v>0</v>
      </c>
      <c r="R2427" s="166">
        <v>0</v>
      </c>
      <c r="S2427" s="166">
        <v>0</v>
      </c>
      <c r="T2427" s="166">
        <v>0</v>
      </c>
      <c r="U2427" s="166">
        <v>0</v>
      </c>
      <c r="V2427" s="166">
        <v>0</v>
      </c>
      <c r="W2427" s="166">
        <v>0</v>
      </c>
      <c r="X2427" s="166">
        <v>0</v>
      </c>
      <c r="Y2427" s="166">
        <v>0</v>
      </c>
      <c r="Z2427" s="166">
        <v>0</v>
      </c>
      <c r="AA2427" s="166">
        <v>0</v>
      </c>
      <c r="AB2427" s="166">
        <v>0</v>
      </c>
      <c r="AC2427" s="166">
        <v>0</v>
      </c>
      <c r="AD2427" s="166">
        <v>0</v>
      </c>
      <c r="AE2427" s="166">
        <v>0</v>
      </c>
      <c r="AF2427" s="166">
        <v>0</v>
      </c>
      <c r="AG2427" s="166">
        <v>0</v>
      </c>
      <c r="AH2427" s="166">
        <v>0</v>
      </c>
      <c r="AI2427" s="166">
        <v>0</v>
      </c>
      <c r="AJ2427" s="166">
        <v>0</v>
      </c>
      <c r="AK2427" s="166">
        <v>0</v>
      </c>
      <c r="AL2427" s="166">
        <v>0</v>
      </c>
      <c r="AM2427" s="166">
        <v>0</v>
      </c>
      <c r="AN2427" s="166">
        <v>0</v>
      </c>
      <c r="AO2427" s="166">
        <v>0</v>
      </c>
      <c r="AP2427" s="166">
        <v>0</v>
      </c>
      <c r="AQ2427" s="166">
        <v>0</v>
      </c>
      <c r="AR2427" s="166">
        <v>0</v>
      </c>
      <c r="AS2427" s="166">
        <v>0</v>
      </c>
      <c r="AT2427" s="166">
        <v>0</v>
      </c>
      <c r="AU2427" s="166">
        <v>0</v>
      </c>
      <c r="AV2427" s="166">
        <v>0</v>
      </c>
      <c r="AW2427" s="166">
        <v>0</v>
      </c>
      <c r="AX2427" s="166">
        <v>0</v>
      </c>
      <c r="AY2427" s="166">
        <v>0</v>
      </c>
      <c r="AZ2427" s="166">
        <v>0</v>
      </c>
      <c r="BA2427" s="166">
        <v>0</v>
      </c>
      <c r="BB2427" s="166">
        <v>0</v>
      </c>
      <c r="BC2427" s="166">
        <v>0</v>
      </c>
      <c r="BD2427" s="166">
        <v>0</v>
      </c>
      <c r="BE2427" s="166">
        <v>0</v>
      </c>
      <c r="BF2427" s="166">
        <v>0</v>
      </c>
      <c r="BG2427" s="166">
        <v>0</v>
      </c>
      <c r="BH2427" s="166">
        <v>0</v>
      </c>
      <c r="BI2427" s="166">
        <v>0</v>
      </c>
      <c r="BJ2427" s="166">
        <v>0</v>
      </c>
      <c r="BK2427" s="166">
        <v>0</v>
      </c>
      <c r="BL2427" s="166">
        <v>0</v>
      </c>
      <c r="BM2427" s="166">
        <v>0</v>
      </c>
      <c r="BN2427" s="166">
        <v>0</v>
      </c>
      <c r="BO2427" s="166">
        <v>0</v>
      </c>
      <c r="BP2427" s="166">
        <v>0</v>
      </c>
      <c r="BQ2427" s="166">
        <v>0</v>
      </c>
      <c r="BR2427" s="166">
        <v>0</v>
      </c>
      <c r="BS2427" s="166">
        <v>0</v>
      </c>
      <c r="BT2427" s="168">
        <v>0.97794258413195501</v>
      </c>
      <c r="BU2427" s="166">
        <v>0</v>
      </c>
      <c r="BV2427" s="166">
        <v>0</v>
      </c>
      <c r="BW2427" s="166">
        <v>0</v>
      </c>
      <c r="BX2427" s="166">
        <v>0</v>
      </c>
      <c r="BY2427" s="166">
        <v>0</v>
      </c>
      <c r="BZ2427" s="166">
        <v>0</v>
      </c>
      <c r="CA2427" s="166">
        <v>0</v>
      </c>
      <c r="CB2427" s="166">
        <v>0</v>
      </c>
      <c r="CC2427" s="166">
        <v>0</v>
      </c>
      <c r="CD2427" s="166">
        <v>0</v>
      </c>
      <c r="CE2427" s="166">
        <v>0</v>
      </c>
      <c r="CF2427" s="166">
        <v>0</v>
      </c>
      <c r="CG2427" s="166">
        <v>0</v>
      </c>
      <c r="CH2427" s="166">
        <v>0</v>
      </c>
      <c r="CI2427" s="166">
        <v>0</v>
      </c>
      <c r="CJ2427" s="166">
        <v>0</v>
      </c>
      <c r="CK2427" s="166">
        <v>0</v>
      </c>
      <c r="CL2427" s="166">
        <v>0</v>
      </c>
      <c r="CM2427" s="166">
        <v>0</v>
      </c>
      <c r="CN2427" s="166">
        <v>0</v>
      </c>
      <c r="CO2427" s="166">
        <v>0</v>
      </c>
      <c r="CP2427" s="166">
        <v>0</v>
      </c>
      <c r="CQ2427" s="166">
        <v>0</v>
      </c>
      <c r="CR2427" s="166">
        <v>0</v>
      </c>
      <c r="CS2427" s="166">
        <v>0</v>
      </c>
      <c r="CT2427" s="166">
        <v>0</v>
      </c>
      <c r="CU2427" s="166">
        <v>0</v>
      </c>
      <c r="CV2427" s="166">
        <v>0</v>
      </c>
      <c r="CW2427" s="166">
        <v>0</v>
      </c>
      <c r="CX2427" s="166">
        <v>0</v>
      </c>
      <c r="CY2427" s="166">
        <v>0</v>
      </c>
      <c r="CZ2427" s="166">
        <v>0</v>
      </c>
    </row>
    <row r="2428" spans="1:104" x14ac:dyDescent="0.2">
      <c r="A2428" s="167" t="s">
        <v>276</v>
      </c>
      <c r="B2428" s="166">
        <v>0</v>
      </c>
      <c r="C2428" s="166">
        <v>0</v>
      </c>
      <c r="D2428" s="166">
        <v>0</v>
      </c>
      <c r="E2428" s="166">
        <v>0</v>
      </c>
      <c r="F2428" s="166">
        <v>0</v>
      </c>
      <c r="G2428" s="166">
        <v>0</v>
      </c>
      <c r="H2428" s="166">
        <v>0</v>
      </c>
      <c r="I2428" s="166">
        <v>0</v>
      </c>
      <c r="J2428" s="166">
        <v>0</v>
      </c>
      <c r="K2428" s="166">
        <v>0</v>
      </c>
      <c r="L2428" s="166">
        <v>0</v>
      </c>
      <c r="M2428" s="166">
        <v>0</v>
      </c>
      <c r="N2428" s="166">
        <v>0</v>
      </c>
      <c r="O2428" s="166">
        <v>0</v>
      </c>
      <c r="P2428" s="166">
        <v>0</v>
      </c>
      <c r="Q2428" s="166">
        <v>0</v>
      </c>
      <c r="R2428" s="166">
        <v>0</v>
      </c>
      <c r="S2428" s="166">
        <v>0</v>
      </c>
      <c r="T2428" s="166">
        <v>0</v>
      </c>
      <c r="U2428" s="166">
        <v>0</v>
      </c>
      <c r="V2428" s="166">
        <v>0</v>
      </c>
      <c r="W2428" s="166">
        <v>0</v>
      </c>
      <c r="X2428" s="166">
        <v>0</v>
      </c>
      <c r="Y2428" s="166">
        <v>0</v>
      </c>
      <c r="Z2428" s="166">
        <v>0</v>
      </c>
      <c r="AA2428" s="166">
        <v>0</v>
      </c>
      <c r="AB2428" s="166">
        <v>0</v>
      </c>
      <c r="AC2428" s="166">
        <v>0</v>
      </c>
      <c r="AD2428" s="166">
        <v>0</v>
      </c>
      <c r="AE2428" s="166">
        <v>0</v>
      </c>
      <c r="AF2428" s="166">
        <v>0</v>
      </c>
      <c r="AG2428" s="166">
        <v>0</v>
      </c>
      <c r="AH2428" s="166">
        <v>0</v>
      </c>
      <c r="AI2428" s="166">
        <v>0</v>
      </c>
      <c r="AJ2428" s="166">
        <v>0</v>
      </c>
      <c r="AK2428" s="166">
        <v>0</v>
      </c>
      <c r="AL2428" s="166">
        <v>0</v>
      </c>
      <c r="AM2428" s="166">
        <v>0</v>
      </c>
      <c r="AN2428" s="166">
        <v>0</v>
      </c>
      <c r="AO2428" s="166">
        <v>0</v>
      </c>
      <c r="AP2428" s="166">
        <v>0</v>
      </c>
      <c r="AQ2428" s="166">
        <v>0</v>
      </c>
      <c r="AR2428" s="166">
        <v>0</v>
      </c>
      <c r="AS2428" s="166">
        <v>0</v>
      </c>
      <c r="AT2428" s="166">
        <v>0</v>
      </c>
      <c r="AU2428" s="166">
        <v>0</v>
      </c>
      <c r="AV2428" s="166">
        <v>0</v>
      </c>
      <c r="AW2428" s="166">
        <v>0</v>
      </c>
      <c r="AX2428" s="166">
        <v>0</v>
      </c>
      <c r="AY2428" s="166">
        <v>0</v>
      </c>
      <c r="AZ2428" s="166">
        <v>0</v>
      </c>
      <c r="BA2428" s="166">
        <v>0</v>
      </c>
      <c r="BB2428" s="166">
        <v>0</v>
      </c>
      <c r="BC2428" s="166">
        <v>0</v>
      </c>
      <c r="BD2428" s="166">
        <v>0</v>
      </c>
      <c r="BE2428" s="166">
        <v>0</v>
      </c>
      <c r="BF2428" s="166">
        <v>0</v>
      </c>
      <c r="BG2428" s="166">
        <v>0</v>
      </c>
      <c r="BH2428" s="166">
        <v>0</v>
      </c>
      <c r="BI2428" s="166">
        <v>0</v>
      </c>
      <c r="BJ2428" s="166">
        <v>0</v>
      </c>
      <c r="BK2428" s="166">
        <v>0</v>
      </c>
      <c r="BL2428" s="166">
        <v>0</v>
      </c>
      <c r="BM2428" s="166">
        <v>0</v>
      </c>
      <c r="BN2428" s="166">
        <v>0</v>
      </c>
      <c r="BO2428" s="166">
        <v>0</v>
      </c>
      <c r="BP2428" s="166">
        <v>0</v>
      </c>
      <c r="BQ2428" s="166">
        <v>0</v>
      </c>
      <c r="BR2428" s="166">
        <v>0</v>
      </c>
      <c r="BS2428" s="166">
        <v>0</v>
      </c>
      <c r="BT2428" s="168">
        <v>0.99999812279077205</v>
      </c>
      <c r="BU2428" s="166">
        <v>0</v>
      </c>
      <c r="BV2428" s="166">
        <v>0</v>
      </c>
      <c r="BW2428" s="166">
        <v>0</v>
      </c>
      <c r="BX2428" s="166">
        <v>0</v>
      </c>
      <c r="BY2428" s="166">
        <v>0</v>
      </c>
      <c r="BZ2428" s="166">
        <v>0</v>
      </c>
      <c r="CA2428" s="166">
        <v>0</v>
      </c>
      <c r="CB2428" s="166">
        <v>0</v>
      </c>
      <c r="CC2428" s="166">
        <v>0</v>
      </c>
      <c r="CD2428" s="166">
        <v>0</v>
      </c>
      <c r="CE2428" s="166">
        <v>0</v>
      </c>
      <c r="CF2428" s="166">
        <v>0</v>
      </c>
      <c r="CG2428" s="166">
        <v>0</v>
      </c>
      <c r="CH2428" s="166">
        <v>0</v>
      </c>
      <c r="CI2428" s="166">
        <v>0</v>
      </c>
      <c r="CJ2428" s="166">
        <v>0</v>
      </c>
      <c r="CK2428" s="166">
        <v>0</v>
      </c>
      <c r="CL2428" s="166">
        <v>0</v>
      </c>
      <c r="CM2428" s="166">
        <v>0</v>
      </c>
      <c r="CN2428" s="166">
        <v>0</v>
      </c>
      <c r="CO2428" s="166">
        <v>0</v>
      </c>
      <c r="CP2428" s="166">
        <v>0</v>
      </c>
      <c r="CQ2428" s="166">
        <v>0</v>
      </c>
      <c r="CR2428" s="166">
        <v>0</v>
      </c>
      <c r="CS2428" s="166">
        <v>0</v>
      </c>
      <c r="CT2428" s="166">
        <v>0</v>
      </c>
      <c r="CU2428" s="166">
        <v>0</v>
      </c>
      <c r="CV2428" s="166">
        <v>0</v>
      </c>
      <c r="CW2428" s="166">
        <v>0</v>
      </c>
      <c r="CX2428" s="166">
        <v>0</v>
      </c>
      <c r="CY2428" s="166">
        <v>0</v>
      </c>
      <c r="CZ2428" s="166">
        <v>0</v>
      </c>
    </row>
    <row r="2429" spans="1:104" x14ac:dyDescent="0.2">
      <c r="A2429" s="167" t="s">
        <v>1107</v>
      </c>
      <c r="B2429" s="166">
        <v>0</v>
      </c>
      <c r="C2429" s="166">
        <v>0</v>
      </c>
      <c r="D2429" s="166">
        <v>0</v>
      </c>
      <c r="E2429" s="166">
        <v>0</v>
      </c>
      <c r="F2429" s="166">
        <v>0</v>
      </c>
      <c r="G2429" s="166">
        <v>0</v>
      </c>
      <c r="H2429" s="166">
        <v>0</v>
      </c>
      <c r="I2429" s="166">
        <v>0</v>
      </c>
      <c r="J2429" s="166">
        <v>0</v>
      </c>
      <c r="K2429" s="166">
        <v>0</v>
      </c>
      <c r="L2429" s="166">
        <v>0</v>
      </c>
      <c r="M2429" s="166">
        <v>0</v>
      </c>
      <c r="N2429" s="166">
        <v>0</v>
      </c>
      <c r="O2429" s="166">
        <v>0</v>
      </c>
      <c r="P2429" s="166">
        <v>0</v>
      </c>
      <c r="Q2429" s="166">
        <v>0</v>
      </c>
      <c r="R2429" s="166">
        <v>0</v>
      </c>
      <c r="S2429" s="166">
        <v>0</v>
      </c>
      <c r="T2429" s="166">
        <v>0</v>
      </c>
      <c r="U2429" s="166">
        <v>0</v>
      </c>
      <c r="V2429" s="166">
        <v>0</v>
      </c>
      <c r="W2429" s="166">
        <v>0</v>
      </c>
      <c r="X2429" s="166">
        <v>0</v>
      </c>
      <c r="Y2429" s="166">
        <v>0</v>
      </c>
      <c r="Z2429" s="166">
        <v>0</v>
      </c>
      <c r="AA2429" s="166">
        <v>0</v>
      </c>
      <c r="AB2429" s="166">
        <v>0</v>
      </c>
      <c r="AC2429" s="166">
        <v>0</v>
      </c>
      <c r="AD2429" s="166">
        <v>0</v>
      </c>
      <c r="AE2429" s="166">
        <v>0</v>
      </c>
      <c r="AF2429" s="166">
        <v>0</v>
      </c>
      <c r="AG2429" s="166">
        <v>0</v>
      </c>
      <c r="AH2429" s="166">
        <v>0</v>
      </c>
      <c r="AI2429" s="166">
        <v>0</v>
      </c>
      <c r="AJ2429" s="166">
        <v>0</v>
      </c>
      <c r="AK2429" s="166">
        <v>0</v>
      </c>
      <c r="AL2429" s="166">
        <v>0</v>
      </c>
      <c r="AM2429" s="166">
        <v>0</v>
      </c>
      <c r="AN2429" s="166">
        <v>0</v>
      </c>
      <c r="AO2429" s="166">
        <v>0</v>
      </c>
      <c r="AP2429" s="166">
        <v>0</v>
      </c>
      <c r="AQ2429" s="166">
        <v>0</v>
      </c>
      <c r="AR2429" s="166">
        <v>0</v>
      </c>
      <c r="AS2429" s="166">
        <v>0</v>
      </c>
      <c r="AT2429" s="166">
        <v>0</v>
      </c>
      <c r="AU2429" s="166">
        <v>0</v>
      </c>
      <c r="AV2429" s="166">
        <v>0</v>
      </c>
      <c r="AW2429" s="166">
        <v>0</v>
      </c>
      <c r="AX2429" s="166">
        <v>0</v>
      </c>
      <c r="AY2429" s="166">
        <v>0</v>
      </c>
      <c r="AZ2429" s="166">
        <v>0</v>
      </c>
      <c r="BA2429" s="166">
        <v>0</v>
      </c>
      <c r="BB2429" s="166">
        <v>0</v>
      </c>
      <c r="BC2429" s="166">
        <v>0</v>
      </c>
      <c r="BD2429" s="166">
        <v>0</v>
      </c>
      <c r="BE2429" s="166">
        <v>0</v>
      </c>
      <c r="BF2429" s="166">
        <v>0</v>
      </c>
      <c r="BG2429" s="166">
        <v>0</v>
      </c>
      <c r="BH2429" s="166">
        <v>0</v>
      </c>
      <c r="BI2429" s="166">
        <v>0</v>
      </c>
      <c r="BJ2429" s="166">
        <v>0</v>
      </c>
      <c r="BK2429" s="166">
        <v>0</v>
      </c>
      <c r="BL2429" s="166">
        <v>0</v>
      </c>
      <c r="BM2429" s="166">
        <v>0</v>
      </c>
      <c r="BN2429" s="166">
        <v>0</v>
      </c>
      <c r="BO2429" s="166">
        <v>0</v>
      </c>
      <c r="BP2429" s="166">
        <v>0</v>
      </c>
      <c r="BQ2429" s="166">
        <v>0</v>
      </c>
      <c r="BR2429" s="166">
        <v>0</v>
      </c>
      <c r="BS2429" s="166">
        <v>0</v>
      </c>
      <c r="BT2429" s="168">
        <v>0.70788236107156799</v>
      </c>
      <c r="BU2429" s="166">
        <v>0</v>
      </c>
      <c r="BV2429" s="166">
        <v>0</v>
      </c>
      <c r="BW2429" s="166">
        <v>0</v>
      </c>
      <c r="BX2429" s="166">
        <v>0</v>
      </c>
      <c r="BY2429" s="166">
        <v>0</v>
      </c>
      <c r="BZ2429" s="166">
        <v>0</v>
      </c>
      <c r="CA2429" s="166">
        <v>0</v>
      </c>
      <c r="CB2429" s="166">
        <v>0</v>
      </c>
      <c r="CC2429" s="166">
        <v>0</v>
      </c>
      <c r="CD2429" s="166">
        <v>0</v>
      </c>
      <c r="CE2429" s="166">
        <v>0</v>
      </c>
      <c r="CF2429" s="166">
        <v>0</v>
      </c>
      <c r="CG2429" s="166">
        <v>0</v>
      </c>
      <c r="CH2429" s="166">
        <v>0</v>
      </c>
      <c r="CI2429" s="166">
        <v>0</v>
      </c>
      <c r="CJ2429" s="166">
        <v>0</v>
      </c>
      <c r="CK2429" s="166">
        <v>0</v>
      </c>
      <c r="CL2429" s="166">
        <v>0</v>
      </c>
      <c r="CM2429" s="166">
        <v>0</v>
      </c>
      <c r="CN2429" s="166">
        <v>0</v>
      </c>
      <c r="CO2429" s="166">
        <v>0</v>
      </c>
      <c r="CP2429" s="166">
        <v>0</v>
      </c>
      <c r="CQ2429" s="166">
        <v>0</v>
      </c>
      <c r="CR2429" s="166">
        <v>0</v>
      </c>
      <c r="CS2429" s="166">
        <v>0</v>
      </c>
      <c r="CT2429" s="166">
        <v>0</v>
      </c>
      <c r="CU2429" s="166">
        <v>0</v>
      </c>
      <c r="CV2429" s="166">
        <v>0</v>
      </c>
      <c r="CW2429" s="166">
        <v>0</v>
      </c>
      <c r="CX2429" s="166">
        <v>0</v>
      </c>
      <c r="CY2429" s="166">
        <v>0</v>
      </c>
      <c r="CZ2429" s="166">
        <v>0</v>
      </c>
    </row>
    <row r="2430" spans="1:104" x14ac:dyDescent="0.2">
      <c r="A2430" s="167" t="s">
        <v>1108</v>
      </c>
      <c r="B2430" s="166">
        <v>0</v>
      </c>
      <c r="C2430" s="166">
        <v>0</v>
      </c>
      <c r="D2430" s="166">
        <v>0</v>
      </c>
      <c r="E2430" s="166">
        <v>0</v>
      </c>
      <c r="F2430" s="166">
        <v>0</v>
      </c>
      <c r="G2430" s="166">
        <v>0</v>
      </c>
      <c r="H2430" s="166">
        <v>0</v>
      </c>
      <c r="I2430" s="166">
        <v>0</v>
      </c>
      <c r="J2430" s="166">
        <v>0</v>
      </c>
      <c r="K2430" s="166">
        <v>0</v>
      </c>
      <c r="L2430" s="166">
        <v>0</v>
      </c>
      <c r="M2430" s="166">
        <v>0</v>
      </c>
      <c r="N2430" s="166">
        <v>0</v>
      </c>
      <c r="O2430" s="166">
        <v>0</v>
      </c>
      <c r="P2430" s="166">
        <v>0</v>
      </c>
      <c r="Q2430" s="166">
        <v>0</v>
      </c>
      <c r="R2430" s="166">
        <v>0</v>
      </c>
      <c r="S2430" s="166">
        <v>0</v>
      </c>
      <c r="T2430" s="166">
        <v>0</v>
      </c>
      <c r="U2430" s="166">
        <v>0</v>
      </c>
      <c r="V2430" s="166">
        <v>0</v>
      </c>
      <c r="W2430" s="166">
        <v>0</v>
      </c>
      <c r="X2430" s="166">
        <v>0</v>
      </c>
      <c r="Y2430" s="166">
        <v>0</v>
      </c>
      <c r="Z2430" s="166">
        <v>0</v>
      </c>
      <c r="AA2430" s="166">
        <v>0</v>
      </c>
      <c r="AB2430" s="166">
        <v>0</v>
      </c>
      <c r="AC2430" s="166">
        <v>0</v>
      </c>
      <c r="AD2430" s="166">
        <v>0</v>
      </c>
      <c r="AE2430" s="166">
        <v>0</v>
      </c>
      <c r="AF2430" s="166">
        <v>0</v>
      </c>
      <c r="AG2430" s="166">
        <v>0</v>
      </c>
      <c r="AH2430" s="166">
        <v>0</v>
      </c>
      <c r="AI2430" s="166">
        <v>0</v>
      </c>
      <c r="AJ2430" s="166">
        <v>0</v>
      </c>
      <c r="AK2430" s="166">
        <v>0</v>
      </c>
      <c r="AL2430" s="166">
        <v>0</v>
      </c>
      <c r="AM2430" s="166">
        <v>0</v>
      </c>
      <c r="AN2430" s="166">
        <v>0</v>
      </c>
      <c r="AO2430" s="166">
        <v>0</v>
      </c>
      <c r="AP2430" s="166">
        <v>0</v>
      </c>
      <c r="AQ2430" s="166">
        <v>0</v>
      </c>
      <c r="AR2430" s="166">
        <v>0</v>
      </c>
      <c r="AS2430" s="166">
        <v>0</v>
      </c>
      <c r="AT2430" s="166">
        <v>0</v>
      </c>
      <c r="AU2430" s="166">
        <v>0</v>
      </c>
      <c r="AV2430" s="166">
        <v>0</v>
      </c>
      <c r="AW2430" s="166">
        <v>0</v>
      </c>
      <c r="AX2430" s="166">
        <v>0</v>
      </c>
      <c r="AY2430" s="166">
        <v>0</v>
      </c>
      <c r="AZ2430" s="166">
        <v>0</v>
      </c>
      <c r="BA2430" s="166">
        <v>0</v>
      </c>
      <c r="BB2430" s="166">
        <v>0</v>
      </c>
      <c r="BC2430" s="166">
        <v>0</v>
      </c>
      <c r="BD2430" s="166">
        <v>0</v>
      </c>
      <c r="BE2430" s="166">
        <v>0</v>
      </c>
      <c r="BF2430" s="166">
        <v>0</v>
      </c>
      <c r="BG2430" s="166">
        <v>0</v>
      </c>
      <c r="BH2430" s="166">
        <v>0</v>
      </c>
      <c r="BI2430" s="166">
        <v>0</v>
      </c>
      <c r="BJ2430" s="166">
        <v>0</v>
      </c>
      <c r="BK2430" s="166">
        <v>0</v>
      </c>
      <c r="BL2430" s="166">
        <v>0</v>
      </c>
      <c r="BM2430" s="166">
        <v>0</v>
      </c>
      <c r="BN2430" s="166">
        <v>0</v>
      </c>
      <c r="BO2430" s="166">
        <v>0</v>
      </c>
      <c r="BP2430" s="166">
        <v>0</v>
      </c>
      <c r="BQ2430" s="166">
        <v>0</v>
      </c>
      <c r="BR2430" s="166">
        <v>0</v>
      </c>
      <c r="BS2430" s="166">
        <v>0</v>
      </c>
      <c r="BT2430" s="168">
        <v>0</v>
      </c>
      <c r="BU2430" s="166">
        <v>0</v>
      </c>
      <c r="BV2430" s="166">
        <v>0</v>
      </c>
      <c r="BW2430" s="166">
        <v>0</v>
      </c>
      <c r="BX2430" s="166">
        <v>0</v>
      </c>
      <c r="BY2430" s="166">
        <v>0</v>
      </c>
      <c r="BZ2430" s="166">
        <v>0</v>
      </c>
      <c r="CA2430" s="166">
        <v>0</v>
      </c>
      <c r="CB2430" s="166">
        <v>0</v>
      </c>
      <c r="CC2430" s="166">
        <v>0</v>
      </c>
      <c r="CD2430" s="166">
        <v>0</v>
      </c>
      <c r="CE2430" s="166">
        <v>0</v>
      </c>
      <c r="CF2430" s="166">
        <v>0</v>
      </c>
      <c r="CG2430" s="166">
        <v>0</v>
      </c>
      <c r="CH2430" s="166">
        <v>0</v>
      </c>
      <c r="CI2430" s="166">
        <v>0</v>
      </c>
      <c r="CJ2430" s="166">
        <v>0</v>
      </c>
      <c r="CK2430" s="166">
        <v>0</v>
      </c>
      <c r="CL2430" s="166">
        <v>0</v>
      </c>
      <c r="CM2430" s="166">
        <v>0</v>
      </c>
      <c r="CN2430" s="166">
        <v>0</v>
      </c>
      <c r="CO2430" s="166">
        <v>0</v>
      </c>
      <c r="CP2430" s="166">
        <v>0</v>
      </c>
      <c r="CQ2430" s="166">
        <v>0</v>
      </c>
      <c r="CR2430" s="166">
        <v>0</v>
      </c>
      <c r="CS2430" s="166">
        <v>0</v>
      </c>
      <c r="CT2430" s="166">
        <v>0</v>
      </c>
      <c r="CU2430" s="166">
        <v>0</v>
      </c>
      <c r="CV2430" s="166">
        <v>0</v>
      </c>
      <c r="CW2430" s="166">
        <v>0</v>
      </c>
      <c r="CX2430" s="166">
        <v>0</v>
      </c>
      <c r="CY2430" s="166">
        <v>0</v>
      </c>
      <c r="CZ2430" s="166">
        <v>0</v>
      </c>
    </row>
    <row r="2431" spans="1:104" x14ac:dyDescent="0.2">
      <c r="A2431" s="170" t="s">
        <v>279</v>
      </c>
      <c r="B2431" s="166">
        <v>12950937.550000001</v>
      </c>
      <c r="C2431" s="166">
        <v>12950937.550000001</v>
      </c>
      <c r="D2431" s="166">
        <v>0</v>
      </c>
      <c r="E2431" s="166">
        <v>0</v>
      </c>
      <c r="F2431" s="166">
        <v>0</v>
      </c>
      <c r="G2431" s="166">
        <v>0</v>
      </c>
      <c r="H2431" s="166">
        <v>0</v>
      </c>
      <c r="I2431" s="166">
        <v>0</v>
      </c>
      <c r="J2431" s="166">
        <v>0</v>
      </c>
      <c r="K2431" s="166">
        <v>0</v>
      </c>
      <c r="L2431" s="166">
        <v>0</v>
      </c>
      <c r="M2431" s="166">
        <v>0</v>
      </c>
      <c r="N2431" s="166">
        <v>0</v>
      </c>
      <c r="O2431" s="166">
        <v>0</v>
      </c>
      <c r="P2431" s="166">
        <v>0</v>
      </c>
      <c r="Q2431" s="166">
        <v>0</v>
      </c>
      <c r="R2431" s="166">
        <v>0</v>
      </c>
      <c r="S2431" s="166">
        <v>0</v>
      </c>
      <c r="T2431" s="166">
        <v>0</v>
      </c>
      <c r="U2431" s="166">
        <v>0</v>
      </c>
      <c r="V2431" s="166">
        <v>0</v>
      </c>
      <c r="W2431" s="166">
        <v>0</v>
      </c>
      <c r="X2431" s="166">
        <v>0</v>
      </c>
      <c r="Y2431" s="166">
        <v>0</v>
      </c>
      <c r="Z2431" s="166">
        <v>0</v>
      </c>
      <c r="AA2431" s="166">
        <v>0</v>
      </c>
      <c r="AB2431" s="166">
        <v>0</v>
      </c>
      <c r="AC2431" s="166">
        <v>0</v>
      </c>
      <c r="AD2431" s="166">
        <v>0</v>
      </c>
      <c r="AE2431" s="166">
        <v>0</v>
      </c>
      <c r="AF2431" s="166">
        <v>0</v>
      </c>
      <c r="AG2431" s="166">
        <v>0</v>
      </c>
      <c r="AH2431" s="166">
        <v>0</v>
      </c>
      <c r="AI2431" s="166">
        <v>0</v>
      </c>
      <c r="AJ2431" s="166">
        <v>0</v>
      </c>
      <c r="AK2431" s="166">
        <v>0</v>
      </c>
      <c r="AL2431" s="166">
        <v>0</v>
      </c>
      <c r="AM2431" s="166">
        <v>0</v>
      </c>
      <c r="AN2431" s="166">
        <v>0</v>
      </c>
      <c r="AO2431" s="166">
        <v>0</v>
      </c>
      <c r="AP2431" s="166">
        <v>0</v>
      </c>
      <c r="AQ2431" s="166">
        <v>0</v>
      </c>
      <c r="AR2431" s="166">
        <v>0</v>
      </c>
      <c r="AS2431" s="166">
        <v>0</v>
      </c>
      <c r="AT2431" s="166">
        <v>0</v>
      </c>
      <c r="AU2431" s="166">
        <v>0</v>
      </c>
      <c r="AV2431" s="166">
        <v>0</v>
      </c>
      <c r="AW2431" s="166">
        <v>0</v>
      </c>
      <c r="AX2431" s="166">
        <v>0</v>
      </c>
      <c r="AY2431" s="166">
        <v>0</v>
      </c>
      <c r="AZ2431" s="166">
        <v>0</v>
      </c>
      <c r="BA2431" s="166">
        <v>0</v>
      </c>
      <c r="BB2431" s="166">
        <v>0</v>
      </c>
      <c r="BC2431" s="166">
        <v>0</v>
      </c>
      <c r="BD2431" s="166">
        <v>0</v>
      </c>
      <c r="BE2431" s="166">
        <v>0</v>
      </c>
      <c r="BF2431" s="166">
        <v>0</v>
      </c>
      <c r="BG2431" s="166">
        <v>0</v>
      </c>
      <c r="BH2431" s="166">
        <v>0</v>
      </c>
      <c r="BI2431" s="166">
        <v>0</v>
      </c>
      <c r="BJ2431" s="166">
        <v>0</v>
      </c>
      <c r="BK2431" s="166">
        <v>0</v>
      </c>
      <c r="BL2431" s="166">
        <v>0</v>
      </c>
      <c r="BM2431" s="166">
        <v>0</v>
      </c>
      <c r="BN2431" s="166">
        <v>0</v>
      </c>
      <c r="BO2431" s="166">
        <v>0</v>
      </c>
      <c r="BP2431" s="166">
        <v>0</v>
      </c>
      <c r="BQ2431" s="166">
        <v>0</v>
      </c>
      <c r="BR2431" s="166">
        <v>12950937.550000001</v>
      </c>
      <c r="BS2431" s="166">
        <v>12950937.550000001</v>
      </c>
      <c r="BT2431" s="168">
        <v>0</v>
      </c>
      <c r="BU2431" s="166">
        <v>588585.28269782302</v>
      </c>
      <c r="BV2431" s="166">
        <v>9264762.6633822005</v>
      </c>
      <c r="BW2431" s="166">
        <v>0</v>
      </c>
      <c r="BX2431" s="166">
        <v>0</v>
      </c>
      <c r="BY2431" s="166">
        <v>0</v>
      </c>
      <c r="BZ2431" s="166">
        <v>0</v>
      </c>
      <c r="CA2431" s="166">
        <v>0</v>
      </c>
      <c r="CB2431" s="166">
        <v>0</v>
      </c>
      <c r="CC2431" s="166">
        <v>0</v>
      </c>
      <c r="CD2431" s="166">
        <v>0</v>
      </c>
      <c r="CE2431" s="166">
        <v>0</v>
      </c>
      <c r="CF2431" s="166">
        <v>0</v>
      </c>
      <c r="CG2431" s="166">
        <v>0</v>
      </c>
      <c r="CH2431" s="166">
        <v>0</v>
      </c>
      <c r="CI2431" s="166">
        <v>0</v>
      </c>
      <c r="CJ2431" s="166">
        <v>0</v>
      </c>
      <c r="CK2431" s="166">
        <v>0</v>
      </c>
      <c r="CL2431" s="166">
        <v>0</v>
      </c>
      <c r="CM2431" s="166">
        <v>0</v>
      </c>
      <c r="CN2431" s="166">
        <v>0</v>
      </c>
      <c r="CO2431" s="166">
        <v>0</v>
      </c>
      <c r="CP2431" s="166">
        <v>0</v>
      </c>
      <c r="CQ2431" s="166">
        <v>0</v>
      </c>
      <c r="CR2431" s="166">
        <v>0</v>
      </c>
      <c r="CS2431" s="166">
        <v>0</v>
      </c>
      <c r="CT2431" s="166">
        <v>0</v>
      </c>
      <c r="CU2431" s="166">
        <v>0</v>
      </c>
      <c r="CV2431" s="166">
        <v>0</v>
      </c>
      <c r="CW2431" s="166">
        <v>0</v>
      </c>
      <c r="CX2431" s="166">
        <v>0</v>
      </c>
      <c r="CY2431" s="166">
        <v>9264762.6633822098</v>
      </c>
      <c r="CZ2431" s="166">
        <v>9264762.6633822005</v>
      </c>
    </row>
    <row r="2432" spans="1:104" x14ac:dyDescent="0.2">
      <c r="A2432" s="167" t="s">
        <v>280</v>
      </c>
    </row>
    <row r="2433" spans="1:104" x14ac:dyDescent="0.2">
      <c r="A2433" s="170" t="s">
        <v>281</v>
      </c>
      <c r="B2433" s="166">
        <v>31557882.5499999</v>
      </c>
      <c r="C2433" s="166">
        <v>31557882.5499999</v>
      </c>
      <c r="D2433" s="166">
        <v>0</v>
      </c>
      <c r="E2433" s="166">
        <v>0</v>
      </c>
      <c r="F2433" s="166">
        <v>0</v>
      </c>
      <c r="G2433" s="166">
        <v>0</v>
      </c>
      <c r="H2433" s="166">
        <v>0</v>
      </c>
      <c r="I2433" s="166">
        <v>0</v>
      </c>
      <c r="J2433" s="166">
        <v>0</v>
      </c>
      <c r="K2433" s="166">
        <v>0</v>
      </c>
      <c r="L2433" s="166">
        <v>0</v>
      </c>
      <c r="M2433" s="166">
        <v>0</v>
      </c>
      <c r="N2433" s="166">
        <v>0</v>
      </c>
      <c r="O2433" s="166">
        <v>0</v>
      </c>
      <c r="P2433" s="166">
        <v>0</v>
      </c>
      <c r="Q2433" s="166">
        <v>0</v>
      </c>
      <c r="R2433" s="166">
        <v>0</v>
      </c>
      <c r="S2433" s="166">
        <v>0</v>
      </c>
      <c r="T2433" s="166">
        <v>0</v>
      </c>
      <c r="U2433" s="166">
        <v>0</v>
      </c>
      <c r="V2433" s="166">
        <v>0</v>
      </c>
      <c r="W2433" s="166">
        <v>0</v>
      </c>
      <c r="X2433" s="166">
        <v>0</v>
      </c>
      <c r="Y2433" s="166">
        <v>0</v>
      </c>
      <c r="Z2433" s="166">
        <v>0</v>
      </c>
      <c r="AA2433" s="166">
        <v>0</v>
      </c>
      <c r="AB2433" s="166">
        <v>0</v>
      </c>
      <c r="AC2433" s="166">
        <v>0</v>
      </c>
      <c r="AD2433" s="166">
        <v>0</v>
      </c>
      <c r="AE2433" s="166">
        <v>0</v>
      </c>
      <c r="AF2433" s="166">
        <v>0</v>
      </c>
      <c r="AG2433" s="166">
        <v>0</v>
      </c>
      <c r="AH2433" s="166">
        <v>0</v>
      </c>
      <c r="AI2433" s="166">
        <v>0</v>
      </c>
      <c r="AJ2433" s="166">
        <v>0</v>
      </c>
      <c r="AK2433" s="166">
        <v>0</v>
      </c>
      <c r="AL2433" s="166">
        <v>0</v>
      </c>
      <c r="AM2433" s="166">
        <v>0</v>
      </c>
      <c r="AN2433" s="166">
        <v>0</v>
      </c>
      <c r="AO2433" s="166">
        <v>0</v>
      </c>
      <c r="AP2433" s="166">
        <v>0</v>
      </c>
      <c r="AQ2433" s="166">
        <v>0</v>
      </c>
      <c r="AR2433" s="166">
        <v>0</v>
      </c>
      <c r="AS2433" s="166">
        <v>0</v>
      </c>
      <c r="AT2433" s="166">
        <v>0</v>
      </c>
      <c r="AU2433" s="166">
        <v>0</v>
      </c>
      <c r="AV2433" s="166">
        <v>0</v>
      </c>
      <c r="AW2433" s="166">
        <v>0</v>
      </c>
      <c r="AX2433" s="166">
        <v>0</v>
      </c>
      <c r="AY2433" s="166">
        <v>0</v>
      </c>
      <c r="AZ2433" s="166">
        <v>0</v>
      </c>
      <c r="BA2433" s="166">
        <v>0</v>
      </c>
      <c r="BB2433" s="166">
        <v>0</v>
      </c>
      <c r="BC2433" s="166">
        <v>0</v>
      </c>
      <c r="BD2433" s="166">
        <v>0</v>
      </c>
      <c r="BE2433" s="166">
        <v>0</v>
      </c>
      <c r="BF2433" s="166">
        <v>0</v>
      </c>
      <c r="BG2433" s="166">
        <v>0</v>
      </c>
      <c r="BH2433" s="166">
        <v>0</v>
      </c>
      <c r="BI2433" s="166">
        <v>0</v>
      </c>
      <c r="BJ2433" s="166">
        <v>0</v>
      </c>
      <c r="BK2433" s="166">
        <v>0</v>
      </c>
      <c r="BL2433" s="166">
        <v>0</v>
      </c>
      <c r="BM2433" s="166">
        <v>0</v>
      </c>
      <c r="BN2433" s="166">
        <v>0</v>
      </c>
      <c r="BO2433" s="166">
        <v>0</v>
      </c>
      <c r="BP2433" s="166">
        <v>0</v>
      </c>
      <c r="BQ2433" s="166">
        <v>0</v>
      </c>
      <c r="BR2433" s="166">
        <v>31557882.5499999</v>
      </c>
      <c r="BS2433" s="166">
        <v>31557882.5499999</v>
      </c>
      <c r="BT2433" s="168">
        <v>0</v>
      </c>
      <c r="BU2433" s="166">
        <v>2081842.5508308001</v>
      </c>
      <c r="BV2433" s="166">
        <v>22487527.2369886</v>
      </c>
      <c r="BW2433" s="166">
        <v>0</v>
      </c>
      <c r="BX2433" s="166">
        <v>0</v>
      </c>
      <c r="BY2433" s="166">
        <v>0</v>
      </c>
      <c r="BZ2433" s="166">
        <v>0</v>
      </c>
      <c r="CA2433" s="166">
        <v>0</v>
      </c>
      <c r="CB2433" s="166">
        <v>0</v>
      </c>
      <c r="CC2433" s="166">
        <v>0</v>
      </c>
      <c r="CD2433" s="166">
        <v>0</v>
      </c>
      <c r="CE2433" s="166">
        <v>0</v>
      </c>
      <c r="CF2433" s="166">
        <v>0</v>
      </c>
      <c r="CG2433" s="166">
        <v>0</v>
      </c>
      <c r="CH2433" s="166">
        <v>0</v>
      </c>
      <c r="CI2433" s="166">
        <v>0</v>
      </c>
      <c r="CJ2433" s="166">
        <v>0</v>
      </c>
      <c r="CK2433" s="166">
        <v>0</v>
      </c>
      <c r="CL2433" s="166">
        <v>0</v>
      </c>
      <c r="CM2433" s="166">
        <v>0</v>
      </c>
      <c r="CN2433" s="166">
        <v>0</v>
      </c>
      <c r="CO2433" s="166">
        <v>0</v>
      </c>
      <c r="CP2433" s="166">
        <v>0</v>
      </c>
      <c r="CQ2433" s="166">
        <v>0</v>
      </c>
      <c r="CR2433" s="166">
        <v>0</v>
      </c>
      <c r="CS2433" s="166">
        <v>0</v>
      </c>
      <c r="CT2433" s="166">
        <v>0</v>
      </c>
      <c r="CU2433" s="166">
        <v>0</v>
      </c>
      <c r="CV2433" s="166">
        <v>0</v>
      </c>
      <c r="CW2433" s="166">
        <v>0</v>
      </c>
      <c r="CX2433" s="166">
        <v>0</v>
      </c>
      <c r="CY2433" s="166">
        <v>22487527.2369886</v>
      </c>
      <c r="CZ2433" s="166">
        <v>22487527.2369886</v>
      </c>
    </row>
    <row r="2434" spans="1:104" x14ac:dyDescent="0.2">
      <c r="A2434" s="167" t="s">
        <v>282</v>
      </c>
    </row>
    <row r="2435" spans="1:104" ht="10.8" thickBot="1" x14ac:dyDescent="0.25">
      <c r="A2435" s="169" t="s">
        <v>283</v>
      </c>
    </row>
    <row r="2436" spans="1:104" x14ac:dyDescent="0.2">
      <c r="A2436" s="170" t="s">
        <v>284</v>
      </c>
    </row>
    <row r="2437" spans="1:104" x14ac:dyDescent="0.2">
      <c r="A2437" s="167" t="s">
        <v>1109</v>
      </c>
      <c r="B2437" s="166">
        <v>124538.904061033</v>
      </c>
      <c r="C2437" s="166">
        <v>124538.904061033</v>
      </c>
      <c r="D2437" s="166">
        <v>0</v>
      </c>
      <c r="E2437" s="166">
        <v>0</v>
      </c>
      <c r="F2437" s="166">
        <v>0</v>
      </c>
      <c r="G2437" s="166">
        <v>0</v>
      </c>
      <c r="H2437" s="166">
        <v>0</v>
      </c>
      <c r="I2437" s="166">
        <v>0</v>
      </c>
      <c r="J2437" s="166">
        <v>0</v>
      </c>
      <c r="K2437" s="166">
        <v>0</v>
      </c>
      <c r="L2437" s="166">
        <v>0</v>
      </c>
      <c r="M2437" s="166">
        <v>0</v>
      </c>
      <c r="N2437" s="166">
        <v>0</v>
      </c>
      <c r="O2437" s="166">
        <v>0</v>
      </c>
      <c r="P2437" s="166">
        <v>0</v>
      </c>
      <c r="Q2437" s="166">
        <v>0</v>
      </c>
      <c r="R2437" s="166">
        <v>0</v>
      </c>
      <c r="S2437" s="166">
        <v>0</v>
      </c>
      <c r="T2437" s="166">
        <v>0</v>
      </c>
      <c r="U2437" s="166">
        <v>0</v>
      </c>
      <c r="V2437" s="166">
        <v>0</v>
      </c>
      <c r="W2437" s="166">
        <v>0</v>
      </c>
      <c r="X2437" s="166">
        <v>0</v>
      </c>
      <c r="Y2437" s="166">
        <v>0</v>
      </c>
      <c r="Z2437" s="166">
        <v>0</v>
      </c>
      <c r="AA2437" s="166">
        <v>0</v>
      </c>
      <c r="AB2437" s="166">
        <v>0</v>
      </c>
      <c r="AC2437" s="166">
        <v>0</v>
      </c>
      <c r="AD2437" s="166">
        <v>0</v>
      </c>
      <c r="AE2437" s="166">
        <v>0</v>
      </c>
      <c r="AF2437" s="166">
        <v>0</v>
      </c>
      <c r="AG2437" s="166">
        <v>0</v>
      </c>
      <c r="AH2437" s="166">
        <v>0</v>
      </c>
      <c r="AI2437" s="166">
        <v>0</v>
      </c>
      <c r="AJ2437" s="166">
        <v>0</v>
      </c>
      <c r="AK2437" s="166">
        <v>0</v>
      </c>
      <c r="AL2437" s="166">
        <v>0</v>
      </c>
      <c r="AM2437" s="166">
        <v>0</v>
      </c>
      <c r="AN2437" s="166">
        <v>0</v>
      </c>
      <c r="AO2437" s="166">
        <v>0</v>
      </c>
      <c r="AP2437" s="166">
        <v>0</v>
      </c>
      <c r="AQ2437" s="166">
        <v>0</v>
      </c>
      <c r="AR2437" s="166">
        <v>0</v>
      </c>
      <c r="AS2437" s="166">
        <v>0</v>
      </c>
      <c r="AT2437" s="166">
        <v>0</v>
      </c>
      <c r="AU2437" s="166">
        <v>0</v>
      </c>
      <c r="AV2437" s="166">
        <v>0</v>
      </c>
      <c r="AW2437" s="166">
        <v>0</v>
      </c>
      <c r="AX2437" s="166">
        <v>0</v>
      </c>
      <c r="AY2437" s="166">
        <v>0</v>
      </c>
      <c r="AZ2437" s="166">
        <v>0</v>
      </c>
      <c r="BA2437" s="166">
        <v>0</v>
      </c>
      <c r="BB2437" s="166">
        <v>0</v>
      </c>
      <c r="BC2437" s="166">
        <v>0</v>
      </c>
      <c r="BD2437" s="166">
        <v>0</v>
      </c>
      <c r="BE2437" s="166">
        <v>0</v>
      </c>
      <c r="BF2437" s="166">
        <v>0</v>
      </c>
      <c r="BG2437" s="166">
        <v>0</v>
      </c>
      <c r="BH2437" s="166">
        <v>0</v>
      </c>
      <c r="BI2437" s="166">
        <v>0</v>
      </c>
      <c r="BJ2437" s="166">
        <v>0</v>
      </c>
      <c r="BK2437" s="166">
        <v>0</v>
      </c>
      <c r="BL2437" s="166">
        <v>0</v>
      </c>
      <c r="BM2437" s="166">
        <v>0</v>
      </c>
      <c r="BN2437" s="166">
        <v>0</v>
      </c>
      <c r="BO2437" s="166">
        <v>0</v>
      </c>
      <c r="BP2437" s="166">
        <v>0</v>
      </c>
      <c r="BQ2437" s="166">
        <v>0</v>
      </c>
      <c r="BR2437" s="166">
        <v>124538.904061033</v>
      </c>
      <c r="BS2437" s="166">
        <v>124538.904061033</v>
      </c>
      <c r="BT2437" s="168">
        <v>1</v>
      </c>
      <c r="BU2437" s="166">
        <v>10407.4980244077</v>
      </c>
      <c r="BV2437" s="166">
        <v>124538.904061033</v>
      </c>
      <c r="BW2437" s="166">
        <v>0</v>
      </c>
      <c r="BX2437" s="166">
        <v>0</v>
      </c>
      <c r="BY2437" s="166">
        <v>0</v>
      </c>
      <c r="BZ2437" s="166">
        <v>0</v>
      </c>
      <c r="CA2437" s="166">
        <v>0</v>
      </c>
      <c r="CB2437" s="166">
        <v>0</v>
      </c>
      <c r="CC2437" s="166">
        <v>0</v>
      </c>
      <c r="CD2437" s="166">
        <v>0</v>
      </c>
      <c r="CE2437" s="166">
        <v>0</v>
      </c>
      <c r="CF2437" s="166">
        <v>0</v>
      </c>
      <c r="CG2437" s="166">
        <v>0</v>
      </c>
      <c r="CH2437" s="166">
        <v>0</v>
      </c>
      <c r="CI2437" s="166">
        <v>0</v>
      </c>
      <c r="CJ2437" s="166">
        <v>0</v>
      </c>
      <c r="CK2437" s="166">
        <v>0</v>
      </c>
      <c r="CL2437" s="166">
        <v>0</v>
      </c>
      <c r="CM2437" s="166">
        <v>0</v>
      </c>
      <c r="CN2437" s="166">
        <v>0</v>
      </c>
      <c r="CO2437" s="166">
        <v>0</v>
      </c>
      <c r="CP2437" s="166">
        <v>0</v>
      </c>
      <c r="CQ2437" s="166">
        <v>0</v>
      </c>
      <c r="CR2437" s="166">
        <v>0</v>
      </c>
      <c r="CS2437" s="166">
        <v>0</v>
      </c>
      <c r="CT2437" s="166">
        <v>0</v>
      </c>
      <c r="CU2437" s="166">
        <v>0</v>
      </c>
      <c r="CV2437" s="166">
        <v>0</v>
      </c>
      <c r="CW2437" s="166">
        <v>0</v>
      </c>
      <c r="CX2437" s="166">
        <v>0</v>
      </c>
      <c r="CY2437" s="166">
        <v>124538.904061033</v>
      </c>
      <c r="CZ2437" s="166">
        <v>124538.904061033</v>
      </c>
    </row>
    <row r="2438" spans="1:104" x14ac:dyDescent="0.2">
      <c r="A2438" s="167" t="s">
        <v>1110</v>
      </c>
      <c r="B2438" s="166">
        <v>63895.245597825597</v>
      </c>
      <c r="C2438" s="166">
        <v>63895.245597825597</v>
      </c>
      <c r="D2438" s="166">
        <v>0</v>
      </c>
      <c r="E2438" s="166">
        <v>0</v>
      </c>
      <c r="F2438" s="166">
        <v>0</v>
      </c>
      <c r="G2438" s="166">
        <v>0</v>
      </c>
      <c r="H2438" s="166">
        <v>0</v>
      </c>
      <c r="I2438" s="166">
        <v>0</v>
      </c>
      <c r="J2438" s="166">
        <v>0</v>
      </c>
      <c r="K2438" s="166">
        <v>0</v>
      </c>
      <c r="L2438" s="166">
        <v>0</v>
      </c>
      <c r="M2438" s="166">
        <v>0</v>
      </c>
      <c r="N2438" s="166">
        <v>0</v>
      </c>
      <c r="O2438" s="166">
        <v>0</v>
      </c>
      <c r="P2438" s="166">
        <v>0</v>
      </c>
      <c r="Q2438" s="166">
        <v>0</v>
      </c>
      <c r="R2438" s="166">
        <v>0</v>
      </c>
      <c r="S2438" s="166">
        <v>0</v>
      </c>
      <c r="T2438" s="166">
        <v>0</v>
      </c>
      <c r="U2438" s="166">
        <v>0</v>
      </c>
      <c r="V2438" s="166">
        <v>0</v>
      </c>
      <c r="W2438" s="166">
        <v>0</v>
      </c>
      <c r="X2438" s="166">
        <v>0</v>
      </c>
      <c r="Y2438" s="166">
        <v>0</v>
      </c>
      <c r="Z2438" s="166">
        <v>0</v>
      </c>
      <c r="AA2438" s="166">
        <v>0</v>
      </c>
      <c r="AB2438" s="166">
        <v>0</v>
      </c>
      <c r="AC2438" s="166">
        <v>0</v>
      </c>
      <c r="AD2438" s="166">
        <v>0</v>
      </c>
      <c r="AE2438" s="166">
        <v>0</v>
      </c>
      <c r="AF2438" s="166">
        <v>0</v>
      </c>
      <c r="AG2438" s="166">
        <v>0</v>
      </c>
      <c r="AH2438" s="166">
        <v>0</v>
      </c>
      <c r="AI2438" s="166">
        <v>0</v>
      </c>
      <c r="AJ2438" s="166">
        <v>0</v>
      </c>
      <c r="AK2438" s="166">
        <v>0</v>
      </c>
      <c r="AL2438" s="166">
        <v>0</v>
      </c>
      <c r="AM2438" s="166">
        <v>0</v>
      </c>
      <c r="AN2438" s="166">
        <v>0</v>
      </c>
      <c r="AO2438" s="166">
        <v>0</v>
      </c>
      <c r="AP2438" s="166">
        <v>0</v>
      </c>
      <c r="AQ2438" s="166">
        <v>0</v>
      </c>
      <c r="AR2438" s="166">
        <v>0</v>
      </c>
      <c r="AS2438" s="166">
        <v>0</v>
      </c>
      <c r="AT2438" s="166">
        <v>0</v>
      </c>
      <c r="AU2438" s="166">
        <v>0</v>
      </c>
      <c r="AV2438" s="166">
        <v>0</v>
      </c>
      <c r="AW2438" s="166">
        <v>0</v>
      </c>
      <c r="AX2438" s="166">
        <v>0</v>
      </c>
      <c r="AY2438" s="166">
        <v>0</v>
      </c>
      <c r="AZ2438" s="166">
        <v>0</v>
      </c>
      <c r="BA2438" s="166">
        <v>0</v>
      </c>
      <c r="BB2438" s="166">
        <v>0</v>
      </c>
      <c r="BC2438" s="166">
        <v>0</v>
      </c>
      <c r="BD2438" s="166">
        <v>0</v>
      </c>
      <c r="BE2438" s="166">
        <v>0</v>
      </c>
      <c r="BF2438" s="166">
        <v>0</v>
      </c>
      <c r="BG2438" s="166">
        <v>0</v>
      </c>
      <c r="BH2438" s="166">
        <v>0</v>
      </c>
      <c r="BI2438" s="166">
        <v>0</v>
      </c>
      <c r="BJ2438" s="166">
        <v>0</v>
      </c>
      <c r="BK2438" s="166">
        <v>0</v>
      </c>
      <c r="BL2438" s="166">
        <v>0</v>
      </c>
      <c r="BM2438" s="166">
        <v>0</v>
      </c>
      <c r="BN2438" s="166">
        <v>0</v>
      </c>
      <c r="BO2438" s="166">
        <v>0</v>
      </c>
      <c r="BP2438" s="166">
        <v>0</v>
      </c>
      <c r="BQ2438" s="166">
        <v>0</v>
      </c>
      <c r="BR2438" s="166">
        <v>63895.245597825597</v>
      </c>
      <c r="BS2438" s="166">
        <v>63895.245597825597</v>
      </c>
      <c r="BT2438" s="168">
        <v>1</v>
      </c>
      <c r="BU2438" s="166">
        <v>5415.2648351083399</v>
      </c>
      <c r="BV2438" s="166">
        <v>63895.245597825597</v>
      </c>
      <c r="BW2438" s="166">
        <v>0</v>
      </c>
      <c r="BX2438" s="166">
        <v>0</v>
      </c>
      <c r="BY2438" s="166">
        <v>0</v>
      </c>
      <c r="BZ2438" s="166">
        <v>0</v>
      </c>
      <c r="CA2438" s="166">
        <v>0</v>
      </c>
      <c r="CB2438" s="166">
        <v>0</v>
      </c>
      <c r="CC2438" s="166">
        <v>0</v>
      </c>
      <c r="CD2438" s="166">
        <v>0</v>
      </c>
      <c r="CE2438" s="166">
        <v>0</v>
      </c>
      <c r="CF2438" s="166">
        <v>0</v>
      </c>
      <c r="CG2438" s="166">
        <v>0</v>
      </c>
      <c r="CH2438" s="166">
        <v>0</v>
      </c>
      <c r="CI2438" s="166">
        <v>0</v>
      </c>
      <c r="CJ2438" s="166">
        <v>0</v>
      </c>
      <c r="CK2438" s="166">
        <v>0</v>
      </c>
      <c r="CL2438" s="166">
        <v>0</v>
      </c>
      <c r="CM2438" s="166">
        <v>0</v>
      </c>
      <c r="CN2438" s="166">
        <v>0</v>
      </c>
      <c r="CO2438" s="166">
        <v>0</v>
      </c>
      <c r="CP2438" s="166">
        <v>0</v>
      </c>
      <c r="CQ2438" s="166">
        <v>0</v>
      </c>
      <c r="CR2438" s="166">
        <v>0</v>
      </c>
      <c r="CS2438" s="166">
        <v>0</v>
      </c>
      <c r="CT2438" s="166">
        <v>0</v>
      </c>
      <c r="CU2438" s="166">
        <v>0</v>
      </c>
      <c r="CV2438" s="166">
        <v>0</v>
      </c>
      <c r="CW2438" s="166">
        <v>0</v>
      </c>
      <c r="CX2438" s="166">
        <v>0</v>
      </c>
      <c r="CY2438" s="166">
        <v>63895.245597825597</v>
      </c>
      <c r="CZ2438" s="166">
        <v>63895.245597825597</v>
      </c>
    </row>
    <row r="2439" spans="1:104" x14ac:dyDescent="0.2">
      <c r="A2439" s="167" t="s">
        <v>1111</v>
      </c>
      <c r="B2439" s="166">
        <v>14039.8616816303</v>
      </c>
      <c r="C2439" s="166">
        <v>14039.8616816303</v>
      </c>
      <c r="D2439" s="166">
        <v>0</v>
      </c>
      <c r="E2439" s="166">
        <v>0</v>
      </c>
      <c r="F2439" s="166">
        <v>0</v>
      </c>
      <c r="G2439" s="166">
        <v>0</v>
      </c>
      <c r="H2439" s="166">
        <v>0</v>
      </c>
      <c r="I2439" s="166">
        <v>0</v>
      </c>
      <c r="J2439" s="166">
        <v>0</v>
      </c>
      <c r="K2439" s="166">
        <v>0</v>
      </c>
      <c r="L2439" s="166">
        <v>0</v>
      </c>
      <c r="M2439" s="166">
        <v>0</v>
      </c>
      <c r="N2439" s="166">
        <v>0</v>
      </c>
      <c r="O2439" s="166">
        <v>0</v>
      </c>
      <c r="P2439" s="166">
        <v>0</v>
      </c>
      <c r="Q2439" s="166">
        <v>0</v>
      </c>
      <c r="R2439" s="166">
        <v>0</v>
      </c>
      <c r="S2439" s="166">
        <v>0</v>
      </c>
      <c r="T2439" s="166">
        <v>0</v>
      </c>
      <c r="U2439" s="166">
        <v>0</v>
      </c>
      <c r="V2439" s="166">
        <v>0</v>
      </c>
      <c r="W2439" s="166">
        <v>0</v>
      </c>
      <c r="X2439" s="166">
        <v>0</v>
      </c>
      <c r="Y2439" s="166">
        <v>0</v>
      </c>
      <c r="Z2439" s="166">
        <v>0</v>
      </c>
      <c r="AA2439" s="166">
        <v>0</v>
      </c>
      <c r="AB2439" s="166">
        <v>0</v>
      </c>
      <c r="AC2439" s="166">
        <v>0</v>
      </c>
      <c r="AD2439" s="166">
        <v>0</v>
      </c>
      <c r="AE2439" s="166">
        <v>0</v>
      </c>
      <c r="AF2439" s="166">
        <v>0</v>
      </c>
      <c r="AG2439" s="166">
        <v>0</v>
      </c>
      <c r="AH2439" s="166">
        <v>0</v>
      </c>
      <c r="AI2439" s="166">
        <v>0</v>
      </c>
      <c r="AJ2439" s="166">
        <v>0</v>
      </c>
      <c r="AK2439" s="166">
        <v>0</v>
      </c>
      <c r="AL2439" s="166">
        <v>0</v>
      </c>
      <c r="AM2439" s="166">
        <v>0</v>
      </c>
      <c r="AN2439" s="166">
        <v>0</v>
      </c>
      <c r="AO2439" s="166">
        <v>0</v>
      </c>
      <c r="AP2439" s="166">
        <v>0</v>
      </c>
      <c r="AQ2439" s="166">
        <v>0</v>
      </c>
      <c r="AR2439" s="166">
        <v>0</v>
      </c>
      <c r="AS2439" s="166">
        <v>0</v>
      </c>
      <c r="AT2439" s="166">
        <v>0</v>
      </c>
      <c r="AU2439" s="166">
        <v>0</v>
      </c>
      <c r="AV2439" s="166">
        <v>0</v>
      </c>
      <c r="AW2439" s="166">
        <v>0</v>
      </c>
      <c r="AX2439" s="166">
        <v>0</v>
      </c>
      <c r="AY2439" s="166">
        <v>0</v>
      </c>
      <c r="AZ2439" s="166">
        <v>0</v>
      </c>
      <c r="BA2439" s="166">
        <v>0</v>
      </c>
      <c r="BB2439" s="166">
        <v>0</v>
      </c>
      <c r="BC2439" s="166">
        <v>0</v>
      </c>
      <c r="BD2439" s="166">
        <v>0</v>
      </c>
      <c r="BE2439" s="166">
        <v>0</v>
      </c>
      <c r="BF2439" s="166">
        <v>0</v>
      </c>
      <c r="BG2439" s="166">
        <v>0</v>
      </c>
      <c r="BH2439" s="166">
        <v>0</v>
      </c>
      <c r="BI2439" s="166">
        <v>0</v>
      </c>
      <c r="BJ2439" s="166">
        <v>0</v>
      </c>
      <c r="BK2439" s="166">
        <v>0</v>
      </c>
      <c r="BL2439" s="166">
        <v>0</v>
      </c>
      <c r="BM2439" s="166">
        <v>0</v>
      </c>
      <c r="BN2439" s="166">
        <v>0</v>
      </c>
      <c r="BO2439" s="166">
        <v>0</v>
      </c>
      <c r="BP2439" s="166">
        <v>0</v>
      </c>
      <c r="BQ2439" s="166">
        <v>0</v>
      </c>
      <c r="BR2439" s="166">
        <v>14039.8616816303</v>
      </c>
      <c r="BS2439" s="166">
        <v>14039.8616816303</v>
      </c>
      <c r="BT2439" s="168">
        <v>1</v>
      </c>
      <c r="BU2439" s="166">
        <v>1151.99975426582</v>
      </c>
      <c r="BV2439" s="166">
        <v>14039.8616816303</v>
      </c>
      <c r="BW2439" s="166">
        <v>0</v>
      </c>
      <c r="BX2439" s="166">
        <v>0</v>
      </c>
      <c r="BY2439" s="166">
        <v>0</v>
      </c>
      <c r="BZ2439" s="166">
        <v>0</v>
      </c>
      <c r="CA2439" s="166">
        <v>0</v>
      </c>
      <c r="CB2439" s="166">
        <v>0</v>
      </c>
      <c r="CC2439" s="166">
        <v>0</v>
      </c>
      <c r="CD2439" s="166">
        <v>0</v>
      </c>
      <c r="CE2439" s="166">
        <v>0</v>
      </c>
      <c r="CF2439" s="166">
        <v>0</v>
      </c>
      <c r="CG2439" s="166">
        <v>0</v>
      </c>
      <c r="CH2439" s="166">
        <v>0</v>
      </c>
      <c r="CI2439" s="166">
        <v>0</v>
      </c>
      <c r="CJ2439" s="166">
        <v>0</v>
      </c>
      <c r="CK2439" s="166">
        <v>0</v>
      </c>
      <c r="CL2439" s="166">
        <v>0</v>
      </c>
      <c r="CM2439" s="166">
        <v>0</v>
      </c>
      <c r="CN2439" s="166">
        <v>0</v>
      </c>
      <c r="CO2439" s="166">
        <v>0</v>
      </c>
      <c r="CP2439" s="166">
        <v>0</v>
      </c>
      <c r="CQ2439" s="166">
        <v>0</v>
      </c>
      <c r="CR2439" s="166">
        <v>0</v>
      </c>
      <c r="CS2439" s="166">
        <v>0</v>
      </c>
      <c r="CT2439" s="166">
        <v>0</v>
      </c>
      <c r="CU2439" s="166">
        <v>0</v>
      </c>
      <c r="CV2439" s="166">
        <v>0</v>
      </c>
      <c r="CW2439" s="166">
        <v>0</v>
      </c>
      <c r="CX2439" s="166">
        <v>0</v>
      </c>
      <c r="CY2439" s="166">
        <v>14039.8616816303</v>
      </c>
      <c r="CZ2439" s="166">
        <v>14039.8616816303</v>
      </c>
    </row>
    <row r="2440" spans="1:104" x14ac:dyDescent="0.2">
      <c r="A2440" s="167" t="s">
        <v>1112</v>
      </c>
      <c r="B2440" s="166">
        <v>7921.1377809635896</v>
      </c>
      <c r="C2440" s="166">
        <v>7921.1377809635896</v>
      </c>
      <c r="D2440" s="166">
        <v>0</v>
      </c>
      <c r="E2440" s="166">
        <v>0</v>
      </c>
      <c r="F2440" s="166">
        <v>0</v>
      </c>
      <c r="G2440" s="166">
        <v>0</v>
      </c>
      <c r="H2440" s="166">
        <v>0</v>
      </c>
      <c r="I2440" s="166">
        <v>0</v>
      </c>
      <c r="J2440" s="166">
        <v>0</v>
      </c>
      <c r="K2440" s="166">
        <v>0</v>
      </c>
      <c r="L2440" s="166">
        <v>0</v>
      </c>
      <c r="M2440" s="166">
        <v>0</v>
      </c>
      <c r="N2440" s="166">
        <v>0</v>
      </c>
      <c r="O2440" s="166">
        <v>0</v>
      </c>
      <c r="P2440" s="166">
        <v>0</v>
      </c>
      <c r="Q2440" s="166">
        <v>0</v>
      </c>
      <c r="R2440" s="166">
        <v>0</v>
      </c>
      <c r="S2440" s="166">
        <v>0</v>
      </c>
      <c r="T2440" s="166">
        <v>0</v>
      </c>
      <c r="U2440" s="166">
        <v>0</v>
      </c>
      <c r="V2440" s="166">
        <v>0</v>
      </c>
      <c r="W2440" s="166">
        <v>0</v>
      </c>
      <c r="X2440" s="166">
        <v>0</v>
      </c>
      <c r="Y2440" s="166">
        <v>0</v>
      </c>
      <c r="Z2440" s="166">
        <v>0</v>
      </c>
      <c r="AA2440" s="166">
        <v>0</v>
      </c>
      <c r="AB2440" s="166">
        <v>0</v>
      </c>
      <c r="AC2440" s="166">
        <v>0</v>
      </c>
      <c r="AD2440" s="166">
        <v>0</v>
      </c>
      <c r="AE2440" s="166">
        <v>0</v>
      </c>
      <c r="AF2440" s="166">
        <v>0</v>
      </c>
      <c r="AG2440" s="166">
        <v>0</v>
      </c>
      <c r="AH2440" s="166">
        <v>0</v>
      </c>
      <c r="AI2440" s="166">
        <v>0</v>
      </c>
      <c r="AJ2440" s="166">
        <v>0</v>
      </c>
      <c r="AK2440" s="166">
        <v>0</v>
      </c>
      <c r="AL2440" s="166">
        <v>0</v>
      </c>
      <c r="AM2440" s="166">
        <v>0</v>
      </c>
      <c r="AN2440" s="166">
        <v>0</v>
      </c>
      <c r="AO2440" s="166">
        <v>0</v>
      </c>
      <c r="AP2440" s="166">
        <v>0</v>
      </c>
      <c r="AQ2440" s="166">
        <v>0</v>
      </c>
      <c r="AR2440" s="166">
        <v>0</v>
      </c>
      <c r="AS2440" s="166">
        <v>0</v>
      </c>
      <c r="AT2440" s="166">
        <v>0</v>
      </c>
      <c r="AU2440" s="166">
        <v>0</v>
      </c>
      <c r="AV2440" s="166">
        <v>0</v>
      </c>
      <c r="AW2440" s="166">
        <v>0</v>
      </c>
      <c r="AX2440" s="166">
        <v>0</v>
      </c>
      <c r="AY2440" s="166">
        <v>0</v>
      </c>
      <c r="AZ2440" s="166">
        <v>0</v>
      </c>
      <c r="BA2440" s="166">
        <v>0</v>
      </c>
      <c r="BB2440" s="166">
        <v>0</v>
      </c>
      <c r="BC2440" s="166">
        <v>0</v>
      </c>
      <c r="BD2440" s="166">
        <v>0</v>
      </c>
      <c r="BE2440" s="166">
        <v>0</v>
      </c>
      <c r="BF2440" s="166">
        <v>0</v>
      </c>
      <c r="BG2440" s="166">
        <v>0</v>
      </c>
      <c r="BH2440" s="166">
        <v>0</v>
      </c>
      <c r="BI2440" s="166">
        <v>0</v>
      </c>
      <c r="BJ2440" s="166">
        <v>0</v>
      </c>
      <c r="BK2440" s="166">
        <v>0</v>
      </c>
      <c r="BL2440" s="166">
        <v>0</v>
      </c>
      <c r="BM2440" s="166">
        <v>0</v>
      </c>
      <c r="BN2440" s="166">
        <v>0</v>
      </c>
      <c r="BO2440" s="166">
        <v>0</v>
      </c>
      <c r="BP2440" s="166">
        <v>0</v>
      </c>
      <c r="BQ2440" s="166">
        <v>0</v>
      </c>
      <c r="BR2440" s="166">
        <v>7921.1377809635896</v>
      </c>
      <c r="BS2440" s="166">
        <v>7921.1377809635896</v>
      </c>
      <c r="BT2440" s="168">
        <v>0.98751</v>
      </c>
      <c r="BU2440" s="166">
        <v>648.17257585943605</v>
      </c>
      <c r="BV2440" s="166">
        <v>7822.2027700793597</v>
      </c>
      <c r="BW2440" s="166">
        <v>0</v>
      </c>
      <c r="BX2440" s="166">
        <v>0</v>
      </c>
      <c r="BY2440" s="166">
        <v>0</v>
      </c>
      <c r="BZ2440" s="166">
        <v>0</v>
      </c>
      <c r="CA2440" s="166">
        <v>0</v>
      </c>
      <c r="CB2440" s="166">
        <v>0</v>
      </c>
      <c r="CC2440" s="166">
        <v>0</v>
      </c>
      <c r="CD2440" s="166">
        <v>0</v>
      </c>
      <c r="CE2440" s="166">
        <v>0</v>
      </c>
      <c r="CF2440" s="166">
        <v>0</v>
      </c>
      <c r="CG2440" s="166">
        <v>0</v>
      </c>
      <c r="CH2440" s="166">
        <v>0</v>
      </c>
      <c r="CI2440" s="166">
        <v>0</v>
      </c>
      <c r="CJ2440" s="166">
        <v>0</v>
      </c>
      <c r="CK2440" s="166">
        <v>0</v>
      </c>
      <c r="CL2440" s="166">
        <v>0</v>
      </c>
      <c r="CM2440" s="166">
        <v>0</v>
      </c>
      <c r="CN2440" s="166">
        <v>0</v>
      </c>
      <c r="CO2440" s="166">
        <v>0</v>
      </c>
      <c r="CP2440" s="166">
        <v>0</v>
      </c>
      <c r="CQ2440" s="166">
        <v>0</v>
      </c>
      <c r="CR2440" s="166">
        <v>0</v>
      </c>
      <c r="CS2440" s="166">
        <v>0</v>
      </c>
      <c r="CT2440" s="166">
        <v>0</v>
      </c>
      <c r="CU2440" s="166">
        <v>0</v>
      </c>
      <c r="CV2440" s="166">
        <v>0</v>
      </c>
      <c r="CW2440" s="166">
        <v>0</v>
      </c>
      <c r="CX2440" s="166">
        <v>0</v>
      </c>
      <c r="CY2440" s="166">
        <v>7822.2027700793597</v>
      </c>
      <c r="CZ2440" s="166">
        <v>7822.2027700793597</v>
      </c>
    </row>
    <row r="2441" spans="1:104" x14ac:dyDescent="0.2">
      <c r="A2441" s="167" t="s">
        <v>1113</v>
      </c>
      <c r="B2441" s="166">
        <v>20656.550878546899</v>
      </c>
      <c r="C2441" s="166">
        <v>20656.550878546899</v>
      </c>
      <c r="D2441" s="166">
        <v>0</v>
      </c>
      <c r="E2441" s="166">
        <v>0</v>
      </c>
      <c r="F2441" s="166">
        <v>0</v>
      </c>
      <c r="G2441" s="166">
        <v>0</v>
      </c>
      <c r="H2441" s="166">
        <v>0</v>
      </c>
      <c r="I2441" s="166">
        <v>0</v>
      </c>
      <c r="J2441" s="166">
        <v>0</v>
      </c>
      <c r="K2441" s="166">
        <v>0</v>
      </c>
      <c r="L2441" s="166">
        <v>0</v>
      </c>
      <c r="M2441" s="166">
        <v>0</v>
      </c>
      <c r="N2441" s="166">
        <v>0</v>
      </c>
      <c r="O2441" s="166">
        <v>0</v>
      </c>
      <c r="P2441" s="166">
        <v>0</v>
      </c>
      <c r="Q2441" s="166">
        <v>0</v>
      </c>
      <c r="R2441" s="166">
        <v>0</v>
      </c>
      <c r="S2441" s="166">
        <v>0</v>
      </c>
      <c r="T2441" s="166">
        <v>0</v>
      </c>
      <c r="U2441" s="166">
        <v>0</v>
      </c>
      <c r="V2441" s="166">
        <v>0</v>
      </c>
      <c r="W2441" s="166">
        <v>0</v>
      </c>
      <c r="X2441" s="166">
        <v>0</v>
      </c>
      <c r="Y2441" s="166">
        <v>0</v>
      </c>
      <c r="Z2441" s="166">
        <v>0</v>
      </c>
      <c r="AA2441" s="166">
        <v>0</v>
      </c>
      <c r="AB2441" s="166">
        <v>0</v>
      </c>
      <c r="AC2441" s="166">
        <v>0</v>
      </c>
      <c r="AD2441" s="166">
        <v>0</v>
      </c>
      <c r="AE2441" s="166">
        <v>0</v>
      </c>
      <c r="AF2441" s="166">
        <v>0</v>
      </c>
      <c r="AG2441" s="166">
        <v>0</v>
      </c>
      <c r="AH2441" s="166">
        <v>0</v>
      </c>
      <c r="AI2441" s="166">
        <v>0</v>
      </c>
      <c r="AJ2441" s="166">
        <v>0</v>
      </c>
      <c r="AK2441" s="166">
        <v>0</v>
      </c>
      <c r="AL2441" s="166">
        <v>0</v>
      </c>
      <c r="AM2441" s="166">
        <v>0</v>
      </c>
      <c r="AN2441" s="166">
        <v>0</v>
      </c>
      <c r="AO2441" s="166">
        <v>0</v>
      </c>
      <c r="AP2441" s="166">
        <v>0</v>
      </c>
      <c r="AQ2441" s="166">
        <v>0</v>
      </c>
      <c r="AR2441" s="166">
        <v>0</v>
      </c>
      <c r="AS2441" s="166">
        <v>0</v>
      </c>
      <c r="AT2441" s="166">
        <v>0</v>
      </c>
      <c r="AU2441" s="166">
        <v>0</v>
      </c>
      <c r="AV2441" s="166">
        <v>0</v>
      </c>
      <c r="AW2441" s="166">
        <v>0</v>
      </c>
      <c r="AX2441" s="166">
        <v>0</v>
      </c>
      <c r="AY2441" s="166">
        <v>0</v>
      </c>
      <c r="AZ2441" s="166">
        <v>0</v>
      </c>
      <c r="BA2441" s="166">
        <v>0</v>
      </c>
      <c r="BB2441" s="166">
        <v>0</v>
      </c>
      <c r="BC2441" s="166">
        <v>0</v>
      </c>
      <c r="BD2441" s="166">
        <v>0</v>
      </c>
      <c r="BE2441" s="166">
        <v>0</v>
      </c>
      <c r="BF2441" s="166">
        <v>0</v>
      </c>
      <c r="BG2441" s="166">
        <v>0</v>
      </c>
      <c r="BH2441" s="166">
        <v>0</v>
      </c>
      <c r="BI2441" s="166">
        <v>0</v>
      </c>
      <c r="BJ2441" s="166">
        <v>0</v>
      </c>
      <c r="BK2441" s="166">
        <v>0</v>
      </c>
      <c r="BL2441" s="166">
        <v>0</v>
      </c>
      <c r="BM2441" s="166">
        <v>0</v>
      </c>
      <c r="BN2441" s="166">
        <v>0</v>
      </c>
      <c r="BO2441" s="166">
        <v>0</v>
      </c>
      <c r="BP2441" s="166">
        <v>0</v>
      </c>
      <c r="BQ2441" s="166">
        <v>0</v>
      </c>
      <c r="BR2441" s="166">
        <v>20656.550878546899</v>
      </c>
      <c r="BS2441" s="166">
        <v>20656.550878546899</v>
      </c>
      <c r="BT2441" s="168">
        <v>1</v>
      </c>
      <c r="BU2441" s="166">
        <v>1732.30674099982</v>
      </c>
      <c r="BV2441" s="166">
        <v>20656.550878546899</v>
      </c>
      <c r="BW2441" s="166">
        <v>0</v>
      </c>
      <c r="BX2441" s="166">
        <v>0</v>
      </c>
      <c r="BY2441" s="166">
        <v>0</v>
      </c>
      <c r="BZ2441" s="166">
        <v>0</v>
      </c>
      <c r="CA2441" s="166">
        <v>0</v>
      </c>
      <c r="CB2441" s="166">
        <v>0</v>
      </c>
      <c r="CC2441" s="166">
        <v>0</v>
      </c>
      <c r="CD2441" s="166">
        <v>0</v>
      </c>
      <c r="CE2441" s="166">
        <v>0</v>
      </c>
      <c r="CF2441" s="166">
        <v>0</v>
      </c>
      <c r="CG2441" s="166">
        <v>0</v>
      </c>
      <c r="CH2441" s="166">
        <v>0</v>
      </c>
      <c r="CI2441" s="166">
        <v>0</v>
      </c>
      <c r="CJ2441" s="166">
        <v>0</v>
      </c>
      <c r="CK2441" s="166">
        <v>0</v>
      </c>
      <c r="CL2441" s="166">
        <v>0</v>
      </c>
      <c r="CM2441" s="166">
        <v>0</v>
      </c>
      <c r="CN2441" s="166">
        <v>0</v>
      </c>
      <c r="CO2441" s="166">
        <v>0</v>
      </c>
      <c r="CP2441" s="166">
        <v>0</v>
      </c>
      <c r="CQ2441" s="166">
        <v>0</v>
      </c>
      <c r="CR2441" s="166">
        <v>0</v>
      </c>
      <c r="CS2441" s="166">
        <v>0</v>
      </c>
      <c r="CT2441" s="166">
        <v>0</v>
      </c>
      <c r="CU2441" s="166">
        <v>0</v>
      </c>
      <c r="CV2441" s="166">
        <v>0</v>
      </c>
      <c r="CW2441" s="166">
        <v>0</v>
      </c>
      <c r="CX2441" s="166">
        <v>0</v>
      </c>
      <c r="CY2441" s="166">
        <v>20656.550878546899</v>
      </c>
      <c r="CZ2441" s="166">
        <v>20656.550878546899</v>
      </c>
    </row>
    <row r="2442" spans="1:104" x14ac:dyDescent="0.2">
      <c r="A2442" s="167" t="s">
        <v>1114</v>
      </c>
      <c r="B2442" s="166">
        <v>0</v>
      </c>
      <c r="C2442" s="166">
        <v>0</v>
      </c>
      <c r="D2442" s="166">
        <v>0</v>
      </c>
      <c r="E2442" s="166">
        <v>0</v>
      </c>
      <c r="F2442" s="166">
        <v>0</v>
      </c>
      <c r="G2442" s="166">
        <v>0</v>
      </c>
      <c r="H2442" s="166">
        <v>0</v>
      </c>
      <c r="I2442" s="166">
        <v>0</v>
      </c>
      <c r="J2442" s="166">
        <v>0</v>
      </c>
      <c r="K2442" s="166">
        <v>0</v>
      </c>
      <c r="L2442" s="166">
        <v>0</v>
      </c>
      <c r="M2442" s="166">
        <v>0</v>
      </c>
      <c r="N2442" s="166">
        <v>0</v>
      </c>
      <c r="O2442" s="166">
        <v>0</v>
      </c>
      <c r="P2442" s="166">
        <v>0</v>
      </c>
      <c r="Q2442" s="166">
        <v>0</v>
      </c>
      <c r="R2442" s="166">
        <v>0</v>
      </c>
      <c r="S2442" s="166">
        <v>0</v>
      </c>
      <c r="T2442" s="166">
        <v>0</v>
      </c>
      <c r="U2442" s="166">
        <v>0</v>
      </c>
      <c r="V2442" s="166">
        <v>0</v>
      </c>
      <c r="W2442" s="166">
        <v>0</v>
      </c>
      <c r="X2442" s="166">
        <v>0</v>
      </c>
      <c r="Y2442" s="166">
        <v>0</v>
      </c>
      <c r="Z2442" s="166">
        <v>0</v>
      </c>
      <c r="AA2442" s="166">
        <v>0</v>
      </c>
      <c r="AB2442" s="166">
        <v>0</v>
      </c>
      <c r="AC2442" s="166">
        <v>0</v>
      </c>
      <c r="AD2442" s="166">
        <v>0</v>
      </c>
      <c r="AE2442" s="166">
        <v>0</v>
      </c>
      <c r="AF2442" s="166">
        <v>0</v>
      </c>
      <c r="AG2442" s="166">
        <v>0</v>
      </c>
      <c r="AH2442" s="166">
        <v>0</v>
      </c>
      <c r="AI2442" s="166">
        <v>0</v>
      </c>
      <c r="AJ2442" s="166">
        <v>0</v>
      </c>
      <c r="AK2442" s="166">
        <v>0</v>
      </c>
      <c r="AL2442" s="166">
        <v>0</v>
      </c>
      <c r="AM2442" s="166">
        <v>0</v>
      </c>
      <c r="AN2442" s="166">
        <v>0</v>
      </c>
      <c r="AO2442" s="166">
        <v>0</v>
      </c>
      <c r="AP2442" s="166">
        <v>0</v>
      </c>
      <c r="AQ2442" s="166">
        <v>0</v>
      </c>
      <c r="AR2442" s="166">
        <v>0</v>
      </c>
      <c r="AS2442" s="166">
        <v>0</v>
      </c>
      <c r="AT2442" s="166">
        <v>0</v>
      </c>
      <c r="AU2442" s="166">
        <v>0</v>
      </c>
      <c r="AV2442" s="166">
        <v>0</v>
      </c>
      <c r="AW2442" s="166">
        <v>0</v>
      </c>
      <c r="AX2442" s="166">
        <v>0</v>
      </c>
      <c r="AY2442" s="166">
        <v>0</v>
      </c>
      <c r="AZ2442" s="166">
        <v>0</v>
      </c>
      <c r="BA2442" s="166">
        <v>0</v>
      </c>
      <c r="BB2442" s="166">
        <v>0</v>
      </c>
      <c r="BC2442" s="166">
        <v>0</v>
      </c>
      <c r="BD2442" s="166">
        <v>0</v>
      </c>
      <c r="BE2442" s="166">
        <v>0</v>
      </c>
      <c r="BF2442" s="166">
        <v>0</v>
      </c>
      <c r="BG2442" s="166">
        <v>0</v>
      </c>
      <c r="BH2442" s="166">
        <v>0</v>
      </c>
      <c r="BI2442" s="166">
        <v>0</v>
      </c>
      <c r="BJ2442" s="166">
        <v>0</v>
      </c>
      <c r="BK2442" s="166">
        <v>0</v>
      </c>
      <c r="BL2442" s="166">
        <v>0</v>
      </c>
      <c r="BM2442" s="166">
        <v>0</v>
      </c>
      <c r="BN2442" s="166">
        <v>0</v>
      </c>
      <c r="BO2442" s="166">
        <v>0</v>
      </c>
      <c r="BP2442" s="166">
        <v>0</v>
      </c>
      <c r="BQ2442" s="166">
        <v>0</v>
      </c>
      <c r="BR2442" s="166">
        <v>0</v>
      </c>
      <c r="BS2442" s="166">
        <v>0</v>
      </c>
      <c r="BT2442" s="168">
        <v>1</v>
      </c>
      <c r="BU2442" s="166">
        <v>0</v>
      </c>
      <c r="BV2442" s="166">
        <v>0</v>
      </c>
      <c r="BW2442" s="166">
        <v>0</v>
      </c>
      <c r="BX2442" s="166">
        <v>0</v>
      </c>
      <c r="BY2442" s="166">
        <v>0</v>
      </c>
      <c r="BZ2442" s="166">
        <v>0</v>
      </c>
      <c r="CA2442" s="166">
        <v>0</v>
      </c>
      <c r="CB2442" s="166">
        <v>0</v>
      </c>
      <c r="CC2442" s="166">
        <v>0</v>
      </c>
      <c r="CD2442" s="166">
        <v>0</v>
      </c>
      <c r="CE2442" s="166">
        <v>0</v>
      </c>
      <c r="CF2442" s="166">
        <v>0</v>
      </c>
      <c r="CG2442" s="166">
        <v>0</v>
      </c>
      <c r="CH2442" s="166">
        <v>0</v>
      </c>
      <c r="CI2442" s="166">
        <v>0</v>
      </c>
      <c r="CJ2442" s="166">
        <v>0</v>
      </c>
      <c r="CK2442" s="166">
        <v>0</v>
      </c>
      <c r="CL2442" s="166">
        <v>0</v>
      </c>
      <c r="CM2442" s="166">
        <v>0</v>
      </c>
      <c r="CN2442" s="166">
        <v>0</v>
      </c>
      <c r="CO2442" s="166">
        <v>0</v>
      </c>
      <c r="CP2442" s="166">
        <v>0</v>
      </c>
      <c r="CQ2442" s="166">
        <v>0</v>
      </c>
      <c r="CR2442" s="166">
        <v>0</v>
      </c>
      <c r="CS2442" s="166">
        <v>0</v>
      </c>
      <c r="CT2442" s="166">
        <v>0</v>
      </c>
      <c r="CU2442" s="166">
        <v>0</v>
      </c>
      <c r="CV2442" s="166">
        <v>0</v>
      </c>
      <c r="CW2442" s="166">
        <v>0</v>
      </c>
      <c r="CX2442" s="166">
        <v>0</v>
      </c>
      <c r="CY2442" s="166">
        <v>0</v>
      </c>
      <c r="CZ2442" s="166">
        <v>0</v>
      </c>
    </row>
    <row r="2443" spans="1:104" x14ac:dyDescent="0.2">
      <c r="A2443" s="167" t="s">
        <v>1115</v>
      </c>
      <c r="B2443" s="166">
        <v>231051.69999999899</v>
      </c>
      <c r="C2443" s="166">
        <v>231051.69999999899</v>
      </c>
      <c r="D2443" s="166">
        <v>0</v>
      </c>
      <c r="E2443" s="166">
        <v>0</v>
      </c>
      <c r="F2443" s="166">
        <v>0</v>
      </c>
      <c r="G2443" s="166">
        <v>0</v>
      </c>
      <c r="H2443" s="166">
        <v>0</v>
      </c>
      <c r="I2443" s="166">
        <v>0</v>
      </c>
      <c r="J2443" s="166">
        <v>0</v>
      </c>
      <c r="K2443" s="166">
        <v>0</v>
      </c>
      <c r="L2443" s="166">
        <v>0</v>
      </c>
      <c r="M2443" s="166">
        <v>0</v>
      </c>
      <c r="N2443" s="166">
        <v>0</v>
      </c>
      <c r="O2443" s="166">
        <v>0</v>
      </c>
      <c r="P2443" s="166">
        <v>0</v>
      </c>
      <c r="Q2443" s="166">
        <v>0</v>
      </c>
      <c r="R2443" s="166">
        <v>0</v>
      </c>
      <c r="S2443" s="166">
        <v>0</v>
      </c>
      <c r="T2443" s="166">
        <v>0</v>
      </c>
      <c r="U2443" s="166">
        <v>0</v>
      </c>
      <c r="V2443" s="166">
        <v>0</v>
      </c>
      <c r="W2443" s="166">
        <v>0</v>
      </c>
      <c r="X2443" s="166">
        <v>0</v>
      </c>
      <c r="Y2443" s="166">
        <v>0</v>
      </c>
      <c r="Z2443" s="166">
        <v>0</v>
      </c>
      <c r="AA2443" s="166">
        <v>0</v>
      </c>
      <c r="AB2443" s="166">
        <v>0</v>
      </c>
      <c r="AC2443" s="166">
        <v>0</v>
      </c>
      <c r="AD2443" s="166">
        <v>0</v>
      </c>
      <c r="AE2443" s="166">
        <v>0</v>
      </c>
      <c r="AF2443" s="166">
        <v>0</v>
      </c>
      <c r="AG2443" s="166">
        <v>0</v>
      </c>
      <c r="AH2443" s="166">
        <v>0</v>
      </c>
      <c r="AI2443" s="166">
        <v>0</v>
      </c>
      <c r="AJ2443" s="166">
        <v>0</v>
      </c>
      <c r="AK2443" s="166">
        <v>0</v>
      </c>
      <c r="AL2443" s="166">
        <v>0</v>
      </c>
      <c r="AM2443" s="166">
        <v>0</v>
      </c>
      <c r="AN2443" s="166">
        <v>0</v>
      </c>
      <c r="AO2443" s="166">
        <v>0</v>
      </c>
      <c r="AP2443" s="166">
        <v>0</v>
      </c>
      <c r="AQ2443" s="166">
        <v>0</v>
      </c>
      <c r="AR2443" s="166">
        <v>0</v>
      </c>
      <c r="AS2443" s="166">
        <v>0</v>
      </c>
      <c r="AT2443" s="166">
        <v>0</v>
      </c>
      <c r="AU2443" s="166">
        <v>0</v>
      </c>
      <c r="AV2443" s="166">
        <v>0</v>
      </c>
      <c r="AW2443" s="166">
        <v>0</v>
      </c>
      <c r="AX2443" s="166">
        <v>0</v>
      </c>
      <c r="AY2443" s="166">
        <v>0</v>
      </c>
      <c r="AZ2443" s="166">
        <v>0</v>
      </c>
      <c r="BA2443" s="166">
        <v>0</v>
      </c>
      <c r="BB2443" s="166">
        <v>0</v>
      </c>
      <c r="BC2443" s="166">
        <v>0</v>
      </c>
      <c r="BD2443" s="166">
        <v>0</v>
      </c>
      <c r="BE2443" s="166">
        <v>0</v>
      </c>
      <c r="BF2443" s="166">
        <v>0</v>
      </c>
      <c r="BG2443" s="166">
        <v>0</v>
      </c>
      <c r="BH2443" s="166">
        <v>0</v>
      </c>
      <c r="BI2443" s="166">
        <v>0</v>
      </c>
      <c r="BJ2443" s="166">
        <v>0</v>
      </c>
      <c r="BK2443" s="166">
        <v>0</v>
      </c>
      <c r="BL2443" s="166">
        <v>0</v>
      </c>
      <c r="BM2443" s="166">
        <v>0</v>
      </c>
      <c r="BN2443" s="166">
        <v>0</v>
      </c>
      <c r="BO2443" s="166">
        <v>0</v>
      </c>
      <c r="BP2443" s="166">
        <v>0</v>
      </c>
      <c r="BQ2443" s="166">
        <v>0</v>
      </c>
      <c r="BR2443" s="166">
        <v>231051.69999999899</v>
      </c>
      <c r="BS2443" s="166">
        <v>231051.69999999899</v>
      </c>
      <c r="BT2443" s="168">
        <v>0</v>
      </c>
      <c r="BU2443" s="166">
        <v>19355.241930641201</v>
      </c>
      <c r="BV2443" s="166">
        <v>230952.76498911501</v>
      </c>
      <c r="BW2443" s="166">
        <v>0</v>
      </c>
      <c r="BX2443" s="166">
        <v>0</v>
      </c>
      <c r="BY2443" s="166">
        <v>0</v>
      </c>
      <c r="BZ2443" s="166">
        <v>0</v>
      </c>
      <c r="CA2443" s="166">
        <v>0</v>
      </c>
      <c r="CB2443" s="166">
        <v>0</v>
      </c>
      <c r="CC2443" s="166">
        <v>0</v>
      </c>
      <c r="CD2443" s="166">
        <v>0</v>
      </c>
      <c r="CE2443" s="166">
        <v>0</v>
      </c>
      <c r="CF2443" s="166">
        <v>0</v>
      </c>
      <c r="CG2443" s="166">
        <v>0</v>
      </c>
      <c r="CH2443" s="166">
        <v>0</v>
      </c>
      <c r="CI2443" s="166">
        <v>0</v>
      </c>
      <c r="CJ2443" s="166">
        <v>0</v>
      </c>
      <c r="CK2443" s="166">
        <v>0</v>
      </c>
      <c r="CL2443" s="166">
        <v>0</v>
      </c>
      <c r="CM2443" s="166">
        <v>0</v>
      </c>
      <c r="CN2443" s="166">
        <v>0</v>
      </c>
      <c r="CO2443" s="166">
        <v>0</v>
      </c>
      <c r="CP2443" s="166">
        <v>0</v>
      </c>
      <c r="CQ2443" s="166">
        <v>0</v>
      </c>
      <c r="CR2443" s="166">
        <v>0</v>
      </c>
      <c r="CS2443" s="166">
        <v>0</v>
      </c>
      <c r="CT2443" s="166">
        <v>0</v>
      </c>
      <c r="CU2443" s="166">
        <v>0</v>
      </c>
      <c r="CV2443" s="166">
        <v>0</v>
      </c>
      <c r="CW2443" s="166">
        <v>0</v>
      </c>
      <c r="CX2443" s="166">
        <v>0</v>
      </c>
      <c r="CY2443" s="166">
        <v>230952.76498911501</v>
      </c>
      <c r="CZ2443" s="166">
        <v>230952.76498911501</v>
      </c>
    </row>
    <row r="2444" spans="1:104" x14ac:dyDescent="0.2">
      <c r="A2444" s="167" t="s">
        <v>292</v>
      </c>
    </row>
    <row r="2445" spans="1:104" x14ac:dyDescent="0.2">
      <c r="A2445" s="167" t="s">
        <v>293</v>
      </c>
      <c r="B2445" s="166">
        <v>4543357.5199999996</v>
      </c>
      <c r="C2445" s="166">
        <v>4543357.5199999996</v>
      </c>
      <c r="D2445" s="166">
        <v>0</v>
      </c>
      <c r="E2445" s="166">
        <v>0</v>
      </c>
      <c r="F2445" s="166">
        <v>0</v>
      </c>
      <c r="G2445" s="166">
        <v>0</v>
      </c>
      <c r="H2445" s="166">
        <v>0</v>
      </c>
      <c r="I2445" s="166">
        <v>0</v>
      </c>
      <c r="J2445" s="166">
        <v>0</v>
      </c>
      <c r="K2445" s="166">
        <v>0</v>
      </c>
      <c r="L2445" s="166">
        <v>0</v>
      </c>
      <c r="M2445" s="166">
        <v>0</v>
      </c>
      <c r="N2445" s="166">
        <v>0</v>
      </c>
      <c r="O2445" s="166">
        <v>0</v>
      </c>
      <c r="P2445" s="166">
        <v>0</v>
      </c>
      <c r="Q2445" s="166">
        <v>0</v>
      </c>
      <c r="R2445" s="166">
        <v>0</v>
      </c>
      <c r="S2445" s="166">
        <v>0</v>
      </c>
      <c r="T2445" s="166">
        <v>0</v>
      </c>
      <c r="U2445" s="166">
        <v>0</v>
      </c>
      <c r="V2445" s="166">
        <v>0</v>
      </c>
      <c r="W2445" s="166">
        <v>0</v>
      </c>
      <c r="X2445" s="166">
        <v>0</v>
      </c>
      <c r="Y2445" s="166">
        <v>0</v>
      </c>
      <c r="Z2445" s="166">
        <v>0</v>
      </c>
      <c r="AA2445" s="166">
        <v>0</v>
      </c>
      <c r="AB2445" s="166">
        <v>0</v>
      </c>
      <c r="AC2445" s="166">
        <v>0</v>
      </c>
      <c r="AD2445" s="166">
        <v>0</v>
      </c>
      <c r="AE2445" s="166">
        <v>0</v>
      </c>
      <c r="AF2445" s="166">
        <v>0</v>
      </c>
      <c r="AG2445" s="166">
        <v>0</v>
      </c>
      <c r="AH2445" s="166">
        <v>0</v>
      </c>
      <c r="AI2445" s="166">
        <v>0</v>
      </c>
      <c r="AJ2445" s="166">
        <v>0</v>
      </c>
      <c r="AK2445" s="166">
        <v>0</v>
      </c>
      <c r="AL2445" s="166">
        <v>0</v>
      </c>
      <c r="AM2445" s="166">
        <v>0</v>
      </c>
      <c r="AN2445" s="166">
        <v>0</v>
      </c>
      <c r="AO2445" s="166">
        <v>0</v>
      </c>
      <c r="AP2445" s="166">
        <v>0</v>
      </c>
      <c r="AQ2445" s="166">
        <v>0</v>
      </c>
      <c r="AR2445" s="166">
        <v>0</v>
      </c>
      <c r="AS2445" s="166">
        <v>0</v>
      </c>
      <c r="AT2445" s="166">
        <v>0</v>
      </c>
      <c r="AU2445" s="166">
        <v>0</v>
      </c>
      <c r="AV2445" s="166">
        <v>0</v>
      </c>
      <c r="AW2445" s="166">
        <v>0</v>
      </c>
      <c r="AX2445" s="166">
        <v>0</v>
      </c>
      <c r="AY2445" s="166">
        <v>0</v>
      </c>
      <c r="AZ2445" s="166">
        <v>0</v>
      </c>
      <c r="BA2445" s="166">
        <v>0</v>
      </c>
      <c r="BB2445" s="166">
        <v>0</v>
      </c>
      <c r="BC2445" s="166">
        <v>0</v>
      </c>
      <c r="BD2445" s="166">
        <v>0</v>
      </c>
      <c r="BE2445" s="166">
        <v>0</v>
      </c>
      <c r="BF2445" s="166">
        <v>0</v>
      </c>
      <c r="BG2445" s="166">
        <v>0</v>
      </c>
      <c r="BH2445" s="166">
        <v>0</v>
      </c>
      <c r="BI2445" s="166">
        <v>0</v>
      </c>
      <c r="BJ2445" s="166">
        <v>0</v>
      </c>
      <c r="BK2445" s="166">
        <v>0</v>
      </c>
      <c r="BL2445" s="166">
        <v>0</v>
      </c>
      <c r="BM2445" s="166">
        <v>0</v>
      </c>
      <c r="BN2445" s="166">
        <v>0</v>
      </c>
      <c r="BO2445" s="166">
        <v>0</v>
      </c>
      <c r="BP2445" s="166">
        <v>0</v>
      </c>
      <c r="BQ2445" s="166">
        <v>0</v>
      </c>
      <c r="BR2445" s="166">
        <v>4543357.5199999996</v>
      </c>
      <c r="BS2445" s="166">
        <v>4543357.5199999996</v>
      </c>
      <c r="BT2445" s="168">
        <v>1</v>
      </c>
      <c r="BU2445" s="166">
        <v>368998.75</v>
      </c>
      <c r="BV2445" s="166">
        <v>4543357.5199999996</v>
      </c>
      <c r="BW2445" s="166">
        <v>0</v>
      </c>
      <c r="BX2445" s="166">
        <v>0</v>
      </c>
      <c r="BY2445" s="166">
        <v>0</v>
      </c>
      <c r="BZ2445" s="166">
        <v>0</v>
      </c>
      <c r="CA2445" s="166">
        <v>0</v>
      </c>
      <c r="CB2445" s="166">
        <v>0</v>
      </c>
      <c r="CC2445" s="166">
        <v>0</v>
      </c>
      <c r="CD2445" s="166">
        <v>0</v>
      </c>
      <c r="CE2445" s="166">
        <v>0</v>
      </c>
      <c r="CF2445" s="166">
        <v>0</v>
      </c>
      <c r="CG2445" s="166">
        <v>0</v>
      </c>
      <c r="CH2445" s="166">
        <v>0</v>
      </c>
      <c r="CI2445" s="166">
        <v>0</v>
      </c>
      <c r="CJ2445" s="166">
        <v>0</v>
      </c>
      <c r="CK2445" s="166">
        <v>0</v>
      </c>
      <c r="CL2445" s="166">
        <v>0</v>
      </c>
      <c r="CM2445" s="166">
        <v>0</v>
      </c>
      <c r="CN2445" s="166">
        <v>0</v>
      </c>
      <c r="CO2445" s="166">
        <v>0</v>
      </c>
      <c r="CP2445" s="166">
        <v>0</v>
      </c>
      <c r="CQ2445" s="166">
        <v>0</v>
      </c>
      <c r="CR2445" s="166">
        <v>0</v>
      </c>
      <c r="CS2445" s="166">
        <v>0</v>
      </c>
      <c r="CT2445" s="166">
        <v>0</v>
      </c>
      <c r="CU2445" s="166">
        <v>0</v>
      </c>
      <c r="CV2445" s="166">
        <v>0</v>
      </c>
      <c r="CW2445" s="166">
        <v>0</v>
      </c>
      <c r="CX2445" s="166">
        <v>0</v>
      </c>
      <c r="CY2445" s="166">
        <v>4543357.5199999996</v>
      </c>
      <c r="CZ2445" s="166">
        <v>4543357.5199999996</v>
      </c>
    </row>
    <row r="2446" spans="1:104" x14ac:dyDescent="0.2">
      <c r="A2446" s="167" t="s">
        <v>294</v>
      </c>
    </row>
    <row r="2447" spans="1:104" x14ac:dyDescent="0.2">
      <c r="A2447" s="167" t="s">
        <v>1116</v>
      </c>
      <c r="B2447" s="166">
        <v>365374.99</v>
      </c>
      <c r="C2447" s="166">
        <v>365374.99</v>
      </c>
      <c r="D2447" s="166">
        <v>0</v>
      </c>
      <c r="E2447" s="166">
        <v>0</v>
      </c>
      <c r="F2447" s="166">
        <v>0</v>
      </c>
      <c r="G2447" s="166">
        <v>0</v>
      </c>
      <c r="H2447" s="166">
        <v>0</v>
      </c>
      <c r="I2447" s="166">
        <v>0</v>
      </c>
      <c r="J2447" s="166">
        <v>0</v>
      </c>
      <c r="K2447" s="166">
        <v>0</v>
      </c>
      <c r="L2447" s="166">
        <v>0</v>
      </c>
      <c r="M2447" s="166">
        <v>0</v>
      </c>
      <c r="N2447" s="166">
        <v>0</v>
      </c>
      <c r="O2447" s="166">
        <v>0</v>
      </c>
      <c r="P2447" s="166">
        <v>0</v>
      </c>
      <c r="Q2447" s="166">
        <v>0</v>
      </c>
      <c r="R2447" s="166">
        <v>0</v>
      </c>
      <c r="S2447" s="166">
        <v>0</v>
      </c>
      <c r="T2447" s="166">
        <v>0</v>
      </c>
      <c r="U2447" s="166">
        <v>0</v>
      </c>
      <c r="V2447" s="166">
        <v>0</v>
      </c>
      <c r="W2447" s="166">
        <v>0</v>
      </c>
      <c r="X2447" s="166">
        <v>0</v>
      </c>
      <c r="Y2447" s="166">
        <v>0</v>
      </c>
      <c r="Z2447" s="166">
        <v>0</v>
      </c>
      <c r="AA2447" s="166">
        <v>0</v>
      </c>
      <c r="AB2447" s="166">
        <v>0</v>
      </c>
      <c r="AC2447" s="166">
        <v>0</v>
      </c>
      <c r="AD2447" s="166">
        <v>0</v>
      </c>
      <c r="AE2447" s="166">
        <v>0</v>
      </c>
      <c r="AF2447" s="166">
        <v>0</v>
      </c>
      <c r="AG2447" s="166">
        <v>0</v>
      </c>
      <c r="AH2447" s="166">
        <v>0</v>
      </c>
      <c r="AI2447" s="166">
        <v>0</v>
      </c>
      <c r="AJ2447" s="166">
        <v>0</v>
      </c>
      <c r="AK2447" s="166">
        <v>0</v>
      </c>
      <c r="AL2447" s="166">
        <v>0</v>
      </c>
      <c r="AM2447" s="166">
        <v>0</v>
      </c>
      <c r="AN2447" s="166">
        <v>0</v>
      </c>
      <c r="AO2447" s="166">
        <v>0</v>
      </c>
      <c r="AP2447" s="166">
        <v>0</v>
      </c>
      <c r="AQ2447" s="166">
        <v>0</v>
      </c>
      <c r="AR2447" s="166">
        <v>0</v>
      </c>
      <c r="AS2447" s="166">
        <v>0</v>
      </c>
      <c r="AT2447" s="166">
        <v>0</v>
      </c>
      <c r="AU2447" s="166">
        <v>0</v>
      </c>
      <c r="AV2447" s="166">
        <v>0</v>
      </c>
      <c r="AW2447" s="166">
        <v>0</v>
      </c>
      <c r="AX2447" s="166">
        <v>0</v>
      </c>
      <c r="AY2447" s="166">
        <v>0</v>
      </c>
      <c r="AZ2447" s="166">
        <v>0</v>
      </c>
      <c r="BA2447" s="166">
        <v>0</v>
      </c>
      <c r="BB2447" s="166">
        <v>0</v>
      </c>
      <c r="BC2447" s="166">
        <v>0</v>
      </c>
      <c r="BD2447" s="166">
        <v>0</v>
      </c>
      <c r="BE2447" s="166">
        <v>0</v>
      </c>
      <c r="BF2447" s="166">
        <v>0</v>
      </c>
      <c r="BG2447" s="166">
        <v>0</v>
      </c>
      <c r="BH2447" s="166">
        <v>0</v>
      </c>
      <c r="BI2447" s="166">
        <v>0</v>
      </c>
      <c r="BJ2447" s="166">
        <v>0</v>
      </c>
      <c r="BK2447" s="166">
        <v>0</v>
      </c>
      <c r="BL2447" s="166">
        <v>0</v>
      </c>
      <c r="BM2447" s="166">
        <v>0</v>
      </c>
      <c r="BN2447" s="166">
        <v>0</v>
      </c>
      <c r="BO2447" s="166">
        <v>0</v>
      </c>
      <c r="BP2447" s="166">
        <v>0</v>
      </c>
      <c r="BQ2447" s="166">
        <v>0</v>
      </c>
      <c r="BR2447" s="166">
        <v>365374.99</v>
      </c>
      <c r="BS2447" s="166">
        <v>365374.99</v>
      </c>
      <c r="BT2447" s="168">
        <v>1</v>
      </c>
      <c r="BU2447" s="166">
        <v>24112.16</v>
      </c>
      <c r="BV2447" s="166">
        <v>365374.99</v>
      </c>
      <c r="BW2447" s="166">
        <v>0</v>
      </c>
      <c r="BX2447" s="166">
        <v>0</v>
      </c>
      <c r="BY2447" s="166">
        <v>0</v>
      </c>
      <c r="BZ2447" s="166">
        <v>0</v>
      </c>
      <c r="CA2447" s="166">
        <v>0</v>
      </c>
      <c r="CB2447" s="166">
        <v>0</v>
      </c>
      <c r="CC2447" s="166">
        <v>0</v>
      </c>
      <c r="CD2447" s="166">
        <v>0</v>
      </c>
      <c r="CE2447" s="166">
        <v>0</v>
      </c>
      <c r="CF2447" s="166">
        <v>0</v>
      </c>
      <c r="CG2447" s="166">
        <v>0</v>
      </c>
      <c r="CH2447" s="166">
        <v>0</v>
      </c>
      <c r="CI2447" s="166">
        <v>0</v>
      </c>
      <c r="CJ2447" s="166">
        <v>0</v>
      </c>
      <c r="CK2447" s="166">
        <v>0</v>
      </c>
      <c r="CL2447" s="166">
        <v>0</v>
      </c>
      <c r="CM2447" s="166">
        <v>0</v>
      </c>
      <c r="CN2447" s="166">
        <v>0</v>
      </c>
      <c r="CO2447" s="166">
        <v>0</v>
      </c>
      <c r="CP2447" s="166">
        <v>0</v>
      </c>
      <c r="CQ2447" s="166">
        <v>0</v>
      </c>
      <c r="CR2447" s="166">
        <v>0</v>
      </c>
      <c r="CS2447" s="166">
        <v>0</v>
      </c>
      <c r="CT2447" s="166">
        <v>0</v>
      </c>
      <c r="CU2447" s="166">
        <v>0</v>
      </c>
      <c r="CV2447" s="166">
        <v>0</v>
      </c>
      <c r="CW2447" s="166">
        <v>0</v>
      </c>
      <c r="CX2447" s="166">
        <v>0</v>
      </c>
      <c r="CY2447" s="166">
        <v>365374.99</v>
      </c>
      <c r="CZ2447" s="166">
        <v>365374.99</v>
      </c>
    </row>
    <row r="2448" spans="1:104" x14ac:dyDescent="0.2">
      <c r="A2448" s="167" t="s">
        <v>296</v>
      </c>
    </row>
    <row r="2449" spans="1:104" x14ac:dyDescent="0.2">
      <c r="A2449" s="167" t="s">
        <v>1117</v>
      </c>
      <c r="B2449" s="166">
        <v>344310.99339537602</v>
      </c>
      <c r="C2449" s="166">
        <v>344310.99339537602</v>
      </c>
      <c r="D2449" s="166">
        <v>0</v>
      </c>
      <c r="E2449" s="166">
        <v>0</v>
      </c>
      <c r="F2449" s="166">
        <v>0</v>
      </c>
      <c r="G2449" s="166">
        <v>0</v>
      </c>
      <c r="H2449" s="166">
        <v>0</v>
      </c>
      <c r="I2449" s="166">
        <v>0</v>
      </c>
      <c r="J2449" s="166">
        <v>0</v>
      </c>
      <c r="K2449" s="166">
        <v>0</v>
      </c>
      <c r="L2449" s="166">
        <v>0</v>
      </c>
      <c r="M2449" s="166">
        <v>0</v>
      </c>
      <c r="N2449" s="166">
        <v>0</v>
      </c>
      <c r="O2449" s="166">
        <v>0</v>
      </c>
      <c r="P2449" s="166">
        <v>0</v>
      </c>
      <c r="Q2449" s="166">
        <v>0</v>
      </c>
      <c r="R2449" s="166">
        <v>0</v>
      </c>
      <c r="S2449" s="166">
        <v>0</v>
      </c>
      <c r="T2449" s="166">
        <v>0</v>
      </c>
      <c r="U2449" s="166">
        <v>0</v>
      </c>
      <c r="V2449" s="166">
        <v>0</v>
      </c>
      <c r="W2449" s="166">
        <v>0</v>
      </c>
      <c r="X2449" s="166">
        <v>0</v>
      </c>
      <c r="Y2449" s="166">
        <v>0</v>
      </c>
      <c r="Z2449" s="166">
        <v>0</v>
      </c>
      <c r="AA2449" s="166">
        <v>0</v>
      </c>
      <c r="AB2449" s="166">
        <v>0</v>
      </c>
      <c r="AC2449" s="166">
        <v>0</v>
      </c>
      <c r="AD2449" s="166">
        <v>0</v>
      </c>
      <c r="AE2449" s="166">
        <v>0</v>
      </c>
      <c r="AF2449" s="166">
        <v>0</v>
      </c>
      <c r="AG2449" s="166">
        <v>0</v>
      </c>
      <c r="AH2449" s="166">
        <v>0</v>
      </c>
      <c r="AI2449" s="166">
        <v>0</v>
      </c>
      <c r="AJ2449" s="166">
        <v>0</v>
      </c>
      <c r="AK2449" s="166">
        <v>0</v>
      </c>
      <c r="AL2449" s="166">
        <v>0</v>
      </c>
      <c r="AM2449" s="166">
        <v>0</v>
      </c>
      <c r="AN2449" s="166">
        <v>0</v>
      </c>
      <c r="AO2449" s="166">
        <v>0</v>
      </c>
      <c r="AP2449" s="166">
        <v>0</v>
      </c>
      <c r="AQ2449" s="166">
        <v>0</v>
      </c>
      <c r="AR2449" s="166">
        <v>0</v>
      </c>
      <c r="AS2449" s="166">
        <v>0</v>
      </c>
      <c r="AT2449" s="166">
        <v>0</v>
      </c>
      <c r="AU2449" s="166">
        <v>0</v>
      </c>
      <c r="AV2449" s="166">
        <v>0</v>
      </c>
      <c r="AW2449" s="166">
        <v>0</v>
      </c>
      <c r="AX2449" s="166">
        <v>0</v>
      </c>
      <c r="AY2449" s="166">
        <v>0</v>
      </c>
      <c r="AZ2449" s="166">
        <v>0</v>
      </c>
      <c r="BA2449" s="166">
        <v>0</v>
      </c>
      <c r="BB2449" s="166">
        <v>0</v>
      </c>
      <c r="BC2449" s="166">
        <v>0</v>
      </c>
      <c r="BD2449" s="166">
        <v>0</v>
      </c>
      <c r="BE2449" s="166">
        <v>0</v>
      </c>
      <c r="BF2449" s="166">
        <v>0</v>
      </c>
      <c r="BG2449" s="166">
        <v>0</v>
      </c>
      <c r="BH2449" s="166">
        <v>0</v>
      </c>
      <c r="BI2449" s="166">
        <v>0</v>
      </c>
      <c r="BJ2449" s="166">
        <v>0</v>
      </c>
      <c r="BK2449" s="166">
        <v>0</v>
      </c>
      <c r="BL2449" s="166">
        <v>0</v>
      </c>
      <c r="BM2449" s="166">
        <v>0</v>
      </c>
      <c r="BN2449" s="166">
        <v>0</v>
      </c>
      <c r="BO2449" s="166">
        <v>0</v>
      </c>
      <c r="BP2449" s="166">
        <v>0</v>
      </c>
      <c r="BQ2449" s="166">
        <v>0</v>
      </c>
      <c r="BR2449" s="166">
        <v>344310.99339537602</v>
      </c>
      <c r="BS2449" s="166">
        <v>344310.99339537602</v>
      </c>
      <c r="BT2449" s="168">
        <v>1</v>
      </c>
      <c r="BU2449" s="166">
        <v>39540.7852045322</v>
      </c>
      <c r="BV2449" s="166">
        <v>344310.99339537602</v>
      </c>
      <c r="BW2449" s="166">
        <v>0</v>
      </c>
      <c r="BX2449" s="166">
        <v>0</v>
      </c>
      <c r="BY2449" s="166">
        <v>0</v>
      </c>
      <c r="BZ2449" s="166">
        <v>0</v>
      </c>
      <c r="CA2449" s="166">
        <v>0</v>
      </c>
      <c r="CB2449" s="166">
        <v>0</v>
      </c>
      <c r="CC2449" s="166">
        <v>0</v>
      </c>
      <c r="CD2449" s="166">
        <v>0</v>
      </c>
      <c r="CE2449" s="166">
        <v>0</v>
      </c>
      <c r="CF2449" s="166">
        <v>0</v>
      </c>
      <c r="CG2449" s="166">
        <v>0</v>
      </c>
      <c r="CH2449" s="166">
        <v>0</v>
      </c>
      <c r="CI2449" s="166">
        <v>0</v>
      </c>
      <c r="CJ2449" s="166">
        <v>0</v>
      </c>
      <c r="CK2449" s="166">
        <v>0</v>
      </c>
      <c r="CL2449" s="166">
        <v>0</v>
      </c>
      <c r="CM2449" s="166">
        <v>0</v>
      </c>
      <c r="CN2449" s="166">
        <v>0</v>
      </c>
      <c r="CO2449" s="166">
        <v>0</v>
      </c>
      <c r="CP2449" s="166">
        <v>0</v>
      </c>
      <c r="CQ2449" s="166">
        <v>0</v>
      </c>
      <c r="CR2449" s="166">
        <v>0</v>
      </c>
      <c r="CS2449" s="166">
        <v>0</v>
      </c>
      <c r="CT2449" s="166">
        <v>0</v>
      </c>
      <c r="CU2449" s="166">
        <v>0</v>
      </c>
      <c r="CV2449" s="166">
        <v>0</v>
      </c>
      <c r="CW2449" s="166">
        <v>0</v>
      </c>
      <c r="CX2449" s="166">
        <v>0</v>
      </c>
      <c r="CY2449" s="166">
        <v>344310.99339537602</v>
      </c>
      <c r="CZ2449" s="166">
        <v>344310.99339537602</v>
      </c>
    </row>
    <row r="2450" spans="1:104" x14ac:dyDescent="0.2">
      <c r="A2450" s="167" t="s">
        <v>1118</v>
      </c>
      <c r="B2450" s="166">
        <v>176944.146565667</v>
      </c>
      <c r="C2450" s="166">
        <v>176944.146565667</v>
      </c>
      <c r="D2450" s="166">
        <v>0</v>
      </c>
      <c r="E2450" s="166">
        <v>0</v>
      </c>
      <c r="F2450" s="166">
        <v>0</v>
      </c>
      <c r="G2450" s="166">
        <v>0</v>
      </c>
      <c r="H2450" s="166">
        <v>0</v>
      </c>
      <c r="I2450" s="166">
        <v>0</v>
      </c>
      <c r="J2450" s="166">
        <v>0</v>
      </c>
      <c r="K2450" s="166">
        <v>0</v>
      </c>
      <c r="L2450" s="166">
        <v>0</v>
      </c>
      <c r="M2450" s="166">
        <v>0</v>
      </c>
      <c r="N2450" s="166">
        <v>0</v>
      </c>
      <c r="O2450" s="166">
        <v>0</v>
      </c>
      <c r="P2450" s="166">
        <v>0</v>
      </c>
      <c r="Q2450" s="166">
        <v>0</v>
      </c>
      <c r="R2450" s="166">
        <v>0</v>
      </c>
      <c r="S2450" s="166">
        <v>0</v>
      </c>
      <c r="T2450" s="166">
        <v>0</v>
      </c>
      <c r="U2450" s="166">
        <v>0</v>
      </c>
      <c r="V2450" s="166">
        <v>0</v>
      </c>
      <c r="W2450" s="166">
        <v>0</v>
      </c>
      <c r="X2450" s="166">
        <v>0</v>
      </c>
      <c r="Y2450" s="166">
        <v>0</v>
      </c>
      <c r="Z2450" s="166">
        <v>0</v>
      </c>
      <c r="AA2450" s="166">
        <v>0</v>
      </c>
      <c r="AB2450" s="166">
        <v>0</v>
      </c>
      <c r="AC2450" s="166">
        <v>0</v>
      </c>
      <c r="AD2450" s="166">
        <v>0</v>
      </c>
      <c r="AE2450" s="166">
        <v>0</v>
      </c>
      <c r="AF2450" s="166">
        <v>0</v>
      </c>
      <c r="AG2450" s="166">
        <v>0</v>
      </c>
      <c r="AH2450" s="166">
        <v>0</v>
      </c>
      <c r="AI2450" s="166">
        <v>0</v>
      </c>
      <c r="AJ2450" s="166">
        <v>0</v>
      </c>
      <c r="AK2450" s="166">
        <v>0</v>
      </c>
      <c r="AL2450" s="166">
        <v>0</v>
      </c>
      <c r="AM2450" s="166">
        <v>0</v>
      </c>
      <c r="AN2450" s="166">
        <v>0</v>
      </c>
      <c r="AO2450" s="166">
        <v>0</v>
      </c>
      <c r="AP2450" s="166">
        <v>0</v>
      </c>
      <c r="AQ2450" s="166">
        <v>0</v>
      </c>
      <c r="AR2450" s="166">
        <v>0</v>
      </c>
      <c r="AS2450" s="166">
        <v>0</v>
      </c>
      <c r="AT2450" s="166">
        <v>0</v>
      </c>
      <c r="AU2450" s="166">
        <v>0</v>
      </c>
      <c r="AV2450" s="166">
        <v>0</v>
      </c>
      <c r="AW2450" s="166">
        <v>0</v>
      </c>
      <c r="AX2450" s="166">
        <v>0</v>
      </c>
      <c r="AY2450" s="166">
        <v>0</v>
      </c>
      <c r="AZ2450" s="166">
        <v>0</v>
      </c>
      <c r="BA2450" s="166">
        <v>0</v>
      </c>
      <c r="BB2450" s="166">
        <v>0</v>
      </c>
      <c r="BC2450" s="166">
        <v>0</v>
      </c>
      <c r="BD2450" s="166">
        <v>0</v>
      </c>
      <c r="BE2450" s="166">
        <v>0</v>
      </c>
      <c r="BF2450" s="166">
        <v>0</v>
      </c>
      <c r="BG2450" s="166">
        <v>0</v>
      </c>
      <c r="BH2450" s="166">
        <v>0</v>
      </c>
      <c r="BI2450" s="166">
        <v>0</v>
      </c>
      <c r="BJ2450" s="166">
        <v>0</v>
      </c>
      <c r="BK2450" s="166">
        <v>0</v>
      </c>
      <c r="BL2450" s="166">
        <v>0</v>
      </c>
      <c r="BM2450" s="166">
        <v>0</v>
      </c>
      <c r="BN2450" s="166">
        <v>0</v>
      </c>
      <c r="BO2450" s="166">
        <v>0</v>
      </c>
      <c r="BP2450" s="166">
        <v>0</v>
      </c>
      <c r="BQ2450" s="166">
        <v>0</v>
      </c>
      <c r="BR2450" s="166">
        <v>176944.146565667</v>
      </c>
      <c r="BS2450" s="166">
        <v>176944.146565667</v>
      </c>
      <c r="BT2450" s="168">
        <v>1</v>
      </c>
      <c r="BU2450" s="166">
        <v>20573.996090944202</v>
      </c>
      <c r="BV2450" s="166">
        <v>176944.146565667</v>
      </c>
      <c r="BW2450" s="166">
        <v>0</v>
      </c>
      <c r="BX2450" s="166">
        <v>0</v>
      </c>
      <c r="BY2450" s="166">
        <v>0</v>
      </c>
      <c r="BZ2450" s="166">
        <v>0</v>
      </c>
      <c r="CA2450" s="166">
        <v>0</v>
      </c>
      <c r="CB2450" s="166">
        <v>0</v>
      </c>
      <c r="CC2450" s="166">
        <v>0</v>
      </c>
      <c r="CD2450" s="166">
        <v>0</v>
      </c>
      <c r="CE2450" s="166">
        <v>0</v>
      </c>
      <c r="CF2450" s="166">
        <v>0</v>
      </c>
      <c r="CG2450" s="166">
        <v>0</v>
      </c>
      <c r="CH2450" s="166">
        <v>0</v>
      </c>
      <c r="CI2450" s="166">
        <v>0</v>
      </c>
      <c r="CJ2450" s="166">
        <v>0</v>
      </c>
      <c r="CK2450" s="166">
        <v>0</v>
      </c>
      <c r="CL2450" s="166">
        <v>0</v>
      </c>
      <c r="CM2450" s="166">
        <v>0</v>
      </c>
      <c r="CN2450" s="166">
        <v>0</v>
      </c>
      <c r="CO2450" s="166">
        <v>0</v>
      </c>
      <c r="CP2450" s="166">
        <v>0</v>
      </c>
      <c r="CQ2450" s="166">
        <v>0</v>
      </c>
      <c r="CR2450" s="166">
        <v>0</v>
      </c>
      <c r="CS2450" s="166">
        <v>0</v>
      </c>
      <c r="CT2450" s="166">
        <v>0</v>
      </c>
      <c r="CU2450" s="166">
        <v>0</v>
      </c>
      <c r="CV2450" s="166">
        <v>0</v>
      </c>
      <c r="CW2450" s="166">
        <v>0</v>
      </c>
      <c r="CX2450" s="166">
        <v>0</v>
      </c>
      <c r="CY2450" s="166">
        <v>176944.146565667</v>
      </c>
      <c r="CZ2450" s="166">
        <v>176944.146565667</v>
      </c>
    </row>
    <row r="2451" spans="1:104" x14ac:dyDescent="0.2">
      <c r="A2451" s="167" t="s">
        <v>1119</v>
      </c>
      <c r="B2451" s="166">
        <v>38733.089102206402</v>
      </c>
      <c r="C2451" s="166">
        <v>38733.089102206402</v>
      </c>
      <c r="D2451" s="166">
        <v>0</v>
      </c>
      <c r="E2451" s="166">
        <v>0</v>
      </c>
      <c r="F2451" s="166">
        <v>0</v>
      </c>
      <c r="G2451" s="166">
        <v>0</v>
      </c>
      <c r="H2451" s="166">
        <v>0</v>
      </c>
      <c r="I2451" s="166">
        <v>0</v>
      </c>
      <c r="J2451" s="166">
        <v>0</v>
      </c>
      <c r="K2451" s="166">
        <v>0</v>
      </c>
      <c r="L2451" s="166">
        <v>0</v>
      </c>
      <c r="M2451" s="166">
        <v>0</v>
      </c>
      <c r="N2451" s="166">
        <v>0</v>
      </c>
      <c r="O2451" s="166">
        <v>0</v>
      </c>
      <c r="P2451" s="166">
        <v>0</v>
      </c>
      <c r="Q2451" s="166">
        <v>0</v>
      </c>
      <c r="R2451" s="166">
        <v>0</v>
      </c>
      <c r="S2451" s="166">
        <v>0</v>
      </c>
      <c r="T2451" s="166">
        <v>0</v>
      </c>
      <c r="U2451" s="166">
        <v>0</v>
      </c>
      <c r="V2451" s="166">
        <v>0</v>
      </c>
      <c r="W2451" s="166">
        <v>0</v>
      </c>
      <c r="X2451" s="166">
        <v>0</v>
      </c>
      <c r="Y2451" s="166">
        <v>0</v>
      </c>
      <c r="Z2451" s="166">
        <v>0</v>
      </c>
      <c r="AA2451" s="166">
        <v>0</v>
      </c>
      <c r="AB2451" s="166">
        <v>0</v>
      </c>
      <c r="AC2451" s="166">
        <v>0</v>
      </c>
      <c r="AD2451" s="166">
        <v>0</v>
      </c>
      <c r="AE2451" s="166">
        <v>0</v>
      </c>
      <c r="AF2451" s="166">
        <v>0</v>
      </c>
      <c r="AG2451" s="166">
        <v>0</v>
      </c>
      <c r="AH2451" s="166">
        <v>0</v>
      </c>
      <c r="AI2451" s="166">
        <v>0</v>
      </c>
      <c r="AJ2451" s="166">
        <v>0</v>
      </c>
      <c r="AK2451" s="166">
        <v>0</v>
      </c>
      <c r="AL2451" s="166">
        <v>0</v>
      </c>
      <c r="AM2451" s="166">
        <v>0</v>
      </c>
      <c r="AN2451" s="166">
        <v>0</v>
      </c>
      <c r="AO2451" s="166">
        <v>0</v>
      </c>
      <c r="AP2451" s="166">
        <v>0</v>
      </c>
      <c r="AQ2451" s="166">
        <v>0</v>
      </c>
      <c r="AR2451" s="166">
        <v>0</v>
      </c>
      <c r="AS2451" s="166">
        <v>0</v>
      </c>
      <c r="AT2451" s="166">
        <v>0</v>
      </c>
      <c r="AU2451" s="166">
        <v>0</v>
      </c>
      <c r="AV2451" s="166">
        <v>0</v>
      </c>
      <c r="AW2451" s="166">
        <v>0</v>
      </c>
      <c r="AX2451" s="166">
        <v>0</v>
      </c>
      <c r="AY2451" s="166">
        <v>0</v>
      </c>
      <c r="AZ2451" s="166">
        <v>0</v>
      </c>
      <c r="BA2451" s="166">
        <v>0</v>
      </c>
      <c r="BB2451" s="166">
        <v>0</v>
      </c>
      <c r="BC2451" s="166">
        <v>0</v>
      </c>
      <c r="BD2451" s="166">
        <v>0</v>
      </c>
      <c r="BE2451" s="166">
        <v>0</v>
      </c>
      <c r="BF2451" s="166">
        <v>0</v>
      </c>
      <c r="BG2451" s="166">
        <v>0</v>
      </c>
      <c r="BH2451" s="166">
        <v>0</v>
      </c>
      <c r="BI2451" s="166">
        <v>0</v>
      </c>
      <c r="BJ2451" s="166">
        <v>0</v>
      </c>
      <c r="BK2451" s="166">
        <v>0</v>
      </c>
      <c r="BL2451" s="166">
        <v>0</v>
      </c>
      <c r="BM2451" s="166">
        <v>0</v>
      </c>
      <c r="BN2451" s="166">
        <v>0</v>
      </c>
      <c r="BO2451" s="166">
        <v>0</v>
      </c>
      <c r="BP2451" s="166">
        <v>0</v>
      </c>
      <c r="BQ2451" s="166">
        <v>0</v>
      </c>
      <c r="BR2451" s="166">
        <v>38733.089102206402</v>
      </c>
      <c r="BS2451" s="166">
        <v>38733.089102206402</v>
      </c>
      <c r="BT2451" s="168">
        <v>1</v>
      </c>
      <c r="BU2451" s="166">
        <v>4376.7459510702802</v>
      </c>
      <c r="BV2451" s="166">
        <v>38733.089102206402</v>
      </c>
      <c r="BW2451" s="166">
        <v>0</v>
      </c>
      <c r="BX2451" s="166">
        <v>0</v>
      </c>
      <c r="BY2451" s="166">
        <v>0</v>
      </c>
      <c r="BZ2451" s="166">
        <v>0</v>
      </c>
      <c r="CA2451" s="166">
        <v>0</v>
      </c>
      <c r="CB2451" s="166">
        <v>0</v>
      </c>
      <c r="CC2451" s="166">
        <v>0</v>
      </c>
      <c r="CD2451" s="166">
        <v>0</v>
      </c>
      <c r="CE2451" s="166">
        <v>0</v>
      </c>
      <c r="CF2451" s="166">
        <v>0</v>
      </c>
      <c r="CG2451" s="166">
        <v>0</v>
      </c>
      <c r="CH2451" s="166">
        <v>0</v>
      </c>
      <c r="CI2451" s="166">
        <v>0</v>
      </c>
      <c r="CJ2451" s="166">
        <v>0</v>
      </c>
      <c r="CK2451" s="166">
        <v>0</v>
      </c>
      <c r="CL2451" s="166">
        <v>0</v>
      </c>
      <c r="CM2451" s="166">
        <v>0</v>
      </c>
      <c r="CN2451" s="166">
        <v>0</v>
      </c>
      <c r="CO2451" s="166">
        <v>0</v>
      </c>
      <c r="CP2451" s="166">
        <v>0</v>
      </c>
      <c r="CQ2451" s="166">
        <v>0</v>
      </c>
      <c r="CR2451" s="166">
        <v>0</v>
      </c>
      <c r="CS2451" s="166">
        <v>0</v>
      </c>
      <c r="CT2451" s="166">
        <v>0</v>
      </c>
      <c r="CU2451" s="166">
        <v>0</v>
      </c>
      <c r="CV2451" s="166">
        <v>0</v>
      </c>
      <c r="CW2451" s="166">
        <v>0</v>
      </c>
      <c r="CX2451" s="166">
        <v>0</v>
      </c>
      <c r="CY2451" s="166">
        <v>38733.089102206402</v>
      </c>
      <c r="CZ2451" s="166">
        <v>38733.089102206402</v>
      </c>
    </row>
    <row r="2452" spans="1:104" x14ac:dyDescent="0.2">
      <c r="A2452" s="167" t="s">
        <v>1120</v>
      </c>
      <c r="B2452" s="166">
        <v>57128.010936750099</v>
      </c>
      <c r="C2452" s="166">
        <v>57128.010936750099</v>
      </c>
      <c r="D2452" s="166">
        <v>0</v>
      </c>
      <c r="E2452" s="166">
        <v>0</v>
      </c>
      <c r="F2452" s="166">
        <v>0</v>
      </c>
      <c r="G2452" s="166">
        <v>0</v>
      </c>
      <c r="H2452" s="166">
        <v>0</v>
      </c>
      <c r="I2452" s="166">
        <v>0</v>
      </c>
      <c r="J2452" s="166">
        <v>0</v>
      </c>
      <c r="K2452" s="166">
        <v>0</v>
      </c>
      <c r="L2452" s="166">
        <v>0</v>
      </c>
      <c r="M2452" s="166">
        <v>0</v>
      </c>
      <c r="N2452" s="166">
        <v>0</v>
      </c>
      <c r="O2452" s="166">
        <v>0</v>
      </c>
      <c r="P2452" s="166">
        <v>0</v>
      </c>
      <c r="Q2452" s="166">
        <v>0</v>
      </c>
      <c r="R2452" s="166">
        <v>0</v>
      </c>
      <c r="S2452" s="166">
        <v>0</v>
      </c>
      <c r="T2452" s="166">
        <v>0</v>
      </c>
      <c r="U2452" s="166">
        <v>0</v>
      </c>
      <c r="V2452" s="166">
        <v>0</v>
      </c>
      <c r="W2452" s="166">
        <v>0</v>
      </c>
      <c r="X2452" s="166">
        <v>0</v>
      </c>
      <c r="Y2452" s="166">
        <v>0</v>
      </c>
      <c r="Z2452" s="166">
        <v>0</v>
      </c>
      <c r="AA2452" s="166">
        <v>0</v>
      </c>
      <c r="AB2452" s="166">
        <v>0</v>
      </c>
      <c r="AC2452" s="166">
        <v>0</v>
      </c>
      <c r="AD2452" s="166">
        <v>0</v>
      </c>
      <c r="AE2452" s="166">
        <v>0</v>
      </c>
      <c r="AF2452" s="166">
        <v>0</v>
      </c>
      <c r="AG2452" s="166">
        <v>0</v>
      </c>
      <c r="AH2452" s="166">
        <v>0</v>
      </c>
      <c r="AI2452" s="166">
        <v>0</v>
      </c>
      <c r="AJ2452" s="166">
        <v>0</v>
      </c>
      <c r="AK2452" s="166">
        <v>0</v>
      </c>
      <c r="AL2452" s="166">
        <v>0</v>
      </c>
      <c r="AM2452" s="166">
        <v>0</v>
      </c>
      <c r="AN2452" s="166">
        <v>0</v>
      </c>
      <c r="AO2452" s="166">
        <v>0</v>
      </c>
      <c r="AP2452" s="166">
        <v>0</v>
      </c>
      <c r="AQ2452" s="166">
        <v>0</v>
      </c>
      <c r="AR2452" s="166">
        <v>0</v>
      </c>
      <c r="AS2452" s="166">
        <v>0</v>
      </c>
      <c r="AT2452" s="166">
        <v>0</v>
      </c>
      <c r="AU2452" s="166">
        <v>0</v>
      </c>
      <c r="AV2452" s="166">
        <v>0</v>
      </c>
      <c r="AW2452" s="166">
        <v>0</v>
      </c>
      <c r="AX2452" s="166">
        <v>0</v>
      </c>
      <c r="AY2452" s="166">
        <v>0</v>
      </c>
      <c r="AZ2452" s="166">
        <v>0</v>
      </c>
      <c r="BA2452" s="166">
        <v>0</v>
      </c>
      <c r="BB2452" s="166">
        <v>0</v>
      </c>
      <c r="BC2452" s="166">
        <v>0</v>
      </c>
      <c r="BD2452" s="166">
        <v>0</v>
      </c>
      <c r="BE2452" s="166">
        <v>0</v>
      </c>
      <c r="BF2452" s="166">
        <v>0</v>
      </c>
      <c r="BG2452" s="166">
        <v>0</v>
      </c>
      <c r="BH2452" s="166">
        <v>0</v>
      </c>
      <c r="BI2452" s="166">
        <v>0</v>
      </c>
      <c r="BJ2452" s="166">
        <v>0</v>
      </c>
      <c r="BK2452" s="166">
        <v>0</v>
      </c>
      <c r="BL2452" s="166">
        <v>0</v>
      </c>
      <c r="BM2452" s="166">
        <v>0</v>
      </c>
      <c r="BN2452" s="166">
        <v>0</v>
      </c>
      <c r="BO2452" s="166">
        <v>0</v>
      </c>
      <c r="BP2452" s="166">
        <v>0</v>
      </c>
      <c r="BQ2452" s="166">
        <v>0</v>
      </c>
      <c r="BR2452" s="166">
        <v>57128.010936750099</v>
      </c>
      <c r="BS2452" s="166">
        <v>57128.010936750099</v>
      </c>
      <c r="BT2452" s="168">
        <v>1</v>
      </c>
      <c r="BU2452" s="166">
        <v>6581.4827534531496</v>
      </c>
      <c r="BV2452" s="166">
        <v>57128.010936750099</v>
      </c>
      <c r="BW2452" s="166">
        <v>0</v>
      </c>
      <c r="BX2452" s="166">
        <v>0</v>
      </c>
      <c r="BY2452" s="166">
        <v>0</v>
      </c>
      <c r="BZ2452" s="166">
        <v>0</v>
      </c>
      <c r="CA2452" s="166">
        <v>0</v>
      </c>
      <c r="CB2452" s="166">
        <v>0</v>
      </c>
      <c r="CC2452" s="166">
        <v>0</v>
      </c>
      <c r="CD2452" s="166">
        <v>0</v>
      </c>
      <c r="CE2452" s="166">
        <v>0</v>
      </c>
      <c r="CF2452" s="166">
        <v>0</v>
      </c>
      <c r="CG2452" s="166">
        <v>0</v>
      </c>
      <c r="CH2452" s="166">
        <v>0</v>
      </c>
      <c r="CI2452" s="166">
        <v>0</v>
      </c>
      <c r="CJ2452" s="166">
        <v>0</v>
      </c>
      <c r="CK2452" s="166">
        <v>0</v>
      </c>
      <c r="CL2452" s="166">
        <v>0</v>
      </c>
      <c r="CM2452" s="166">
        <v>0</v>
      </c>
      <c r="CN2452" s="166">
        <v>0</v>
      </c>
      <c r="CO2452" s="166">
        <v>0</v>
      </c>
      <c r="CP2452" s="166">
        <v>0</v>
      </c>
      <c r="CQ2452" s="166">
        <v>0</v>
      </c>
      <c r="CR2452" s="166">
        <v>0</v>
      </c>
      <c r="CS2452" s="166">
        <v>0</v>
      </c>
      <c r="CT2452" s="166">
        <v>0</v>
      </c>
      <c r="CU2452" s="166">
        <v>0</v>
      </c>
      <c r="CV2452" s="166">
        <v>0</v>
      </c>
      <c r="CW2452" s="166">
        <v>0</v>
      </c>
      <c r="CX2452" s="166">
        <v>0</v>
      </c>
      <c r="CY2452" s="166">
        <v>57128.010936750099</v>
      </c>
      <c r="CZ2452" s="166">
        <v>57128.010936750099</v>
      </c>
    </row>
    <row r="2453" spans="1:104" x14ac:dyDescent="0.2">
      <c r="A2453" s="167" t="s">
        <v>1121</v>
      </c>
      <c r="B2453" s="166">
        <v>0</v>
      </c>
      <c r="C2453" s="166">
        <v>0</v>
      </c>
      <c r="D2453" s="166">
        <v>0</v>
      </c>
      <c r="E2453" s="166">
        <v>0</v>
      </c>
      <c r="F2453" s="166">
        <v>0</v>
      </c>
      <c r="G2453" s="166">
        <v>0</v>
      </c>
      <c r="H2453" s="166">
        <v>0</v>
      </c>
      <c r="I2453" s="166">
        <v>0</v>
      </c>
      <c r="J2453" s="166">
        <v>0</v>
      </c>
      <c r="K2453" s="166">
        <v>0</v>
      </c>
      <c r="L2453" s="166">
        <v>0</v>
      </c>
      <c r="M2453" s="166">
        <v>0</v>
      </c>
      <c r="N2453" s="166">
        <v>0</v>
      </c>
      <c r="O2453" s="166">
        <v>0</v>
      </c>
      <c r="P2453" s="166">
        <v>0</v>
      </c>
      <c r="Q2453" s="166">
        <v>0</v>
      </c>
      <c r="R2453" s="166">
        <v>0</v>
      </c>
      <c r="S2453" s="166">
        <v>0</v>
      </c>
      <c r="T2453" s="166">
        <v>0</v>
      </c>
      <c r="U2453" s="166">
        <v>0</v>
      </c>
      <c r="V2453" s="166">
        <v>0</v>
      </c>
      <c r="W2453" s="166">
        <v>0</v>
      </c>
      <c r="X2453" s="166">
        <v>0</v>
      </c>
      <c r="Y2453" s="166">
        <v>0</v>
      </c>
      <c r="Z2453" s="166">
        <v>0</v>
      </c>
      <c r="AA2453" s="166">
        <v>0</v>
      </c>
      <c r="AB2453" s="166">
        <v>0</v>
      </c>
      <c r="AC2453" s="166">
        <v>0</v>
      </c>
      <c r="AD2453" s="166">
        <v>0</v>
      </c>
      <c r="AE2453" s="166">
        <v>0</v>
      </c>
      <c r="AF2453" s="166">
        <v>0</v>
      </c>
      <c r="AG2453" s="166">
        <v>0</v>
      </c>
      <c r="AH2453" s="166">
        <v>0</v>
      </c>
      <c r="AI2453" s="166">
        <v>0</v>
      </c>
      <c r="AJ2453" s="166">
        <v>0</v>
      </c>
      <c r="AK2453" s="166">
        <v>0</v>
      </c>
      <c r="AL2453" s="166">
        <v>0</v>
      </c>
      <c r="AM2453" s="166">
        <v>0</v>
      </c>
      <c r="AN2453" s="166">
        <v>0</v>
      </c>
      <c r="AO2453" s="166">
        <v>0</v>
      </c>
      <c r="AP2453" s="166">
        <v>0</v>
      </c>
      <c r="AQ2453" s="166">
        <v>0</v>
      </c>
      <c r="AR2453" s="166">
        <v>0</v>
      </c>
      <c r="AS2453" s="166">
        <v>0</v>
      </c>
      <c r="AT2453" s="166">
        <v>0</v>
      </c>
      <c r="AU2453" s="166">
        <v>0</v>
      </c>
      <c r="AV2453" s="166">
        <v>0</v>
      </c>
      <c r="AW2453" s="166">
        <v>0</v>
      </c>
      <c r="AX2453" s="166">
        <v>0</v>
      </c>
      <c r="AY2453" s="166">
        <v>0</v>
      </c>
      <c r="AZ2453" s="166">
        <v>0</v>
      </c>
      <c r="BA2453" s="166">
        <v>0</v>
      </c>
      <c r="BB2453" s="166">
        <v>0</v>
      </c>
      <c r="BC2453" s="166">
        <v>0</v>
      </c>
      <c r="BD2453" s="166">
        <v>0</v>
      </c>
      <c r="BE2453" s="166">
        <v>0</v>
      </c>
      <c r="BF2453" s="166">
        <v>0</v>
      </c>
      <c r="BG2453" s="166">
        <v>0</v>
      </c>
      <c r="BH2453" s="166">
        <v>0</v>
      </c>
      <c r="BI2453" s="166">
        <v>0</v>
      </c>
      <c r="BJ2453" s="166">
        <v>0</v>
      </c>
      <c r="BK2453" s="166">
        <v>0</v>
      </c>
      <c r="BL2453" s="166">
        <v>0</v>
      </c>
      <c r="BM2453" s="166">
        <v>0</v>
      </c>
      <c r="BN2453" s="166">
        <v>0</v>
      </c>
      <c r="BO2453" s="166">
        <v>0</v>
      </c>
      <c r="BP2453" s="166">
        <v>0</v>
      </c>
      <c r="BQ2453" s="166">
        <v>0</v>
      </c>
      <c r="BR2453" s="166">
        <v>0</v>
      </c>
      <c r="BS2453" s="166">
        <v>0</v>
      </c>
      <c r="BT2453" s="168">
        <v>1</v>
      </c>
      <c r="BU2453" s="166">
        <v>0</v>
      </c>
      <c r="BV2453" s="166">
        <v>0</v>
      </c>
      <c r="BW2453" s="166">
        <v>0</v>
      </c>
      <c r="BX2453" s="166">
        <v>0</v>
      </c>
      <c r="BY2453" s="166">
        <v>0</v>
      </c>
      <c r="BZ2453" s="166">
        <v>0</v>
      </c>
      <c r="CA2453" s="166">
        <v>0</v>
      </c>
      <c r="CB2453" s="166">
        <v>0</v>
      </c>
      <c r="CC2453" s="166">
        <v>0</v>
      </c>
      <c r="CD2453" s="166">
        <v>0</v>
      </c>
      <c r="CE2453" s="166">
        <v>0</v>
      </c>
      <c r="CF2453" s="166">
        <v>0</v>
      </c>
      <c r="CG2453" s="166">
        <v>0</v>
      </c>
      <c r="CH2453" s="166">
        <v>0</v>
      </c>
      <c r="CI2453" s="166">
        <v>0</v>
      </c>
      <c r="CJ2453" s="166">
        <v>0</v>
      </c>
      <c r="CK2453" s="166">
        <v>0</v>
      </c>
      <c r="CL2453" s="166">
        <v>0</v>
      </c>
      <c r="CM2453" s="166">
        <v>0</v>
      </c>
      <c r="CN2453" s="166">
        <v>0</v>
      </c>
      <c r="CO2453" s="166">
        <v>0</v>
      </c>
      <c r="CP2453" s="166">
        <v>0</v>
      </c>
      <c r="CQ2453" s="166">
        <v>0</v>
      </c>
      <c r="CR2453" s="166">
        <v>0</v>
      </c>
      <c r="CS2453" s="166">
        <v>0</v>
      </c>
      <c r="CT2453" s="166">
        <v>0</v>
      </c>
      <c r="CU2453" s="166">
        <v>0</v>
      </c>
      <c r="CV2453" s="166">
        <v>0</v>
      </c>
      <c r="CW2453" s="166">
        <v>0</v>
      </c>
      <c r="CX2453" s="166">
        <v>0</v>
      </c>
      <c r="CY2453" s="166">
        <v>0</v>
      </c>
      <c r="CZ2453" s="166">
        <v>0</v>
      </c>
    </row>
    <row r="2454" spans="1:104" x14ac:dyDescent="0.2">
      <c r="A2454" s="167" t="s">
        <v>1122</v>
      </c>
      <c r="B2454" s="166">
        <v>617116.23999999894</v>
      </c>
      <c r="C2454" s="166">
        <v>617116.23999999894</v>
      </c>
      <c r="D2454" s="166">
        <v>0</v>
      </c>
      <c r="E2454" s="166">
        <v>0</v>
      </c>
      <c r="F2454" s="166">
        <v>0</v>
      </c>
      <c r="G2454" s="166">
        <v>0</v>
      </c>
      <c r="H2454" s="166">
        <v>0</v>
      </c>
      <c r="I2454" s="166">
        <v>0</v>
      </c>
      <c r="J2454" s="166">
        <v>0</v>
      </c>
      <c r="K2454" s="166">
        <v>0</v>
      </c>
      <c r="L2454" s="166">
        <v>0</v>
      </c>
      <c r="M2454" s="166">
        <v>0</v>
      </c>
      <c r="N2454" s="166">
        <v>0</v>
      </c>
      <c r="O2454" s="166">
        <v>0</v>
      </c>
      <c r="P2454" s="166">
        <v>0</v>
      </c>
      <c r="Q2454" s="166">
        <v>0</v>
      </c>
      <c r="R2454" s="166">
        <v>0</v>
      </c>
      <c r="S2454" s="166">
        <v>0</v>
      </c>
      <c r="T2454" s="166">
        <v>0</v>
      </c>
      <c r="U2454" s="166">
        <v>0</v>
      </c>
      <c r="V2454" s="166">
        <v>0</v>
      </c>
      <c r="W2454" s="166">
        <v>0</v>
      </c>
      <c r="X2454" s="166">
        <v>0</v>
      </c>
      <c r="Y2454" s="166">
        <v>0</v>
      </c>
      <c r="Z2454" s="166">
        <v>0</v>
      </c>
      <c r="AA2454" s="166">
        <v>0</v>
      </c>
      <c r="AB2454" s="166">
        <v>0</v>
      </c>
      <c r="AC2454" s="166">
        <v>0</v>
      </c>
      <c r="AD2454" s="166">
        <v>0</v>
      </c>
      <c r="AE2454" s="166">
        <v>0</v>
      </c>
      <c r="AF2454" s="166">
        <v>0</v>
      </c>
      <c r="AG2454" s="166">
        <v>0</v>
      </c>
      <c r="AH2454" s="166">
        <v>0</v>
      </c>
      <c r="AI2454" s="166">
        <v>0</v>
      </c>
      <c r="AJ2454" s="166">
        <v>0</v>
      </c>
      <c r="AK2454" s="166">
        <v>0</v>
      </c>
      <c r="AL2454" s="166">
        <v>0</v>
      </c>
      <c r="AM2454" s="166">
        <v>0</v>
      </c>
      <c r="AN2454" s="166">
        <v>0</v>
      </c>
      <c r="AO2454" s="166">
        <v>0</v>
      </c>
      <c r="AP2454" s="166">
        <v>0</v>
      </c>
      <c r="AQ2454" s="166">
        <v>0</v>
      </c>
      <c r="AR2454" s="166">
        <v>0</v>
      </c>
      <c r="AS2454" s="166">
        <v>0</v>
      </c>
      <c r="AT2454" s="166">
        <v>0</v>
      </c>
      <c r="AU2454" s="166">
        <v>0</v>
      </c>
      <c r="AV2454" s="166">
        <v>0</v>
      </c>
      <c r="AW2454" s="166">
        <v>0</v>
      </c>
      <c r="AX2454" s="166">
        <v>0</v>
      </c>
      <c r="AY2454" s="166">
        <v>0</v>
      </c>
      <c r="AZ2454" s="166">
        <v>0</v>
      </c>
      <c r="BA2454" s="166">
        <v>0</v>
      </c>
      <c r="BB2454" s="166">
        <v>0</v>
      </c>
      <c r="BC2454" s="166">
        <v>0</v>
      </c>
      <c r="BD2454" s="166">
        <v>0</v>
      </c>
      <c r="BE2454" s="166">
        <v>0</v>
      </c>
      <c r="BF2454" s="166">
        <v>0</v>
      </c>
      <c r="BG2454" s="166">
        <v>0</v>
      </c>
      <c r="BH2454" s="166">
        <v>0</v>
      </c>
      <c r="BI2454" s="166">
        <v>0</v>
      </c>
      <c r="BJ2454" s="166">
        <v>0</v>
      </c>
      <c r="BK2454" s="166">
        <v>0</v>
      </c>
      <c r="BL2454" s="166">
        <v>0</v>
      </c>
      <c r="BM2454" s="166">
        <v>0</v>
      </c>
      <c r="BN2454" s="166">
        <v>0</v>
      </c>
      <c r="BO2454" s="166">
        <v>0</v>
      </c>
      <c r="BP2454" s="166">
        <v>0</v>
      </c>
      <c r="BQ2454" s="166">
        <v>0</v>
      </c>
      <c r="BR2454" s="166">
        <v>617116.23999999894</v>
      </c>
      <c r="BS2454" s="166">
        <v>617116.23999999894</v>
      </c>
      <c r="BT2454" s="171">
        <v>0</v>
      </c>
      <c r="BU2454" s="166">
        <v>71073.009999999893</v>
      </c>
      <c r="BV2454" s="166">
        <v>617116.23999999894</v>
      </c>
      <c r="BW2454" s="166">
        <v>0</v>
      </c>
      <c r="BX2454" s="166">
        <v>0</v>
      </c>
      <c r="BY2454" s="166">
        <v>0</v>
      </c>
      <c r="BZ2454" s="166">
        <v>0</v>
      </c>
      <c r="CA2454" s="166">
        <v>0</v>
      </c>
      <c r="CB2454" s="166">
        <v>0</v>
      </c>
      <c r="CC2454" s="166">
        <v>0</v>
      </c>
      <c r="CD2454" s="166">
        <v>0</v>
      </c>
      <c r="CE2454" s="166">
        <v>0</v>
      </c>
      <c r="CF2454" s="166">
        <v>0</v>
      </c>
      <c r="CG2454" s="166">
        <v>0</v>
      </c>
      <c r="CH2454" s="166">
        <v>0</v>
      </c>
      <c r="CI2454" s="166">
        <v>0</v>
      </c>
      <c r="CJ2454" s="166">
        <v>0</v>
      </c>
      <c r="CK2454" s="166">
        <v>0</v>
      </c>
      <c r="CL2454" s="166">
        <v>0</v>
      </c>
      <c r="CM2454" s="166">
        <v>0</v>
      </c>
      <c r="CN2454" s="166">
        <v>0</v>
      </c>
      <c r="CO2454" s="166">
        <v>0</v>
      </c>
      <c r="CP2454" s="166">
        <v>0</v>
      </c>
      <c r="CQ2454" s="166">
        <v>0</v>
      </c>
      <c r="CR2454" s="166">
        <v>0</v>
      </c>
      <c r="CS2454" s="166">
        <v>0</v>
      </c>
      <c r="CT2454" s="166">
        <v>0</v>
      </c>
      <c r="CU2454" s="166">
        <v>0</v>
      </c>
      <c r="CV2454" s="166">
        <v>0</v>
      </c>
      <c r="CW2454" s="166">
        <v>0</v>
      </c>
      <c r="CX2454" s="166">
        <v>0</v>
      </c>
      <c r="CY2454" s="166">
        <v>617116.23999999894</v>
      </c>
      <c r="CZ2454" s="166">
        <v>617116.23999999894</v>
      </c>
    </row>
    <row r="2455" spans="1:104" x14ac:dyDescent="0.2">
      <c r="A2455" s="167" t="s">
        <v>303</v>
      </c>
    </row>
    <row r="2456" spans="1:104" x14ac:dyDescent="0.2">
      <c r="A2456" s="167" t="s">
        <v>1123</v>
      </c>
      <c r="B2456" s="166">
        <v>2000.5161847137499</v>
      </c>
      <c r="C2456" s="166">
        <v>2000.5161847137499</v>
      </c>
      <c r="D2456" s="166">
        <v>0</v>
      </c>
      <c r="E2456" s="166">
        <v>0</v>
      </c>
      <c r="F2456" s="166">
        <v>0</v>
      </c>
      <c r="G2456" s="166">
        <v>0</v>
      </c>
      <c r="H2456" s="166">
        <v>0</v>
      </c>
      <c r="I2456" s="166">
        <v>0</v>
      </c>
      <c r="J2456" s="166">
        <v>0</v>
      </c>
      <c r="K2456" s="166">
        <v>0</v>
      </c>
      <c r="L2456" s="166">
        <v>0</v>
      </c>
      <c r="M2456" s="166">
        <v>0</v>
      </c>
      <c r="N2456" s="166">
        <v>0</v>
      </c>
      <c r="O2456" s="166">
        <v>0</v>
      </c>
      <c r="P2456" s="166">
        <v>0</v>
      </c>
      <c r="Q2456" s="166">
        <v>0</v>
      </c>
      <c r="R2456" s="166">
        <v>0</v>
      </c>
      <c r="S2456" s="166">
        <v>0</v>
      </c>
      <c r="T2456" s="166">
        <v>0</v>
      </c>
      <c r="U2456" s="166">
        <v>0</v>
      </c>
      <c r="V2456" s="166">
        <v>0</v>
      </c>
      <c r="W2456" s="166">
        <v>0</v>
      </c>
      <c r="X2456" s="166">
        <v>0</v>
      </c>
      <c r="Y2456" s="166">
        <v>0</v>
      </c>
      <c r="Z2456" s="166">
        <v>0</v>
      </c>
      <c r="AA2456" s="166">
        <v>0</v>
      </c>
      <c r="AB2456" s="166">
        <v>0</v>
      </c>
      <c r="AC2456" s="166">
        <v>0</v>
      </c>
      <c r="AD2456" s="166">
        <v>0</v>
      </c>
      <c r="AE2456" s="166">
        <v>0</v>
      </c>
      <c r="AF2456" s="166">
        <v>0</v>
      </c>
      <c r="AG2456" s="166">
        <v>0</v>
      </c>
      <c r="AH2456" s="166">
        <v>0</v>
      </c>
      <c r="AI2456" s="166">
        <v>0</v>
      </c>
      <c r="AJ2456" s="166">
        <v>0</v>
      </c>
      <c r="AK2456" s="166">
        <v>0</v>
      </c>
      <c r="AL2456" s="166">
        <v>0</v>
      </c>
      <c r="AM2456" s="166">
        <v>0</v>
      </c>
      <c r="AN2456" s="166">
        <v>0</v>
      </c>
      <c r="AO2456" s="166">
        <v>0</v>
      </c>
      <c r="AP2456" s="166">
        <v>0</v>
      </c>
      <c r="AQ2456" s="166">
        <v>0</v>
      </c>
      <c r="AR2456" s="166">
        <v>0</v>
      </c>
      <c r="AS2456" s="166">
        <v>0</v>
      </c>
      <c r="AT2456" s="166">
        <v>0</v>
      </c>
      <c r="AU2456" s="166">
        <v>0</v>
      </c>
      <c r="AV2456" s="166">
        <v>0</v>
      </c>
      <c r="AW2456" s="166">
        <v>0</v>
      </c>
      <c r="AX2456" s="166">
        <v>0</v>
      </c>
      <c r="AY2456" s="166">
        <v>0</v>
      </c>
      <c r="AZ2456" s="166">
        <v>0</v>
      </c>
      <c r="BA2456" s="166">
        <v>0</v>
      </c>
      <c r="BB2456" s="166">
        <v>0</v>
      </c>
      <c r="BC2456" s="166">
        <v>0</v>
      </c>
      <c r="BD2456" s="166">
        <v>0</v>
      </c>
      <c r="BE2456" s="166">
        <v>0</v>
      </c>
      <c r="BF2456" s="166">
        <v>0</v>
      </c>
      <c r="BG2456" s="166">
        <v>0</v>
      </c>
      <c r="BH2456" s="166">
        <v>0</v>
      </c>
      <c r="BI2456" s="166">
        <v>0</v>
      </c>
      <c r="BJ2456" s="166">
        <v>0</v>
      </c>
      <c r="BK2456" s="166">
        <v>0</v>
      </c>
      <c r="BL2456" s="166">
        <v>0</v>
      </c>
      <c r="BM2456" s="166">
        <v>0</v>
      </c>
      <c r="BN2456" s="166">
        <v>0</v>
      </c>
      <c r="BO2456" s="166">
        <v>0</v>
      </c>
      <c r="BP2456" s="166">
        <v>0</v>
      </c>
      <c r="BQ2456" s="166">
        <v>0</v>
      </c>
      <c r="BR2456" s="166">
        <v>2000.5161847137499</v>
      </c>
      <c r="BS2456" s="166">
        <v>2000.5161847137499</v>
      </c>
      <c r="BT2456" s="168">
        <v>1</v>
      </c>
      <c r="BU2456" s="166">
        <v>171.40883138603201</v>
      </c>
      <c r="BV2456" s="166">
        <v>2000.5161847137499</v>
      </c>
      <c r="BW2456" s="166">
        <v>0</v>
      </c>
      <c r="BX2456" s="166">
        <v>0</v>
      </c>
      <c r="BY2456" s="166">
        <v>0</v>
      </c>
      <c r="BZ2456" s="166">
        <v>0</v>
      </c>
      <c r="CA2456" s="166">
        <v>0</v>
      </c>
      <c r="CB2456" s="166">
        <v>0</v>
      </c>
      <c r="CC2456" s="166">
        <v>0</v>
      </c>
      <c r="CD2456" s="166">
        <v>0</v>
      </c>
      <c r="CE2456" s="166">
        <v>0</v>
      </c>
      <c r="CF2456" s="166">
        <v>0</v>
      </c>
      <c r="CG2456" s="166">
        <v>0</v>
      </c>
      <c r="CH2456" s="166">
        <v>0</v>
      </c>
      <c r="CI2456" s="166">
        <v>0</v>
      </c>
      <c r="CJ2456" s="166">
        <v>0</v>
      </c>
      <c r="CK2456" s="166">
        <v>0</v>
      </c>
      <c r="CL2456" s="166">
        <v>0</v>
      </c>
      <c r="CM2456" s="166">
        <v>0</v>
      </c>
      <c r="CN2456" s="166">
        <v>0</v>
      </c>
      <c r="CO2456" s="166">
        <v>0</v>
      </c>
      <c r="CP2456" s="166">
        <v>0</v>
      </c>
      <c r="CQ2456" s="166">
        <v>0</v>
      </c>
      <c r="CR2456" s="166">
        <v>0</v>
      </c>
      <c r="CS2456" s="166">
        <v>0</v>
      </c>
      <c r="CT2456" s="166">
        <v>0</v>
      </c>
      <c r="CU2456" s="166">
        <v>0</v>
      </c>
      <c r="CV2456" s="166">
        <v>0</v>
      </c>
      <c r="CW2456" s="166">
        <v>0</v>
      </c>
      <c r="CX2456" s="166">
        <v>0</v>
      </c>
      <c r="CY2456" s="166">
        <v>2000.5161847137499</v>
      </c>
      <c r="CZ2456" s="166">
        <v>2000.5161847137499</v>
      </c>
    </row>
    <row r="2457" spans="1:104" x14ac:dyDescent="0.2">
      <c r="A2457" s="167" t="s">
        <v>1124</v>
      </c>
      <c r="B2457" s="166">
        <v>1026.58891969763</v>
      </c>
      <c r="C2457" s="166">
        <v>1026.58891969763</v>
      </c>
      <c r="D2457" s="166">
        <v>0</v>
      </c>
      <c r="E2457" s="166">
        <v>0</v>
      </c>
      <c r="F2457" s="166">
        <v>0</v>
      </c>
      <c r="G2457" s="166">
        <v>0</v>
      </c>
      <c r="H2457" s="166">
        <v>0</v>
      </c>
      <c r="I2457" s="166">
        <v>0</v>
      </c>
      <c r="J2457" s="166">
        <v>0</v>
      </c>
      <c r="K2457" s="166">
        <v>0</v>
      </c>
      <c r="L2457" s="166">
        <v>0</v>
      </c>
      <c r="M2457" s="166">
        <v>0</v>
      </c>
      <c r="N2457" s="166">
        <v>0</v>
      </c>
      <c r="O2457" s="166">
        <v>0</v>
      </c>
      <c r="P2457" s="166">
        <v>0</v>
      </c>
      <c r="Q2457" s="166">
        <v>0</v>
      </c>
      <c r="R2457" s="166">
        <v>0</v>
      </c>
      <c r="S2457" s="166">
        <v>0</v>
      </c>
      <c r="T2457" s="166">
        <v>0</v>
      </c>
      <c r="U2457" s="166">
        <v>0</v>
      </c>
      <c r="V2457" s="166">
        <v>0</v>
      </c>
      <c r="W2457" s="166">
        <v>0</v>
      </c>
      <c r="X2457" s="166">
        <v>0</v>
      </c>
      <c r="Y2457" s="166">
        <v>0</v>
      </c>
      <c r="Z2457" s="166">
        <v>0</v>
      </c>
      <c r="AA2457" s="166">
        <v>0</v>
      </c>
      <c r="AB2457" s="166">
        <v>0</v>
      </c>
      <c r="AC2457" s="166">
        <v>0</v>
      </c>
      <c r="AD2457" s="166">
        <v>0</v>
      </c>
      <c r="AE2457" s="166">
        <v>0</v>
      </c>
      <c r="AF2457" s="166">
        <v>0</v>
      </c>
      <c r="AG2457" s="166">
        <v>0</v>
      </c>
      <c r="AH2457" s="166">
        <v>0</v>
      </c>
      <c r="AI2457" s="166">
        <v>0</v>
      </c>
      <c r="AJ2457" s="166">
        <v>0</v>
      </c>
      <c r="AK2457" s="166">
        <v>0</v>
      </c>
      <c r="AL2457" s="166">
        <v>0</v>
      </c>
      <c r="AM2457" s="166">
        <v>0</v>
      </c>
      <c r="AN2457" s="166">
        <v>0</v>
      </c>
      <c r="AO2457" s="166">
        <v>0</v>
      </c>
      <c r="AP2457" s="166">
        <v>0</v>
      </c>
      <c r="AQ2457" s="166">
        <v>0</v>
      </c>
      <c r="AR2457" s="166">
        <v>0</v>
      </c>
      <c r="AS2457" s="166">
        <v>0</v>
      </c>
      <c r="AT2457" s="166">
        <v>0</v>
      </c>
      <c r="AU2457" s="166">
        <v>0</v>
      </c>
      <c r="AV2457" s="166">
        <v>0</v>
      </c>
      <c r="AW2457" s="166">
        <v>0</v>
      </c>
      <c r="AX2457" s="166">
        <v>0</v>
      </c>
      <c r="AY2457" s="166">
        <v>0</v>
      </c>
      <c r="AZ2457" s="166">
        <v>0</v>
      </c>
      <c r="BA2457" s="166">
        <v>0</v>
      </c>
      <c r="BB2457" s="166">
        <v>0</v>
      </c>
      <c r="BC2457" s="166">
        <v>0</v>
      </c>
      <c r="BD2457" s="166">
        <v>0</v>
      </c>
      <c r="BE2457" s="166">
        <v>0</v>
      </c>
      <c r="BF2457" s="166">
        <v>0</v>
      </c>
      <c r="BG2457" s="166">
        <v>0</v>
      </c>
      <c r="BH2457" s="166">
        <v>0</v>
      </c>
      <c r="BI2457" s="166">
        <v>0</v>
      </c>
      <c r="BJ2457" s="166">
        <v>0</v>
      </c>
      <c r="BK2457" s="166">
        <v>0</v>
      </c>
      <c r="BL2457" s="166">
        <v>0</v>
      </c>
      <c r="BM2457" s="166">
        <v>0</v>
      </c>
      <c r="BN2457" s="166">
        <v>0</v>
      </c>
      <c r="BO2457" s="166">
        <v>0</v>
      </c>
      <c r="BP2457" s="166">
        <v>0</v>
      </c>
      <c r="BQ2457" s="166">
        <v>0</v>
      </c>
      <c r="BR2457" s="166">
        <v>1026.58891969763</v>
      </c>
      <c r="BS2457" s="166">
        <v>1026.58891969763</v>
      </c>
      <c r="BT2457" s="168">
        <v>1</v>
      </c>
      <c r="BU2457" s="166">
        <v>89.188027214121703</v>
      </c>
      <c r="BV2457" s="166">
        <v>1026.58891969763</v>
      </c>
      <c r="BW2457" s="166">
        <v>0</v>
      </c>
      <c r="BX2457" s="166">
        <v>0</v>
      </c>
      <c r="BY2457" s="166">
        <v>0</v>
      </c>
      <c r="BZ2457" s="166">
        <v>0</v>
      </c>
      <c r="CA2457" s="166">
        <v>0</v>
      </c>
      <c r="CB2457" s="166">
        <v>0</v>
      </c>
      <c r="CC2457" s="166">
        <v>0</v>
      </c>
      <c r="CD2457" s="166">
        <v>0</v>
      </c>
      <c r="CE2457" s="166">
        <v>0</v>
      </c>
      <c r="CF2457" s="166">
        <v>0</v>
      </c>
      <c r="CG2457" s="166">
        <v>0</v>
      </c>
      <c r="CH2457" s="166">
        <v>0</v>
      </c>
      <c r="CI2457" s="166">
        <v>0</v>
      </c>
      <c r="CJ2457" s="166">
        <v>0</v>
      </c>
      <c r="CK2457" s="166">
        <v>0</v>
      </c>
      <c r="CL2457" s="166">
        <v>0</v>
      </c>
      <c r="CM2457" s="166">
        <v>0</v>
      </c>
      <c r="CN2457" s="166">
        <v>0</v>
      </c>
      <c r="CO2457" s="166">
        <v>0</v>
      </c>
      <c r="CP2457" s="166">
        <v>0</v>
      </c>
      <c r="CQ2457" s="166">
        <v>0</v>
      </c>
      <c r="CR2457" s="166">
        <v>0</v>
      </c>
      <c r="CS2457" s="166">
        <v>0</v>
      </c>
      <c r="CT2457" s="166">
        <v>0</v>
      </c>
      <c r="CU2457" s="166">
        <v>0</v>
      </c>
      <c r="CV2457" s="166">
        <v>0</v>
      </c>
      <c r="CW2457" s="166">
        <v>0</v>
      </c>
      <c r="CX2457" s="166">
        <v>0</v>
      </c>
      <c r="CY2457" s="166">
        <v>1026.58891969763</v>
      </c>
      <c r="CZ2457" s="166">
        <v>1026.58891969763</v>
      </c>
    </row>
    <row r="2458" spans="1:104" x14ac:dyDescent="0.2">
      <c r="A2458" s="167" t="s">
        <v>1125</v>
      </c>
      <c r="B2458" s="166">
        <v>225.464895588611</v>
      </c>
      <c r="C2458" s="166">
        <v>225.464895588611</v>
      </c>
      <c r="D2458" s="166">
        <v>0</v>
      </c>
      <c r="E2458" s="166">
        <v>0</v>
      </c>
      <c r="F2458" s="166">
        <v>0</v>
      </c>
      <c r="G2458" s="166">
        <v>0</v>
      </c>
      <c r="H2458" s="166">
        <v>0</v>
      </c>
      <c r="I2458" s="166">
        <v>0</v>
      </c>
      <c r="J2458" s="166">
        <v>0</v>
      </c>
      <c r="K2458" s="166">
        <v>0</v>
      </c>
      <c r="L2458" s="166">
        <v>0</v>
      </c>
      <c r="M2458" s="166">
        <v>0</v>
      </c>
      <c r="N2458" s="166">
        <v>0</v>
      </c>
      <c r="O2458" s="166">
        <v>0</v>
      </c>
      <c r="P2458" s="166">
        <v>0</v>
      </c>
      <c r="Q2458" s="166">
        <v>0</v>
      </c>
      <c r="R2458" s="166">
        <v>0</v>
      </c>
      <c r="S2458" s="166">
        <v>0</v>
      </c>
      <c r="T2458" s="166">
        <v>0</v>
      </c>
      <c r="U2458" s="166">
        <v>0</v>
      </c>
      <c r="V2458" s="166">
        <v>0</v>
      </c>
      <c r="W2458" s="166">
        <v>0</v>
      </c>
      <c r="X2458" s="166">
        <v>0</v>
      </c>
      <c r="Y2458" s="166">
        <v>0</v>
      </c>
      <c r="Z2458" s="166">
        <v>0</v>
      </c>
      <c r="AA2458" s="166">
        <v>0</v>
      </c>
      <c r="AB2458" s="166">
        <v>0</v>
      </c>
      <c r="AC2458" s="166">
        <v>0</v>
      </c>
      <c r="AD2458" s="166">
        <v>0</v>
      </c>
      <c r="AE2458" s="166">
        <v>0</v>
      </c>
      <c r="AF2458" s="166">
        <v>0</v>
      </c>
      <c r="AG2458" s="166">
        <v>0</v>
      </c>
      <c r="AH2458" s="166">
        <v>0</v>
      </c>
      <c r="AI2458" s="166">
        <v>0</v>
      </c>
      <c r="AJ2458" s="166">
        <v>0</v>
      </c>
      <c r="AK2458" s="166">
        <v>0</v>
      </c>
      <c r="AL2458" s="166">
        <v>0</v>
      </c>
      <c r="AM2458" s="166">
        <v>0</v>
      </c>
      <c r="AN2458" s="166">
        <v>0</v>
      </c>
      <c r="AO2458" s="166">
        <v>0</v>
      </c>
      <c r="AP2458" s="166">
        <v>0</v>
      </c>
      <c r="AQ2458" s="166">
        <v>0</v>
      </c>
      <c r="AR2458" s="166">
        <v>0</v>
      </c>
      <c r="AS2458" s="166">
        <v>0</v>
      </c>
      <c r="AT2458" s="166">
        <v>0</v>
      </c>
      <c r="AU2458" s="166">
        <v>0</v>
      </c>
      <c r="AV2458" s="166">
        <v>0</v>
      </c>
      <c r="AW2458" s="166">
        <v>0</v>
      </c>
      <c r="AX2458" s="166">
        <v>0</v>
      </c>
      <c r="AY2458" s="166">
        <v>0</v>
      </c>
      <c r="AZ2458" s="166">
        <v>0</v>
      </c>
      <c r="BA2458" s="166">
        <v>0</v>
      </c>
      <c r="BB2458" s="166">
        <v>0</v>
      </c>
      <c r="BC2458" s="166">
        <v>0</v>
      </c>
      <c r="BD2458" s="166">
        <v>0</v>
      </c>
      <c r="BE2458" s="166">
        <v>0</v>
      </c>
      <c r="BF2458" s="166">
        <v>0</v>
      </c>
      <c r="BG2458" s="166">
        <v>0</v>
      </c>
      <c r="BH2458" s="166">
        <v>0</v>
      </c>
      <c r="BI2458" s="166">
        <v>0</v>
      </c>
      <c r="BJ2458" s="166">
        <v>0</v>
      </c>
      <c r="BK2458" s="166">
        <v>0</v>
      </c>
      <c r="BL2458" s="166">
        <v>0</v>
      </c>
      <c r="BM2458" s="166">
        <v>0</v>
      </c>
      <c r="BN2458" s="166">
        <v>0</v>
      </c>
      <c r="BO2458" s="166">
        <v>0</v>
      </c>
      <c r="BP2458" s="166">
        <v>0</v>
      </c>
      <c r="BQ2458" s="166">
        <v>0</v>
      </c>
      <c r="BR2458" s="166">
        <v>225.464895588611</v>
      </c>
      <c r="BS2458" s="166">
        <v>225.464895588611</v>
      </c>
      <c r="BT2458" s="168">
        <v>1</v>
      </c>
      <c r="BU2458" s="166">
        <v>18.973141399845399</v>
      </c>
      <c r="BV2458" s="166">
        <v>225.464895588611</v>
      </c>
      <c r="BW2458" s="166">
        <v>0</v>
      </c>
      <c r="BX2458" s="166">
        <v>0</v>
      </c>
      <c r="BY2458" s="166">
        <v>0</v>
      </c>
      <c r="BZ2458" s="166">
        <v>0</v>
      </c>
      <c r="CA2458" s="166">
        <v>0</v>
      </c>
      <c r="CB2458" s="166">
        <v>0</v>
      </c>
      <c r="CC2458" s="166">
        <v>0</v>
      </c>
      <c r="CD2458" s="166">
        <v>0</v>
      </c>
      <c r="CE2458" s="166">
        <v>0</v>
      </c>
      <c r="CF2458" s="166">
        <v>0</v>
      </c>
      <c r="CG2458" s="166">
        <v>0</v>
      </c>
      <c r="CH2458" s="166">
        <v>0</v>
      </c>
      <c r="CI2458" s="166">
        <v>0</v>
      </c>
      <c r="CJ2458" s="166">
        <v>0</v>
      </c>
      <c r="CK2458" s="166">
        <v>0</v>
      </c>
      <c r="CL2458" s="166">
        <v>0</v>
      </c>
      <c r="CM2458" s="166">
        <v>0</v>
      </c>
      <c r="CN2458" s="166">
        <v>0</v>
      </c>
      <c r="CO2458" s="166">
        <v>0</v>
      </c>
      <c r="CP2458" s="166">
        <v>0</v>
      </c>
      <c r="CQ2458" s="166">
        <v>0</v>
      </c>
      <c r="CR2458" s="166">
        <v>0</v>
      </c>
      <c r="CS2458" s="166">
        <v>0</v>
      </c>
      <c r="CT2458" s="166">
        <v>0</v>
      </c>
      <c r="CU2458" s="166">
        <v>0</v>
      </c>
      <c r="CV2458" s="166">
        <v>0</v>
      </c>
      <c r="CW2458" s="166">
        <v>0</v>
      </c>
      <c r="CX2458" s="166">
        <v>0</v>
      </c>
      <c r="CY2458" s="166">
        <v>225.464895588611</v>
      </c>
      <c r="CZ2458" s="166">
        <v>225.464895588611</v>
      </c>
    </row>
    <row r="2459" spans="1:104" x14ac:dyDescent="0.2">
      <c r="A2459" s="167" t="s">
        <v>1126</v>
      </c>
      <c r="B2459" s="166">
        <v>3252.57</v>
      </c>
      <c r="C2459" s="166">
        <v>3252.57</v>
      </c>
      <c r="D2459" s="166">
        <v>0</v>
      </c>
      <c r="E2459" s="166">
        <v>0</v>
      </c>
      <c r="F2459" s="166">
        <v>0</v>
      </c>
      <c r="G2459" s="166">
        <v>0</v>
      </c>
      <c r="H2459" s="166">
        <v>0</v>
      </c>
      <c r="I2459" s="166">
        <v>0</v>
      </c>
      <c r="J2459" s="166">
        <v>0</v>
      </c>
      <c r="K2459" s="166">
        <v>0</v>
      </c>
      <c r="L2459" s="166">
        <v>0</v>
      </c>
      <c r="M2459" s="166">
        <v>0</v>
      </c>
      <c r="N2459" s="166">
        <v>0</v>
      </c>
      <c r="O2459" s="166">
        <v>0</v>
      </c>
      <c r="P2459" s="166">
        <v>0</v>
      </c>
      <c r="Q2459" s="166">
        <v>0</v>
      </c>
      <c r="R2459" s="166">
        <v>0</v>
      </c>
      <c r="S2459" s="166">
        <v>0</v>
      </c>
      <c r="T2459" s="166">
        <v>0</v>
      </c>
      <c r="U2459" s="166">
        <v>0</v>
      </c>
      <c r="V2459" s="166">
        <v>0</v>
      </c>
      <c r="W2459" s="166">
        <v>0</v>
      </c>
      <c r="X2459" s="166">
        <v>0</v>
      </c>
      <c r="Y2459" s="166">
        <v>0</v>
      </c>
      <c r="Z2459" s="166">
        <v>0</v>
      </c>
      <c r="AA2459" s="166">
        <v>0</v>
      </c>
      <c r="AB2459" s="166">
        <v>0</v>
      </c>
      <c r="AC2459" s="166">
        <v>0</v>
      </c>
      <c r="AD2459" s="166">
        <v>0</v>
      </c>
      <c r="AE2459" s="166">
        <v>0</v>
      </c>
      <c r="AF2459" s="166">
        <v>0</v>
      </c>
      <c r="AG2459" s="166">
        <v>0</v>
      </c>
      <c r="AH2459" s="166">
        <v>0</v>
      </c>
      <c r="AI2459" s="166">
        <v>0</v>
      </c>
      <c r="AJ2459" s="166">
        <v>0</v>
      </c>
      <c r="AK2459" s="166">
        <v>0</v>
      </c>
      <c r="AL2459" s="166">
        <v>0</v>
      </c>
      <c r="AM2459" s="166">
        <v>0</v>
      </c>
      <c r="AN2459" s="166">
        <v>0</v>
      </c>
      <c r="AO2459" s="166">
        <v>0</v>
      </c>
      <c r="AP2459" s="166">
        <v>0</v>
      </c>
      <c r="AQ2459" s="166">
        <v>0</v>
      </c>
      <c r="AR2459" s="166">
        <v>0</v>
      </c>
      <c r="AS2459" s="166">
        <v>0</v>
      </c>
      <c r="AT2459" s="166">
        <v>0</v>
      </c>
      <c r="AU2459" s="166">
        <v>0</v>
      </c>
      <c r="AV2459" s="166">
        <v>0</v>
      </c>
      <c r="AW2459" s="166">
        <v>0</v>
      </c>
      <c r="AX2459" s="166">
        <v>0</v>
      </c>
      <c r="AY2459" s="166">
        <v>0</v>
      </c>
      <c r="AZ2459" s="166">
        <v>0</v>
      </c>
      <c r="BA2459" s="166">
        <v>0</v>
      </c>
      <c r="BB2459" s="166">
        <v>0</v>
      </c>
      <c r="BC2459" s="166">
        <v>0</v>
      </c>
      <c r="BD2459" s="166">
        <v>0</v>
      </c>
      <c r="BE2459" s="166">
        <v>0</v>
      </c>
      <c r="BF2459" s="166">
        <v>0</v>
      </c>
      <c r="BG2459" s="166">
        <v>0</v>
      </c>
      <c r="BH2459" s="166">
        <v>0</v>
      </c>
      <c r="BI2459" s="166">
        <v>0</v>
      </c>
      <c r="BJ2459" s="166">
        <v>0</v>
      </c>
      <c r="BK2459" s="166">
        <v>0</v>
      </c>
      <c r="BL2459" s="166">
        <v>0</v>
      </c>
      <c r="BM2459" s="166">
        <v>0</v>
      </c>
      <c r="BN2459" s="166">
        <v>0</v>
      </c>
      <c r="BO2459" s="166">
        <v>0</v>
      </c>
      <c r="BP2459" s="166">
        <v>0</v>
      </c>
      <c r="BQ2459" s="166">
        <v>0</v>
      </c>
      <c r="BR2459" s="166">
        <v>3252.57</v>
      </c>
      <c r="BS2459" s="166">
        <v>3252.57</v>
      </c>
      <c r="BT2459" s="168">
        <v>0</v>
      </c>
      <c r="BU2459" s="166">
        <v>279.57</v>
      </c>
      <c r="BV2459" s="166">
        <v>3252.57</v>
      </c>
      <c r="BW2459" s="166">
        <v>0</v>
      </c>
      <c r="BX2459" s="166">
        <v>0</v>
      </c>
      <c r="BY2459" s="166">
        <v>0</v>
      </c>
      <c r="BZ2459" s="166">
        <v>0</v>
      </c>
      <c r="CA2459" s="166">
        <v>0</v>
      </c>
      <c r="CB2459" s="166">
        <v>0</v>
      </c>
      <c r="CC2459" s="166">
        <v>0</v>
      </c>
      <c r="CD2459" s="166">
        <v>0</v>
      </c>
      <c r="CE2459" s="166">
        <v>0</v>
      </c>
      <c r="CF2459" s="166">
        <v>0</v>
      </c>
      <c r="CG2459" s="166">
        <v>0</v>
      </c>
      <c r="CH2459" s="166">
        <v>0</v>
      </c>
      <c r="CI2459" s="166">
        <v>0</v>
      </c>
      <c r="CJ2459" s="166">
        <v>0</v>
      </c>
      <c r="CK2459" s="166">
        <v>0</v>
      </c>
      <c r="CL2459" s="166">
        <v>0</v>
      </c>
      <c r="CM2459" s="166">
        <v>0</v>
      </c>
      <c r="CN2459" s="166">
        <v>0</v>
      </c>
      <c r="CO2459" s="166">
        <v>0</v>
      </c>
      <c r="CP2459" s="166">
        <v>0</v>
      </c>
      <c r="CQ2459" s="166">
        <v>0</v>
      </c>
      <c r="CR2459" s="166">
        <v>0</v>
      </c>
      <c r="CS2459" s="166">
        <v>0</v>
      </c>
      <c r="CT2459" s="166">
        <v>0</v>
      </c>
      <c r="CU2459" s="166">
        <v>0</v>
      </c>
      <c r="CV2459" s="166">
        <v>0</v>
      </c>
      <c r="CW2459" s="166">
        <v>0</v>
      </c>
      <c r="CX2459" s="166">
        <v>0</v>
      </c>
      <c r="CY2459" s="166">
        <v>3252.57</v>
      </c>
      <c r="CZ2459" s="166">
        <v>3252.57</v>
      </c>
    </row>
    <row r="2460" spans="1:104" x14ac:dyDescent="0.2">
      <c r="A2460" s="167" t="s">
        <v>308</v>
      </c>
    </row>
    <row r="2461" spans="1:104" x14ac:dyDescent="0.2">
      <c r="A2461" s="167" t="s">
        <v>309</v>
      </c>
      <c r="B2461" s="166">
        <v>0</v>
      </c>
      <c r="C2461" s="166">
        <v>0</v>
      </c>
      <c r="D2461" s="166">
        <v>0</v>
      </c>
      <c r="E2461" s="166">
        <v>0</v>
      </c>
      <c r="F2461" s="166">
        <v>0</v>
      </c>
      <c r="G2461" s="166">
        <v>0</v>
      </c>
      <c r="H2461" s="166">
        <v>0</v>
      </c>
      <c r="I2461" s="166">
        <v>0</v>
      </c>
      <c r="J2461" s="166">
        <v>0</v>
      </c>
      <c r="K2461" s="166">
        <v>0</v>
      </c>
      <c r="L2461" s="166">
        <v>0</v>
      </c>
      <c r="M2461" s="166">
        <v>0</v>
      </c>
      <c r="N2461" s="166">
        <v>0</v>
      </c>
      <c r="O2461" s="166">
        <v>0</v>
      </c>
      <c r="P2461" s="166">
        <v>0</v>
      </c>
      <c r="Q2461" s="166">
        <v>0</v>
      </c>
      <c r="R2461" s="166">
        <v>0</v>
      </c>
      <c r="S2461" s="166">
        <v>0</v>
      </c>
      <c r="T2461" s="166">
        <v>0</v>
      </c>
      <c r="U2461" s="166">
        <v>0</v>
      </c>
      <c r="V2461" s="166">
        <v>0</v>
      </c>
      <c r="W2461" s="166">
        <v>0</v>
      </c>
      <c r="X2461" s="166">
        <v>0</v>
      </c>
      <c r="Y2461" s="166">
        <v>0</v>
      </c>
      <c r="Z2461" s="166">
        <v>0</v>
      </c>
      <c r="AA2461" s="166">
        <v>0</v>
      </c>
      <c r="AB2461" s="166">
        <v>0</v>
      </c>
      <c r="AC2461" s="166">
        <v>0</v>
      </c>
      <c r="AD2461" s="166">
        <v>0</v>
      </c>
      <c r="AE2461" s="166">
        <v>0</v>
      </c>
      <c r="AF2461" s="166">
        <v>0</v>
      </c>
      <c r="AG2461" s="166">
        <v>0</v>
      </c>
      <c r="AH2461" s="166">
        <v>0</v>
      </c>
      <c r="AI2461" s="166">
        <v>0</v>
      </c>
      <c r="AJ2461" s="166">
        <v>0</v>
      </c>
      <c r="AK2461" s="166">
        <v>0</v>
      </c>
      <c r="AL2461" s="166">
        <v>0</v>
      </c>
      <c r="AM2461" s="166">
        <v>0</v>
      </c>
      <c r="AN2461" s="166">
        <v>0</v>
      </c>
      <c r="AO2461" s="166">
        <v>0</v>
      </c>
      <c r="AP2461" s="166">
        <v>0</v>
      </c>
      <c r="AQ2461" s="166">
        <v>0</v>
      </c>
      <c r="AR2461" s="166">
        <v>0</v>
      </c>
      <c r="AS2461" s="166">
        <v>0</v>
      </c>
      <c r="AT2461" s="166">
        <v>0</v>
      </c>
      <c r="AU2461" s="166">
        <v>0</v>
      </c>
      <c r="AV2461" s="166">
        <v>0</v>
      </c>
      <c r="AW2461" s="166">
        <v>0</v>
      </c>
      <c r="AX2461" s="166">
        <v>0</v>
      </c>
      <c r="AY2461" s="166">
        <v>0</v>
      </c>
      <c r="AZ2461" s="166">
        <v>0</v>
      </c>
      <c r="BA2461" s="166">
        <v>0</v>
      </c>
      <c r="BB2461" s="166">
        <v>0</v>
      </c>
      <c r="BC2461" s="166">
        <v>0</v>
      </c>
      <c r="BD2461" s="166">
        <v>0</v>
      </c>
      <c r="BE2461" s="166">
        <v>0</v>
      </c>
      <c r="BF2461" s="166">
        <v>0</v>
      </c>
      <c r="BG2461" s="166">
        <v>0</v>
      </c>
      <c r="BH2461" s="166">
        <v>0</v>
      </c>
      <c r="BI2461" s="166">
        <v>0</v>
      </c>
      <c r="BJ2461" s="166">
        <v>0</v>
      </c>
      <c r="BK2461" s="166">
        <v>0</v>
      </c>
      <c r="BL2461" s="166">
        <v>0</v>
      </c>
      <c r="BM2461" s="166">
        <v>0</v>
      </c>
      <c r="BN2461" s="166">
        <v>0</v>
      </c>
      <c r="BO2461" s="166">
        <v>0</v>
      </c>
      <c r="BP2461" s="166">
        <v>0</v>
      </c>
      <c r="BQ2461" s="166">
        <v>0</v>
      </c>
      <c r="BR2461" s="166">
        <v>0</v>
      </c>
      <c r="BS2461" s="166">
        <v>0</v>
      </c>
      <c r="BT2461" s="168">
        <v>1</v>
      </c>
      <c r="BU2461" s="166">
        <v>0</v>
      </c>
      <c r="BV2461" s="166">
        <v>0</v>
      </c>
      <c r="BW2461" s="166">
        <v>0</v>
      </c>
      <c r="BX2461" s="166">
        <v>0</v>
      </c>
      <c r="BY2461" s="166">
        <v>0</v>
      </c>
      <c r="BZ2461" s="166">
        <v>0</v>
      </c>
      <c r="CA2461" s="166">
        <v>0</v>
      </c>
      <c r="CB2461" s="166">
        <v>0</v>
      </c>
      <c r="CC2461" s="166">
        <v>0</v>
      </c>
      <c r="CD2461" s="166">
        <v>0</v>
      </c>
      <c r="CE2461" s="166">
        <v>0</v>
      </c>
      <c r="CF2461" s="166">
        <v>0</v>
      </c>
      <c r="CG2461" s="166">
        <v>0</v>
      </c>
      <c r="CH2461" s="166">
        <v>0</v>
      </c>
      <c r="CI2461" s="166">
        <v>0</v>
      </c>
      <c r="CJ2461" s="166">
        <v>0</v>
      </c>
      <c r="CK2461" s="166">
        <v>0</v>
      </c>
      <c r="CL2461" s="166">
        <v>0</v>
      </c>
      <c r="CM2461" s="166">
        <v>0</v>
      </c>
      <c r="CN2461" s="166">
        <v>0</v>
      </c>
      <c r="CO2461" s="166">
        <v>0</v>
      </c>
      <c r="CP2461" s="166">
        <v>0</v>
      </c>
      <c r="CQ2461" s="166">
        <v>0</v>
      </c>
      <c r="CR2461" s="166">
        <v>0</v>
      </c>
      <c r="CS2461" s="166">
        <v>0</v>
      </c>
      <c r="CT2461" s="166">
        <v>0</v>
      </c>
      <c r="CU2461" s="166">
        <v>0</v>
      </c>
      <c r="CV2461" s="166">
        <v>0</v>
      </c>
      <c r="CW2461" s="166">
        <v>0</v>
      </c>
      <c r="CX2461" s="166">
        <v>0</v>
      </c>
      <c r="CY2461" s="166">
        <v>0</v>
      </c>
      <c r="CZ2461" s="166">
        <v>0</v>
      </c>
    </row>
    <row r="2462" spans="1:104" x14ac:dyDescent="0.2">
      <c r="A2462" s="167" t="s">
        <v>310</v>
      </c>
    </row>
    <row r="2463" spans="1:104" x14ac:dyDescent="0.2">
      <c r="A2463" s="167" t="s">
        <v>311</v>
      </c>
      <c r="B2463" s="166">
        <v>2537260.34</v>
      </c>
      <c r="C2463" s="166">
        <v>2537260.34</v>
      </c>
      <c r="D2463" s="166">
        <v>0</v>
      </c>
      <c r="E2463" s="166">
        <v>0</v>
      </c>
      <c r="F2463" s="166">
        <v>0</v>
      </c>
      <c r="G2463" s="166">
        <v>0</v>
      </c>
      <c r="H2463" s="166">
        <v>0</v>
      </c>
      <c r="I2463" s="166">
        <v>0</v>
      </c>
      <c r="J2463" s="166">
        <v>0</v>
      </c>
      <c r="K2463" s="166">
        <v>0</v>
      </c>
      <c r="L2463" s="166">
        <v>0</v>
      </c>
      <c r="M2463" s="166">
        <v>0</v>
      </c>
      <c r="N2463" s="166">
        <v>0</v>
      </c>
      <c r="O2463" s="166">
        <v>0</v>
      </c>
      <c r="P2463" s="166">
        <v>0</v>
      </c>
      <c r="Q2463" s="166">
        <v>0</v>
      </c>
      <c r="R2463" s="166">
        <v>0</v>
      </c>
      <c r="S2463" s="166">
        <v>0</v>
      </c>
      <c r="T2463" s="166">
        <v>0</v>
      </c>
      <c r="U2463" s="166">
        <v>0</v>
      </c>
      <c r="V2463" s="166">
        <v>0</v>
      </c>
      <c r="W2463" s="166">
        <v>0</v>
      </c>
      <c r="X2463" s="166">
        <v>0</v>
      </c>
      <c r="Y2463" s="166">
        <v>0</v>
      </c>
      <c r="Z2463" s="166">
        <v>0</v>
      </c>
      <c r="AA2463" s="166">
        <v>0</v>
      </c>
      <c r="AB2463" s="166">
        <v>0</v>
      </c>
      <c r="AC2463" s="166">
        <v>0</v>
      </c>
      <c r="AD2463" s="166">
        <v>0</v>
      </c>
      <c r="AE2463" s="166">
        <v>0</v>
      </c>
      <c r="AF2463" s="166">
        <v>0</v>
      </c>
      <c r="AG2463" s="166">
        <v>0</v>
      </c>
      <c r="AH2463" s="166">
        <v>0</v>
      </c>
      <c r="AI2463" s="166">
        <v>0</v>
      </c>
      <c r="AJ2463" s="166">
        <v>0</v>
      </c>
      <c r="AK2463" s="166">
        <v>0</v>
      </c>
      <c r="AL2463" s="166">
        <v>0</v>
      </c>
      <c r="AM2463" s="166">
        <v>0</v>
      </c>
      <c r="AN2463" s="166">
        <v>0</v>
      </c>
      <c r="AO2463" s="166">
        <v>0</v>
      </c>
      <c r="AP2463" s="166">
        <v>0</v>
      </c>
      <c r="AQ2463" s="166">
        <v>0</v>
      </c>
      <c r="AR2463" s="166">
        <v>0</v>
      </c>
      <c r="AS2463" s="166">
        <v>0</v>
      </c>
      <c r="AT2463" s="166">
        <v>0</v>
      </c>
      <c r="AU2463" s="166">
        <v>0</v>
      </c>
      <c r="AV2463" s="166">
        <v>0</v>
      </c>
      <c r="AW2463" s="166">
        <v>0</v>
      </c>
      <c r="AX2463" s="166">
        <v>0</v>
      </c>
      <c r="AY2463" s="166">
        <v>0</v>
      </c>
      <c r="AZ2463" s="166">
        <v>0</v>
      </c>
      <c r="BA2463" s="166">
        <v>0</v>
      </c>
      <c r="BB2463" s="166">
        <v>0</v>
      </c>
      <c r="BC2463" s="166">
        <v>0</v>
      </c>
      <c r="BD2463" s="166">
        <v>0</v>
      </c>
      <c r="BE2463" s="166">
        <v>0</v>
      </c>
      <c r="BF2463" s="166">
        <v>0</v>
      </c>
      <c r="BG2463" s="166">
        <v>0</v>
      </c>
      <c r="BH2463" s="166">
        <v>0</v>
      </c>
      <c r="BI2463" s="166">
        <v>0</v>
      </c>
      <c r="BJ2463" s="166">
        <v>0</v>
      </c>
      <c r="BK2463" s="166">
        <v>0</v>
      </c>
      <c r="BL2463" s="166">
        <v>0</v>
      </c>
      <c r="BM2463" s="166">
        <v>0</v>
      </c>
      <c r="BN2463" s="166">
        <v>0</v>
      </c>
      <c r="BO2463" s="166">
        <v>0</v>
      </c>
      <c r="BP2463" s="166">
        <v>0</v>
      </c>
      <c r="BQ2463" s="166">
        <v>0</v>
      </c>
      <c r="BR2463" s="166">
        <v>2537260.34</v>
      </c>
      <c r="BS2463" s="166">
        <v>2537260.34</v>
      </c>
      <c r="BT2463" s="168">
        <v>0.98751</v>
      </c>
      <c r="BU2463" s="166">
        <v>203842.63383329901</v>
      </c>
      <c r="BV2463" s="166">
        <v>2505569.9583534002</v>
      </c>
      <c r="BW2463" s="166">
        <v>0</v>
      </c>
      <c r="BX2463" s="166">
        <v>0</v>
      </c>
      <c r="BY2463" s="166">
        <v>0</v>
      </c>
      <c r="BZ2463" s="166">
        <v>0</v>
      </c>
      <c r="CA2463" s="166">
        <v>0</v>
      </c>
      <c r="CB2463" s="166">
        <v>0</v>
      </c>
      <c r="CC2463" s="166">
        <v>0</v>
      </c>
      <c r="CD2463" s="166">
        <v>0</v>
      </c>
      <c r="CE2463" s="166">
        <v>0</v>
      </c>
      <c r="CF2463" s="166">
        <v>0</v>
      </c>
      <c r="CG2463" s="166">
        <v>0</v>
      </c>
      <c r="CH2463" s="166">
        <v>0</v>
      </c>
      <c r="CI2463" s="166">
        <v>0</v>
      </c>
      <c r="CJ2463" s="166">
        <v>0</v>
      </c>
      <c r="CK2463" s="166">
        <v>0</v>
      </c>
      <c r="CL2463" s="166">
        <v>0</v>
      </c>
      <c r="CM2463" s="166">
        <v>0</v>
      </c>
      <c r="CN2463" s="166">
        <v>0</v>
      </c>
      <c r="CO2463" s="166">
        <v>0</v>
      </c>
      <c r="CP2463" s="166">
        <v>0</v>
      </c>
      <c r="CQ2463" s="166">
        <v>0</v>
      </c>
      <c r="CR2463" s="166">
        <v>0</v>
      </c>
      <c r="CS2463" s="166">
        <v>0</v>
      </c>
      <c r="CT2463" s="166">
        <v>0</v>
      </c>
      <c r="CU2463" s="166">
        <v>0</v>
      </c>
      <c r="CV2463" s="166">
        <v>0</v>
      </c>
      <c r="CW2463" s="166">
        <v>0</v>
      </c>
      <c r="CX2463" s="166">
        <v>0</v>
      </c>
      <c r="CY2463" s="166">
        <v>2505569.9583534002</v>
      </c>
      <c r="CZ2463" s="166">
        <v>2505569.9583534002</v>
      </c>
    </row>
    <row r="2464" spans="1:104" x14ac:dyDescent="0.2">
      <c r="A2464" s="167" t="s">
        <v>312</v>
      </c>
    </row>
    <row r="2465" spans="1:104" x14ac:dyDescent="0.2">
      <c r="A2465" s="167" t="s">
        <v>1127</v>
      </c>
      <c r="B2465" s="166">
        <v>973873.79</v>
      </c>
      <c r="C2465" s="166">
        <v>973873.79</v>
      </c>
      <c r="D2465" s="166">
        <v>0</v>
      </c>
      <c r="E2465" s="166">
        <v>0</v>
      </c>
      <c r="F2465" s="166">
        <v>0</v>
      </c>
      <c r="G2465" s="166">
        <v>0</v>
      </c>
      <c r="H2465" s="166">
        <v>0</v>
      </c>
      <c r="I2465" s="166">
        <v>0</v>
      </c>
      <c r="J2465" s="166">
        <v>0</v>
      </c>
      <c r="K2465" s="166">
        <v>0</v>
      </c>
      <c r="L2465" s="166">
        <v>0</v>
      </c>
      <c r="M2465" s="166">
        <v>0</v>
      </c>
      <c r="N2465" s="166">
        <v>0</v>
      </c>
      <c r="O2465" s="166">
        <v>0</v>
      </c>
      <c r="P2465" s="166">
        <v>0</v>
      </c>
      <c r="Q2465" s="166">
        <v>0</v>
      </c>
      <c r="R2465" s="166">
        <v>0</v>
      </c>
      <c r="S2465" s="166">
        <v>0</v>
      </c>
      <c r="T2465" s="166">
        <v>0</v>
      </c>
      <c r="U2465" s="166">
        <v>0</v>
      </c>
      <c r="V2465" s="166">
        <v>0</v>
      </c>
      <c r="W2465" s="166">
        <v>0</v>
      </c>
      <c r="X2465" s="166">
        <v>0</v>
      </c>
      <c r="Y2465" s="166">
        <v>0</v>
      </c>
      <c r="Z2465" s="166">
        <v>0</v>
      </c>
      <c r="AA2465" s="166">
        <v>0</v>
      </c>
      <c r="AB2465" s="166">
        <v>0</v>
      </c>
      <c r="AC2465" s="166">
        <v>0</v>
      </c>
      <c r="AD2465" s="166">
        <v>0</v>
      </c>
      <c r="AE2465" s="166">
        <v>0</v>
      </c>
      <c r="AF2465" s="166">
        <v>0</v>
      </c>
      <c r="AG2465" s="166">
        <v>0</v>
      </c>
      <c r="AH2465" s="166">
        <v>0</v>
      </c>
      <c r="AI2465" s="166">
        <v>0</v>
      </c>
      <c r="AJ2465" s="166">
        <v>0</v>
      </c>
      <c r="AK2465" s="166">
        <v>0</v>
      </c>
      <c r="AL2465" s="166">
        <v>0</v>
      </c>
      <c r="AM2465" s="166">
        <v>0</v>
      </c>
      <c r="AN2465" s="166">
        <v>0</v>
      </c>
      <c r="AO2465" s="166">
        <v>0</v>
      </c>
      <c r="AP2465" s="166">
        <v>0</v>
      </c>
      <c r="AQ2465" s="166">
        <v>0</v>
      </c>
      <c r="AR2465" s="166">
        <v>0</v>
      </c>
      <c r="AS2465" s="166">
        <v>0</v>
      </c>
      <c r="AT2465" s="166">
        <v>0</v>
      </c>
      <c r="AU2465" s="166">
        <v>0</v>
      </c>
      <c r="AV2465" s="166">
        <v>0</v>
      </c>
      <c r="AW2465" s="166">
        <v>0</v>
      </c>
      <c r="AX2465" s="166">
        <v>0</v>
      </c>
      <c r="AY2465" s="166">
        <v>0</v>
      </c>
      <c r="AZ2465" s="166">
        <v>0</v>
      </c>
      <c r="BA2465" s="166">
        <v>0</v>
      </c>
      <c r="BB2465" s="166">
        <v>0</v>
      </c>
      <c r="BC2465" s="166">
        <v>0</v>
      </c>
      <c r="BD2465" s="166">
        <v>0</v>
      </c>
      <c r="BE2465" s="166">
        <v>0</v>
      </c>
      <c r="BF2465" s="166">
        <v>0</v>
      </c>
      <c r="BG2465" s="166">
        <v>0</v>
      </c>
      <c r="BH2465" s="166">
        <v>0</v>
      </c>
      <c r="BI2465" s="166">
        <v>0</v>
      </c>
      <c r="BJ2465" s="166">
        <v>0</v>
      </c>
      <c r="BK2465" s="166">
        <v>0</v>
      </c>
      <c r="BL2465" s="166">
        <v>0</v>
      </c>
      <c r="BM2465" s="166">
        <v>0</v>
      </c>
      <c r="BN2465" s="166">
        <v>0</v>
      </c>
      <c r="BO2465" s="166">
        <v>0</v>
      </c>
      <c r="BP2465" s="166">
        <v>0</v>
      </c>
      <c r="BQ2465" s="166">
        <v>0</v>
      </c>
      <c r="BR2465" s="166">
        <v>973873.79</v>
      </c>
      <c r="BS2465" s="166">
        <v>973873.79</v>
      </c>
      <c r="BT2465" s="168">
        <v>1</v>
      </c>
      <c r="BU2465" s="166">
        <v>76683.520000000004</v>
      </c>
      <c r="BV2465" s="166">
        <v>973873.79</v>
      </c>
      <c r="BW2465" s="166">
        <v>0</v>
      </c>
      <c r="BX2465" s="166">
        <v>0</v>
      </c>
      <c r="BY2465" s="166">
        <v>0</v>
      </c>
      <c r="BZ2465" s="166">
        <v>0</v>
      </c>
      <c r="CA2465" s="166">
        <v>0</v>
      </c>
      <c r="CB2465" s="166">
        <v>0</v>
      </c>
      <c r="CC2465" s="166">
        <v>0</v>
      </c>
      <c r="CD2465" s="166">
        <v>0</v>
      </c>
      <c r="CE2465" s="166">
        <v>0</v>
      </c>
      <c r="CF2465" s="166">
        <v>0</v>
      </c>
      <c r="CG2465" s="166">
        <v>0</v>
      </c>
      <c r="CH2465" s="166">
        <v>0</v>
      </c>
      <c r="CI2465" s="166">
        <v>0</v>
      </c>
      <c r="CJ2465" s="166">
        <v>0</v>
      </c>
      <c r="CK2465" s="166">
        <v>0</v>
      </c>
      <c r="CL2465" s="166">
        <v>0</v>
      </c>
      <c r="CM2465" s="166">
        <v>0</v>
      </c>
      <c r="CN2465" s="166">
        <v>0</v>
      </c>
      <c r="CO2465" s="166">
        <v>0</v>
      </c>
      <c r="CP2465" s="166">
        <v>0</v>
      </c>
      <c r="CQ2465" s="166">
        <v>0</v>
      </c>
      <c r="CR2465" s="166">
        <v>0</v>
      </c>
      <c r="CS2465" s="166">
        <v>0</v>
      </c>
      <c r="CT2465" s="166">
        <v>0</v>
      </c>
      <c r="CU2465" s="166">
        <v>0</v>
      </c>
      <c r="CV2465" s="166">
        <v>0</v>
      </c>
      <c r="CW2465" s="166">
        <v>0</v>
      </c>
      <c r="CX2465" s="166">
        <v>0</v>
      </c>
      <c r="CY2465" s="166">
        <v>973873.79</v>
      </c>
      <c r="CZ2465" s="166">
        <v>973873.79</v>
      </c>
    </row>
    <row r="2466" spans="1:104" x14ac:dyDescent="0.2">
      <c r="A2466" s="167" t="s">
        <v>314</v>
      </c>
    </row>
    <row r="2467" spans="1:104" x14ac:dyDescent="0.2">
      <c r="A2467" s="167" t="s">
        <v>1128</v>
      </c>
      <c r="B2467" s="166">
        <v>11548101.458903899</v>
      </c>
      <c r="C2467" s="166">
        <v>11548101.458903899</v>
      </c>
      <c r="D2467" s="166">
        <v>0</v>
      </c>
      <c r="E2467" s="166">
        <v>0</v>
      </c>
      <c r="F2467" s="166">
        <v>0</v>
      </c>
      <c r="G2467" s="166">
        <v>0</v>
      </c>
      <c r="H2467" s="166">
        <v>0</v>
      </c>
      <c r="I2467" s="166">
        <v>0</v>
      </c>
      <c r="J2467" s="166">
        <v>0</v>
      </c>
      <c r="K2467" s="166">
        <v>0</v>
      </c>
      <c r="L2467" s="166">
        <v>0</v>
      </c>
      <c r="M2467" s="166">
        <v>0</v>
      </c>
      <c r="N2467" s="166">
        <v>0</v>
      </c>
      <c r="O2467" s="166">
        <v>0</v>
      </c>
      <c r="P2467" s="166">
        <v>0</v>
      </c>
      <c r="Q2467" s="166">
        <v>0</v>
      </c>
      <c r="R2467" s="166">
        <v>0</v>
      </c>
      <c r="S2467" s="166">
        <v>0</v>
      </c>
      <c r="T2467" s="166">
        <v>0</v>
      </c>
      <c r="U2467" s="166">
        <v>0</v>
      </c>
      <c r="V2467" s="166">
        <v>0</v>
      </c>
      <c r="W2467" s="166">
        <v>0</v>
      </c>
      <c r="X2467" s="166">
        <v>0</v>
      </c>
      <c r="Y2467" s="166">
        <v>0</v>
      </c>
      <c r="Z2467" s="166">
        <v>0</v>
      </c>
      <c r="AA2467" s="166">
        <v>0</v>
      </c>
      <c r="AB2467" s="166">
        <v>0</v>
      </c>
      <c r="AC2467" s="166">
        <v>0</v>
      </c>
      <c r="AD2467" s="166">
        <v>0</v>
      </c>
      <c r="AE2467" s="166">
        <v>0</v>
      </c>
      <c r="AF2467" s="166">
        <v>0</v>
      </c>
      <c r="AG2467" s="166">
        <v>0</v>
      </c>
      <c r="AH2467" s="166">
        <v>0</v>
      </c>
      <c r="AI2467" s="166">
        <v>0</v>
      </c>
      <c r="AJ2467" s="166">
        <v>0</v>
      </c>
      <c r="AK2467" s="166">
        <v>0</v>
      </c>
      <c r="AL2467" s="166">
        <v>0</v>
      </c>
      <c r="AM2467" s="166">
        <v>0</v>
      </c>
      <c r="AN2467" s="166">
        <v>0</v>
      </c>
      <c r="AO2467" s="166">
        <v>0</v>
      </c>
      <c r="AP2467" s="166">
        <v>0</v>
      </c>
      <c r="AQ2467" s="166">
        <v>0</v>
      </c>
      <c r="AR2467" s="166">
        <v>0</v>
      </c>
      <c r="AS2467" s="166">
        <v>0</v>
      </c>
      <c r="AT2467" s="166">
        <v>0</v>
      </c>
      <c r="AU2467" s="166">
        <v>0</v>
      </c>
      <c r="AV2467" s="166">
        <v>0</v>
      </c>
      <c r="AW2467" s="166">
        <v>0</v>
      </c>
      <c r="AX2467" s="166">
        <v>0</v>
      </c>
      <c r="AY2467" s="166">
        <v>0</v>
      </c>
      <c r="AZ2467" s="166">
        <v>0</v>
      </c>
      <c r="BA2467" s="166">
        <v>0</v>
      </c>
      <c r="BB2467" s="166">
        <v>0</v>
      </c>
      <c r="BC2467" s="166">
        <v>0</v>
      </c>
      <c r="BD2467" s="166">
        <v>0</v>
      </c>
      <c r="BE2467" s="166">
        <v>0</v>
      </c>
      <c r="BF2467" s="166">
        <v>0</v>
      </c>
      <c r="BG2467" s="166">
        <v>0</v>
      </c>
      <c r="BH2467" s="166">
        <v>0</v>
      </c>
      <c r="BI2467" s="166">
        <v>0</v>
      </c>
      <c r="BJ2467" s="166">
        <v>0</v>
      </c>
      <c r="BK2467" s="166">
        <v>0</v>
      </c>
      <c r="BL2467" s="166">
        <v>0</v>
      </c>
      <c r="BM2467" s="166">
        <v>0</v>
      </c>
      <c r="BN2467" s="166">
        <v>0</v>
      </c>
      <c r="BO2467" s="166">
        <v>0</v>
      </c>
      <c r="BP2467" s="166">
        <v>0</v>
      </c>
      <c r="BQ2467" s="166">
        <v>0</v>
      </c>
      <c r="BR2467" s="166">
        <v>11548101.458903899</v>
      </c>
      <c r="BS2467" s="166">
        <v>11548101.458903899</v>
      </c>
      <c r="BT2467" s="168">
        <v>1</v>
      </c>
      <c r="BU2467" s="166">
        <v>929566.69428151404</v>
      </c>
      <c r="BV2467" s="166">
        <v>11548101.458903899</v>
      </c>
      <c r="BW2467" s="166">
        <v>0</v>
      </c>
      <c r="BX2467" s="166">
        <v>0</v>
      </c>
      <c r="BY2467" s="166">
        <v>0</v>
      </c>
      <c r="BZ2467" s="166">
        <v>0</v>
      </c>
      <c r="CA2467" s="166">
        <v>0</v>
      </c>
      <c r="CB2467" s="166">
        <v>0</v>
      </c>
      <c r="CC2467" s="166">
        <v>0</v>
      </c>
      <c r="CD2467" s="166">
        <v>0</v>
      </c>
      <c r="CE2467" s="166">
        <v>0</v>
      </c>
      <c r="CF2467" s="166">
        <v>0</v>
      </c>
      <c r="CG2467" s="166">
        <v>0</v>
      </c>
      <c r="CH2467" s="166">
        <v>0</v>
      </c>
      <c r="CI2467" s="166">
        <v>0</v>
      </c>
      <c r="CJ2467" s="166">
        <v>0</v>
      </c>
      <c r="CK2467" s="166">
        <v>0</v>
      </c>
      <c r="CL2467" s="166">
        <v>0</v>
      </c>
      <c r="CM2467" s="166">
        <v>0</v>
      </c>
      <c r="CN2467" s="166">
        <v>0</v>
      </c>
      <c r="CO2467" s="166">
        <v>0</v>
      </c>
      <c r="CP2467" s="166">
        <v>0</v>
      </c>
      <c r="CQ2467" s="166">
        <v>0</v>
      </c>
      <c r="CR2467" s="166">
        <v>0</v>
      </c>
      <c r="CS2467" s="166">
        <v>0</v>
      </c>
      <c r="CT2467" s="166">
        <v>0</v>
      </c>
      <c r="CU2467" s="166">
        <v>0</v>
      </c>
      <c r="CV2467" s="166">
        <v>0</v>
      </c>
      <c r="CW2467" s="166">
        <v>0</v>
      </c>
      <c r="CX2467" s="166">
        <v>0</v>
      </c>
      <c r="CY2467" s="166">
        <v>11548101.458903899</v>
      </c>
      <c r="CZ2467" s="166">
        <v>11548101.458903899</v>
      </c>
    </row>
    <row r="2468" spans="1:104" x14ac:dyDescent="0.2">
      <c r="A2468" s="167" t="s">
        <v>1129</v>
      </c>
      <c r="B2468" s="166">
        <v>5924247.3095832197</v>
      </c>
      <c r="C2468" s="166">
        <v>5924247.3095832197</v>
      </c>
      <c r="D2468" s="166">
        <v>0</v>
      </c>
      <c r="E2468" s="166">
        <v>0</v>
      </c>
      <c r="F2468" s="166">
        <v>0</v>
      </c>
      <c r="G2468" s="166">
        <v>0</v>
      </c>
      <c r="H2468" s="166">
        <v>0</v>
      </c>
      <c r="I2468" s="166">
        <v>0</v>
      </c>
      <c r="J2468" s="166">
        <v>0</v>
      </c>
      <c r="K2468" s="166">
        <v>0</v>
      </c>
      <c r="L2468" s="166">
        <v>0</v>
      </c>
      <c r="M2468" s="166">
        <v>0</v>
      </c>
      <c r="N2468" s="166">
        <v>0</v>
      </c>
      <c r="O2468" s="166">
        <v>0</v>
      </c>
      <c r="P2468" s="166">
        <v>0</v>
      </c>
      <c r="Q2468" s="166">
        <v>0</v>
      </c>
      <c r="R2468" s="166">
        <v>0</v>
      </c>
      <c r="S2468" s="166">
        <v>0</v>
      </c>
      <c r="T2468" s="166">
        <v>0</v>
      </c>
      <c r="U2468" s="166">
        <v>0</v>
      </c>
      <c r="V2468" s="166">
        <v>0</v>
      </c>
      <c r="W2468" s="166">
        <v>0</v>
      </c>
      <c r="X2468" s="166">
        <v>0</v>
      </c>
      <c r="Y2468" s="166">
        <v>0</v>
      </c>
      <c r="Z2468" s="166">
        <v>0</v>
      </c>
      <c r="AA2468" s="166">
        <v>0</v>
      </c>
      <c r="AB2468" s="166">
        <v>0</v>
      </c>
      <c r="AC2468" s="166">
        <v>0</v>
      </c>
      <c r="AD2468" s="166">
        <v>0</v>
      </c>
      <c r="AE2468" s="166">
        <v>0</v>
      </c>
      <c r="AF2468" s="166">
        <v>0</v>
      </c>
      <c r="AG2468" s="166">
        <v>0</v>
      </c>
      <c r="AH2468" s="166">
        <v>0</v>
      </c>
      <c r="AI2468" s="166">
        <v>0</v>
      </c>
      <c r="AJ2468" s="166">
        <v>0</v>
      </c>
      <c r="AK2468" s="166">
        <v>0</v>
      </c>
      <c r="AL2468" s="166">
        <v>0</v>
      </c>
      <c r="AM2468" s="166">
        <v>0</v>
      </c>
      <c r="AN2468" s="166">
        <v>0</v>
      </c>
      <c r="AO2468" s="166">
        <v>0</v>
      </c>
      <c r="AP2468" s="166">
        <v>0</v>
      </c>
      <c r="AQ2468" s="166">
        <v>0</v>
      </c>
      <c r="AR2468" s="166">
        <v>0</v>
      </c>
      <c r="AS2468" s="166">
        <v>0</v>
      </c>
      <c r="AT2468" s="166">
        <v>0</v>
      </c>
      <c r="AU2468" s="166">
        <v>0</v>
      </c>
      <c r="AV2468" s="166">
        <v>0</v>
      </c>
      <c r="AW2468" s="166">
        <v>0</v>
      </c>
      <c r="AX2468" s="166">
        <v>0</v>
      </c>
      <c r="AY2468" s="166">
        <v>0</v>
      </c>
      <c r="AZ2468" s="166">
        <v>0</v>
      </c>
      <c r="BA2468" s="166">
        <v>0</v>
      </c>
      <c r="BB2468" s="166">
        <v>0</v>
      </c>
      <c r="BC2468" s="166">
        <v>0</v>
      </c>
      <c r="BD2468" s="166">
        <v>0</v>
      </c>
      <c r="BE2468" s="166">
        <v>0</v>
      </c>
      <c r="BF2468" s="166">
        <v>0</v>
      </c>
      <c r="BG2468" s="166">
        <v>0</v>
      </c>
      <c r="BH2468" s="166">
        <v>0</v>
      </c>
      <c r="BI2468" s="166">
        <v>0</v>
      </c>
      <c r="BJ2468" s="166">
        <v>0</v>
      </c>
      <c r="BK2468" s="166">
        <v>0</v>
      </c>
      <c r="BL2468" s="166">
        <v>0</v>
      </c>
      <c r="BM2468" s="166">
        <v>0</v>
      </c>
      <c r="BN2468" s="166">
        <v>0</v>
      </c>
      <c r="BO2468" s="166">
        <v>0</v>
      </c>
      <c r="BP2468" s="166">
        <v>0</v>
      </c>
      <c r="BQ2468" s="166">
        <v>0</v>
      </c>
      <c r="BR2468" s="166">
        <v>5924247.3095832197</v>
      </c>
      <c r="BS2468" s="166">
        <v>5924247.3095832197</v>
      </c>
      <c r="BT2468" s="168">
        <v>1</v>
      </c>
      <c r="BU2468" s="166">
        <v>483675.30982231698</v>
      </c>
      <c r="BV2468" s="166">
        <v>5924247.3095832197</v>
      </c>
      <c r="BW2468" s="166">
        <v>0</v>
      </c>
      <c r="BX2468" s="166">
        <v>0</v>
      </c>
      <c r="BY2468" s="166">
        <v>0</v>
      </c>
      <c r="BZ2468" s="166">
        <v>0</v>
      </c>
      <c r="CA2468" s="166">
        <v>0</v>
      </c>
      <c r="CB2468" s="166">
        <v>0</v>
      </c>
      <c r="CC2468" s="166">
        <v>0</v>
      </c>
      <c r="CD2468" s="166">
        <v>0</v>
      </c>
      <c r="CE2468" s="166">
        <v>0</v>
      </c>
      <c r="CF2468" s="166">
        <v>0</v>
      </c>
      <c r="CG2468" s="166">
        <v>0</v>
      </c>
      <c r="CH2468" s="166">
        <v>0</v>
      </c>
      <c r="CI2468" s="166">
        <v>0</v>
      </c>
      <c r="CJ2468" s="166">
        <v>0</v>
      </c>
      <c r="CK2468" s="166">
        <v>0</v>
      </c>
      <c r="CL2468" s="166">
        <v>0</v>
      </c>
      <c r="CM2468" s="166">
        <v>0</v>
      </c>
      <c r="CN2468" s="166">
        <v>0</v>
      </c>
      <c r="CO2468" s="166">
        <v>0</v>
      </c>
      <c r="CP2468" s="166">
        <v>0</v>
      </c>
      <c r="CQ2468" s="166">
        <v>0</v>
      </c>
      <c r="CR2468" s="166">
        <v>0</v>
      </c>
      <c r="CS2468" s="166">
        <v>0</v>
      </c>
      <c r="CT2468" s="166">
        <v>0</v>
      </c>
      <c r="CU2468" s="166">
        <v>0</v>
      </c>
      <c r="CV2468" s="166">
        <v>0</v>
      </c>
      <c r="CW2468" s="166">
        <v>0</v>
      </c>
      <c r="CX2468" s="166">
        <v>0</v>
      </c>
      <c r="CY2468" s="166">
        <v>5924247.3095832197</v>
      </c>
      <c r="CZ2468" s="166">
        <v>5924247.3095832197</v>
      </c>
    </row>
    <row r="2469" spans="1:104" x14ac:dyDescent="0.2">
      <c r="A2469" s="167" t="s">
        <v>1130</v>
      </c>
      <c r="B2469" s="166">
        <v>1302034.2751718301</v>
      </c>
      <c r="C2469" s="166">
        <v>1302034.2751718301</v>
      </c>
      <c r="D2469" s="166">
        <v>0</v>
      </c>
      <c r="E2469" s="166">
        <v>0</v>
      </c>
      <c r="F2469" s="166">
        <v>0</v>
      </c>
      <c r="G2469" s="166">
        <v>0</v>
      </c>
      <c r="H2469" s="166">
        <v>0</v>
      </c>
      <c r="I2469" s="166">
        <v>0</v>
      </c>
      <c r="J2469" s="166">
        <v>0</v>
      </c>
      <c r="K2469" s="166">
        <v>0</v>
      </c>
      <c r="L2469" s="166">
        <v>0</v>
      </c>
      <c r="M2469" s="166">
        <v>0</v>
      </c>
      <c r="N2469" s="166">
        <v>0</v>
      </c>
      <c r="O2469" s="166">
        <v>0</v>
      </c>
      <c r="P2469" s="166">
        <v>0</v>
      </c>
      <c r="Q2469" s="166">
        <v>0</v>
      </c>
      <c r="R2469" s="166">
        <v>0</v>
      </c>
      <c r="S2469" s="166">
        <v>0</v>
      </c>
      <c r="T2469" s="166">
        <v>0</v>
      </c>
      <c r="U2469" s="166">
        <v>0</v>
      </c>
      <c r="V2469" s="166">
        <v>0</v>
      </c>
      <c r="W2469" s="166">
        <v>0</v>
      </c>
      <c r="X2469" s="166">
        <v>0</v>
      </c>
      <c r="Y2469" s="166">
        <v>0</v>
      </c>
      <c r="Z2469" s="166">
        <v>0</v>
      </c>
      <c r="AA2469" s="166">
        <v>0</v>
      </c>
      <c r="AB2469" s="166">
        <v>0</v>
      </c>
      <c r="AC2469" s="166">
        <v>0</v>
      </c>
      <c r="AD2469" s="166">
        <v>0</v>
      </c>
      <c r="AE2469" s="166">
        <v>0</v>
      </c>
      <c r="AF2469" s="166">
        <v>0</v>
      </c>
      <c r="AG2469" s="166">
        <v>0</v>
      </c>
      <c r="AH2469" s="166">
        <v>0</v>
      </c>
      <c r="AI2469" s="166">
        <v>0</v>
      </c>
      <c r="AJ2469" s="166">
        <v>0</v>
      </c>
      <c r="AK2469" s="166">
        <v>0</v>
      </c>
      <c r="AL2469" s="166">
        <v>0</v>
      </c>
      <c r="AM2469" s="166">
        <v>0</v>
      </c>
      <c r="AN2469" s="166">
        <v>0</v>
      </c>
      <c r="AO2469" s="166">
        <v>0</v>
      </c>
      <c r="AP2469" s="166">
        <v>0</v>
      </c>
      <c r="AQ2469" s="166">
        <v>0</v>
      </c>
      <c r="AR2469" s="166">
        <v>0</v>
      </c>
      <c r="AS2469" s="166">
        <v>0</v>
      </c>
      <c r="AT2469" s="166">
        <v>0</v>
      </c>
      <c r="AU2469" s="166">
        <v>0</v>
      </c>
      <c r="AV2469" s="166">
        <v>0</v>
      </c>
      <c r="AW2469" s="166">
        <v>0</v>
      </c>
      <c r="AX2469" s="166">
        <v>0</v>
      </c>
      <c r="AY2469" s="166">
        <v>0</v>
      </c>
      <c r="AZ2469" s="166">
        <v>0</v>
      </c>
      <c r="BA2469" s="166">
        <v>0</v>
      </c>
      <c r="BB2469" s="166">
        <v>0</v>
      </c>
      <c r="BC2469" s="166">
        <v>0</v>
      </c>
      <c r="BD2469" s="166">
        <v>0</v>
      </c>
      <c r="BE2469" s="166">
        <v>0</v>
      </c>
      <c r="BF2469" s="166">
        <v>0</v>
      </c>
      <c r="BG2469" s="166">
        <v>0</v>
      </c>
      <c r="BH2469" s="166">
        <v>0</v>
      </c>
      <c r="BI2469" s="166">
        <v>0</v>
      </c>
      <c r="BJ2469" s="166">
        <v>0</v>
      </c>
      <c r="BK2469" s="166">
        <v>0</v>
      </c>
      <c r="BL2469" s="166">
        <v>0</v>
      </c>
      <c r="BM2469" s="166">
        <v>0</v>
      </c>
      <c r="BN2469" s="166">
        <v>0</v>
      </c>
      <c r="BO2469" s="166">
        <v>0</v>
      </c>
      <c r="BP2469" s="166">
        <v>0</v>
      </c>
      <c r="BQ2469" s="166">
        <v>0</v>
      </c>
      <c r="BR2469" s="166">
        <v>1302034.2751718301</v>
      </c>
      <c r="BS2469" s="166">
        <v>1302034.2751718301</v>
      </c>
      <c r="BT2469" s="168">
        <v>1</v>
      </c>
      <c r="BU2469" s="166">
        <v>102893.18344088001</v>
      </c>
      <c r="BV2469" s="166">
        <v>1302034.2751718301</v>
      </c>
      <c r="BW2469" s="166">
        <v>0</v>
      </c>
      <c r="BX2469" s="166">
        <v>0</v>
      </c>
      <c r="BY2469" s="166">
        <v>0</v>
      </c>
      <c r="BZ2469" s="166">
        <v>0</v>
      </c>
      <c r="CA2469" s="166">
        <v>0</v>
      </c>
      <c r="CB2469" s="166">
        <v>0</v>
      </c>
      <c r="CC2469" s="166">
        <v>0</v>
      </c>
      <c r="CD2469" s="166">
        <v>0</v>
      </c>
      <c r="CE2469" s="166">
        <v>0</v>
      </c>
      <c r="CF2469" s="166">
        <v>0</v>
      </c>
      <c r="CG2469" s="166">
        <v>0</v>
      </c>
      <c r="CH2469" s="166">
        <v>0</v>
      </c>
      <c r="CI2469" s="166">
        <v>0</v>
      </c>
      <c r="CJ2469" s="166">
        <v>0</v>
      </c>
      <c r="CK2469" s="166">
        <v>0</v>
      </c>
      <c r="CL2469" s="166">
        <v>0</v>
      </c>
      <c r="CM2469" s="166">
        <v>0</v>
      </c>
      <c r="CN2469" s="166">
        <v>0</v>
      </c>
      <c r="CO2469" s="166">
        <v>0</v>
      </c>
      <c r="CP2469" s="166">
        <v>0</v>
      </c>
      <c r="CQ2469" s="166">
        <v>0</v>
      </c>
      <c r="CR2469" s="166">
        <v>0</v>
      </c>
      <c r="CS2469" s="166">
        <v>0</v>
      </c>
      <c r="CT2469" s="166">
        <v>0</v>
      </c>
      <c r="CU2469" s="166">
        <v>0</v>
      </c>
      <c r="CV2469" s="166">
        <v>0</v>
      </c>
      <c r="CW2469" s="166">
        <v>0</v>
      </c>
      <c r="CX2469" s="166">
        <v>0</v>
      </c>
      <c r="CY2469" s="166">
        <v>1302034.2751718301</v>
      </c>
      <c r="CZ2469" s="166">
        <v>1302034.2751718301</v>
      </c>
    </row>
    <row r="2470" spans="1:104" x14ac:dyDescent="0.2">
      <c r="A2470" s="167" t="s">
        <v>1131</v>
      </c>
      <c r="B2470" s="166">
        <v>734547.21470044903</v>
      </c>
      <c r="C2470" s="166">
        <v>734547.21470044903</v>
      </c>
      <c r="D2470" s="166">
        <v>0</v>
      </c>
      <c r="E2470" s="166">
        <v>0</v>
      </c>
      <c r="F2470" s="166">
        <v>0</v>
      </c>
      <c r="G2470" s="166">
        <v>0</v>
      </c>
      <c r="H2470" s="166">
        <v>0</v>
      </c>
      <c r="I2470" s="166">
        <v>0</v>
      </c>
      <c r="J2470" s="166">
        <v>0</v>
      </c>
      <c r="K2470" s="166">
        <v>0</v>
      </c>
      <c r="L2470" s="166">
        <v>0</v>
      </c>
      <c r="M2470" s="166">
        <v>0</v>
      </c>
      <c r="N2470" s="166">
        <v>0</v>
      </c>
      <c r="O2470" s="166">
        <v>0</v>
      </c>
      <c r="P2470" s="166">
        <v>0</v>
      </c>
      <c r="Q2470" s="166">
        <v>0</v>
      </c>
      <c r="R2470" s="166">
        <v>0</v>
      </c>
      <c r="S2470" s="166">
        <v>0</v>
      </c>
      <c r="T2470" s="166">
        <v>0</v>
      </c>
      <c r="U2470" s="166">
        <v>0</v>
      </c>
      <c r="V2470" s="166">
        <v>0</v>
      </c>
      <c r="W2470" s="166">
        <v>0</v>
      </c>
      <c r="X2470" s="166">
        <v>0</v>
      </c>
      <c r="Y2470" s="166">
        <v>0</v>
      </c>
      <c r="Z2470" s="166">
        <v>0</v>
      </c>
      <c r="AA2470" s="166">
        <v>0</v>
      </c>
      <c r="AB2470" s="166">
        <v>0</v>
      </c>
      <c r="AC2470" s="166">
        <v>0</v>
      </c>
      <c r="AD2470" s="166">
        <v>0</v>
      </c>
      <c r="AE2470" s="166">
        <v>0</v>
      </c>
      <c r="AF2470" s="166">
        <v>0</v>
      </c>
      <c r="AG2470" s="166">
        <v>0</v>
      </c>
      <c r="AH2470" s="166">
        <v>0</v>
      </c>
      <c r="AI2470" s="166">
        <v>0</v>
      </c>
      <c r="AJ2470" s="166">
        <v>0</v>
      </c>
      <c r="AK2470" s="166">
        <v>0</v>
      </c>
      <c r="AL2470" s="166">
        <v>0</v>
      </c>
      <c r="AM2470" s="166">
        <v>0</v>
      </c>
      <c r="AN2470" s="166">
        <v>0</v>
      </c>
      <c r="AO2470" s="166">
        <v>0</v>
      </c>
      <c r="AP2470" s="166">
        <v>0</v>
      </c>
      <c r="AQ2470" s="166">
        <v>0</v>
      </c>
      <c r="AR2470" s="166">
        <v>0</v>
      </c>
      <c r="AS2470" s="166">
        <v>0</v>
      </c>
      <c r="AT2470" s="166">
        <v>0</v>
      </c>
      <c r="AU2470" s="166">
        <v>0</v>
      </c>
      <c r="AV2470" s="166">
        <v>0</v>
      </c>
      <c r="AW2470" s="166">
        <v>0</v>
      </c>
      <c r="AX2470" s="166">
        <v>0</v>
      </c>
      <c r="AY2470" s="166">
        <v>0</v>
      </c>
      <c r="AZ2470" s="166">
        <v>0</v>
      </c>
      <c r="BA2470" s="166">
        <v>0</v>
      </c>
      <c r="BB2470" s="166">
        <v>0</v>
      </c>
      <c r="BC2470" s="166">
        <v>0</v>
      </c>
      <c r="BD2470" s="166">
        <v>0</v>
      </c>
      <c r="BE2470" s="166">
        <v>0</v>
      </c>
      <c r="BF2470" s="166">
        <v>0</v>
      </c>
      <c r="BG2470" s="166">
        <v>0</v>
      </c>
      <c r="BH2470" s="166">
        <v>0</v>
      </c>
      <c r="BI2470" s="166">
        <v>0</v>
      </c>
      <c r="BJ2470" s="166">
        <v>0</v>
      </c>
      <c r="BK2470" s="166">
        <v>0</v>
      </c>
      <c r="BL2470" s="166">
        <v>0</v>
      </c>
      <c r="BM2470" s="166">
        <v>0</v>
      </c>
      <c r="BN2470" s="166">
        <v>0</v>
      </c>
      <c r="BO2470" s="166">
        <v>0</v>
      </c>
      <c r="BP2470" s="166">
        <v>0</v>
      </c>
      <c r="BQ2470" s="166">
        <v>0</v>
      </c>
      <c r="BR2470" s="166">
        <v>734547.21470044903</v>
      </c>
      <c r="BS2470" s="166">
        <v>734547.21470044903</v>
      </c>
      <c r="BT2470" s="168">
        <v>0.98751</v>
      </c>
      <c r="BU2470" s="166">
        <v>57892.8419926243</v>
      </c>
      <c r="BV2470" s="166">
        <v>725372.71998884098</v>
      </c>
      <c r="BW2470" s="166">
        <v>0</v>
      </c>
      <c r="BX2470" s="166">
        <v>0</v>
      </c>
      <c r="BY2470" s="166">
        <v>0</v>
      </c>
      <c r="BZ2470" s="166">
        <v>0</v>
      </c>
      <c r="CA2470" s="166">
        <v>0</v>
      </c>
      <c r="CB2470" s="166">
        <v>0</v>
      </c>
      <c r="CC2470" s="166">
        <v>0</v>
      </c>
      <c r="CD2470" s="166">
        <v>0</v>
      </c>
      <c r="CE2470" s="166">
        <v>0</v>
      </c>
      <c r="CF2470" s="166">
        <v>0</v>
      </c>
      <c r="CG2470" s="166">
        <v>0</v>
      </c>
      <c r="CH2470" s="166">
        <v>0</v>
      </c>
      <c r="CI2470" s="166">
        <v>0</v>
      </c>
      <c r="CJ2470" s="166">
        <v>0</v>
      </c>
      <c r="CK2470" s="166">
        <v>0</v>
      </c>
      <c r="CL2470" s="166">
        <v>0</v>
      </c>
      <c r="CM2470" s="166">
        <v>0</v>
      </c>
      <c r="CN2470" s="166">
        <v>0</v>
      </c>
      <c r="CO2470" s="166">
        <v>0</v>
      </c>
      <c r="CP2470" s="166">
        <v>0</v>
      </c>
      <c r="CQ2470" s="166">
        <v>0</v>
      </c>
      <c r="CR2470" s="166">
        <v>0</v>
      </c>
      <c r="CS2470" s="166">
        <v>0</v>
      </c>
      <c r="CT2470" s="166">
        <v>0</v>
      </c>
      <c r="CU2470" s="166">
        <v>0</v>
      </c>
      <c r="CV2470" s="166">
        <v>0</v>
      </c>
      <c r="CW2470" s="166">
        <v>0</v>
      </c>
      <c r="CX2470" s="166">
        <v>0</v>
      </c>
      <c r="CY2470" s="166">
        <v>725372.71998884098</v>
      </c>
      <c r="CZ2470" s="166">
        <v>725372.71998884098</v>
      </c>
    </row>
    <row r="2471" spans="1:104" x14ac:dyDescent="0.2">
      <c r="A2471" s="167" t="s">
        <v>1132</v>
      </c>
      <c r="B2471" s="166">
        <v>1915392.93164052</v>
      </c>
      <c r="C2471" s="166">
        <v>1915392.93164052</v>
      </c>
      <c r="D2471" s="166">
        <v>0</v>
      </c>
      <c r="E2471" s="166">
        <v>0</v>
      </c>
      <c r="F2471" s="166">
        <v>0</v>
      </c>
      <c r="G2471" s="166">
        <v>0</v>
      </c>
      <c r="H2471" s="166">
        <v>0</v>
      </c>
      <c r="I2471" s="166">
        <v>0</v>
      </c>
      <c r="J2471" s="166">
        <v>0</v>
      </c>
      <c r="K2471" s="166">
        <v>0</v>
      </c>
      <c r="L2471" s="166">
        <v>0</v>
      </c>
      <c r="M2471" s="166">
        <v>0</v>
      </c>
      <c r="N2471" s="166">
        <v>0</v>
      </c>
      <c r="O2471" s="166">
        <v>0</v>
      </c>
      <c r="P2471" s="166">
        <v>0</v>
      </c>
      <c r="Q2471" s="166">
        <v>0</v>
      </c>
      <c r="R2471" s="166">
        <v>0</v>
      </c>
      <c r="S2471" s="166">
        <v>0</v>
      </c>
      <c r="T2471" s="166">
        <v>0</v>
      </c>
      <c r="U2471" s="166">
        <v>0</v>
      </c>
      <c r="V2471" s="166">
        <v>0</v>
      </c>
      <c r="W2471" s="166">
        <v>0</v>
      </c>
      <c r="X2471" s="166">
        <v>0</v>
      </c>
      <c r="Y2471" s="166">
        <v>0</v>
      </c>
      <c r="Z2471" s="166">
        <v>0</v>
      </c>
      <c r="AA2471" s="166">
        <v>0</v>
      </c>
      <c r="AB2471" s="166">
        <v>0</v>
      </c>
      <c r="AC2471" s="166">
        <v>0</v>
      </c>
      <c r="AD2471" s="166">
        <v>0</v>
      </c>
      <c r="AE2471" s="166">
        <v>0</v>
      </c>
      <c r="AF2471" s="166">
        <v>0</v>
      </c>
      <c r="AG2471" s="166">
        <v>0</v>
      </c>
      <c r="AH2471" s="166">
        <v>0</v>
      </c>
      <c r="AI2471" s="166">
        <v>0</v>
      </c>
      <c r="AJ2471" s="166">
        <v>0</v>
      </c>
      <c r="AK2471" s="166">
        <v>0</v>
      </c>
      <c r="AL2471" s="166">
        <v>0</v>
      </c>
      <c r="AM2471" s="166">
        <v>0</v>
      </c>
      <c r="AN2471" s="166">
        <v>0</v>
      </c>
      <c r="AO2471" s="166">
        <v>0</v>
      </c>
      <c r="AP2471" s="166">
        <v>0</v>
      </c>
      <c r="AQ2471" s="166">
        <v>0</v>
      </c>
      <c r="AR2471" s="166">
        <v>0</v>
      </c>
      <c r="AS2471" s="166">
        <v>0</v>
      </c>
      <c r="AT2471" s="166">
        <v>0</v>
      </c>
      <c r="AU2471" s="166">
        <v>0</v>
      </c>
      <c r="AV2471" s="166">
        <v>0</v>
      </c>
      <c r="AW2471" s="166">
        <v>0</v>
      </c>
      <c r="AX2471" s="166">
        <v>0</v>
      </c>
      <c r="AY2471" s="166">
        <v>0</v>
      </c>
      <c r="AZ2471" s="166">
        <v>0</v>
      </c>
      <c r="BA2471" s="166">
        <v>0</v>
      </c>
      <c r="BB2471" s="166">
        <v>0</v>
      </c>
      <c r="BC2471" s="166">
        <v>0</v>
      </c>
      <c r="BD2471" s="166">
        <v>0</v>
      </c>
      <c r="BE2471" s="166">
        <v>0</v>
      </c>
      <c r="BF2471" s="166">
        <v>0</v>
      </c>
      <c r="BG2471" s="166">
        <v>0</v>
      </c>
      <c r="BH2471" s="166">
        <v>0</v>
      </c>
      <c r="BI2471" s="166">
        <v>0</v>
      </c>
      <c r="BJ2471" s="166">
        <v>0</v>
      </c>
      <c r="BK2471" s="166">
        <v>0</v>
      </c>
      <c r="BL2471" s="166">
        <v>0</v>
      </c>
      <c r="BM2471" s="166">
        <v>0</v>
      </c>
      <c r="BN2471" s="166">
        <v>0</v>
      </c>
      <c r="BO2471" s="166">
        <v>0</v>
      </c>
      <c r="BP2471" s="166">
        <v>0</v>
      </c>
      <c r="BQ2471" s="166">
        <v>0</v>
      </c>
      <c r="BR2471" s="166">
        <v>1915392.93164052</v>
      </c>
      <c r="BS2471" s="166">
        <v>1915392.93164052</v>
      </c>
      <c r="BT2471" s="168">
        <v>1</v>
      </c>
      <c r="BU2471" s="166">
        <v>154724.473349532</v>
      </c>
      <c r="BV2471" s="166">
        <v>1915392.93164052</v>
      </c>
      <c r="BW2471" s="166">
        <v>0</v>
      </c>
      <c r="BX2471" s="166">
        <v>0</v>
      </c>
      <c r="BY2471" s="166">
        <v>0</v>
      </c>
      <c r="BZ2471" s="166">
        <v>0</v>
      </c>
      <c r="CA2471" s="166">
        <v>0</v>
      </c>
      <c r="CB2471" s="166">
        <v>0</v>
      </c>
      <c r="CC2471" s="166">
        <v>0</v>
      </c>
      <c r="CD2471" s="166">
        <v>0</v>
      </c>
      <c r="CE2471" s="166">
        <v>0</v>
      </c>
      <c r="CF2471" s="166">
        <v>0</v>
      </c>
      <c r="CG2471" s="166">
        <v>0</v>
      </c>
      <c r="CH2471" s="166">
        <v>0</v>
      </c>
      <c r="CI2471" s="166">
        <v>0</v>
      </c>
      <c r="CJ2471" s="166">
        <v>0</v>
      </c>
      <c r="CK2471" s="166">
        <v>0</v>
      </c>
      <c r="CL2471" s="166">
        <v>0</v>
      </c>
      <c r="CM2471" s="166">
        <v>0</v>
      </c>
      <c r="CN2471" s="166">
        <v>0</v>
      </c>
      <c r="CO2471" s="166">
        <v>0</v>
      </c>
      <c r="CP2471" s="166">
        <v>0</v>
      </c>
      <c r="CQ2471" s="166">
        <v>0</v>
      </c>
      <c r="CR2471" s="166">
        <v>0</v>
      </c>
      <c r="CS2471" s="166">
        <v>0</v>
      </c>
      <c r="CT2471" s="166">
        <v>0</v>
      </c>
      <c r="CU2471" s="166">
        <v>0</v>
      </c>
      <c r="CV2471" s="166">
        <v>0</v>
      </c>
      <c r="CW2471" s="166">
        <v>0</v>
      </c>
      <c r="CX2471" s="166">
        <v>0</v>
      </c>
      <c r="CY2471" s="166">
        <v>1915392.93164052</v>
      </c>
      <c r="CZ2471" s="166">
        <v>1915392.93164052</v>
      </c>
    </row>
    <row r="2472" spans="1:104" x14ac:dyDescent="0.2">
      <c r="A2472" s="167" t="s">
        <v>1133</v>
      </c>
      <c r="B2472" s="166">
        <v>0</v>
      </c>
      <c r="C2472" s="166">
        <v>0</v>
      </c>
      <c r="D2472" s="166">
        <v>0</v>
      </c>
      <c r="E2472" s="166">
        <v>0</v>
      </c>
      <c r="F2472" s="166">
        <v>0</v>
      </c>
      <c r="G2472" s="166">
        <v>0</v>
      </c>
      <c r="H2472" s="166">
        <v>0</v>
      </c>
      <c r="I2472" s="166">
        <v>0</v>
      </c>
      <c r="J2472" s="166">
        <v>0</v>
      </c>
      <c r="K2472" s="166">
        <v>0</v>
      </c>
      <c r="L2472" s="166">
        <v>0</v>
      </c>
      <c r="M2472" s="166">
        <v>0</v>
      </c>
      <c r="N2472" s="166">
        <v>0</v>
      </c>
      <c r="O2472" s="166">
        <v>0</v>
      </c>
      <c r="P2472" s="166">
        <v>0</v>
      </c>
      <c r="Q2472" s="166">
        <v>0</v>
      </c>
      <c r="R2472" s="166">
        <v>0</v>
      </c>
      <c r="S2472" s="166">
        <v>0</v>
      </c>
      <c r="T2472" s="166">
        <v>0</v>
      </c>
      <c r="U2472" s="166">
        <v>0</v>
      </c>
      <c r="V2472" s="166">
        <v>0</v>
      </c>
      <c r="W2472" s="166">
        <v>0</v>
      </c>
      <c r="X2472" s="166">
        <v>0</v>
      </c>
      <c r="Y2472" s="166">
        <v>0</v>
      </c>
      <c r="Z2472" s="166">
        <v>0</v>
      </c>
      <c r="AA2472" s="166">
        <v>0</v>
      </c>
      <c r="AB2472" s="166">
        <v>0</v>
      </c>
      <c r="AC2472" s="166">
        <v>0</v>
      </c>
      <c r="AD2472" s="166">
        <v>0</v>
      </c>
      <c r="AE2472" s="166">
        <v>0</v>
      </c>
      <c r="AF2472" s="166">
        <v>0</v>
      </c>
      <c r="AG2472" s="166">
        <v>0</v>
      </c>
      <c r="AH2472" s="166">
        <v>0</v>
      </c>
      <c r="AI2472" s="166">
        <v>0</v>
      </c>
      <c r="AJ2472" s="166">
        <v>0</v>
      </c>
      <c r="AK2472" s="166">
        <v>0</v>
      </c>
      <c r="AL2472" s="166">
        <v>0</v>
      </c>
      <c r="AM2472" s="166">
        <v>0</v>
      </c>
      <c r="AN2472" s="166">
        <v>0</v>
      </c>
      <c r="AO2472" s="166">
        <v>0</v>
      </c>
      <c r="AP2472" s="166">
        <v>0</v>
      </c>
      <c r="AQ2472" s="166">
        <v>0</v>
      </c>
      <c r="AR2472" s="166">
        <v>0</v>
      </c>
      <c r="AS2472" s="166">
        <v>0</v>
      </c>
      <c r="AT2472" s="166">
        <v>0</v>
      </c>
      <c r="AU2472" s="166">
        <v>0</v>
      </c>
      <c r="AV2472" s="166">
        <v>0</v>
      </c>
      <c r="AW2472" s="166">
        <v>0</v>
      </c>
      <c r="AX2472" s="166">
        <v>0</v>
      </c>
      <c r="AY2472" s="166">
        <v>0</v>
      </c>
      <c r="AZ2472" s="166">
        <v>0</v>
      </c>
      <c r="BA2472" s="166">
        <v>0</v>
      </c>
      <c r="BB2472" s="166">
        <v>0</v>
      </c>
      <c r="BC2472" s="166">
        <v>0</v>
      </c>
      <c r="BD2472" s="166">
        <v>0</v>
      </c>
      <c r="BE2472" s="166">
        <v>0</v>
      </c>
      <c r="BF2472" s="166">
        <v>0</v>
      </c>
      <c r="BG2472" s="166">
        <v>0</v>
      </c>
      <c r="BH2472" s="166">
        <v>0</v>
      </c>
      <c r="BI2472" s="166">
        <v>0</v>
      </c>
      <c r="BJ2472" s="166">
        <v>0</v>
      </c>
      <c r="BK2472" s="166">
        <v>0</v>
      </c>
      <c r="BL2472" s="166">
        <v>0</v>
      </c>
      <c r="BM2472" s="166">
        <v>0</v>
      </c>
      <c r="BN2472" s="166">
        <v>0</v>
      </c>
      <c r="BO2472" s="166">
        <v>0</v>
      </c>
      <c r="BP2472" s="166">
        <v>0</v>
      </c>
      <c r="BQ2472" s="166">
        <v>0</v>
      </c>
      <c r="BR2472" s="166">
        <v>0</v>
      </c>
      <c r="BS2472" s="166">
        <v>0</v>
      </c>
      <c r="BT2472" s="168">
        <v>1</v>
      </c>
      <c r="BU2472" s="166">
        <v>0</v>
      </c>
      <c r="BV2472" s="166">
        <v>0</v>
      </c>
      <c r="BW2472" s="166">
        <v>0</v>
      </c>
      <c r="BX2472" s="166">
        <v>0</v>
      </c>
      <c r="BY2472" s="166">
        <v>0</v>
      </c>
      <c r="BZ2472" s="166">
        <v>0</v>
      </c>
      <c r="CA2472" s="166">
        <v>0</v>
      </c>
      <c r="CB2472" s="166">
        <v>0</v>
      </c>
      <c r="CC2472" s="166">
        <v>0</v>
      </c>
      <c r="CD2472" s="166">
        <v>0</v>
      </c>
      <c r="CE2472" s="166">
        <v>0</v>
      </c>
      <c r="CF2472" s="166">
        <v>0</v>
      </c>
      <c r="CG2472" s="166">
        <v>0</v>
      </c>
      <c r="CH2472" s="166">
        <v>0</v>
      </c>
      <c r="CI2472" s="166">
        <v>0</v>
      </c>
      <c r="CJ2472" s="166">
        <v>0</v>
      </c>
      <c r="CK2472" s="166">
        <v>0</v>
      </c>
      <c r="CL2472" s="166">
        <v>0</v>
      </c>
      <c r="CM2472" s="166">
        <v>0</v>
      </c>
      <c r="CN2472" s="166">
        <v>0</v>
      </c>
      <c r="CO2472" s="166">
        <v>0</v>
      </c>
      <c r="CP2472" s="166">
        <v>0</v>
      </c>
      <c r="CQ2472" s="166">
        <v>0</v>
      </c>
      <c r="CR2472" s="166">
        <v>0</v>
      </c>
      <c r="CS2472" s="166">
        <v>0</v>
      </c>
      <c r="CT2472" s="166">
        <v>0</v>
      </c>
      <c r="CU2472" s="166">
        <v>0</v>
      </c>
      <c r="CV2472" s="166">
        <v>0</v>
      </c>
      <c r="CW2472" s="166">
        <v>0</v>
      </c>
      <c r="CX2472" s="166">
        <v>0</v>
      </c>
      <c r="CY2472" s="166">
        <v>0</v>
      </c>
      <c r="CZ2472" s="166">
        <v>0</v>
      </c>
    </row>
    <row r="2473" spans="1:104" x14ac:dyDescent="0.2">
      <c r="A2473" s="167" t="s">
        <v>1134</v>
      </c>
      <c r="B2473" s="166">
        <v>21424323.190000001</v>
      </c>
      <c r="C2473" s="166">
        <v>21424323.190000001</v>
      </c>
      <c r="D2473" s="166">
        <v>0</v>
      </c>
      <c r="E2473" s="166">
        <v>0</v>
      </c>
      <c r="F2473" s="166">
        <v>0</v>
      </c>
      <c r="G2473" s="166">
        <v>0</v>
      </c>
      <c r="H2473" s="166">
        <v>0</v>
      </c>
      <c r="I2473" s="166">
        <v>0</v>
      </c>
      <c r="J2473" s="166">
        <v>0</v>
      </c>
      <c r="K2473" s="166">
        <v>0</v>
      </c>
      <c r="L2473" s="166">
        <v>0</v>
      </c>
      <c r="M2473" s="166">
        <v>0</v>
      </c>
      <c r="N2473" s="166">
        <v>0</v>
      </c>
      <c r="O2473" s="166">
        <v>0</v>
      </c>
      <c r="P2473" s="166">
        <v>0</v>
      </c>
      <c r="Q2473" s="166">
        <v>0</v>
      </c>
      <c r="R2473" s="166">
        <v>0</v>
      </c>
      <c r="S2473" s="166">
        <v>0</v>
      </c>
      <c r="T2473" s="166">
        <v>0</v>
      </c>
      <c r="U2473" s="166">
        <v>0</v>
      </c>
      <c r="V2473" s="166">
        <v>0</v>
      </c>
      <c r="W2473" s="166">
        <v>0</v>
      </c>
      <c r="X2473" s="166">
        <v>0</v>
      </c>
      <c r="Y2473" s="166">
        <v>0</v>
      </c>
      <c r="Z2473" s="166">
        <v>0</v>
      </c>
      <c r="AA2473" s="166">
        <v>0</v>
      </c>
      <c r="AB2473" s="166">
        <v>0</v>
      </c>
      <c r="AC2473" s="166">
        <v>0</v>
      </c>
      <c r="AD2473" s="166">
        <v>0</v>
      </c>
      <c r="AE2473" s="166">
        <v>0</v>
      </c>
      <c r="AF2473" s="166">
        <v>0</v>
      </c>
      <c r="AG2473" s="166">
        <v>0</v>
      </c>
      <c r="AH2473" s="166">
        <v>0</v>
      </c>
      <c r="AI2473" s="166">
        <v>0</v>
      </c>
      <c r="AJ2473" s="166">
        <v>0</v>
      </c>
      <c r="AK2473" s="166">
        <v>0</v>
      </c>
      <c r="AL2473" s="166">
        <v>0</v>
      </c>
      <c r="AM2473" s="166">
        <v>0</v>
      </c>
      <c r="AN2473" s="166">
        <v>0</v>
      </c>
      <c r="AO2473" s="166">
        <v>0</v>
      </c>
      <c r="AP2473" s="166">
        <v>0</v>
      </c>
      <c r="AQ2473" s="166">
        <v>0</v>
      </c>
      <c r="AR2473" s="166">
        <v>0</v>
      </c>
      <c r="AS2473" s="166">
        <v>0</v>
      </c>
      <c r="AT2473" s="166">
        <v>0</v>
      </c>
      <c r="AU2473" s="166">
        <v>0</v>
      </c>
      <c r="AV2473" s="166">
        <v>0</v>
      </c>
      <c r="AW2473" s="166">
        <v>0</v>
      </c>
      <c r="AX2473" s="166">
        <v>0</v>
      </c>
      <c r="AY2473" s="166">
        <v>0</v>
      </c>
      <c r="AZ2473" s="166">
        <v>0</v>
      </c>
      <c r="BA2473" s="166">
        <v>0</v>
      </c>
      <c r="BB2473" s="166">
        <v>0</v>
      </c>
      <c r="BC2473" s="166">
        <v>0</v>
      </c>
      <c r="BD2473" s="166">
        <v>0</v>
      </c>
      <c r="BE2473" s="166">
        <v>0</v>
      </c>
      <c r="BF2473" s="166">
        <v>0</v>
      </c>
      <c r="BG2473" s="166">
        <v>0</v>
      </c>
      <c r="BH2473" s="166">
        <v>0</v>
      </c>
      <c r="BI2473" s="166">
        <v>0</v>
      </c>
      <c r="BJ2473" s="166">
        <v>0</v>
      </c>
      <c r="BK2473" s="166">
        <v>0</v>
      </c>
      <c r="BL2473" s="166">
        <v>0</v>
      </c>
      <c r="BM2473" s="166">
        <v>0</v>
      </c>
      <c r="BN2473" s="166">
        <v>0</v>
      </c>
      <c r="BO2473" s="166">
        <v>0</v>
      </c>
      <c r="BP2473" s="166">
        <v>0</v>
      </c>
      <c r="BQ2473" s="166">
        <v>0</v>
      </c>
      <c r="BR2473" s="166">
        <v>21424323.190000001</v>
      </c>
      <c r="BS2473" s="166">
        <v>21424323.190000001</v>
      </c>
      <c r="BT2473" s="168">
        <v>0</v>
      </c>
      <c r="BU2473" s="166">
        <v>1728752.5028868599</v>
      </c>
      <c r="BV2473" s="166">
        <v>21415148.695288401</v>
      </c>
      <c r="BW2473" s="166">
        <v>0</v>
      </c>
      <c r="BX2473" s="166">
        <v>0</v>
      </c>
      <c r="BY2473" s="166">
        <v>0</v>
      </c>
      <c r="BZ2473" s="166">
        <v>0</v>
      </c>
      <c r="CA2473" s="166">
        <v>0</v>
      </c>
      <c r="CB2473" s="166">
        <v>0</v>
      </c>
      <c r="CC2473" s="166">
        <v>0</v>
      </c>
      <c r="CD2473" s="166">
        <v>0</v>
      </c>
      <c r="CE2473" s="166">
        <v>0</v>
      </c>
      <c r="CF2473" s="166">
        <v>0</v>
      </c>
      <c r="CG2473" s="166">
        <v>0</v>
      </c>
      <c r="CH2473" s="166">
        <v>0</v>
      </c>
      <c r="CI2473" s="166">
        <v>0</v>
      </c>
      <c r="CJ2473" s="166">
        <v>0</v>
      </c>
      <c r="CK2473" s="166">
        <v>0</v>
      </c>
      <c r="CL2473" s="166">
        <v>0</v>
      </c>
      <c r="CM2473" s="166">
        <v>0</v>
      </c>
      <c r="CN2473" s="166">
        <v>0</v>
      </c>
      <c r="CO2473" s="166">
        <v>0</v>
      </c>
      <c r="CP2473" s="166">
        <v>0</v>
      </c>
      <c r="CQ2473" s="166">
        <v>0</v>
      </c>
      <c r="CR2473" s="166">
        <v>0</v>
      </c>
      <c r="CS2473" s="166">
        <v>0</v>
      </c>
      <c r="CT2473" s="166">
        <v>0</v>
      </c>
      <c r="CU2473" s="166">
        <v>0</v>
      </c>
      <c r="CV2473" s="166">
        <v>0</v>
      </c>
      <c r="CW2473" s="166">
        <v>0</v>
      </c>
      <c r="CX2473" s="166">
        <v>0</v>
      </c>
      <c r="CY2473" s="166">
        <v>21415148.695288301</v>
      </c>
      <c r="CZ2473" s="166">
        <v>21415148.695288401</v>
      </c>
    </row>
    <row r="2474" spans="1:104" x14ac:dyDescent="0.2">
      <c r="A2474" s="167" t="s">
        <v>322</v>
      </c>
    </row>
    <row r="2475" spans="1:104" x14ac:dyDescent="0.2">
      <c r="A2475" s="167" t="s">
        <v>1135</v>
      </c>
      <c r="B2475" s="166">
        <v>1078033.0920983199</v>
      </c>
      <c r="C2475" s="166">
        <v>1078033.0920983199</v>
      </c>
      <c r="D2475" s="166">
        <v>0</v>
      </c>
      <c r="E2475" s="166">
        <v>0</v>
      </c>
      <c r="F2475" s="166">
        <v>0</v>
      </c>
      <c r="G2475" s="166">
        <v>0</v>
      </c>
      <c r="H2475" s="166">
        <v>0</v>
      </c>
      <c r="I2475" s="166">
        <v>0</v>
      </c>
      <c r="J2475" s="166">
        <v>0</v>
      </c>
      <c r="K2475" s="166">
        <v>0</v>
      </c>
      <c r="L2475" s="166">
        <v>0</v>
      </c>
      <c r="M2475" s="166">
        <v>0</v>
      </c>
      <c r="N2475" s="166">
        <v>0</v>
      </c>
      <c r="O2475" s="166">
        <v>0</v>
      </c>
      <c r="P2475" s="166">
        <v>0</v>
      </c>
      <c r="Q2475" s="166">
        <v>0</v>
      </c>
      <c r="R2475" s="166">
        <v>0</v>
      </c>
      <c r="S2475" s="166">
        <v>0</v>
      </c>
      <c r="T2475" s="166">
        <v>0</v>
      </c>
      <c r="U2475" s="166">
        <v>0</v>
      </c>
      <c r="V2475" s="166">
        <v>0</v>
      </c>
      <c r="W2475" s="166">
        <v>0</v>
      </c>
      <c r="X2475" s="166">
        <v>0</v>
      </c>
      <c r="Y2475" s="166">
        <v>0</v>
      </c>
      <c r="Z2475" s="166">
        <v>0</v>
      </c>
      <c r="AA2475" s="166">
        <v>0</v>
      </c>
      <c r="AB2475" s="166">
        <v>0</v>
      </c>
      <c r="AC2475" s="166">
        <v>0</v>
      </c>
      <c r="AD2475" s="166">
        <v>0</v>
      </c>
      <c r="AE2475" s="166">
        <v>0</v>
      </c>
      <c r="AF2475" s="166">
        <v>0</v>
      </c>
      <c r="AG2475" s="166">
        <v>0</v>
      </c>
      <c r="AH2475" s="166">
        <v>0</v>
      </c>
      <c r="AI2475" s="166">
        <v>0</v>
      </c>
      <c r="AJ2475" s="166">
        <v>0</v>
      </c>
      <c r="AK2475" s="166">
        <v>0</v>
      </c>
      <c r="AL2475" s="166">
        <v>0</v>
      </c>
      <c r="AM2475" s="166">
        <v>0</v>
      </c>
      <c r="AN2475" s="166">
        <v>0</v>
      </c>
      <c r="AO2475" s="166">
        <v>0</v>
      </c>
      <c r="AP2475" s="166">
        <v>0</v>
      </c>
      <c r="AQ2475" s="166">
        <v>0</v>
      </c>
      <c r="AR2475" s="166">
        <v>0</v>
      </c>
      <c r="AS2475" s="166">
        <v>0</v>
      </c>
      <c r="AT2475" s="166">
        <v>0</v>
      </c>
      <c r="AU2475" s="166">
        <v>0</v>
      </c>
      <c r="AV2475" s="166">
        <v>0</v>
      </c>
      <c r="AW2475" s="166">
        <v>0</v>
      </c>
      <c r="AX2475" s="166">
        <v>0</v>
      </c>
      <c r="AY2475" s="166">
        <v>0</v>
      </c>
      <c r="AZ2475" s="166">
        <v>0</v>
      </c>
      <c r="BA2475" s="166">
        <v>0</v>
      </c>
      <c r="BB2475" s="166">
        <v>0</v>
      </c>
      <c r="BC2475" s="166">
        <v>0</v>
      </c>
      <c r="BD2475" s="166">
        <v>0</v>
      </c>
      <c r="BE2475" s="166">
        <v>0</v>
      </c>
      <c r="BF2475" s="166">
        <v>0</v>
      </c>
      <c r="BG2475" s="166">
        <v>0</v>
      </c>
      <c r="BH2475" s="166">
        <v>0</v>
      </c>
      <c r="BI2475" s="166">
        <v>0</v>
      </c>
      <c r="BJ2475" s="166">
        <v>0</v>
      </c>
      <c r="BK2475" s="166">
        <v>0</v>
      </c>
      <c r="BL2475" s="166">
        <v>0</v>
      </c>
      <c r="BM2475" s="166">
        <v>0</v>
      </c>
      <c r="BN2475" s="166">
        <v>0</v>
      </c>
      <c r="BO2475" s="166">
        <v>0</v>
      </c>
      <c r="BP2475" s="166">
        <v>0</v>
      </c>
      <c r="BQ2475" s="166">
        <v>0</v>
      </c>
      <c r="BR2475" s="166">
        <v>1078033.0920983199</v>
      </c>
      <c r="BS2475" s="166">
        <v>1078033.0920983199</v>
      </c>
      <c r="BT2475" s="168">
        <v>1</v>
      </c>
      <c r="BU2475" s="166">
        <v>89580.3141776267</v>
      </c>
      <c r="BV2475" s="166">
        <v>1078033.0920983199</v>
      </c>
      <c r="BW2475" s="166">
        <v>0</v>
      </c>
      <c r="BX2475" s="166">
        <v>0</v>
      </c>
      <c r="BY2475" s="166">
        <v>0</v>
      </c>
      <c r="BZ2475" s="166">
        <v>0</v>
      </c>
      <c r="CA2475" s="166">
        <v>0</v>
      </c>
      <c r="CB2475" s="166">
        <v>0</v>
      </c>
      <c r="CC2475" s="166">
        <v>0</v>
      </c>
      <c r="CD2475" s="166">
        <v>0</v>
      </c>
      <c r="CE2475" s="166">
        <v>0</v>
      </c>
      <c r="CF2475" s="166">
        <v>0</v>
      </c>
      <c r="CG2475" s="166">
        <v>0</v>
      </c>
      <c r="CH2475" s="166">
        <v>0</v>
      </c>
      <c r="CI2475" s="166">
        <v>0</v>
      </c>
      <c r="CJ2475" s="166">
        <v>0</v>
      </c>
      <c r="CK2475" s="166">
        <v>0</v>
      </c>
      <c r="CL2475" s="166">
        <v>0</v>
      </c>
      <c r="CM2475" s="166">
        <v>0</v>
      </c>
      <c r="CN2475" s="166">
        <v>0</v>
      </c>
      <c r="CO2475" s="166">
        <v>0</v>
      </c>
      <c r="CP2475" s="166">
        <v>0</v>
      </c>
      <c r="CQ2475" s="166">
        <v>0</v>
      </c>
      <c r="CR2475" s="166">
        <v>0</v>
      </c>
      <c r="CS2475" s="166">
        <v>0</v>
      </c>
      <c r="CT2475" s="166">
        <v>0</v>
      </c>
      <c r="CU2475" s="166">
        <v>0</v>
      </c>
      <c r="CV2475" s="166">
        <v>0</v>
      </c>
      <c r="CW2475" s="166">
        <v>0</v>
      </c>
      <c r="CX2475" s="166">
        <v>0</v>
      </c>
      <c r="CY2475" s="166">
        <v>1078033.0920983199</v>
      </c>
      <c r="CZ2475" s="166">
        <v>1078033.0920983199</v>
      </c>
    </row>
    <row r="2476" spans="1:104" x14ac:dyDescent="0.2">
      <c r="A2476" s="167" t="s">
        <v>324</v>
      </c>
      <c r="B2476" s="166">
        <v>553047.29379207303</v>
      </c>
      <c r="C2476" s="166">
        <v>553047.29379207303</v>
      </c>
      <c r="D2476" s="166">
        <v>0</v>
      </c>
      <c r="E2476" s="166">
        <v>0</v>
      </c>
      <c r="F2476" s="166">
        <v>0</v>
      </c>
      <c r="G2476" s="166">
        <v>0</v>
      </c>
      <c r="H2476" s="166">
        <v>0</v>
      </c>
      <c r="I2476" s="166">
        <v>0</v>
      </c>
      <c r="J2476" s="166">
        <v>0</v>
      </c>
      <c r="K2476" s="166">
        <v>0</v>
      </c>
      <c r="L2476" s="166">
        <v>0</v>
      </c>
      <c r="M2476" s="166">
        <v>0</v>
      </c>
      <c r="N2476" s="166">
        <v>0</v>
      </c>
      <c r="O2476" s="166">
        <v>0</v>
      </c>
      <c r="P2476" s="166">
        <v>0</v>
      </c>
      <c r="Q2476" s="166">
        <v>0</v>
      </c>
      <c r="R2476" s="166">
        <v>0</v>
      </c>
      <c r="S2476" s="166">
        <v>0</v>
      </c>
      <c r="T2476" s="166">
        <v>0</v>
      </c>
      <c r="U2476" s="166">
        <v>0</v>
      </c>
      <c r="V2476" s="166">
        <v>0</v>
      </c>
      <c r="W2476" s="166">
        <v>0</v>
      </c>
      <c r="X2476" s="166">
        <v>0</v>
      </c>
      <c r="Y2476" s="166">
        <v>0</v>
      </c>
      <c r="Z2476" s="166">
        <v>0</v>
      </c>
      <c r="AA2476" s="166">
        <v>0</v>
      </c>
      <c r="AB2476" s="166">
        <v>0</v>
      </c>
      <c r="AC2476" s="166">
        <v>0</v>
      </c>
      <c r="AD2476" s="166">
        <v>0</v>
      </c>
      <c r="AE2476" s="166">
        <v>0</v>
      </c>
      <c r="AF2476" s="166">
        <v>0</v>
      </c>
      <c r="AG2476" s="166">
        <v>0</v>
      </c>
      <c r="AH2476" s="166">
        <v>0</v>
      </c>
      <c r="AI2476" s="166">
        <v>0</v>
      </c>
      <c r="AJ2476" s="166">
        <v>0</v>
      </c>
      <c r="AK2476" s="166">
        <v>0</v>
      </c>
      <c r="AL2476" s="166">
        <v>0</v>
      </c>
      <c r="AM2476" s="166">
        <v>0</v>
      </c>
      <c r="AN2476" s="166">
        <v>0</v>
      </c>
      <c r="AO2476" s="166">
        <v>0</v>
      </c>
      <c r="AP2476" s="166">
        <v>0</v>
      </c>
      <c r="AQ2476" s="166">
        <v>0</v>
      </c>
      <c r="AR2476" s="166">
        <v>0</v>
      </c>
      <c r="AS2476" s="166">
        <v>0</v>
      </c>
      <c r="AT2476" s="166">
        <v>0</v>
      </c>
      <c r="AU2476" s="166">
        <v>0</v>
      </c>
      <c r="AV2476" s="166">
        <v>0</v>
      </c>
      <c r="AW2476" s="166">
        <v>0</v>
      </c>
      <c r="AX2476" s="166">
        <v>0</v>
      </c>
      <c r="AY2476" s="166">
        <v>0</v>
      </c>
      <c r="AZ2476" s="166">
        <v>0</v>
      </c>
      <c r="BA2476" s="166">
        <v>0</v>
      </c>
      <c r="BB2476" s="166">
        <v>0</v>
      </c>
      <c r="BC2476" s="166">
        <v>0</v>
      </c>
      <c r="BD2476" s="166">
        <v>0</v>
      </c>
      <c r="BE2476" s="166">
        <v>0</v>
      </c>
      <c r="BF2476" s="166">
        <v>0</v>
      </c>
      <c r="BG2476" s="166">
        <v>0</v>
      </c>
      <c r="BH2476" s="166">
        <v>0</v>
      </c>
      <c r="BI2476" s="166">
        <v>0</v>
      </c>
      <c r="BJ2476" s="166">
        <v>0</v>
      </c>
      <c r="BK2476" s="166">
        <v>0</v>
      </c>
      <c r="BL2476" s="166">
        <v>0</v>
      </c>
      <c r="BM2476" s="166">
        <v>0</v>
      </c>
      <c r="BN2476" s="166">
        <v>0</v>
      </c>
      <c r="BO2476" s="166">
        <v>0</v>
      </c>
      <c r="BP2476" s="166">
        <v>0</v>
      </c>
      <c r="BQ2476" s="166">
        <v>0</v>
      </c>
      <c r="BR2476" s="166">
        <v>553047.29379207303</v>
      </c>
      <c r="BS2476" s="166">
        <v>553047.29379207303</v>
      </c>
      <c r="BT2476" s="168">
        <v>1</v>
      </c>
      <c r="BU2476" s="166">
        <v>46610.734313510802</v>
      </c>
      <c r="BV2476" s="166">
        <v>553047.29379207303</v>
      </c>
      <c r="BW2476" s="166">
        <v>0</v>
      </c>
      <c r="BX2476" s="166">
        <v>0</v>
      </c>
      <c r="BY2476" s="166">
        <v>0</v>
      </c>
      <c r="BZ2476" s="166">
        <v>0</v>
      </c>
      <c r="CA2476" s="166">
        <v>0</v>
      </c>
      <c r="CB2476" s="166">
        <v>0</v>
      </c>
      <c r="CC2476" s="166">
        <v>0</v>
      </c>
      <c r="CD2476" s="166">
        <v>0</v>
      </c>
      <c r="CE2476" s="166">
        <v>0</v>
      </c>
      <c r="CF2476" s="166">
        <v>0</v>
      </c>
      <c r="CG2476" s="166">
        <v>0</v>
      </c>
      <c r="CH2476" s="166">
        <v>0</v>
      </c>
      <c r="CI2476" s="166">
        <v>0</v>
      </c>
      <c r="CJ2476" s="166">
        <v>0</v>
      </c>
      <c r="CK2476" s="166">
        <v>0</v>
      </c>
      <c r="CL2476" s="166">
        <v>0</v>
      </c>
      <c r="CM2476" s="166">
        <v>0</v>
      </c>
      <c r="CN2476" s="166">
        <v>0</v>
      </c>
      <c r="CO2476" s="166">
        <v>0</v>
      </c>
      <c r="CP2476" s="166">
        <v>0</v>
      </c>
      <c r="CQ2476" s="166">
        <v>0</v>
      </c>
      <c r="CR2476" s="166">
        <v>0</v>
      </c>
      <c r="CS2476" s="166">
        <v>0</v>
      </c>
      <c r="CT2476" s="166">
        <v>0</v>
      </c>
      <c r="CU2476" s="166">
        <v>0</v>
      </c>
      <c r="CV2476" s="166">
        <v>0</v>
      </c>
      <c r="CW2476" s="166">
        <v>0</v>
      </c>
      <c r="CX2476" s="166">
        <v>0</v>
      </c>
      <c r="CY2476" s="166">
        <v>553047.29379207303</v>
      </c>
      <c r="CZ2476" s="166">
        <v>553047.29379207303</v>
      </c>
    </row>
    <row r="2477" spans="1:104" x14ac:dyDescent="0.2">
      <c r="A2477" s="167" t="s">
        <v>325</v>
      </c>
      <c r="B2477" s="166">
        <v>121544.10709149799</v>
      </c>
      <c r="C2477" s="166">
        <v>121544.10709149799</v>
      </c>
      <c r="D2477" s="166">
        <v>0</v>
      </c>
      <c r="E2477" s="166">
        <v>0</v>
      </c>
      <c r="F2477" s="166">
        <v>0</v>
      </c>
      <c r="G2477" s="166">
        <v>0</v>
      </c>
      <c r="H2477" s="166">
        <v>0</v>
      </c>
      <c r="I2477" s="166">
        <v>0</v>
      </c>
      <c r="J2477" s="166">
        <v>0</v>
      </c>
      <c r="K2477" s="166">
        <v>0</v>
      </c>
      <c r="L2477" s="166">
        <v>0</v>
      </c>
      <c r="M2477" s="166">
        <v>0</v>
      </c>
      <c r="N2477" s="166">
        <v>0</v>
      </c>
      <c r="O2477" s="166">
        <v>0</v>
      </c>
      <c r="P2477" s="166">
        <v>0</v>
      </c>
      <c r="Q2477" s="166">
        <v>0</v>
      </c>
      <c r="R2477" s="166">
        <v>0</v>
      </c>
      <c r="S2477" s="166">
        <v>0</v>
      </c>
      <c r="T2477" s="166">
        <v>0</v>
      </c>
      <c r="U2477" s="166">
        <v>0</v>
      </c>
      <c r="V2477" s="166">
        <v>0</v>
      </c>
      <c r="W2477" s="166">
        <v>0</v>
      </c>
      <c r="X2477" s="166">
        <v>0</v>
      </c>
      <c r="Y2477" s="166">
        <v>0</v>
      </c>
      <c r="Z2477" s="166">
        <v>0</v>
      </c>
      <c r="AA2477" s="166">
        <v>0</v>
      </c>
      <c r="AB2477" s="166">
        <v>0</v>
      </c>
      <c r="AC2477" s="166">
        <v>0</v>
      </c>
      <c r="AD2477" s="166">
        <v>0</v>
      </c>
      <c r="AE2477" s="166">
        <v>0</v>
      </c>
      <c r="AF2477" s="166">
        <v>0</v>
      </c>
      <c r="AG2477" s="166">
        <v>0</v>
      </c>
      <c r="AH2477" s="166">
        <v>0</v>
      </c>
      <c r="AI2477" s="166">
        <v>0</v>
      </c>
      <c r="AJ2477" s="166">
        <v>0</v>
      </c>
      <c r="AK2477" s="166">
        <v>0</v>
      </c>
      <c r="AL2477" s="166">
        <v>0</v>
      </c>
      <c r="AM2477" s="166">
        <v>0</v>
      </c>
      <c r="AN2477" s="166">
        <v>0</v>
      </c>
      <c r="AO2477" s="166">
        <v>0</v>
      </c>
      <c r="AP2477" s="166">
        <v>0</v>
      </c>
      <c r="AQ2477" s="166">
        <v>0</v>
      </c>
      <c r="AR2477" s="166">
        <v>0</v>
      </c>
      <c r="AS2477" s="166">
        <v>0</v>
      </c>
      <c r="AT2477" s="166">
        <v>0</v>
      </c>
      <c r="AU2477" s="166">
        <v>0</v>
      </c>
      <c r="AV2477" s="166">
        <v>0</v>
      </c>
      <c r="AW2477" s="166">
        <v>0</v>
      </c>
      <c r="AX2477" s="166">
        <v>0</v>
      </c>
      <c r="AY2477" s="166">
        <v>0</v>
      </c>
      <c r="AZ2477" s="166">
        <v>0</v>
      </c>
      <c r="BA2477" s="166">
        <v>0</v>
      </c>
      <c r="BB2477" s="166">
        <v>0</v>
      </c>
      <c r="BC2477" s="166">
        <v>0</v>
      </c>
      <c r="BD2477" s="166">
        <v>0</v>
      </c>
      <c r="BE2477" s="166">
        <v>0</v>
      </c>
      <c r="BF2477" s="166">
        <v>0</v>
      </c>
      <c r="BG2477" s="166">
        <v>0</v>
      </c>
      <c r="BH2477" s="166">
        <v>0</v>
      </c>
      <c r="BI2477" s="166">
        <v>0</v>
      </c>
      <c r="BJ2477" s="166">
        <v>0</v>
      </c>
      <c r="BK2477" s="166">
        <v>0</v>
      </c>
      <c r="BL2477" s="166">
        <v>0</v>
      </c>
      <c r="BM2477" s="166">
        <v>0</v>
      </c>
      <c r="BN2477" s="166">
        <v>0</v>
      </c>
      <c r="BO2477" s="166">
        <v>0</v>
      </c>
      <c r="BP2477" s="166">
        <v>0</v>
      </c>
      <c r="BQ2477" s="166">
        <v>0</v>
      </c>
      <c r="BR2477" s="166">
        <v>121544.10709149799</v>
      </c>
      <c r="BS2477" s="166">
        <v>121544.10709149799</v>
      </c>
      <c r="BT2477" s="168">
        <v>1</v>
      </c>
      <c r="BU2477" s="166">
        <v>9915.5915934514996</v>
      </c>
      <c r="BV2477" s="166">
        <v>121544.10709149799</v>
      </c>
      <c r="BW2477" s="166">
        <v>0</v>
      </c>
      <c r="BX2477" s="166">
        <v>0</v>
      </c>
      <c r="BY2477" s="166">
        <v>0</v>
      </c>
      <c r="BZ2477" s="166">
        <v>0</v>
      </c>
      <c r="CA2477" s="166">
        <v>0</v>
      </c>
      <c r="CB2477" s="166">
        <v>0</v>
      </c>
      <c r="CC2477" s="166">
        <v>0</v>
      </c>
      <c r="CD2477" s="166">
        <v>0</v>
      </c>
      <c r="CE2477" s="166">
        <v>0</v>
      </c>
      <c r="CF2477" s="166">
        <v>0</v>
      </c>
      <c r="CG2477" s="166">
        <v>0</v>
      </c>
      <c r="CH2477" s="166">
        <v>0</v>
      </c>
      <c r="CI2477" s="166">
        <v>0</v>
      </c>
      <c r="CJ2477" s="166">
        <v>0</v>
      </c>
      <c r="CK2477" s="166">
        <v>0</v>
      </c>
      <c r="CL2477" s="166">
        <v>0</v>
      </c>
      <c r="CM2477" s="166">
        <v>0</v>
      </c>
      <c r="CN2477" s="166">
        <v>0</v>
      </c>
      <c r="CO2477" s="166">
        <v>0</v>
      </c>
      <c r="CP2477" s="166">
        <v>0</v>
      </c>
      <c r="CQ2477" s="166">
        <v>0</v>
      </c>
      <c r="CR2477" s="166">
        <v>0</v>
      </c>
      <c r="CS2477" s="166">
        <v>0</v>
      </c>
      <c r="CT2477" s="166">
        <v>0</v>
      </c>
      <c r="CU2477" s="166">
        <v>0</v>
      </c>
      <c r="CV2477" s="166">
        <v>0</v>
      </c>
      <c r="CW2477" s="166">
        <v>0</v>
      </c>
      <c r="CX2477" s="166">
        <v>0</v>
      </c>
      <c r="CY2477" s="166">
        <v>121544.10709149799</v>
      </c>
      <c r="CZ2477" s="166">
        <v>121544.10709149799</v>
      </c>
    </row>
    <row r="2478" spans="1:104" x14ac:dyDescent="0.2">
      <c r="A2478" s="167" t="s">
        <v>326</v>
      </c>
      <c r="B2478" s="166">
        <v>68570.493066023701</v>
      </c>
      <c r="C2478" s="166">
        <v>68570.493066023701</v>
      </c>
      <c r="D2478" s="166">
        <v>0</v>
      </c>
      <c r="E2478" s="166">
        <v>0</v>
      </c>
      <c r="F2478" s="166">
        <v>0</v>
      </c>
      <c r="G2478" s="166">
        <v>0</v>
      </c>
      <c r="H2478" s="166">
        <v>0</v>
      </c>
      <c r="I2478" s="166">
        <v>0</v>
      </c>
      <c r="J2478" s="166">
        <v>0</v>
      </c>
      <c r="K2478" s="166">
        <v>0</v>
      </c>
      <c r="L2478" s="166">
        <v>0</v>
      </c>
      <c r="M2478" s="166">
        <v>0</v>
      </c>
      <c r="N2478" s="166">
        <v>0</v>
      </c>
      <c r="O2478" s="166">
        <v>0</v>
      </c>
      <c r="P2478" s="166">
        <v>0</v>
      </c>
      <c r="Q2478" s="166">
        <v>0</v>
      </c>
      <c r="R2478" s="166">
        <v>0</v>
      </c>
      <c r="S2478" s="166">
        <v>0</v>
      </c>
      <c r="T2478" s="166">
        <v>0</v>
      </c>
      <c r="U2478" s="166">
        <v>0</v>
      </c>
      <c r="V2478" s="166">
        <v>0</v>
      </c>
      <c r="W2478" s="166">
        <v>0</v>
      </c>
      <c r="X2478" s="166">
        <v>0</v>
      </c>
      <c r="Y2478" s="166">
        <v>0</v>
      </c>
      <c r="Z2478" s="166">
        <v>0</v>
      </c>
      <c r="AA2478" s="166">
        <v>0</v>
      </c>
      <c r="AB2478" s="166">
        <v>0</v>
      </c>
      <c r="AC2478" s="166">
        <v>0</v>
      </c>
      <c r="AD2478" s="166">
        <v>0</v>
      </c>
      <c r="AE2478" s="166">
        <v>0</v>
      </c>
      <c r="AF2478" s="166">
        <v>0</v>
      </c>
      <c r="AG2478" s="166">
        <v>0</v>
      </c>
      <c r="AH2478" s="166">
        <v>0</v>
      </c>
      <c r="AI2478" s="166">
        <v>0</v>
      </c>
      <c r="AJ2478" s="166">
        <v>0</v>
      </c>
      <c r="AK2478" s="166">
        <v>0</v>
      </c>
      <c r="AL2478" s="166">
        <v>0</v>
      </c>
      <c r="AM2478" s="166">
        <v>0</v>
      </c>
      <c r="AN2478" s="166">
        <v>0</v>
      </c>
      <c r="AO2478" s="166">
        <v>0</v>
      </c>
      <c r="AP2478" s="166">
        <v>0</v>
      </c>
      <c r="AQ2478" s="166">
        <v>0</v>
      </c>
      <c r="AR2478" s="166">
        <v>0</v>
      </c>
      <c r="AS2478" s="166">
        <v>0</v>
      </c>
      <c r="AT2478" s="166">
        <v>0</v>
      </c>
      <c r="AU2478" s="166">
        <v>0</v>
      </c>
      <c r="AV2478" s="166">
        <v>0</v>
      </c>
      <c r="AW2478" s="166">
        <v>0</v>
      </c>
      <c r="AX2478" s="166">
        <v>0</v>
      </c>
      <c r="AY2478" s="166">
        <v>0</v>
      </c>
      <c r="AZ2478" s="166">
        <v>0</v>
      </c>
      <c r="BA2478" s="166">
        <v>0</v>
      </c>
      <c r="BB2478" s="166">
        <v>0</v>
      </c>
      <c r="BC2478" s="166">
        <v>0</v>
      </c>
      <c r="BD2478" s="166">
        <v>0</v>
      </c>
      <c r="BE2478" s="166">
        <v>0</v>
      </c>
      <c r="BF2478" s="166">
        <v>0</v>
      </c>
      <c r="BG2478" s="166">
        <v>0</v>
      </c>
      <c r="BH2478" s="166">
        <v>0</v>
      </c>
      <c r="BI2478" s="166">
        <v>0</v>
      </c>
      <c r="BJ2478" s="166">
        <v>0</v>
      </c>
      <c r="BK2478" s="166">
        <v>0</v>
      </c>
      <c r="BL2478" s="166">
        <v>0</v>
      </c>
      <c r="BM2478" s="166">
        <v>0</v>
      </c>
      <c r="BN2478" s="166">
        <v>0</v>
      </c>
      <c r="BO2478" s="166">
        <v>0</v>
      </c>
      <c r="BP2478" s="166">
        <v>0</v>
      </c>
      <c r="BQ2478" s="166">
        <v>0</v>
      </c>
      <c r="BR2478" s="166">
        <v>68570.493066023701</v>
      </c>
      <c r="BS2478" s="166">
        <v>68570.493066023701</v>
      </c>
      <c r="BT2478" s="168">
        <v>0.98751</v>
      </c>
      <c r="BU2478" s="166">
        <v>5579.0068708770004</v>
      </c>
      <c r="BV2478" s="166">
        <v>67714.047607629094</v>
      </c>
      <c r="BW2478" s="166">
        <v>0</v>
      </c>
      <c r="BX2478" s="166">
        <v>0</v>
      </c>
      <c r="BY2478" s="166">
        <v>0</v>
      </c>
      <c r="BZ2478" s="166">
        <v>0</v>
      </c>
      <c r="CA2478" s="166">
        <v>0</v>
      </c>
      <c r="CB2478" s="166">
        <v>0</v>
      </c>
      <c r="CC2478" s="166">
        <v>0</v>
      </c>
      <c r="CD2478" s="166">
        <v>0</v>
      </c>
      <c r="CE2478" s="166">
        <v>0</v>
      </c>
      <c r="CF2478" s="166">
        <v>0</v>
      </c>
      <c r="CG2478" s="166">
        <v>0</v>
      </c>
      <c r="CH2478" s="166">
        <v>0</v>
      </c>
      <c r="CI2478" s="166">
        <v>0</v>
      </c>
      <c r="CJ2478" s="166">
        <v>0</v>
      </c>
      <c r="CK2478" s="166">
        <v>0</v>
      </c>
      <c r="CL2478" s="166">
        <v>0</v>
      </c>
      <c r="CM2478" s="166">
        <v>0</v>
      </c>
      <c r="CN2478" s="166">
        <v>0</v>
      </c>
      <c r="CO2478" s="166">
        <v>0</v>
      </c>
      <c r="CP2478" s="166">
        <v>0</v>
      </c>
      <c r="CQ2478" s="166">
        <v>0</v>
      </c>
      <c r="CR2478" s="166">
        <v>0</v>
      </c>
      <c r="CS2478" s="166">
        <v>0</v>
      </c>
      <c r="CT2478" s="166">
        <v>0</v>
      </c>
      <c r="CU2478" s="166">
        <v>0</v>
      </c>
      <c r="CV2478" s="166">
        <v>0</v>
      </c>
      <c r="CW2478" s="166">
        <v>0</v>
      </c>
      <c r="CX2478" s="166">
        <v>0</v>
      </c>
      <c r="CY2478" s="166">
        <v>67714.047607629094</v>
      </c>
      <c r="CZ2478" s="166">
        <v>67714.047607629094</v>
      </c>
    </row>
    <row r="2479" spans="1:104" x14ac:dyDescent="0.2">
      <c r="A2479" s="167" t="s">
        <v>327</v>
      </c>
      <c r="B2479" s="166">
        <v>178805.05395207999</v>
      </c>
      <c r="C2479" s="166">
        <v>178805.05395207999</v>
      </c>
      <c r="D2479" s="166">
        <v>0</v>
      </c>
      <c r="E2479" s="166">
        <v>0</v>
      </c>
      <c r="F2479" s="166">
        <v>0</v>
      </c>
      <c r="G2479" s="166">
        <v>0</v>
      </c>
      <c r="H2479" s="166">
        <v>0</v>
      </c>
      <c r="I2479" s="166">
        <v>0</v>
      </c>
      <c r="J2479" s="166">
        <v>0</v>
      </c>
      <c r="K2479" s="166">
        <v>0</v>
      </c>
      <c r="L2479" s="166">
        <v>0</v>
      </c>
      <c r="M2479" s="166">
        <v>0</v>
      </c>
      <c r="N2479" s="166">
        <v>0</v>
      </c>
      <c r="O2479" s="166">
        <v>0</v>
      </c>
      <c r="P2479" s="166">
        <v>0</v>
      </c>
      <c r="Q2479" s="166">
        <v>0</v>
      </c>
      <c r="R2479" s="166">
        <v>0</v>
      </c>
      <c r="S2479" s="166">
        <v>0</v>
      </c>
      <c r="T2479" s="166">
        <v>0</v>
      </c>
      <c r="U2479" s="166">
        <v>0</v>
      </c>
      <c r="V2479" s="166">
        <v>0</v>
      </c>
      <c r="W2479" s="166">
        <v>0</v>
      </c>
      <c r="X2479" s="166">
        <v>0</v>
      </c>
      <c r="Y2479" s="166">
        <v>0</v>
      </c>
      <c r="Z2479" s="166">
        <v>0</v>
      </c>
      <c r="AA2479" s="166">
        <v>0</v>
      </c>
      <c r="AB2479" s="166">
        <v>0</v>
      </c>
      <c r="AC2479" s="166">
        <v>0</v>
      </c>
      <c r="AD2479" s="166">
        <v>0</v>
      </c>
      <c r="AE2479" s="166">
        <v>0</v>
      </c>
      <c r="AF2479" s="166">
        <v>0</v>
      </c>
      <c r="AG2479" s="166">
        <v>0</v>
      </c>
      <c r="AH2479" s="166">
        <v>0</v>
      </c>
      <c r="AI2479" s="166">
        <v>0</v>
      </c>
      <c r="AJ2479" s="166">
        <v>0</v>
      </c>
      <c r="AK2479" s="166">
        <v>0</v>
      </c>
      <c r="AL2479" s="166">
        <v>0</v>
      </c>
      <c r="AM2479" s="166">
        <v>0</v>
      </c>
      <c r="AN2479" s="166">
        <v>0</v>
      </c>
      <c r="AO2479" s="166">
        <v>0</v>
      </c>
      <c r="AP2479" s="166">
        <v>0</v>
      </c>
      <c r="AQ2479" s="166">
        <v>0</v>
      </c>
      <c r="AR2479" s="166">
        <v>0</v>
      </c>
      <c r="AS2479" s="166">
        <v>0</v>
      </c>
      <c r="AT2479" s="166">
        <v>0</v>
      </c>
      <c r="AU2479" s="166">
        <v>0</v>
      </c>
      <c r="AV2479" s="166">
        <v>0</v>
      </c>
      <c r="AW2479" s="166">
        <v>0</v>
      </c>
      <c r="AX2479" s="166">
        <v>0</v>
      </c>
      <c r="AY2479" s="166">
        <v>0</v>
      </c>
      <c r="AZ2479" s="166">
        <v>0</v>
      </c>
      <c r="BA2479" s="166">
        <v>0</v>
      </c>
      <c r="BB2479" s="166">
        <v>0</v>
      </c>
      <c r="BC2479" s="166">
        <v>0</v>
      </c>
      <c r="BD2479" s="166">
        <v>0</v>
      </c>
      <c r="BE2479" s="166">
        <v>0</v>
      </c>
      <c r="BF2479" s="166">
        <v>0</v>
      </c>
      <c r="BG2479" s="166">
        <v>0</v>
      </c>
      <c r="BH2479" s="166">
        <v>0</v>
      </c>
      <c r="BI2479" s="166">
        <v>0</v>
      </c>
      <c r="BJ2479" s="166">
        <v>0</v>
      </c>
      <c r="BK2479" s="166">
        <v>0</v>
      </c>
      <c r="BL2479" s="166">
        <v>0</v>
      </c>
      <c r="BM2479" s="166">
        <v>0</v>
      </c>
      <c r="BN2479" s="166">
        <v>0</v>
      </c>
      <c r="BO2479" s="166">
        <v>0</v>
      </c>
      <c r="BP2479" s="166">
        <v>0</v>
      </c>
      <c r="BQ2479" s="166">
        <v>0</v>
      </c>
      <c r="BR2479" s="166">
        <v>178805.05395207999</v>
      </c>
      <c r="BS2479" s="166">
        <v>178805.05395207999</v>
      </c>
      <c r="BT2479" s="168">
        <v>1</v>
      </c>
      <c r="BU2479" s="166">
        <v>14910.4599152316</v>
      </c>
      <c r="BV2479" s="166">
        <v>178805.05395207999</v>
      </c>
      <c r="BW2479" s="166">
        <v>0</v>
      </c>
      <c r="BX2479" s="166">
        <v>0</v>
      </c>
      <c r="BY2479" s="166">
        <v>0</v>
      </c>
      <c r="BZ2479" s="166">
        <v>0</v>
      </c>
      <c r="CA2479" s="166">
        <v>0</v>
      </c>
      <c r="CB2479" s="166">
        <v>0</v>
      </c>
      <c r="CC2479" s="166">
        <v>0</v>
      </c>
      <c r="CD2479" s="166">
        <v>0</v>
      </c>
      <c r="CE2479" s="166">
        <v>0</v>
      </c>
      <c r="CF2479" s="166">
        <v>0</v>
      </c>
      <c r="CG2479" s="166">
        <v>0</v>
      </c>
      <c r="CH2479" s="166">
        <v>0</v>
      </c>
      <c r="CI2479" s="166">
        <v>0</v>
      </c>
      <c r="CJ2479" s="166">
        <v>0</v>
      </c>
      <c r="CK2479" s="166">
        <v>0</v>
      </c>
      <c r="CL2479" s="166">
        <v>0</v>
      </c>
      <c r="CM2479" s="166">
        <v>0</v>
      </c>
      <c r="CN2479" s="166">
        <v>0</v>
      </c>
      <c r="CO2479" s="166">
        <v>0</v>
      </c>
      <c r="CP2479" s="166">
        <v>0</v>
      </c>
      <c r="CQ2479" s="166">
        <v>0</v>
      </c>
      <c r="CR2479" s="166">
        <v>0</v>
      </c>
      <c r="CS2479" s="166">
        <v>0</v>
      </c>
      <c r="CT2479" s="166">
        <v>0</v>
      </c>
      <c r="CU2479" s="166">
        <v>0</v>
      </c>
      <c r="CV2479" s="166">
        <v>0</v>
      </c>
      <c r="CW2479" s="166">
        <v>0</v>
      </c>
      <c r="CX2479" s="166">
        <v>0</v>
      </c>
      <c r="CY2479" s="166">
        <v>178805.05395207999</v>
      </c>
      <c r="CZ2479" s="166">
        <v>178805.05395207999</v>
      </c>
    </row>
    <row r="2480" spans="1:104" x14ac:dyDescent="0.2">
      <c r="A2480" s="167" t="s">
        <v>328</v>
      </c>
      <c r="B2480" s="166">
        <v>0</v>
      </c>
      <c r="C2480" s="166">
        <v>0</v>
      </c>
      <c r="D2480" s="166">
        <v>0</v>
      </c>
      <c r="E2480" s="166">
        <v>0</v>
      </c>
      <c r="F2480" s="166">
        <v>0</v>
      </c>
      <c r="G2480" s="166">
        <v>0</v>
      </c>
      <c r="H2480" s="166">
        <v>0</v>
      </c>
      <c r="I2480" s="166">
        <v>0</v>
      </c>
      <c r="J2480" s="166">
        <v>0</v>
      </c>
      <c r="K2480" s="166">
        <v>0</v>
      </c>
      <c r="L2480" s="166">
        <v>0</v>
      </c>
      <c r="M2480" s="166">
        <v>0</v>
      </c>
      <c r="N2480" s="166">
        <v>0</v>
      </c>
      <c r="O2480" s="166">
        <v>0</v>
      </c>
      <c r="P2480" s="166">
        <v>0</v>
      </c>
      <c r="Q2480" s="166">
        <v>0</v>
      </c>
      <c r="R2480" s="166">
        <v>0</v>
      </c>
      <c r="S2480" s="166">
        <v>0</v>
      </c>
      <c r="T2480" s="166">
        <v>0</v>
      </c>
      <c r="U2480" s="166">
        <v>0</v>
      </c>
      <c r="V2480" s="166">
        <v>0</v>
      </c>
      <c r="W2480" s="166">
        <v>0</v>
      </c>
      <c r="X2480" s="166">
        <v>0</v>
      </c>
      <c r="Y2480" s="166">
        <v>0</v>
      </c>
      <c r="Z2480" s="166">
        <v>0</v>
      </c>
      <c r="AA2480" s="166">
        <v>0</v>
      </c>
      <c r="AB2480" s="166">
        <v>0</v>
      </c>
      <c r="AC2480" s="166">
        <v>0</v>
      </c>
      <c r="AD2480" s="166">
        <v>0</v>
      </c>
      <c r="AE2480" s="166">
        <v>0</v>
      </c>
      <c r="AF2480" s="166">
        <v>0</v>
      </c>
      <c r="AG2480" s="166">
        <v>0</v>
      </c>
      <c r="AH2480" s="166">
        <v>0</v>
      </c>
      <c r="AI2480" s="166">
        <v>0</v>
      </c>
      <c r="AJ2480" s="166">
        <v>0</v>
      </c>
      <c r="AK2480" s="166">
        <v>0</v>
      </c>
      <c r="AL2480" s="166">
        <v>0</v>
      </c>
      <c r="AM2480" s="166">
        <v>0</v>
      </c>
      <c r="AN2480" s="166">
        <v>0</v>
      </c>
      <c r="AO2480" s="166">
        <v>0</v>
      </c>
      <c r="AP2480" s="166">
        <v>0</v>
      </c>
      <c r="AQ2480" s="166">
        <v>0</v>
      </c>
      <c r="AR2480" s="166">
        <v>0</v>
      </c>
      <c r="AS2480" s="166">
        <v>0</v>
      </c>
      <c r="AT2480" s="166">
        <v>0</v>
      </c>
      <c r="AU2480" s="166">
        <v>0</v>
      </c>
      <c r="AV2480" s="166">
        <v>0</v>
      </c>
      <c r="AW2480" s="166">
        <v>0</v>
      </c>
      <c r="AX2480" s="166">
        <v>0</v>
      </c>
      <c r="AY2480" s="166">
        <v>0</v>
      </c>
      <c r="AZ2480" s="166">
        <v>0</v>
      </c>
      <c r="BA2480" s="166">
        <v>0</v>
      </c>
      <c r="BB2480" s="166">
        <v>0</v>
      </c>
      <c r="BC2480" s="166">
        <v>0</v>
      </c>
      <c r="BD2480" s="166">
        <v>0</v>
      </c>
      <c r="BE2480" s="166">
        <v>0</v>
      </c>
      <c r="BF2480" s="166">
        <v>0</v>
      </c>
      <c r="BG2480" s="166">
        <v>0</v>
      </c>
      <c r="BH2480" s="166">
        <v>0</v>
      </c>
      <c r="BI2480" s="166">
        <v>0</v>
      </c>
      <c r="BJ2480" s="166">
        <v>0</v>
      </c>
      <c r="BK2480" s="166">
        <v>0</v>
      </c>
      <c r="BL2480" s="166">
        <v>0</v>
      </c>
      <c r="BM2480" s="166">
        <v>0</v>
      </c>
      <c r="BN2480" s="166">
        <v>0</v>
      </c>
      <c r="BO2480" s="166">
        <v>0</v>
      </c>
      <c r="BP2480" s="166">
        <v>0</v>
      </c>
      <c r="BQ2480" s="166">
        <v>0</v>
      </c>
      <c r="BR2480" s="166">
        <v>0</v>
      </c>
      <c r="BS2480" s="166">
        <v>0</v>
      </c>
      <c r="BT2480" s="168">
        <v>1</v>
      </c>
      <c r="BU2480" s="166">
        <v>0</v>
      </c>
      <c r="BV2480" s="166">
        <v>0</v>
      </c>
      <c r="BW2480" s="166">
        <v>0</v>
      </c>
      <c r="BX2480" s="166">
        <v>0</v>
      </c>
      <c r="BY2480" s="166">
        <v>0</v>
      </c>
      <c r="BZ2480" s="166">
        <v>0</v>
      </c>
      <c r="CA2480" s="166">
        <v>0</v>
      </c>
      <c r="CB2480" s="166">
        <v>0</v>
      </c>
      <c r="CC2480" s="166">
        <v>0</v>
      </c>
      <c r="CD2480" s="166">
        <v>0</v>
      </c>
      <c r="CE2480" s="166">
        <v>0</v>
      </c>
      <c r="CF2480" s="166">
        <v>0</v>
      </c>
      <c r="CG2480" s="166">
        <v>0</v>
      </c>
      <c r="CH2480" s="166">
        <v>0</v>
      </c>
      <c r="CI2480" s="166">
        <v>0</v>
      </c>
      <c r="CJ2480" s="166">
        <v>0</v>
      </c>
      <c r="CK2480" s="166">
        <v>0</v>
      </c>
      <c r="CL2480" s="166">
        <v>0</v>
      </c>
      <c r="CM2480" s="166">
        <v>0</v>
      </c>
      <c r="CN2480" s="166">
        <v>0</v>
      </c>
      <c r="CO2480" s="166">
        <v>0</v>
      </c>
      <c r="CP2480" s="166">
        <v>0</v>
      </c>
      <c r="CQ2480" s="166">
        <v>0</v>
      </c>
      <c r="CR2480" s="166">
        <v>0</v>
      </c>
      <c r="CS2480" s="166">
        <v>0</v>
      </c>
      <c r="CT2480" s="166">
        <v>0</v>
      </c>
      <c r="CU2480" s="166">
        <v>0</v>
      </c>
      <c r="CV2480" s="166">
        <v>0</v>
      </c>
      <c r="CW2480" s="166">
        <v>0</v>
      </c>
      <c r="CX2480" s="166">
        <v>0</v>
      </c>
      <c r="CY2480" s="166">
        <v>0</v>
      </c>
      <c r="CZ2480" s="166">
        <v>0</v>
      </c>
    </row>
    <row r="2481" spans="1:104" x14ac:dyDescent="0.2">
      <c r="A2481" s="167" t="s">
        <v>329</v>
      </c>
      <c r="B2481" s="166">
        <v>2000000.04</v>
      </c>
      <c r="C2481" s="166">
        <v>2000000.04</v>
      </c>
      <c r="D2481" s="166">
        <v>0</v>
      </c>
      <c r="E2481" s="166">
        <v>0</v>
      </c>
      <c r="F2481" s="166">
        <v>0</v>
      </c>
      <c r="G2481" s="166">
        <v>0</v>
      </c>
      <c r="H2481" s="166">
        <v>0</v>
      </c>
      <c r="I2481" s="166">
        <v>0</v>
      </c>
      <c r="J2481" s="166">
        <v>0</v>
      </c>
      <c r="K2481" s="166">
        <v>0</v>
      </c>
      <c r="L2481" s="166">
        <v>0</v>
      </c>
      <c r="M2481" s="166">
        <v>0</v>
      </c>
      <c r="N2481" s="166">
        <v>0</v>
      </c>
      <c r="O2481" s="166">
        <v>0</v>
      </c>
      <c r="P2481" s="166">
        <v>0</v>
      </c>
      <c r="Q2481" s="166">
        <v>0</v>
      </c>
      <c r="R2481" s="166">
        <v>0</v>
      </c>
      <c r="S2481" s="166">
        <v>0</v>
      </c>
      <c r="T2481" s="166">
        <v>0</v>
      </c>
      <c r="U2481" s="166">
        <v>0</v>
      </c>
      <c r="V2481" s="166">
        <v>0</v>
      </c>
      <c r="W2481" s="166">
        <v>0</v>
      </c>
      <c r="X2481" s="166">
        <v>0</v>
      </c>
      <c r="Y2481" s="166">
        <v>0</v>
      </c>
      <c r="Z2481" s="166">
        <v>0</v>
      </c>
      <c r="AA2481" s="166">
        <v>0</v>
      </c>
      <c r="AB2481" s="166">
        <v>0</v>
      </c>
      <c r="AC2481" s="166">
        <v>0</v>
      </c>
      <c r="AD2481" s="166">
        <v>0</v>
      </c>
      <c r="AE2481" s="166">
        <v>0</v>
      </c>
      <c r="AF2481" s="166">
        <v>0</v>
      </c>
      <c r="AG2481" s="166">
        <v>0</v>
      </c>
      <c r="AH2481" s="166">
        <v>0</v>
      </c>
      <c r="AI2481" s="166">
        <v>0</v>
      </c>
      <c r="AJ2481" s="166">
        <v>0</v>
      </c>
      <c r="AK2481" s="166">
        <v>0</v>
      </c>
      <c r="AL2481" s="166">
        <v>0</v>
      </c>
      <c r="AM2481" s="166">
        <v>0</v>
      </c>
      <c r="AN2481" s="166">
        <v>0</v>
      </c>
      <c r="AO2481" s="166">
        <v>0</v>
      </c>
      <c r="AP2481" s="166">
        <v>0</v>
      </c>
      <c r="AQ2481" s="166">
        <v>0</v>
      </c>
      <c r="AR2481" s="166">
        <v>0</v>
      </c>
      <c r="AS2481" s="166">
        <v>0</v>
      </c>
      <c r="AT2481" s="166">
        <v>0</v>
      </c>
      <c r="AU2481" s="166">
        <v>0</v>
      </c>
      <c r="AV2481" s="166">
        <v>0</v>
      </c>
      <c r="AW2481" s="166">
        <v>0</v>
      </c>
      <c r="AX2481" s="166">
        <v>0</v>
      </c>
      <c r="AY2481" s="166">
        <v>0</v>
      </c>
      <c r="AZ2481" s="166">
        <v>0</v>
      </c>
      <c r="BA2481" s="166">
        <v>0</v>
      </c>
      <c r="BB2481" s="166">
        <v>0</v>
      </c>
      <c r="BC2481" s="166">
        <v>0</v>
      </c>
      <c r="BD2481" s="166">
        <v>0</v>
      </c>
      <c r="BE2481" s="166">
        <v>0</v>
      </c>
      <c r="BF2481" s="166">
        <v>0</v>
      </c>
      <c r="BG2481" s="166">
        <v>0</v>
      </c>
      <c r="BH2481" s="166">
        <v>0</v>
      </c>
      <c r="BI2481" s="166">
        <v>0</v>
      </c>
      <c r="BJ2481" s="166">
        <v>0</v>
      </c>
      <c r="BK2481" s="166">
        <v>0</v>
      </c>
      <c r="BL2481" s="166">
        <v>0</v>
      </c>
      <c r="BM2481" s="166">
        <v>0</v>
      </c>
      <c r="BN2481" s="166">
        <v>0</v>
      </c>
      <c r="BO2481" s="166">
        <v>0</v>
      </c>
      <c r="BP2481" s="166">
        <v>0</v>
      </c>
      <c r="BQ2481" s="166">
        <v>0</v>
      </c>
      <c r="BR2481" s="166">
        <v>2000000.04</v>
      </c>
      <c r="BS2481" s="166">
        <v>2000000.04</v>
      </c>
      <c r="BT2481" s="168">
        <v>0</v>
      </c>
      <c r="BU2481" s="166">
        <v>166596.106870697</v>
      </c>
      <c r="BV2481" s="166">
        <v>1999143.5945416</v>
      </c>
      <c r="BW2481" s="166">
        <v>0</v>
      </c>
      <c r="BX2481" s="166">
        <v>0</v>
      </c>
      <c r="BY2481" s="166">
        <v>0</v>
      </c>
      <c r="BZ2481" s="166">
        <v>0</v>
      </c>
      <c r="CA2481" s="166">
        <v>0</v>
      </c>
      <c r="CB2481" s="166">
        <v>0</v>
      </c>
      <c r="CC2481" s="166">
        <v>0</v>
      </c>
      <c r="CD2481" s="166">
        <v>0</v>
      </c>
      <c r="CE2481" s="166">
        <v>0</v>
      </c>
      <c r="CF2481" s="166">
        <v>0</v>
      </c>
      <c r="CG2481" s="166">
        <v>0</v>
      </c>
      <c r="CH2481" s="166">
        <v>0</v>
      </c>
      <c r="CI2481" s="166">
        <v>0</v>
      </c>
      <c r="CJ2481" s="166">
        <v>0</v>
      </c>
      <c r="CK2481" s="166">
        <v>0</v>
      </c>
      <c r="CL2481" s="166">
        <v>0</v>
      </c>
      <c r="CM2481" s="166">
        <v>0</v>
      </c>
      <c r="CN2481" s="166">
        <v>0</v>
      </c>
      <c r="CO2481" s="166">
        <v>0</v>
      </c>
      <c r="CP2481" s="166">
        <v>0</v>
      </c>
      <c r="CQ2481" s="166">
        <v>0</v>
      </c>
      <c r="CR2481" s="166">
        <v>0</v>
      </c>
      <c r="CS2481" s="166">
        <v>0</v>
      </c>
      <c r="CT2481" s="166">
        <v>0</v>
      </c>
      <c r="CU2481" s="166">
        <v>0</v>
      </c>
      <c r="CV2481" s="166">
        <v>0</v>
      </c>
      <c r="CW2481" s="166">
        <v>0</v>
      </c>
      <c r="CX2481" s="166">
        <v>0</v>
      </c>
      <c r="CY2481" s="166">
        <v>1999143.5945416</v>
      </c>
      <c r="CZ2481" s="166">
        <v>1999143.5945416</v>
      </c>
    </row>
    <row r="2482" spans="1:104" x14ac:dyDescent="0.2">
      <c r="A2482" s="167" t="s">
        <v>330</v>
      </c>
    </row>
    <row r="2483" spans="1:104" x14ac:dyDescent="0.2">
      <c r="A2483" s="167" t="s">
        <v>331</v>
      </c>
      <c r="B2483" s="166">
        <v>0</v>
      </c>
      <c r="C2483" s="166">
        <v>0</v>
      </c>
      <c r="D2483" s="166">
        <v>0</v>
      </c>
      <c r="E2483" s="166">
        <v>0</v>
      </c>
      <c r="F2483" s="166">
        <v>0</v>
      </c>
      <c r="G2483" s="166">
        <v>0</v>
      </c>
      <c r="H2483" s="166">
        <v>0</v>
      </c>
      <c r="I2483" s="166">
        <v>0</v>
      </c>
      <c r="J2483" s="166">
        <v>0</v>
      </c>
      <c r="K2483" s="166">
        <v>0</v>
      </c>
      <c r="L2483" s="166">
        <v>0</v>
      </c>
      <c r="M2483" s="166">
        <v>0</v>
      </c>
      <c r="N2483" s="166">
        <v>0</v>
      </c>
      <c r="O2483" s="166">
        <v>0</v>
      </c>
      <c r="P2483" s="166">
        <v>0</v>
      </c>
      <c r="Q2483" s="166">
        <v>0</v>
      </c>
      <c r="R2483" s="166">
        <v>0</v>
      </c>
      <c r="S2483" s="166">
        <v>0</v>
      </c>
      <c r="T2483" s="166">
        <v>0</v>
      </c>
      <c r="U2483" s="166">
        <v>0</v>
      </c>
      <c r="V2483" s="166">
        <v>0</v>
      </c>
      <c r="W2483" s="166">
        <v>0</v>
      </c>
      <c r="X2483" s="166">
        <v>0</v>
      </c>
      <c r="Y2483" s="166">
        <v>0</v>
      </c>
      <c r="Z2483" s="166">
        <v>0</v>
      </c>
      <c r="AA2483" s="166">
        <v>0</v>
      </c>
      <c r="AB2483" s="166">
        <v>0</v>
      </c>
      <c r="AC2483" s="166">
        <v>0</v>
      </c>
      <c r="AD2483" s="166">
        <v>0</v>
      </c>
      <c r="AE2483" s="166">
        <v>0</v>
      </c>
      <c r="AF2483" s="166">
        <v>0</v>
      </c>
      <c r="AG2483" s="166">
        <v>0</v>
      </c>
      <c r="AH2483" s="166">
        <v>0</v>
      </c>
      <c r="AI2483" s="166">
        <v>0</v>
      </c>
      <c r="AJ2483" s="166">
        <v>0</v>
      </c>
      <c r="AK2483" s="166">
        <v>0</v>
      </c>
      <c r="AL2483" s="166">
        <v>0</v>
      </c>
      <c r="AM2483" s="166">
        <v>0</v>
      </c>
      <c r="AN2483" s="166">
        <v>0</v>
      </c>
      <c r="AO2483" s="166">
        <v>0</v>
      </c>
      <c r="AP2483" s="166">
        <v>0</v>
      </c>
      <c r="AQ2483" s="166">
        <v>0</v>
      </c>
      <c r="AR2483" s="166">
        <v>0</v>
      </c>
      <c r="AS2483" s="166">
        <v>0</v>
      </c>
      <c r="AT2483" s="166">
        <v>0</v>
      </c>
      <c r="AU2483" s="166">
        <v>0</v>
      </c>
      <c r="AV2483" s="166">
        <v>0</v>
      </c>
      <c r="AW2483" s="166">
        <v>0</v>
      </c>
      <c r="AX2483" s="166">
        <v>0</v>
      </c>
      <c r="AY2483" s="166">
        <v>0</v>
      </c>
      <c r="AZ2483" s="166">
        <v>0</v>
      </c>
      <c r="BA2483" s="166">
        <v>0</v>
      </c>
      <c r="BB2483" s="166">
        <v>0</v>
      </c>
      <c r="BC2483" s="166">
        <v>0</v>
      </c>
      <c r="BD2483" s="166">
        <v>0</v>
      </c>
      <c r="BE2483" s="166">
        <v>0</v>
      </c>
      <c r="BF2483" s="166">
        <v>0</v>
      </c>
      <c r="BG2483" s="166">
        <v>0</v>
      </c>
      <c r="BH2483" s="166">
        <v>0</v>
      </c>
      <c r="BI2483" s="166">
        <v>0</v>
      </c>
      <c r="BJ2483" s="166">
        <v>0</v>
      </c>
      <c r="BK2483" s="166">
        <v>0</v>
      </c>
      <c r="BL2483" s="166">
        <v>0</v>
      </c>
      <c r="BM2483" s="166">
        <v>0</v>
      </c>
      <c r="BN2483" s="166">
        <v>0</v>
      </c>
      <c r="BO2483" s="166">
        <v>0</v>
      </c>
      <c r="BP2483" s="166">
        <v>0</v>
      </c>
      <c r="BQ2483" s="166">
        <v>0</v>
      </c>
      <c r="BR2483" s="166">
        <v>0</v>
      </c>
      <c r="BS2483" s="166">
        <v>0</v>
      </c>
      <c r="BT2483" s="168">
        <v>1</v>
      </c>
      <c r="BU2483" s="166">
        <v>0</v>
      </c>
      <c r="BV2483" s="166">
        <v>0</v>
      </c>
      <c r="BW2483" s="166">
        <v>0</v>
      </c>
      <c r="BX2483" s="166">
        <v>0</v>
      </c>
      <c r="BY2483" s="166">
        <v>0</v>
      </c>
      <c r="BZ2483" s="166">
        <v>0</v>
      </c>
      <c r="CA2483" s="166">
        <v>0</v>
      </c>
      <c r="CB2483" s="166">
        <v>0</v>
      </c>
      <c r="CC2483" s="166">
        <v>0</v>
      </c>
      <c r="CD2483" s="166">
        <v>0</v>
      </c>
      <c r="CE2483" s="166">
        <v>0</v>
      </c>
      <c r="CF2483" s="166">
        <v>0</v>
      </c>
      <c r="CG2483" s="166">
        <v>0</v>
      </c>
      <c r="CH2483" s="166">
        <v>0</v>
      </c>
      <c r="CI2483" s="166">
        <v>0</v>
      </c>
      <c r="CJ2483" s="166">
        <v>0</v>
      </c>
      <c r="CK2483" s="166">
        <v>0</v>
      </c>
      <c r="CL2483" s="166">
        <v>0</v>
      </c>
      <c r="CM2483" s="166">
        <v>0</v>
      </c>
      <c r="CN2483" s="166">
        <v>0</v>
      </c>
      <c r="CO2483" s="166">
        <v>0</v>
      </c>
      <c r="CP2483" s="166">
        <v>0</v>
      </c>
      <c r="CQ2483" s="166">
        <v>0</v>
      </c>
      <c r="CR2483" s="166">
        <v>0</v>
      </c>
      <c r="CS2483" s="166">
        <v>0</v>
      </c>
      <c r="CT2483" s="166">
        <v>0</v>
      </c>
      <c r="CU2483" s="166">
        <v>0</v>
      </c>
      <c r="CV2483" s="166">
        <v>0</v>
      </c>
      <c r="CW2483" s="166">
        <v>0</v>
      </c>
      <c r="CX2483" s="166">
        <v>0</v>
      </c>
      <c r="CY2483" s="166">
        <v>0</v>
      </c>
      <c r="CZ2483" s="166">
        <v>0</v>
      </c>
    </row>
    <row r="2484" spans="1:104" x14ac:dyDescent="0.2">
      <c r="A2484" s="167" t="s">
        <v>332</v>
      </c>
    </row>
    <row r="2485" spans="1:104" x14ac:dyDescent="0.2">
      <c r="A2485" s="170" t="s">
        <v>333</v>
      </c>
      <c r="B2485" s="166">
        <v>32695610.379999999</v>
      </c>
      <c r="C2485" s="166">
        <v>32695610.379999999</v>
      </c>
      <c r="D2485" s="166">
        <v>0</v>
      </c>
      <c r="E2485" s="166">
        <v>0</v>
      </c>
      <c r="F2485" s="166">
        <v>0</v>
      </c>
      <c r="G2485" s="166">
        <v>0</v>
      </c>
      <c r="H2485" s="166">
        <v>0</v>
      </c>
      <c r="I2485" s="166">
        <v>0</v>
      </c>
      <c r="J2485" s="166">
        <v>0</v>
      </c>
      <c r="K2485" s="166">
        <v>0</v>
      </c>
      <c r="L2485" s="166">
        <v>0</v>
      </c>
      <c r="M2485" s="166">
        <v>0</v>
      </c>
      <c r="N2485" s="166">
        <v>0</v>
      </c>
      <c r="O2485" s="166">
        <v>0</v>
      </c>
      <c r="P2485" s="166">
        <v>0</v>
      </c>
      <c r="Q2485" s="166">
        <v>0</v>
      </c>
      <c r="R2485" s="166">
        <v>0</v>
      </c>
      <c r="S2485" s="166">
        <v>0</v>
      </c>
      <c r="T2485" s="166">
        <v>0</v>
      </c>
      <c r="U2485" s="166">
        <v>0</v>
      </c>
      <c r="V2485" s="166">
        <v>0</v>
      </c>
      <c r="W2485" s="166">
        <v>0</v>
      </c>
      <c r="X2485" s="166">
        <v>0</v>
      </c>
      <c r="Y2485" s="166">
        <v>0</v>
      </c>
      <c r="Z2485" s="166">
        <v>0</v>
      </c>
      <c r="AA2485" s="166">
        <v>0</v>
      </c>
      <c r="AB2485" s="166">
        <v>0</v>
      </c>
      <c r="AC2485" s="166">
        <v>0</v>
      </c>
      <c r="AD2485" s="166">
        <v>0</v>
      </c>
      <c r="AE2485" s="166">
        <v>0</v>
      </c>
      <c r="AF2485" s="166">
        <v>0</v>
      </c>
      <c r="AG2485" s="166">
        <v>0</v>
      </c>
      <c r="AH2485" s="166">
        <v>0</v>
      </c>
      <c r="AI2485" s="166">
        <v>0</v>
      </c>
      <c r="AJ2485" s="166">
        <v>0</v>
      </c>
      <c r="AK2485" s="166">
        <v>0</v>
      </c>
      <c r="AL2485" s="166">
        <v>0</v>
      </c>
      <c r="AM2485" s="166">
        <v>0</v>
      </c>
      <c r="AN2485" s="166">
        <v>0</v>
      </c>
      <c r="AO2485" s="166">
        <v>0</v>
      </c>
      <c r="AP2485" s="166">
        <v>0</v>
      </c>
      <c r="AQ2485" s="166">
        <v>0</v>
      </c>
      <c r="AR2485" s="166">
        <v>0</v>
      </c>
      <c r="AS2485" s="166">
        <v>0</v>
      </c>
      <c r="AT2485" s="166">
        <v>0</v>
      </c>
      <c r="AU2485" s="166">
        <v>0</v>
      </c>
      <c r="AV2485" s="166">
        <v>0</v>
      </c>
      <c r="AW2485" s="166">
        <v>0</v>
      </c>
      <c r="AX2485" s="166">
        <v>0</v>
      </c>
      <c r="AY2485" s="166">
        <v>0</v>
      </c>
      <c r="AZ2485" s="166">
        <v>0</v>
      </c>
      <c r="BA2485" s="166">
        <v>0</v>
      </c>
      <c r="BB2485" s="166">
        <v>0</v>
      </c>
      <c r="BC2485" s="166">
        <v>0</v>
      </c>
      <c r="BD2485" s="166">
        <v>0</v>
      </c>
      <c r="BE2485" s="166">
        <v>0</v>
      </c>
      <c r="BF2485" s="166">
        <v>0</v>
      </c>
      <c r="BG2485" s="166">
        <v>0</v>
      </c>
      <c r="BH2485" s="166">
        <v>0</v>
      </c>
      <c r="BI2485" s="166">
        <v>0</v>
      </c>
      <c r="BJ2485" s="166">
        <v>0</v>
      </c>
      <c r="BK2485" s="166">
        <v>0</v>
      </c>
      <c r="BL2485" s="166">
        <v>0</v>
      </c>
      <c r="BM2485" s="166">
        <v>0</v>
      </c>
      <c r="BN2485" s="166">
        <v>0</v>
      </c>
      <c r="BO2485" s="166">
        <v>0</v>
      </c>
      <c r="BP2485" s="166">
        <v>0</v>
      </c>
      <c r="BQ2485" s="166">
        <v>0</v>
      </c>
      <c r="BR2485" s="166">
        <v>32695610.379999999</v>
      </c>
      <c r="BS2485" s="166">
        <v>32695610.379999999</v>
      </c>
      <c r="BT2485" s="168">
        <v>0</v>
      </c>
      <c r="BU2485" s="166">
        <v>2659693.4955214998</v>
      </c>
      <c r="BV2485" s="166">
        <v>32653790.123172499</v>
      </c>
      <c r="BW2485" s="166">
        <v>0</v>
      </c>
      <c r="BX2485" s="166">
        <v>0</v>
      </c>
      <c r="BY2485" s="166">
        <v>0</v>
      </c>
      <c r="BZ2485" s="166">
        <v>0</v>
      </c>
      <c r="CA2485" s="166">
        <v>0</v>
      </c>
      <c r="CB2485" s="166">
        <v>0</v>
      </c>
      <c r="CC2485" s="166">
        <v>0</v>
      </c>
      <c r="CD2485" s="166">
        <v>0</v>
      </c>
      <c r="CE2485" s="166">
        <v>0</v>
      </c>
      <c r="CF2485" s="166">
        <v>0</v>
      </c>
      <c r="CG2485" s="166">
        <v>0</v>
      </c>
      <c r="CH2485" s="166">
        <v>0</v>
      </c>
      <c r="CI2485" s="166">
        <v>0</v>
      </c>
      <c r="CJ2485" s="166">
        <v>0</v>
      </c>
      <c r="CK2485" s="166">
        <v>0</v>
      </c>
      <c r="CL2485" s="166">
        <v>0</v>
      </c>
      <c r="CM2485" s="166">
        <v>0</v>
      </c>
      <c r="CN2485" s="166">
        <v>0</v>
      </c>
      <c r="CO2485" s="166">
        <v>0</v>
      </c>
      <c r="CP2485" s="166">
        <v>0</v>
      </c>
      <c r="CQ2485" s="166">
        <v>0</v>
      </c>
      <c r="CR2485" s="166">
        <v>0</v>
      </c>
      <c r="CS2485" s="166">
        <v>0</v>
      </c>
      <c r="CT2485" s="166">
        <v>0</v>
      </c>
      <c r="CU2485" s="166">
        <v>0</v>
      </c>
      <c r="CV2485" s="166">
        <v>0</v>
      </c>
      <c r="CW2485" s="166">
        <v>0</v>
      </c>
      <c r="CX2485" s="166">
        <v>0</v>
      </c>
      <c r="CY2485" s="166">
        <v>32653790.123172499</v>
      </c>
      <c r="CZ2485" s="166">
        <v>32653790.123172499</v>
      </c>
    </row>
    <row r="2486" spans="1:104" x14ac:dyDescent="0.2">
      <c r="A2486" s="167" t="s">
        <v>334</v>
      </c>
    </row>
    <row r="2487" spans="1:104" x14ac:dyDescent="0.2">
      <c r="A2487" s="170" t="s">
        <v>335</v>
      </c>
      <c r="B2487" s="166">
        <v>0</v>
      </c>
      <c r="C2487" s="166">
        <v>0</v>
      </c>
      <c r="D2487" s="166">
        <v>0</v>
      </c>
      <c r="E2487" s="166">
        <v>0</v>
      </c>
      <c r="F2487" s="166">
        <v>0</v>
      </c>
      <c r="G2487" s="166">
        <v>0</v>
      </c>
      <c r="H2487" s="166">
        <v>0</v>
      </c>
      <c r="I2487" s="166">
        <v>0</v>
      </c>
      <c r="J2487" s="166">
        <v>0</v>
      </c>
      <c r="K2487" s="166">
        <v>0</v>
      </c>
      <c r="L2487" s="166">
        <v>0</v>
      </c>
      <c r="M2487" s="166">
        <v>0</v>
      </c>
      <c r="N2487" s="166">
        <v>0</v>
      </c>
      <c r="O2487" s="166">
        <v>0</v>
      </c>
      <c r="P2487" s="166">
        <v>0</v>
      </c>
      <c r="Q2487" s="166">
        <v>0</v>
      </c>
      <c r="R2487" s="166">
        <v>0</v>
      </c>
      <c r="S2487" s="166">
        <v>0</v>
      </c>
      <c r="T2487" s="166">
        <v>0</v>
      </c>
      <c r="U2487" s="166">
        <v>0</v>
      </c>
      <c r="V2487" s="166">
        <v>0</v>
      </c>
      <c r="W2487" s="166">
        <v>0</v>
      </c>
      <c r="X2487" s="166">
        <v>0</v>
      </c>
      <c r="Y2487" s="166">
        <v>0</v>
      </c>
      <c r="Z2487" s="166">
        <v>0</v>
      </c>
      <c r="AA2487" s="166">
        <v>0</v>
      </c>
      <c r="AB2487" s="166">
        <v>0</v>
      </c>
      <c r="AC2487" s="166">
        <v>0</v>
      </c>
      <c r="AD2487" s="166">
        <v>0</v>
      </c>
      <c r="AE2487" s="166">
        <v>0</v>
      </c>
      <c r="AF2487" s="166">
        <v>0</v>
      </c>
      <c r="AG2487" s="166">
        <v>0</v>
      </c>
      <c r="AH2487" s="166">
        <v>0</v>
      </c>
      <c r="AI2487" s="166">
        <v>0</v>
      </c>
      <c r="AJ2487" s="166">
        <v>0</v>
      </c>
      <c r="AK2487" s="166">
        <v>0</v>
      </c>
      <c r="AL2487" s="166">
        <v>0</v>
      </c>
      <c r="AM2487" s="166">
        <v>0</v>
      </c>
      <c r="AN2487" s="166">
        <v>0</v>
      </c>
      <c r="AO2487" s="166">
        <v>0</v>
      </c>
      <c r="AP2487" s="166">
        <v>0</v>
      </c>
      <c r="AQ2487" s="166">
        <v>0</v>
      </c>
      <c r="AR2487" s="166">
        <v>0</v>
      </c>
      <c r="AS2487" s="166">
        <v>0</v>
      </c>
      <c r="AT2487" s="166">
        <v>0</v>
      </c>
      <c r="AU2487" s="166">
        <v>0</v>
      </c>
      <c r="AV2487" s="166">
        <v>0</v>
      </c>
      <c r="AW2487" s="166">
        <v>0</v>
      </c>
      <c r="AX2487" s="166">
        <v>0</v>
      </c>
      <c r="AY2487" s="166">
        <v>0</v>
      </c>
      <c r="AZ2487" s="166">
        <v>0</v>
      </c>
      <c r="BA2487" s="166">
        <v>0</v>
      </c>
      <c r="BB2487" s="166">
        <v>0</v>
      </c>
      <c r="BC2487" s="166">
        <v>0</v>
      </c>
      <c r="BD2487" s="166">
        <v>0</v>
      </c>
      <c r="BE2487" s="166">
        <v>0</v>
      </c>
      <c r="BF2487" s="166">
        <v>0</v>
      </c>
      <c r="BG2487" s="166">
        <v>0</v>
      </c>
      <c r="BH2487" s="166">
        <v>0</v>
      </c>
      <c r="BI2487" s="166">
        <v>0</v>
      </c>
      <c r="BJ2487" s="166">
        <v>0</v>
      </c>
      <c r="BK2487" s="166">
        <v>0</v>
      </c>
      <c r="BL2487" s="166">
        <v>0</v>
      </c>
      <c r="BM2487" s="166">
        <v>0</v>
      </c>
      <c r="BN2487" s="166">
        <v>0</v>
      </c>
      <c r="BO2487" s="166">
        <v>0</v>
      </c>
      <c r="BP2487" s="166">
        <v>0</v>
      </c>
      <c r="BQ2487" s="166">
        <v>0</v>
      </c>
      <c r="BR2487" s="166">
        <v>0</v>
      </c>
      <c r="BS2487" s="166">
        <v>0</v>
      </c>
      <c r="BT2487" s="166">
        <v>0</v>
      </c>
      <c r="BU2487" s="166">
        <v>0</v>
      </c>
      <c r="BV2487" s="166">
        <v>0</v>
      </c>
      <c r="BW2487" s="166">
        <v>0</v>
      </c>
      <c r="BX2487" s="166">
        <v>0</v>
      </c>
      <c r="BY2487" s="166">
        <v>0</v>
      </c>
      <c r="BZ2487" s="166">
        <v>0</v>
      </c>
      <c r="CA2487" s="166">
        <v>0</v>
      </c>
      <c r="CB2487" s="166">
        <v>0</v>
      </c>
      <c r="CC2487" s="166">
        <v>0</v>
      </c>
      <c r="CD2487" s="166">
        <v>0</v>
      </c>
      <c r="CE2487" s="166">
        <v>0</v>
      </c>
      <c r="CF2487" s="166">
        <v>0</v>
      </c>
      <c r="CG2487" s="166">
        <v>0</v>
      </c>
      <c r="CH2487" s="166">
        <v>0</v>
      </c>
      <c r="CI2487" s="166">
        <v>0</v>
      </c>
      <c r="CJ2487" s="166">
        <v>0</v>
      </c>
      <c r="CK2487" s="166">
        <v>0</v>
      </c>
      <c r="CL2487" s="166">
        <v>0</v>
      </c>
      <c r="CM2487" s="166">
        <v>0</v>
      </c>
      <c r="CN2487" s="166">
        <v>0</v>
      </c>
      <c r="CO2487" s="166">
        <v>0</v>
      </c>
      <c r="CP2487" s="166">
        <v>0</v>
      </c>
      <c r="CQ2487" s="166">
        <v>0</v>
      </c>
      <c r="CR2487" s="166">
        <v>0</v>
      </c>
      <c r="CS2487" s="166">
        <v>0</v>
      </c>
      <c r="CT2487" s="166">
        <v>0</v>
      </c>
      <c r="CU2487" s="166">
        <v>0</v>
      </c>
      <c r="CV2487" s="166">
        <v>0</v>
      </c>
      <c r="CW2487" s="166">
        <v>0</v>
      </c>
      <c r="CX2487" s="166">
        <v>0</v>
      </c>
      <c r="CY2487" s="166">
        <v>0</v>
      </c>
      <c r="CZ2487" s="166">
        <v>0</v>
      </c>
    </row>
    <row r="2488" spans="1:104" x14ac:dyDescent="0.2">
      <c r="A2488" s="167" t="s">
        <v>1136</v>
      </c>
      <c r="B2488" s="166">
        <v>0</v>
      </c>
      <c r="C2488" s="166">
        <v>0</v>
      </c>
      <c r="D2488" s="166">
        <v>0</v>
      </c>
      <c r="E2488" s="166">
        <v>0</v>
      </c>
      <c r="F2488" s="166">
        <v>0</v>
      </c>
      <c r="G2488" s="166">
        <v>0</v>
      </c>
      <c r="H2488" s="166">
        <v>0</v>
      </c>
      <c r="I2488" s="166">
        <v>0</v>
      </c>
      <c r="J2488" s="166">
        <v>0</v>
      </c>
      <c r="K2488" s="166">
        <v>0</v>
      </c>
      <c r="L2488" s="166">
        <v>0</v>
      </c>
      <c r="M2488" s="166">
        <v>0</v>
      </c>
      <c r="N2488" s="166">
        <v>0</v>
      </c>
      <c r="O2488" s="166">
        <v>0</v>
      </c>
      <c r="P2488" s="166">
        <v>0</v>
      </c>
      <c r="Q2488" s="166">
        <v>0</v>
      </c>
      <c r="R2488" s="166">
        <v>0</v>
      </c>
      <c r="S2488" s="166">
        <v>0</v>
      </c>
      <c r="T2488" s="166">
        <v>0</v>
      </c>
      <c r="U2488" s="166">
        <v>0</v>
      </c>
      <c r="V2488" s="166">
        <v>0</v>
      </c>
      <c r="W2488" s="166">
        <v>0</v>
      </c>
      <c r="X2488" s="166">
        <v>0</v>
      </c>
      <c r="Y2488" s="166">
        <v>0</v>
      </c>
      <c r="Z2488" s="166">
        <v>0</v>
      </c>
      <c r="AA2488" s="166">
        <v>0</v>
      </c>
      <c r="AB2488" s="166">
        <v>0</v>
      </c>
      <c r="AC2488" s="166">
        <v>0</v>
      </c>
      <c r="AD2488" s="166">
        <v>0</v>
      </c>
      <c r="AE2488" s="166">
        <v>0</v>
      </c>
      <c r="AF2488" s="166">
        <v>0</v>
      </c>
      <c r="AG2488" s="166">
        <v>0</v>
      </c>
      <c r="AH2488" s="166">
        <v>0</v>
      </c>
      <c r="AI2488" s="166">
        <v>0</v>
      </c>
      <c r="AJ2488" s="166">
        <v>0</v>
      </c>
      <c r="AK2488" s="166">
        <v>0</v>
      </c>
      <c r="AL2488" s="166">
        <v>0</v>
      </c>
      <c r="AM2488" s="166">
        <v>0</v>
      </c>
      <c r="AN2488" s="166">
        <v>0</v>
      </c>
      <c r="AO2488" s="166">
        <v>0</v>
      </c>
      <c r="AP2488" s="166">
        <v>0</v>
      </c>
      <c r="AQ2488" s="166">
        <v>0</v>
      </c>
      <c r="AR2488" s="166">
        <v>0</v>
      </c>
      <c r="AS2488" s="166">
        <v>0</v>
      </c>
      <c r="AT2488" s="166">
        <v>0</v>
      </c>
      <c r="AU2488" s="166">
        <v>0</v>
      </c>
      <c r="AV2488" s="166">
        <v>0</v>
      </c>
      <c r="AW2488" s="166">
        <v>0</v>
      </c>
      <c r="AX2488" s="166">
        <v>0</v>
      </c>
      <c r="AY2488" s="166">
        <v>0</v>
      </c>
      <c r="AZ2488" s="166">
        <v>0</v>
      </c>
      <c r="BA2488" s="166">
        <v>0</v>
      </c>
      <c r="BB2488" s="166">
        <v>0</v>
      </c>
      <c r="BC2488" s="166">
        <v>0</v>
      </c>
      <c r="BD2488" s="166">
        <v>0</v>
      </c>
      <c r="BE2488" s="166">
        <v>0</v>
      </c>
      <c r="BF2488" s="166">
        <v>0</v>
      </c>
      <c r="BG2488" s="166">
        <v>0</v>
      </c>
      <c r="BH2488" s="166">
        <v>0</v>
      </c>
      <c r="BI2488" s="166">
        <v>0</v>
      </c>
      <c r="BJ2488" s="166">
        <v>0</v>
      </c>
      <c r="BK2488" s="166">
        <v>0</v>
      </c>
      <c r="BL2488" s="166">
        <v>0</v>
      </c>
      <c r="BM2488" s="166">
        <v>0</v>
      </c>
      <c r="BN2488" s="166">
        <v>0</v>
      </c>
      <c r="BO2488" s="166">
        <v>0</v>
      </c>
      <c r="BP2488" s="166">
        <v>0</v>
      </c>
      <c r="BQ2488" s="166">
        <v>0</v>
      </c>
      <c r="BR2488" s="166">
        <v>0</v>
      </c>
      <c r="BS2488" s="166">
        <v>0</v>
      </c>
      <c r="BT2488" s="168">
        <v>1</v>
      </c>
      <c r="BU2488" s="166">
        <v>0</v>
      </c>
      <c r="BV2488" s="166">
        <v>0</v>
      </c>
      <c r="BW2488" s="166">
        <v>0</v>
      </c>
      <c r="BX2488" s="166">
        <v>0</v>
      </c>
      <c r="BY2488" s="166">
        <v>0</v>
      </c>
      <c r="BZ2488" s="166">
        <v>0</v>
      </c>
      <c r="CA2488" s="166">
        <v>0</v>
      </c>
      <c r="CB2488" s="166">
        <v>0</v>
      </c>
      <c r="CC2488" s="166">
        <v>0</v>
      </c>
      <c r="CD2488" s="166">
        <v>0</v>
      </c>
      <c r="CE2488" s="166">
        <v>0</v>
      </c>
      <c r="CF2488" s="166">
        <v>0</v>
      </c>
      <c r="CG2488" s="166">
        <v>0</v>
      </c>
      <c r="CH2488" s="166">
        <v>0</v>
      </c>
      <c r="CI2488" s="166">
        <v>0</v>
      </c>
      <c r="CJ2488" s="166">
        <v>0</v>
      </c>
      <c r="CK2488" s="166">
        <v>0</v>
      </c>
      <c r="CL2488" s="166">
        <v>0</v>
      </c>
      <c r="CM2488" s="166">
        <v>0</v>
      </c>
      <c r="CN2488" s="166">
        <v>0</v>
      </c>
      <c r="CO2488" s="166">
        <v>0</v>
      </c>
      <c r="CP2488" s="166">
        <v>0</v>
      </c>
      <c r="CQ2488" s="166">
        <v>0</v>
      </c>
      <c r="CR2488" s="166">
        <v>0</v>
      </c>
      <c r="CS2488" s="166">
        <v>0</v>
      </c>
      <c r="CT2488" s="166">
        <v>0</v>
      </c>
      <c r="CU2488" s="166">
        <v>0</v>
      </c>
      <c r="CV2488" s="166">
        <v>0</v>
      </c>
      <c r="CW2488" s="166">
        <v>0</v>
      </c>
      <c r="CX2488" s="166">
        <v>0</v>
      </c>
      <c r="CY2488" s="166">
        <v>0</v>
      </c>
      <c r="CZ2488" s="166">
        <v>0</v>
      </c>
    </row>
    <row r="2489" spans="1:104" x14ac:dyDescent="0.2">
      <c r="A2489" s="167" t="s">
        <v>1137</v>
      </c>
      <c r="B2489" s="166">
        <v>0</v>
      </c>
      <c r="C2489" s="166">
        <v>0</v>
      </c>
      <c r="D2489" s="166">
        <v>0</v>
      </c>
      <c r="E2489" s="166">
        <v>0</v>
      </c>
      <c r="F2489" s="166">
        <v>0</v>
      </c>
      <c r="G2489" s="166">
        <v>0</v>
      </c>
      <c r="H2489" s="166">
        <v>0</v>
      </c>
      <c r="I2489" s="166">
        <v>0</v>
      </c>
      <c r="J2489" s="166">
        <v>0</v>
      </c>
      <c r="K2489" s="166">
        <v>0</v>
      </c>
      <c r="L2489" s="166">
        <v>0</v>
      </c>
      <c r="M2489" s="166">
        <v>0</v>
      </c>
      <c r="N2489" s="166">
        <v>0</v>
      </c>
      <c r="O2489" s="166">
        <v>0</v>
      </c>
      <c r="P2489" s="166">
        <v>0</v>
      </c>
      <c r="Q2489" s="166">
        <v>0</v>
      </c>
      <c r="R2489" s="166">
        <v>0</v>
      </c>
      <c r="S2489" s="166">
        <v>0</v>
      </c>
      <c r="T2489" s="166">
        <v>0</v>
      </c>
      <c r="U2489" s="166">
        <v>0</v>
      </c>
      <c r="V2489" s="166">
        <v>0</v>
      </c>
      <c r="W2489" s="166">
        <v>0</v>
      </c>
      <c r="X2489" s="166">
        <v>0</v>
      </c>
      <c r="Y2489" s="166">
        <v>0</v>
      </c>
      <c r="Z2489" s="166">
        <v>0</v>
      </c>
      <c r="AA2489" s="166">
        <v>0</v>
      </c>
      <c r="AB2489" s="166">
        <v>0</v>
      </c>
      <c r="AC2489" s="166">
        <v>0</v>
      </c>
      <c r="AD2489" s="166">
        <v>0</v>
      </c>
      <c r="AE2489" s="166">
        <v>0</v>
      </c>
      <c r="AF2489" s="166">
        <v>0</v>
      </c>
      <c r="AG2489" s="166">
        <v>0</v>
      </c>
      <c r="AH2489" s="166">
        <v>0</v>
      </c>
      <c r="AI2489" s="166">
        <v>0</v>
      </c>
      <c r="AJ2489" s="166">
        <v>0</v>
      </c>
      <c r="AK2489" s="166">
        <v>0</v>
      </c>
      <c r="AL2489" s="166">
        <v>0</v>
      </c>
      <c r="AM2489" s="166">
        <v>0</v>
      </c>
      <c r="AN2489" s="166">
        <v>0</v>
      </c>
      <c r="AO2489" s="166">
        <v>0</v>
      </c>
      <c r="AP2489" s="166">
        <v>0</v>
      </c>
      <c r="AQ2489" s="166">
        <v>0</v>
      </c>
      <c r="AR2489" s="166">
        <v>0</v>
      </c>
      <c r="AS2489" s="166">
        <v>0</v>
      </c>
      <c r="AT2489" s="166">
        <v>0</v>
      </c>
      <c r="AU2489" s="166">
        <v>0</v>
      </c>
      <c r="AV2489" s="166">
        <v>0</v>
      </c>
      <c r="AW2489" s="166">
        <v>0</v>
      </c>
      <c r="AX2489" s="166">
        <v>0</v>
      </c>
      <c r="AY2489" s="166">
        <v>0</v>
      </c>
      <c r="AZ2489" s="166">
        <v>0</v>
      </c>
      <c r="BA2489" s="166">
        <v>0</v>
      </c>
      <c r="BB2489" s="166">
        <v>0</v>
      </c>
      <c r="BC2489" s="166">
        <v>0</v>
      </c>
      <c r="BD2489" s="166">
        <v>0</v>
      </c>
      <c r="BE2489" s="166">
        <v>0</v>
      </c>
      <c r="BF2489" s="166">
        <v>0</v>
      </c>
      <c r="BG2489" s="166">
        <v>0</v>
      </c>
      <c r="BH2489" s="166">
        <v>0</v>
      </c>
      <c r="BI2489" s="166">
        <v>0</v>
      </c>
      <c r="BJ2489" s="166">
        <v>0</v>
      </c>
      <c r="BK2489" s="166">
        <v>0</v>
      </c>
      <c r="BL2489" s="166">
        <v>0</v>
      </c>
      <c r="BM2489" s="166">
        <v>0</v>
      </c>
      <c r="BN2489" s="166">
        <v>0</v>
      </c>
      <c r="BO2489" s="166">
        <v>0</v>
      </c>
      <c r="BP2489" s="166">
        <v>0</v>
      </c>
      <c r="BQ2489" s="166">
        <v>0</v>
      </c>
      <c r="BR2489" s="166">
        <v>0</v>
      </c>
      <c r="BS2489" s="166">
        <v>0</v>
      </c>
      <c r="BT2489" s="168">
        <v>1</v>
      </c>
      <c r="BU2489" s="166">
        <v>0</v>
      </c>
      <c r="BV2489" s="166">
        <v>0</v>
      </c>
      <c r="BW2489" s="166">
        <v>0</v>
      </c>
      <c r="BX2489" s="166">
        <v>0</v>
      </c>
      <c r="BY2489" s="166">
        <v>0</v>
      </c>
      <c r="BZ2489" s="166">
        <v>0</v>
      </c>
      <c r="CA2489" s="166">
        <v>0</v>
      </c>
      <c r="CB2489" s="166">
        <v>0</v>
      </c>
      <c r="CC2489" s="166">
        <v>0</v>
      </c>
      <c r="CD2489" s="166">
        <v>0</v>
      </c>
      <c r="CE2489" s="166">
        <v>0</v>
      </c>
      <c r="CF2489" s="166">
        <v>0</v>
      </c>
      <c r="CG2489" s="166">
        <v>0</v>
      </c>
      <c r="CH2489" s="166">
        <v>0</v>
      </c>
      <c r="CI2489" s="166">
        <v>0</v>
      </c>
      <c r="CJ2489" s="166">
        <v>0</v>
      </c>
      <c r="CK2489" s="166">
        <v>0</v>
      </c>
      <c r="CL2489" s="166">
        <v>0</v>
      </c>
      <c r="CM2489" s="166">
        <v>0</v>
      </c>
      <c r="CN2489" s="166">
        <v>0</v>
      </c>
      <c r="CO2489" s="166">
        <v>0</v>
      </c>
      <c r="CP2489" s="166">
        <v>0</v>
      </c>
      <c r="CQ2489" s="166">
        <v>0</v>
      </c>
      <c r="CR2489" s="166">
        <v>0</v>
      </c>
      <c r="CS2489" s="166">
        <v>0</v>
      </c>
      <c r="CT2489" s="166">
        <v>0</v>
      </c>
      <c r="CU2489" s="166">
        <v>0</v>
      </c>
      <c r="CV2489" s="166">
        <v>0</v>
      </c>
      <c r="CW2489" s="166">
        <v>0</v>
      </c>
      <c r="CX2489" s="166">
        <v>0</v>
      </c>
      <c r="CY2489" s="166">
        <v>0</v>
      </c>
      <c r="CZ2489" s="166">
        <v>0</v>
      </c>
    </row>
    <row r="2490" spans="1:104" x14ac:dyDescent="0.2">
      <c r="A2490" s="167" t="s">
        <v>1138</v>
      </c>
      <c r="B2490" s="166">
        <v>0</v>
      </c>
      <c r="C2490" s="166">
        <v>0</v>
      </c>
      <c r="D2490" s="166">
        <v>0</v>
      </c>
      <c r="E2490" s="166">
        <v>0</v>
      </c>
      <c r="F2490" s="166">
        <v>0</v>
      </c>
      <c r="G2490" s="166">
        <v>0</v>
      </c>
      <c r="H2490" s="166">
        <v>0</v>
      </c>
      <c r="I2490" s="166">
        <v>0</v>
      </c>
      <c r="J2490" s="166">
        <v>0</v>
      </c>
      <c r="K2490" s="166">
        <v>0</v>
      </c>
      <c r="L2490" s="166">
        <v>0</v>
      </c>
      <c r="M2490" s="166">
        <v>0</v>
      </c>
      <c r="N2490" s="166">
        <v>0</v>
      </c>
      <c r="O2490" s="166">
        <v>0</v>
      </c>
      <c r="P2490" s="166">
        <v>0</v>
      </c>
      <c r="Q2490" s="166">
        <v>0</v>
      </c>
      <c r="R2490" s="166">
        <v>0</v>
      </c>
      <c r="S2490" s="166">
        <v>0</v>
      </c>
      <c r="T2490" s="166">
        <v>0</v>
      </c>
      <c r="U2490" s="166">
        <v>0</v>
      </c>
      <c r="V2490" s="166">
        <v>0</v>
      </c>
      <c r="W2490" s="166">
        <v>0</v>
      </c>
      <c r="X2490" s="166">
        <v>0</v>
      </c>
      <c r="Y2490" s="166">
        <v>0</v>
      </c>
      <c r="Z2490" s="166">
        <v>0</v>
      </c>
      <c r="AA2490" s="166">
        <v>0</v>
      </c>
      <c r="AB2490" s="166">
        <v>0</v>
      </c>
      <c r="AC2490" s="166">
        <v>0</v>
      </c>
      <c r="AD2490" s="166">
        <v>0</v>
      </c>
      <c r="AE2490" s="166">
        <v>0</v>
      </c>
      <c r="AF2490" s="166">
        <v>0</v>
      </c>
      <c r="AG2490" s="166">
        <v>0</v>
      </c>
      <c r="AH2490" s="166">
        <v>0</v>
      </c>
      <c r="AI2490" s="166">
        <v>0</v>
      </c>
      <c r="AJ2490" s="166">
        <v>0</v>
      </c>
      <c r="AK2490" s="166">
        <v>0</v>
      </c>
      <c r="AL2490" s="166">
        <v>0</v>
      </c>
      <c r="AM2490" s="166">
        <v>0</v>
      </c>
      <c r="AN2490" s="166">
        <v>0</v>
      </c>
      <c r="AO2490" s="166">
        <v>0</v>
      </c>
      <c r="AP2490" s="166">
        <v>0</v>
      </c>
      <c r="AQ2490" s="166">
        <v>0</v>
      </c>
      <c r="AR2490" s="166">
        <v>0</v>
      </c>
      <c r="AS2490" s="166">
        <v>0</v>
      </c>
      <c r="AT2490" s="166">
        <v>0</v>
      </c>
      <c r="AU2490" s="166">
        <v>0</v>
      </c>
      <c r="AV2490" s="166">
        <v>0</v>
      </c>
      <c r="AW2490" s="166">
        <v>0</v>
      </c>
      <c r="AX2490" s="166">
        <v>0</v>
      </c>
      <c r="AY2490" s="166">
        <v>0</v>
      </c>
      <c r="AZ2490" s="166">
        <v>0</v>
      </c>
      <c r="BA2490" s="166">
        <v>0</v>
      </c>
      <c r="BB2490" s="166">
        <v>0</v>
      </c>
      <c r="BC2490" s="166">
        <v>0</v>
      </c>
      <c r="BD2490" s="166">
        <v>0</v>
      </c>
      <c r="BE2490" s="166">
        <v>0</v>
      </c>
      <c r="BF2490" s="166">
        <v>0</v>
      </c>
      <c r="BG2490" s="166">
        <v>0</v>
      </c>
      <c r="BH2490" s="166">
        <v>0</v>
      </c>
      <c r="BI2490" s="166">
        <v>0</v>
      </c>
      <c r="BJ2490" s="166">
        <v>0</v>
      </c>
      <c r="BK2490" s="166">
        <v>0</v>
      </c>
      <c r="BL2490" s="166">
        <v>0</v>
      </c>
      <c r="BM2490" s="166">
        <v>0</v>
      </c>
      <c r="BN2490" s="166">
        <v>0</v>
      </c>
      <c r="BO2490" s="166">
        <v>0</v>
      </c>
      <c r="BP2490" s="166">
        <v>0</v>
      </c>
      <c r="BQ2490" s="166">
        <v>0</v>
      </c>
      <c r="BR2490" s="166">
        <v>0</v>
      </c>
      <c r="BS2490" s="166">
        <v>0</v>
      </c>
      <c r="BT2490" s="168">
        <v>1</v>
      </c>
      <c r="BU2490" s="166">
        <v>0</v>
      </c>
      <c r="BV2490" s="166">
        <v>0</v>
      </c>
      <c r="BW2490" s="166">
        <v>0</v>
      </c>
      <c r="BX2490" s="166">
        <v>0</v>
      </c>
      <c r="BY2490" s="166">
        <v>0</v>
      </c>
      <c r="BZ2490" s="166">
        <v>0</v>
      </c>
      <c r="CA2490" s="166">
        <v>0</v>
      </c>
      <c r="CB2490" s="166">
        <v>0</v>
      </c>
      <c r="CC2490" s="166">
        <v>0</v>
      </c>
      <c r="CD2490" s="166">
        <v>0</v>
      </c>
      <c r="CE2490" s="166">
        <v>0</v>
      </c>
      <c r="CF2490" s="166">
        <v>0</v>
      </c>
      <c r="CG2490" s="166">
        <v>0</v>
      </c>
      <c r="CH2490" s="166">
        <v>0</v>
      </c>
      <c r="CI2490" s="166">
        <v>0</v>
      </c>
      <c r="CJ2490" s="166">
        <v>0</v>
      </c>
      <c r="CK2490" s="166">
        <v>0</v>
      </c>
      <c r="CL2490" s="166">
        <v>0</v>
      </c>
      <c r="CM2490" s="166">
        <v>0</v>
      </c>
      <c r="CN2490" s="166">
        <v>0</v>
      </c>
      <c r="CO2490" s="166">
        <v>0</v>
      </c>
      <c r="CP2490" s="166">
        <v>0</v>
      </c>
      <c r="CQ2490" s="166">
        <v>0</v>
      </c>
      <c r="CR2490" s="166">
        <v>0</v>
      </c>
      <c r="CS2490" s="166">
        <v>0</v>
      </c>
      <c r="CT2490" s="166">
        <v>0</v>
      </c>
      <c r="CU2490" s="166">
        <v>0</v>
      </c>
      <c r="CV2490" s="166">
        <v>0</v>
      </c>
      <c r="CW2490" s="166">
        <v>0</v>
      </c>
      <c r="CX2490" s="166">
        <v>0</v>
      </c>
      <c r="CY2490" s="166">
        <v>0</v>
      </c>
      <c r="CZ2490" s="166">
        <v>0</v>
      </c>
    </row>
    <row r="2491" spans="1:104" x14ac:dyDescent="0.2">
      <c r="A2491" s="167" t="s">
        <v>1139</v>
      </c>
      <c r="B2491" s="166">
        <v>0</v>
      </c>
      <c r="C2491" s="166">
        <v>0</v>
      </c>
      <c r="D2491" s="166">
        <v>0</v>
      </c>
      <c r="E2491" s="166">
        <v>0</v>
      </c>
      <c r="F2491" s="166">
        <v>0</v>
      </c>
      <c r="G2491" s="166">
        <v>0</v>
      </c>
      <c r="H2491" s="166">
        <v>0</v>
      </c>
      <c r="I2491" s="166">
        <v>0</v>
      </c>
      <c r="J2491" s="166">
        <v>0</v>
      </c>
      <c r="K2491" s="166">
        <v>0</v>
      </c>
      <c r="L2491" s="166">
        <v>0</v>
      </c>
      <c r="M2491" s="166">
        <v>0</v>
      </c>
      <c r="N2491" s="166">
        <v>0</v>
      </c>
      <c r="O2491" s="166">
        <v>0</v>
      </c>
      <c r="P2491" s="166">
        <v>0</v>
      </c>
      <c r="Q2491" s="166">
        <v>0</v>
      </c>
      <c r="R2491" s="166">
        <v>0</v>
      </c>
      <c r="S2491" s="166">
        <v>0</v>
      </c>
      <c r="T2491" s="166">
        <v>0</v>
      </c>
      <c r="U2491" s="166">
        <v>0</v>
      </c>
      <c r="V2491" s="166">
        <v>0</v>
      </c>
      <c r="W2491" s="166">
        <v>0</v>
      </c>
      <c r="X2491" s="166">
        <v>0</v>
      </c>
      <c r="Y2491" s="166">
        <v>0</v>
      </c>
      <c r="Z2491" s="166">
        <v>0</v>
      </c>
      <c r="AA2491" s="166">
        <v>0</v>
      </c>
      <c r="AB2491" s="166">
        <v>0</v>
      </c>
      <c r="AC2491" s="166">
        <v>0</v>
      </c>
      <c r="AD2491" s="166">
        <v>0</v>
      </c>
      <c r="AE2491" s="166">
        <v>0</v>
      </c>
      <c r="AF2491" s="166">
        <v>0</v>
      </c>
      <c r="AG2491" s="166">
        <v>0</v>
      </c>
      <c r="AH2491" s="166">
        <v>0</v>
      </c>
      <c r="AI2491" s="166">
        <v>0</v>
      </c>
      <c r="AJ2491" s="166">
        <v>0</v>
      </c>
      <c r="AK2491" s="166">
        <v>0</v>
      </c>
      <c r="AL2491" s="166">
        <v>0</v>
      </c>
      <c r="AM2491" s="166">
        <v>0</v>
      </c>
      <c r="AN2491" s="166">
        <v>0</v>
      </c>
      <c r="AO2491" s="166">
        <v>0</v>
      </c>
      <c r="AP2491" s="166">
        <v>0</v>
      </c>
      <c r="AQ2491" s="166">
        <v>0</v>
      </c>
      <c r="AR2491" s="166">
        <v>0</v>
      </c>
      <c r="AS2491" s="166">
        <v>0</v>
      </c>
      <c r="AT2491" s="166">
        <v>0</v>
      </c>
      <c r="AU2491" s="166">
        <v>0</v>
      </c>
      <c r="AV2491" s="166">
        <v>0</v>
      </c>
      <c r="AW2491" s="166">
        <v>0</v>
      </c>
      <c r="AX2491" s="166">
        <v>0</v>
      </c>
      <c r="AY2491" s="166">
        <v>0</v>
      </c>
      <c r="AZ2491" s="166">
        <v>0</v>
      </c>
      <c r="BA2491" s="166">
        <v>0</v>
      </c>
      <c r="BB2491" s="166">
        <v>0</v>
      </c>
      <c r="BC2491" s="166">
        <v>0</v>
      </c>
      <c r="BD2491" s="166">
        <v>0</v>
      </c>
      <c r="BE2491" s="166">
        <v>0</v>
      </c>
      <c r="BF2491" s="166">
        <v>0</v>
      </c>
      <c r="BG2491" s="166">
        <v>0</v>
      </c>
      <c r="BH2491" s="166">
        <v>0</v>
      </c>
      <c r="BI2491" s="166">
        <v>0</v>
      </c>
      <c r="BJ2491" s="166">
        <v>0</v>
      </c>
      <c r="BK2491" s="166">
        <v>0</v>
      </c>
      <c r="BL2491" s="166">
        <v>0</v>
      </c>
      <c r="BM2491" s="166">
        <v>0</v>
      </c>
      <c r="BN2491" s="166">
        <v>0</v>
      </c>
      <c r="BO2491" s="166">
        <v>0</v>
      </c>
      <c r="BP2491" s="166">
        <v>0</v>
      </c>
      <c r="BQ2491" s="166">
        <v>0</v>
      </c>
      <c r="BR2491" s="166">
        <v>0</v>
      </c>
      <c r="BS2491" s="166">
        <v>0</v>
      </c>
      <c r="BT2491" s="168">
        <v>0.98751</v>
      </c>
      <c r="BU2491" s="166">
        <v>0</v>
      </c>
      <c r="BV2491" s="166">
        <v>0</v>
      </c>
      <c r="BW2491" s="166">
        <v>0</v>
      </c>
      <c r="BX2491" s="166">
        <v>0</v>
      </c>
      <c r="BY2491" s="166">
        <v>0</v>
      </c>
      <c r="BZ2491" s="166">
        <v>0</v>
      </c>
      <c r="CA2491" s="166">
        <v>0</v>
      </c>
      <c r="CB2491" s="166">
        <v>0</v>
      </c>
      <c r="CC2491" s="166">
        <v>0</v>
      </c>
      <c r="CD2491" s="166">
        <v>0</v>
      </c>
      <c r="CE2491" s="166">
        <v>0</v>
      </c>
      <c r="CF2491" s="166">
        <v>0</v>
      </c>
      <c r="CG2491" s="166">
        <v>0</v>
      </c>
      <c r="CH2491" s="166">
        <v>0</v>
      </c>
      <c r="CI2491" s="166">
        <v>0</v>
      </c>
      <c r="CJ2491" s="166">
        <v>0</v>
      </c>
      <c r="CK2491" s="166">
        <v>0</v>
      </c>
      <c r="CL2491" s="166">
        <v>0</v>
      </c>
      <c r="CM2491" s="166">
        <v>0</v>
      </c>
      <c r="CN2491" s="166">
        <v>0</v>
      </c>
      <c r="CO2491" s="166">
        <v>0</v>
      </c>
      <c r="CP2491" s="166">
        <v>0</v>
      </c>
      <c r="CQ2491" s="166">
        <v>0</v>
      </c>
      <c r="CR2491" s="166">
        <v>0</v>
      </c>
      <c r="CS2491" s="166">
        <v>0</v>
      </c>
      <c r="CT2491" s="166">
        <v>0</v>
      </c>
      <c r="CU2491" s="166">
        <v>0</v>
      </c>
      <c r="CV2491" s="166">
        <v>0</v>
      </c>
      <c r="CW2491" s="166">
        <v>0</v>
      </c>
      <c r="CX2491" s="166">
        <v>0</v>
      </c>
      <c r="CY2491" s="166">
        <v>0</v>
      </c>
      <c r="CZ2491" s="166">
        <v>0</v>
      </c>
    </row>
    <row r="2492" spans="1:104" x14ac:dyDescent="0.2">
      <c r="A2492" s="167" t="s">
        <v>1140</v>
      </c>
      <c r="B2492" s="166">
        <v>0</v>
      </c>
      <c r="C2492" s="166">
        <v>0</v>
      </c>
      <c r="D2492" s="166">
        <v>0</v>
      </c>
      <c r="E2492" s="166">
        <v>0</v>
      </c>
      <c r="F2492" s="166">
        <v>0</v>
      </c>
      <c r="G2492" s="166">
        <v>0</v>
      </c>
      <c r="H2492" s="166">
        <v>0</v>
      </c>
      <c r="I2492" s="166">
        <v>0</v>
      </c>
      <c r="J2492" s="166">
        <v>0</v>
      </c>
      <c r="K2492" s="166">
        <v>0</v>
      </c>
      <c r="L2492" s="166">
        <v>0</v>
      </c>
      <c r="M2492" s="166">
        <v>0</v>
      </c>
      <c r="N2492" s="166">
        <v>0</v>
      </c>
      <c r="O2492" s="166">
        <v>0</v>
      </c>
      <c r="P2492" s="166">
        <v>0</v>
      </c>
      <c r="Q2492" s="166">
        <v>0</v>
      </c>
      <c r="R2492" s="166">
        <v>0</v>
      </c>
      <c r="S2492" s="166">
        <v>0</v>
      </c>
      <c r="T2492" s="166">
        <v>0</v>
      </c>
      <c r="U2492" s="166">
        <v>0</v>
      </c>
      <c r="V2492" s="166">
        <v>0</v>
      </c>
      <c r="W2492" s="166">
        <v>0</v>
      </c>
      <c r="X2492" s="166">
        <v>0</v>
      </c>
      <c r="Y2492" s="166">
        <v>0</v>
      </c>
      <c r="Z2492" s="166">
        <v>0</v>
      </c>
      <c r="AA2492" s="166">
        <v>0</v>
      </c>
      <c r="AB2492" s="166">
        <v>0</v>
      </c>
      <c r="AC2492" s="166">
        <v>0</v>
      </c>
      <c r="AD2492" s="166">
        <v>0</v>
      </c>
      <c r="AE2492" s="166">
        <v>0</v>
      </c>
      <c r="AF2492" s="166">
        <v>0</v>
      </c>
      <c r="AG2492" s="166">
        <v>0</v>
      </c>
      <c r="AH2492" s="166">
        <v>0</v>
      </c>
      <c r="AI2492" s="166">
        <v>0</v>
      </c>
      <c r="AJ2492" s="166">
        <v>0</v>
      </c>
      <c r="AK2492" s="166">
        <v>0</v>
      </c>
      <c r="AL2492" s="166">
        <v>0</v>
      </c>
      <c r="AM2492" s="166">
        <v>0</v>
      </c>
      <c r="AN2492" s="166">
        <v>0</v>
      </c>
      <c r="AO2492" s="166">
        <v>0</v>
      </c>
      <c r="AP2492" s="166">
        <v>0</v>
      </c>
      <c r="AQ2492" s="166">
        <v>0</v>
      </c>
      <c r="AR2492" s="166">
        <v>0</v>
      </c>
      <c r="AS2492" s="166">
        <v>0</v>
      </c>
      <c r="AT2492" s="166">
        <v>0</v>
      </c>
      <c r="AU2492" s="166">
        <v>0</v>
      </c>
      <c r="AV2492" s="166">
        <v>0</v>
      </c>
      <c r="AW2492" s="166">
        <v>0</v>
      </c>
      <c r="AX2492" s="166">
        <v>0</v>
      </c>
      <c r="AY2492" s="166">
        <v>0</v>
      </c>
      <c r="AZ2492" s="166">
        <v>0</v>
      </c>
      <c r="BA2492" s="166">
        <v>0</v>
      </c>
      <c r="BB2492" s="166">
        <v>0</v>
      </c>
      <c r="BC2492" s="166">
        <v>0</v>
      </c>
      <c r="BD2492" s="166">
        <v>0</v>
      </c>
      <c r="BE2492" s="166">
        <v>0</v>
      </c>
      <c r="BF2492" s="166">
        <v>0</v>
      </c>
      <c r="BG2492" s="166">
        <v>0</v>
      </c>
      <c r="BH2492" s="166">
        <v>0</v>
      </c>
      <c r="BI2492" s="166">
        <v>0</v>
      </c>
      <c r="BJ2492" s="166">
        <v>0</v>
      </c>
      <c r="BK2492" s="166">
        <v>0</v>
      </c>
      <c r="BL2492" s="166">
        <v>0</v>
      </c>
      <c r="BM2492" s="166">
        <v>0</v>
      </c>
      <c r="BN2492" s="166">
        <v>0</v>
      </c>
      <c r="BO2492" s="166">
        <v>0</v>
      </c>
      <c r="BP2492" s="166">
        <v>0</v>
      </c>
      <c r="BQ2492" s="166">
        <v>0</v>
      </c>
      <c r="BR2492" s="166">
        <v>0</v>
      </c>
      <c r="BS2492" s="166">
        <v>0</v>
      </c>
      <c r="BT2492" s="168">
        <v>1</v>
      </c>
      <c r="BU2492" s="166">
        <v>0</v>
      </c>
      <c r="BV2492" s="166">
        <v>0</v>
      </c>
      <c r="BW2492" s="166">
        <v>0</v>
      </c>
      <c r="BX2492" s="166">
        <v>0</v>
      </c>
      <c r="BY2492" s="166">
        <v>0</v>
      </c>
      <c r="BZ2492" s="166">
        <v>0</v>
      </c>
      <c r="CA2492" s="166">
        <v>0</v>
      </c>
      <c r="CB2492" s="166">
        <v>0</v>
      </c>
      <c r="CC2492" s="166">
        <v>0</v>
      </c>
      <c r="CD2492" s="166">
        <v>0</v>
      </c>
      <c r="CE2492" s="166">
        <v>0</v>
      </c>
      <c r="CF2492" s="166">
        <v>0</v>
      </c>
      <c r="CG2492" s="166">
        <v>0</v>
      </c>
      <c r="CH2492" s="166">
        <v>0</v>
      </c>
      <c r="CI2492" s="166">
        <v>0</v>
      </c>
      <c r="CJ2492" s="166">
        <v>0</v>
      </c>
      <c r="CK2492" s="166">
        <v>0</v>
      </c>
      <c r="CL2492" s="166">
        <v>0</v>
      </c>
      <c r="CM2492" s="166">
        <v>0</v>
      </c>
      <c r="CN2492" s="166">
        <v>0</v>
      </c>
      <c r="CO2492" s="166">
        <v>0</v>
      </c>
      <c r="CP2492" s="166">
        <v>0</v>
      </c>
      <c r="CQ2492" s="166">
        <v>0</v>
      </c>
      <c r="CR2492" s="166">
        <v>0</v>
      </c>
      <c r="CS2492" s="166">
        <v>0</v>
      </c>
      <c r="CT2492" s="166">
        <v>0</v>
      </c>
      <c r="CU2492" s="166">
        <v>0</v>
      </c>
      <c r="CV2492" s="166">
        <v>0</v>
      </c>
      <c r="CW2492" s="166">
        <v>0</v>
      </c>
      <c r="CX2492" s="166">
        <v>0</v>
      </c>
      <c r="CY2492" s="166">
        <v>0</v>
      </c>
      <c r="CZ2492" s="166">
        <v>0</v>
      </c>
    </row>
    <row r="2493" spans="1:104" x14ac:dyDescent="0.2">
      <c r="A2493" s="167" t="s">
        <v>1141</v>
      </c>
      <c r="B2493" s="166">
        <v>0</v>
      </c>
      <c r="C2493" s="166">
        <v>0</v>
      </c>
      <c r="D2493" s="166">
        <v>0</v>
      </c>
      <c r="E2493" s="166">
        <v>0</v>
      </c>
      <c r="F2493" s="166">
        <v>0</v>
      </c>
      <c r="G2493" s="166">
        <v>0</v>
      </c>
      <c r="H2493" s="166">
        <v>0</v>
      </c>
      <c r="I2493" s="166">
        <v>0</v>
      </c>
      <c r="J2493" s="166">
        <v>0</v>
      </c>
      <c r="K2493" s="166">
        <v>0</v>
      </c>
      <c r="L2493" s="166">
        <v>0</v>
      </c>
      <c r="M2493" s="166">
        <v>0</v>
      </c>
      <c r="N2493" s="166">
        <v>0</v>
      </c>
      <c r="O2493" s="166">
        <v>0</v>
      </c>
      <c r="P2493" s="166">
        <v>0</v>
      </c>
      <c r="Q2493" s="166">
        <v>0</v>
      </c>
      <c r="R2493" s="166">
        <v>0</v>
      </c>
      <c r="S2493" s="166">
        <v>0</v>
      </c>
      <c r="T2493" s="166">
        <v>0</v>
      </c>
      <c r="U2493" s="166">
        <v>0</v>
      </c>
      <c r="V2493" s="166">
        <v>0</v>
      </c>
      <c r="W2493" s="166">
        <v>0</v>
      </c>
      <c r="X2493" s="166">
        <v>0</v>
      </c>
      <c r="Y2493" s="166">
        <v>0</v>
      </c>
      <c r="Z2493" s="166">
        <v>0</v>
      </c>
      <c r="AA2493" s="166">
        <v>0</v>
      </c>
      <c r="AB2493" s="166">
        <v>0</v>
      </c>
      <c r="AC2493" s="166">
        <v>0</v>
      </c>
      <c r="AD2493" s="166">
        <v>0</v>
      </c>
      <c r="AE2493" s="166">
        <v>0</v>
      </c>
      <c r="AF2493" s="166">
        <v>0</v>
      </c>
      <c r="AG2493" s="166">
        <v>0</v>
      </c>
      <c r="AH2493" s="166">
        <v>0</v>
      </c>
      <c r="AI2493" s="166">
        <v>0</v>
      </c>
      <c r="AJ2493" s="166">
        <v>0</v>
      </c>
      <c r="AK2493" s="166">
        <v>0</v>
      </c>
      <c r="AL2493" s="166">
        <v>0</v>
      </c>
      <c r="AM2493" s="166">
        <v>0</v>
      </c>
      <c r="AN2493" s="166">
        <v>0</v>
      </c>
      <c r="AO2493" s="166">
        <v>0</v>
      </c>
      <c r="AP2493" s="166">
        <v>0</v>
      </c>
      <c r="AQ2493" s="166">
        <v>0</v>
      </c>
      <c r="AR2493" s="166">
        <v>0</v>
      </c>
      <c r="AS2493" s="166">
        <v>0</v>
      </c>
      <c r="AT2493" s="166">
        <v>0</v>
      </c>
      <c r="AU2493" s="166">
        <v>0</v>
      </c>
      <c r="AV2493" s="166">
        <v>0</v>
      </c>
      <c r="AW2493" s="166">
        <v>0</v>
      </c>
      <c r="AX2493" s="166">
        <v>0</v>
      </c>
      <c r="AY2493" s="166">
        <v>0</v>
      </c>
      <c r="AZ2493" s="166">
        <v>0</v>
      </c>
      <c r="BA2493" s="166">
        <v>0</v>
      </c>
      <c r="BB2493" s="166">
        <v>0</v>
      </c>
      <c r="BC2493" s="166">
        <v>0</v>
      </c>
      <c r="BD2493" s="166">
        <v>0</v>
      </c>
      <c r="BE2493" s="166">
        <v>0</v>
      </c>
      <c r="BF2493" s="166">
        <v>0</v>
      </c>
      <c r="BG2493" s="166">
        <v>0</v>
      </c>
      <c r="BH2493" s="166">
        <v>0</v>
      </c>
      <c r="BI2493" s="166">
        <v>0</v>
      </c>
      <c r="BJ2493" s="166">
        <v>0</v>
      </c>
      <c r="BK2493" s="166">
        <v>0</v>
      </c>
      <c r="BL2493" s="166">
        <v>0</v>
      </c>
      <c r="BM2493" s="166">
        <v>0</v>
      </c>
      <c r="BN2493" s="166">
        <v>0</v>
      </c>
      <c r="BO2493" s="166">
        <v>0</v>
      </c>
      <c r="BP2493" s="166">
        <v>0</v>
      </c>
      <c r="BQ2493" s="166">
        <v>0</v>
      </c>
      <c r="BR2493" s="166">
        <v>0</v>
      </c>
      <c r="BS2493" s="166">
        <v>0</v>
      </c>
      <c r="BT2493" s="171">
        <v>0</v>
      </c>
      <c r="BU2493" s="166">
        <v>0</v>
      </c>
      <c r="BV2493" s="166">
        <v>0</v>
      </c>
      <c r="BW2493" s="166">
        <v>0</v>
      </c>
      <c r="BX2493" s="166">
        <v>0</v>
      </c>
      <c r="BY2493" s="166">
        <v>0</v>
      </c>
      <c r="BZ2493" s="166">
        <v>0</v>
      </c>
      <c r="CA2493" s="166">
        <v>0</v>
      </c>
      <c r="CB2493" s="166">
        <v>0</v>
      </c>
      <c r="CC2493" s="166">
        <v>0</v>
      </c>
      <c r="CD2493" s="166">
        <v>0</v>
      </c>
      <c r="CE2493" s="166">
        <v>0</v>
      </c>
      <c r="CF2493" s="166">
        <v>0</v>
      </c>
      <c r="CG2493" s="166">
        <v>0</v>
      </c>
      <c r="CH2493" s="166">
        <v>0</v>
      </c>
      <c r="CI2493" s="166">
        <v>0</v>
      </c>
      <c r="CJ2493" s="166">
        <v>0</v>
      </c>
      <c r="CK2493" s="166">
        <v>0</v>
      </c>
      <c r="CL2493" s="166">
        <v>0</v>
      </c>
      <c r="CM2493" s="166">
        <v>0</v>
      </c>
      <c r="CN2493" s="166">
        <v>0</v>
      </c>
      <c r="CO2493" s="166">
        <v>0</v>
      </c>
      <c r="CP2493" s="166">
        <v>0</v>
      </c>
      <c r="CQ2493" s="166">
        <v>0</v>
      </c>
      <c r="CR2493" s="166">
        <v>0</v>
      </c>
      <c r="CS2493" s="166">
        <v>0</v>
      </c>
      <c r="CT2493" s="166">
        <v>0</v>
      </c>
      <c r="CU2493" s="166">
        <v>0</v>
      </c>
      <c r="CV2493" s="166">
        <v>0</v>
      </c>
      <c r="CW2493" s="166">
        <v>0</v>
      </c>
      <c r="CX2493" s="166">
        <v>0</v>
      </c>
      <c r="CY2493" s="166">
        <v>0</v>
      </c>
      <c r="CZ2493" s="166">
        <v>0</v>
      </c>
    </row>
    <row r="2494" spans="1:104" x14ac:dyDescent="0.2">
      <c r="A2494" s="167" t="s">
        <v>342</v>
      </c>
    </row>
    <row r="2495" spans="1:104" x14ac:dyDescent="0.2">
      <c r="A2495" s="167" t="s">
        <v>1142</v>
      </c>
      <c r="B2495" s="166">
        <v>0</v>
      </c>
      <c r="C2495" s="166">
        <v>0</v>
      </c>
      <c r="D2495" s="166">
        <v>0</v>
      </c>
      <c r="E2495" s="166">
        <v>0</v>
      </c>
      <c r="F2495" s="166">
        <v>0</v>
      </c>
      <c r="G2495" s="166">
        <v>0</v>
      </c>
      <c r="H2495" s="166">
        <v>0</v>
      </c>
      <c r="I2495" s="166">
        <v>0</v>
      </c>
      <c r="J2495" s="166">
        <v>0</v>
      </c>
      <c r="K2495" s="166">
        <v>0</v>
      </c>
      <c r="L2495" s="166">
        <v>0</v>
      </c>
      <c r="M2495" s="166">
        <v>0</v>
      </c>
      <c r="N2495" s="166">
        <v>0</v>
      </c>
      <c r="O2495" s="166">
        <v>0</v>
      </c>
      <c r="P2495" s="166">
        <v>0</v>
      </c>
      <c r="Q2495" s="166">
        <v>0</v>
      </c>
      <c r="R2495" s="166">
        <v>0</v>
      </c>
      <c r="S2495" s="166">
        <v>0</v>
      </c>
      <c r="T2495" s="166">
        <v>0</v>
      </c>
      <c r="U2495" s="166">
        <v>0</v>
      </c>
      <c r="V2495" s="166">
        <v>0</v>
      </c>
      <c r="W2495" s="166">
        <v>0</v>
      </c>
      <c r="X2495" s="166">
        <v>0</v>
      </c>
      <c r="Y2495" s="166">
        <v>0</v>
      </c>
      <c r="Z2495" s="166">
        <v>0</v>
      </c>
      <c r="AA2495" s="166">
        <v>0</v>
      </c>
      <c r="AB2495" s="166">
        <v>0</v>
      </c>
      <c r="AC2495" s="166">
        <v>0</v>
      </c>
      <c r="AD2495" s="166">
        <v>0</v>
      </c>
      <c r="AE2495" s="166">
        <v>0</v>
      </c>
      <c r="AF2495" s="166">
        <v>0</v>
      </c>
      <c r="AG2495" s="166">
        <v>0</v>
      </c>
      <c r="AH2495" s="166">
        <v>0</v>
      </c>
      <c r="AI2495" s="166">
        <v>0</v>
      </c>
      <c r="AJ2495" s="166">
        <v>0</v>
      </c>
      <c r="AK2495" s="166">
        <v>0</v>
      </c>
      <c r="AL2495" s="166">
        <v>0</v>
      </c>
      <c r="AM2495" s="166">
        <v>0</v>
      </c>
      <c r="AN2495" s="166">
        <v>0</v>
      </c>
      <c r="AO2495" s="166">
        <v>0</v>
      </c>
      <c r="AP2495" s="166">
        <v>0</v>
      </c>
      <c r="AQ2495" s="166">
        <v>0</v>
      </c>
      <c r="AR2495" s="166">
        <v>0</v>
      </c>
      <c r="AS2495" s="166">
        <v>0</v>
      </c>
      <c r="AT2495" s="166">
        <v>0</v>
      </c>
      <c r="AU2495" s="166">
        <v>0</v>
      </c>
      <c r="AV2495" s="166">
        <v>0</v>
      </c>
      <c r="AW2495" s="166">
        <v>0</v>
      </c>
      <c r="AX2495" s="166">
        <v>0</v>
      </c>
      <c r="AY2495" s="166">
        <v>0</v>
      </c>
      <c r="AZ2495" s="166">
        <v>0</v>
      </c>
      <c r="BA2495" s="166">
        <v>0</v>
      </c>
      <c r="BB2495" s="166">
        <v>0</v>
      </c>
      <c r="BC2495" s="166">
        <v>0</v>
      </c>
      <c r="BD2495" s="166">
        <v>0</v>
      </c>
      <c r="BE2495" s="166">
        <v>0</v>
      </c>
      <c r="BF2495" s="166">
        <v>0</v>
      </c>
      <c r="BG2495" s="166">
        <v>0</v>
      </c>
      <c r="BH2495" s="166">
        <v>0</v>
      </c>
      <c r="BI2495" s="166">
        <v>0</v>
      </c>
      <c r="BJ2495" s="166">
        <v>0</v>
      </c>
      <c r="BK2495" s="166">
        <v>0</v>
      </c>
      <c r="BL2495" s="166">
        <v>0</v>
      </c>
      <c r="BM2495" s="166">
        <v>0</v>
      </c>
      <c r="BN2495" s="166">
        <v>0</v>
      </c>
      <c r="BO2495" s="166">
        <v>0</v>
      </c>
      <c r="BP2495" s="166">
        <v>0</v>
      </c>
      <c r="BQ2495" s="166">
        <v>0</v>
      </c>
      <c r="BR2495" s="166">
        <v>0</v>
      </c>
      <c r="BS2495" s="166">
        <v>0</v>
      </c>
      <c r="BT2495" s="168">
        <v>1</v>
      </c>
      <c r="BU2495" s="166">
        <v>0</v>
      </c>
      <c r="BV2495" s="166">
        <v>0</v>
      </c>
      <c r="BW2495" s="166">
        <v>0</v>
      </c>
      <c r="BX2495" s="166">
        <v>0</v>
      </c>
      <c r="BY2495" s="166">
        <v>0</v>
      </c>
      <c r="BZ2495" s="166">
        <v>0</v>
      </c>
      <c r="CA2495" s="166">
        <v>0</v>
      </c>
      <c r="CB2495" s="166">
        <v>0</v>
      </c>
      <c r="CC2495" s="166">
        <v>0</v>
      </c>
      <c r="CD2495" s="166">
        <v>0</v>
      </c>
      <c r="CE2495" s="166">
        <v>0</v>
      </c>
      <c r="CF2495" s="166">
        <v>0</v>
      </c>
      <c r="CG2495" s="166">
        <v>0</v>
      </c>
      <c r="CH2495" s="166">
        <v>0</v>
      </c>
      <c r="CI2495" s="166">
        <v>0</v>
      </c>
      <c r="CJ2495" s="166">
        <v>0</v>
      </c>
      <c r="CK2495" s="166">
        <v>0</v>
      </c>
      <c r="CL2495" s="166">
        <v>0</v>
      </c>
      <c r="CM2495" s="166">
        <v>0</v>
      </c>
      <c r="CN2495" s="166">
        <v>0</v>
      </c>
      <c r="CO2495" s="166">
        <v>0</v>
      </c>
      <c r="CP2495" s="166">
        <v>0</v>
      </c>
      <c r="CQ2495" s="166">
        <v>0</v>
      </c>
      <c r="CR2495" s="166">
        <v>0</v>
      </c>
      <c r="CS2495" s="166">
        <v>0</v>
      </c>
      <c r="CT2495" s="166">
        <v>0</v>
      </c>
      <c r="CU2495" s="166">
        <v>0</v>
      </c>
      <c r="CV2495" s="166">
        <v>0</v>
      </c>
      <c r="CW2495" s="166">
        <v>0</v>
      </c>
      <c r="CX2495" s="166">
        <v>0</v>
      </c>
      <c r="CY2495" s="166">
        <v>0</v>
      </c>
      <c r="CZ2495" s="166">
        <v>0</v>
      </c>
    </row>
    <row r="2496" spans="1:104" x14ac:dyDescent="0.2">
      <c r="A2496" s="167" t="s">
        <v>344</v>
      </c>
    </row>
    <row r="2497" spans="1:104" x14ac:dyDescent="0.2">
      <c r="A2497" s="167" t="s">
        <v>1143</v>
      </c>
      <c r="B2497" s="166">
        <v>1534810.63886567</v>
      </c>
      <c r="C2497" s="166">
        <v>1534810.63886567</v>
      </c>
      <c r="D2497" s="166">
        <v>0</v>
      </c>
      <c r="E2497" s="166">
        <v>0</v>
      </c>
      <c r="F2497" s="166">
        <v>0</v>
      </c>
      <c r="G2497" s="166">
        <v>0</v>
      </c>
      <c r="H2497" s="166">
        <v>0</v>
      </c>
      <c r="I2497" s="166">
        <v>0</v>
      </c>
      <c r="J2497" s="166">
        <v>0</v>
      </c>
      <c r="K2497" s="166">
        <v>0</v>
      </c>
      <c r="L2497" s="166">
        <v>0</v>
      </c>
      <c r="M2497" s="166">
        <v>0</v>
      </c>
      <c r="N2497" s="166">
        <v>0</v>
      </c>
      <c r="O2497" s="166">
        <v>0</v>
      </c>
      <c r="P2497" s="166">
        <v>0</v>
      </c>
      <c r="Q2497" s="166">
        <v>0</v>
      </c>
      <c r="R2497" s="166">
        <v>0</v>
      </c>
      <c r="S2497" s="166">
        <v>0</v>
      </c>
      <c r="T2497" s="166">
        <v>0</v>
      </c>
      <c r="U2497" s="166">
        <v>0</v>
      </c>
      <c r="V2497" s="166">
        <v>0</v>
      </c>
      <c r="W2497" s="166">
        <v>0</v>
      </c>
      <c r="X2497" s="166">
        <v>0</v>
      </c>
      <c r="Y2497" s="166">
        <v>0</v>
      </c>
      <c r="Z2497" s="166">
        <v>0</v>
      </c>
      <c r="AA2497" s="166">
        <v>0</v>
      </c>
      <c r="AB2497" s="166">
        <v>0</v>
      </c>
      <c r="AC2497" s="166">
        <v>0</v>
      </c>
      <c r="AD2497" s="166">
        <v>0</v>
      </c>
      <c r="AE2497" s="166">
        <v>0</v>
      </c>
      <c r="AF2497" s="166">
        <v>0</v>
      </c>
      <c r="AG2497" s="166">
        <v>0</v>
      </c>
      <c r="AH2497" s="166">
        <v>0</v>
      </c>
      <c r="AI2497" s="166">
        <v>0</v>
      </c>
      <c r="AJ2497" s="166">
        <v>0</v>
      </c>
      <c r="AK2497" s="166">
        <v>0</v>
      </c>
      <c r="AL2497" s="166">
        <v>0</v>
      </c>
      <c r="AM2497" s="166">
        <v>0</v>
      </c>
      <c r="AN2497" s="166">
        <v>0</v>
      </c>
      <c r="AO2497" s="166">
        <v>0</v>
      </c>
      <c r="AP2497" s="166">
        <v>0</v>
      </c>
      <c r="AQ2497" s="166">
        <v>0</v>
      </c>
      <c r="AR2497" s="166">
        <v>0</v>
      </c>
      <c r="AS2497" s="166">
        <v>0</v>
      </c>
      <c r="AT2497" s="166">
        <v>0</v>
      </c>
      <c r="AU2497" s="166">
        <v>0</v>
      </c>
      <c r="AV2497" s="166">
        <v>0</v>
      </c>
      <c r="AW2497" s="166">
        <v>0</v>
      </c>
      <c r="AX2497" s="166">
        <v>0</v>
      </c>
      <c r="AY2497" s="166">
        <v>0</v>
      </c>
      <c r="AZ2497" s="166">
        <v>0</v>
      </c>
      <c r="BA2497" s="166">
        <v>0</v>
      </c>
      <c r="BB2497" s="166">
        <v>0</v>
      </c>
      <c r="BC2497" s="166">
        <v>0</v>
      </c>
      <c r="BD2497" s="166">
        <v>0</v>
      </c>
      <c r="BE2497" s="166">
        <v>0</v>
      </c>
      <c r="BF2497" s="166">
        <v>0</v>
      </c>
      <c r="BG2497" s="166">
        <v>0</v>
      </c>
      <c r="BH2497" s="166">
        <v>0</v>
      </c>
      <c r="BI2497" s="166">
        <v>0</v>
      </c>
      <c r="BJ2497" s="166">
        <v>0</v>
      </c>
      <c r="BK2497" s="166">
        <v>0</v>
      </c>
      <c r="BL2497" s="166">
        <v>0</v>
      </c>
      <c r="BM2497" s="166">
        <v>0</v>
      </c>
      <c r="BN2497" s="166">
        <v>0</v>
      </c>
      <c r="BO2497" s="166">
        <v>0</v>
      </c>
      <c r="BP2497" s="166">
        <v>0</v>
      </c>
      <c r="BQ2497" s="166">
        <v>0</v>
      </c>
      <c r="BR2497" s="166">
        <v>1534810.63886567</v>
      </c>
      <c r="BS2497" s="166">
        <v>1534810.63886567</v>
      </c>
      <c r="BT2497" s="168">
        <v>1</v>
      </c>
      <c r="BU2497" s="166">
        <v>82227.454640607306</v>
      </c>
      <c r="BV2497" s="166">
        <v>1534810.63886567</v>
      </c>
      <c r="BW2497" s="166">
        <v>0</v>
      </c>
      <c r="BX2497" s="166">
        <v>0</v>
      </c>
      <c r="BY2497" s="166">
        <v>0</v>
      </c>
      <c r="BZ2497" s="166">
        <v>0</v>
      </c>
      <c r="CA2497" s="166">
        <v>0</v>
      </c>
      <c r="CB2497" s="166">
        <v>0</v>
      </c>
      <c r="CC2497" s="166">
        <v>0</v>
      </c>
      <c r="CD2497" s="166">
        <v>0</v>
      </c>
      <c r="CE2497" s="166">
        <v>0</v>
      </c>
      <c r="CF2497" s="166">
        <v>0</v>
      </c>
      <c r="CG2497" s="166">
        <v>0</v>
      </c>
      <c r="CH2497" s="166">
        <v>0</v>
      </c>
      <c r="CI2497" s="166">
        <v>0</v>
      </c>
      <c r="CJ2497" s="166">
        <v>0</v>
      </c>
      <c r="CK2497" s="166">
        <v>0</v>
      </c>
      <c r="CL2497" s="166">
        <v>0</v>
      </c>
      <c r="CM2497" s="166">
        <v>0</v>
      </c>
      <c r="CN2497" s="166">
        <v>0</v>
      </c>
      <c r="CO2497" s="166">
        <v>0</v>
      </c>
      <c r="CP2497" s="166">
        <v>0</v>
      </c>
      <c r="CQ2497" s="166">
        <v>0</v>
      </c>
      <c r="CR2497" s="166">
        <v>0</v>
      </c>
      <c r="CS2497" s="166">
        <v>0</v>
      </c>
      <c r="CT2497" s="166">
        <v>0</v>
      </c>
      <c r="CU2497" s="166">
        <v>0</v>
      </c>
      <c r="CV2497" s="166">
        <v>0</v>
      </c>
      <c r="CW2497" s="166">
        <v>0</v>
      </c>
      <c r="CX2497" s="166">
        <v>0</v>
      </c>
      <c r="CY2497" s="166">
        <v>1534810.63886567</v>
      </c>
      <c r="CZ2497" s="166">
        <v>1534810.63886567</v>
      </c>
    </row>
    <row r="2498" spans="1:104" x14ac:dyDescent="0.2">
      <c r="A2498" s="167" t="s">
        <v>1144</v>
      </c>
      <c r="B2498" s="166">
        <v>785973.370206038</v>
      </c>
      <c r="C2498" s="166">
        <v>785973.370206038</v>
      </c>
      <c r="D2498" s="166">
        <v>0</v>
      </c>
      <c r="E2498" s="166">
        <v>0</v>
      </c>
      <c r="F2498" s="166">
        <v>0</v>
      </c>
      <c r="G2498" s="166">
        <v>0</v>
      </c>
      <c r="H2498" s="166">
        <v>0</v>
      </c>
      <c r="I2498" s="166">
        <v>0</v>
      </c>
      <c r="J2498" s="166">
        <v>0</v>
      </c>
      <c r="K2498" s="166">
        <v>0</v>
      </c>
      <c r="L2498" s="166">
        <v>0</v>
      </c>
      <c r="M2498" s="166">
        <v>0</v>
      </c>
      <c r="N2498" s="166">
        <v>0</v>
      </c>
      <c r="O2498" s="166">
        <v>0</v>
      </c>
      <c r="P2498" s="166">
        <v>0</v>
      </c>
      <c r="Q2498" s="166">
        <v>0</v>
      </c>
      <c r="R2498" s="166">
        <v>0</v>
      </c>
      <c r="S2498" s="166">
        <v>0</v>
      </c>
      <c r="T2498" s="166">
        <v>0</v>
      </c>
      <c r="U2498" s="166">
        <v>0</v>
      </c>
      <c r="V2498" s="166">
        <v>0</v>
      </c>
      <c r="W2498" s="166">
        <v>0</v>
      </c>
      <c r="X2498" s="166">
        <v>0</v>
      </c>
      <c r="Y2498" s="166">
        <v>0</v>
      </c>
      <c r="Z2498" s="166">
        <v>0</v>
      </c>
      <c r="AA2498" s="166">
        <v>0</v>
      </c>
      <c r="AB2498" s="166">
        <v>0</v>
      </c>
      <c r="AC2498" s="166">
        <v>0</v>
      </c>
      <c r="AD2498" s="166">
        <v>0</v>
      </c>
      <c r="AE2498" s="166">
        <v>0</v>
      </c>
      <c r="AF2498" s="166">
        <v>0</v>
      </c>
      <c r="AG2498" s="166">
        <v>0</v>
      </c>
      <c r="AH2498" s="166">
        <v>0</v>
      </c>
      <c r="AI2498" s="166">
        <v>0</v>
      </c>
      <c r="AJ2498" s="166">
        <v>0</v>
      </c>
      <c r="AK2498" s="166">
        <v>0</v>
      </c>
      <c r="AL2498" s="166">
        <v>0</v>
      </c>
      <c r="AM2498" s="166">
        <v>0</v>
      </c>
      <c r="AN2498" s="166">
        <v>0</v>
      </c>
      <c r="AO2498" s="166">
        <v>0</v>
      </c>
      <c r="AP2498" s="166">
        <v>0</v>
      </c>
      <c r="AQ2498" s="166">
        <v>0</v>
      </c>
      <c r="AR2498" s="166">
        <v>0</v>
      </c>
      <c r="AS2498" s="166">
        <v>0</v>
      </c>
      <c r="AT2498" s="166">
        <v>0</v>
      </c>
      <c r="AU2498" s="166">
        <v>0</v>
      </c>
      <c r="AV2498" s="166">
        <v>0</v>
      </c>
      <c r="AW2498" s="166">
        <v>0</v>
      </c>
      <c r="AX2498" s="166">
        <v>0</v>
      </c>
      <c r="AY2498" s="166">
        <v>0</v>
      </c>
      <c r="AZ2498" s="166">
        <v>0</v>
      </c>
      <c r="BA2498" s="166">
        <v>0</v>
      </c>
      <c r="BB2498" s="166">
        <v>0</v>
      </c>
      <c r="BC2498" s="166">
        <v>0</v>
      </c>
      <c r="BD2498" s="166">
        <v>0</v>
      </c>
      <c r="BE2498" s="166">
        <v>0</v>
      </c>
      <c r="BF2498" s="166">
        <v>0</v>
      </c>
      <c r="BG2498" s="166">
        <v>0</v>
      </c>
      <c r="BH2498" s="166">
        <v>0</v>
      </c>
      <c r="BI2498" s="166">
        <v>0</v>
      </c>
      <c r="BJ2498" s="166">
        <v>0</v>
      </c>
      <c r="BK2498" s="166">
        <v>0</v>
      </c>
      <c r="BL2498" s="166">
        <v>0</v>
      </c>
      <c r="BM2498" s="166">
        <v>0</v>
      </c>
      <c r="BN2498" s="166">
        <v>0</v>
      </c>
      <c r="BO2498" s="166">
        <v>0</v>
      </c>
      <c r="BP2498" s="166">
        <v>0</v>
      </c>
      <c r="BQ2498" s="166">
        <v>0</v>
      </c>
      <c r="BR2498" s="166">
        <v>785973.370206038</v>
      </c>
      <c r="BS2498" s="166">
        <v>785973.370206038</v>
      </c>
      <c r="BT2498" s="168">
        <v>1</v>
      </c>
      <c r="BU2498" s="166">
        <v>42784.869384693899</v>
      </c>
      <c r="BV2498" s="166">
        <v>785973.370206038</v>
      </c>
      <c r="BW2498" s="166">
        <v>0</v>
      </c>
      <c r="BX2498" s="166">
        <v>0</v>
      </c>
      <c r="BY2498" s="166">
        <v>0</v>
      </c>
      <c r="BZ2498" s="166">
        <v>0</v>
      </c>
      <c r="CA2498" s="166">
        <v>0</v>
      </c>
      <c r="CB2498" s="166">
        <v>0</v>
      </c>
      <c r="CC2498" s="166">
        <v>0</v>
      </c>
      <c r="CD2498" s="166">
        <v>0</v>
      </c>
      <c r="CE2498" s="166">
        <v>0</v>
      </c>
      <c r="CF2498" s="166">
        <v>0</v>
      </c>
      <c r="CG2498" s="166">
        <v>0</v>
      </c>
      <c r="CH2498" s="166">
        <v>0</v>
      </c>
      <c r="CI2498" s="166">
        <v>0</v>
      </c>
      <c r="CJ2498" s="166">
        <v>0</v>
      </c>
      <c r="CK2498" s="166">
        <v>0</v>
      </c>
      <c r="CL2498" s="166">
        <v>0</v>
      </c>
      <c r="CM2498" s="166">
        <v>0</v>
      </c>
      <c r="CN2498" s="166">
        <v>0</v>
      </c>
      <c r="CO2498" s="166">
        <v>0</v>
      </c>
      <c r="CP2498" s="166">
        <v>0</v>
      </c>
      <c r="CQ2498" s="166">
        <v>0</v>
      </c>
      <c r="CR2498" s="166">
        <v>0</v>
      </c>
      <c r="CS2498" s="166">
        <v>0</v>
      </c>
      <c r="CT2498" s="166">
        <v>0</v>
      </c>
      <c r="CU2498" s="166">
        <v>0</v>
      </c>
      <c r="CV2498" s="166">
        <v>0</v>
      </c>
      <c r="CW2498" s="166">
        <v>0</v>
      </c>
      <c r="CX2498" s="166">
        <v>0</v>
      </c>
      <c r="CY2498" s="166">
        <v>785973.370206038</v>
      </c>
      <c r="CZ2498" s="166">
        <v>785973.370206038</v>
      </c>
    </row>
    <row r="2499" spans="1:104" x14ac:dyDescent="0.2">
      <c r="A2499" s="167" t="s">
        <v>1145</v>
      </c>
      <c r="B2499" s="166">
        <v>173428.371657298</v>
      </c>
      <c r="C2499" s="166">
        <v>173428.371657298</v>
      </c>
      <c r="D2499" s="166">
        <v>0</v>
      </c>
      <c r="E2499" s="166">
        <v>0</v>
      </c>
      <c r="F2499" s="166">
        <v>0</v>
      </c>
      <c r="G2499" s="166">
        <v>0</v>
      </c>
      <c r="H2499" s="166">
        <v>0</v>
      </c>
      <c r="I2499" s="166">
        <v>0</v>
      </c>
      <c r="J2499" s="166">
        <v>0</v>
      </c>
      <c r="K2499" s="166">
        <v>0</v>
      </c>
      <c r="L2499" s="166">
        <v>0</v>
      </c>
      <c r="M2499" s="166">
        <v>0</v>
      </c>
      <c r="N2499" s="166">
        <v>0</v>
      </c>
      <c r="O2499" s="166">
        <v>0</v>
      </c>
      <c r="P2499" s="166">
        <v>0</v>
      </c>
      <c r="Q2499" s="166">
        <v>0</v>
      </c>
      <c r="R2499" s="166">
        <v>0</v>
      </c>
      <c r="S2499" s="166">
        <v>0</v>
      </c>
      <c r="T2499" s="166">
        <v>0</v>
      </c>
      <c r="U2499" s="166">
        <v>0</v>
      </c>
      <c r="V2499" s="166">
        <v>0</v>
      </c>
      <c r="W2499" s="166">
        <v>0</v>
      </c>
      <c r="X2499" s="166">
        <v>0</v>
      </c>
      <c r="Y2499" s="166">
        <v>0</v>
      </c>
      <c r="Z2499" s="166">
        <v>0</v>
      </c>
      <c r="AA2499" s="166">
        <v>0</v>
      </c>
      <c r="AB2499" s="166">
        <v>0</v>
      </c>
      <c r="AC2499" s="166">
        <v>0</v>
      </c>
      <c r="AD2499" s="166">
        <v>0</v>
      </c>
      <c r="AE2499" s="166">
        <v>0</v>
      </c>
      <c r="AF2499" s="166">
        <v>0</v>
      </c>
      <c r="AG2499" s="166">
        <v>0</v>
      </c>
      <c r="AH2499" s="166">
        <v>0</v>
      </c>
      <c r="AI2499" s="166">
        <v>0</v>
      </c>
      <c r="AJ2499" s="166">
        <v>0</v>
      </c>
      <c r="AK2499" s="166">
        <v>0</v>
      </c>
      <c r="AL2499" s="166">
        <v>0</v>
      </c>
      <c r="AM2499" s="166">
        <v>0</v>
      </c>
      <c r="AN2499" s="166">
        <v>0</v>
      </c>
      <c r="AO2499" s="166">
        <v>0</v>
      </c>
      <c r="AP2499" s="166">
        <v>0</v>
      </c>
      <c r="AQ2499" s="166">
        <v>0</v>
      </c>
      <c r="AR2499" s="166">
        <v>0</v>
      </c>
      <c r="AS2499" s="166">
        <v>0</v>
      </c>
      <c r="AT2499" s="166">
        <v>0</v>
      </c>
      <c r="AU2499" s="166">
        <v>0</v>
      </c>
      <c r="AV2499" s="166">
        <v>0</v>
      </c>
      <c r="AW2499" s="166">
        <v>0</v>
      </c>
      <c r="AX2499" s="166">
        <v>0</v>
      </c>
      <c r="AY2499" s="166">
        <v>0</v>
      </c>
      <c r="AZ2499" s="166">
        <v>0</v>
      </c>
      <c r="BA2499" s="166">
        <v>0</v>
      </c>
      <c r="BB2499" s="166">
        <v>0</v>
      </c>
      <c r="BC2499" s="166">
        <v>0</v>
      </c>
      <c r="BD2499" s="166">
        <v>0</v>
      </c>
      <c r="BE2499" s="166">
        <v>0</v>
      </c>
      <c r="BF2499" s="166">
        <v>0</v>
      </c>
      <c r="BG2499" s="166">
        <v>0</v>
      </c>
      <c r="BH2499" s="166">
        <v>0</v>
      </c>
      <c r="BI2499" s="166">
        <v>0</v>
      </c>
      <c r="BJ2499" s="166">
        <v>0</v>
      </c>
      <c r="BK2499" s="166">
        <v>0</v>
      </c>
      <c r="BL2499" s="166">
        <v>0</v>
      </c>
      <c r="BM2499" s="166">
        <v>0</v>
      </c>
      <c r="BN2499" s="166">
        <v>0</v>
      </c>
      <c r="BO2499" s="166">
        <v>0</v>
      </c>
      <c r="BP2499" s="166">
        <v>0</v>
      </c>
      <c r="BQ2499" s="166">
        <v>0</v>
      </c>
      <c r="BR2499" s="166">
        <v>173428.371657298</v>
      </c>
      <c r="BS2499" s="166">
        <v>173428.371657298</v>
      </c>
      <c r="BT2499" s="168">
        <v>1</v>
      </c>
      <c r="BU2499" s="166">
        <v>9101.7079530287592</v>
      </c>
      <c r="BV2499" s="166">
        <v>173428.371657298</v>
      </c>
      <c r="BW2499" s="166">
        <v>0</v>
      </c>
      <c r="BX2499" s="166">
        <v>0</v>
      </c>
      <c r="BY2499" s="166">
        <v>0</v>
      </c>
      <c r="BZ2499" s="166">
        <v>0</v>
      </c>
      <c r="CA2499" s="166">
        <v>0</v>
      </c>
      <c r="CB2499" s="166">
        <v>0</v>
      </c>
      <c r="CC2499" s="166">
        <v>0</v>
      </c>
      <c r="CD2499" s="166">
        <v>0</v>
      </c>
      <c r="CE2499" s="166">
        <v>0</v>
      </c>
      <c r="CF2499" s="166">
        <v>0</v>
      </c>
      <c r="CG2499" s="166">
        <v>0</v>
      </c>
      <c r="CH2499" s="166">
        <v>0</v>
      </c>
      <c r="CI2499" s="166">
        <v>0</v>
      </c>
      <c r="CJ2499" s="166">
        <v>0</v>
      </c>
      <c r="CK2499" s="166">
        <v>0</v>
      </c>
      <c r="CL2499" s="166">
        <v>0</v>
      </c>
      <c r="CM2499" s="166">
        <v>0</v>
      </c>
      <c r="CN2499" s="166">
        <v>0</v>
      </c>
      <c r="CO2499" s="166">
        <v>0</v>
      </c>
      <c r="CP2499" s="166">
        <v>0</v>
      </c>
      <c r="CQ2499" s="166">
        <v>0</v>
      </c>
      <c r="CR2499" s="166">
        <v>0</v>
      </c>
      <c r="CS2499" s="166">
        <v>0</v>
      </c>
      <c r="CT2499" s="166">
        <v>0</v>
      </c>
      <c r="CU2499" s="166">
        <v>0</v>
      </c>
      <c r="CV2499" s="166">
        <v>0</v>
      </c>
      <c r="CW2499" s="166">
        <v>0</v>
      </c>
      <c r="CX2499" s="166">
        <v>0</v>
      </c>
      <c r="CY2499" s="166">
        <v>173428.371657298</v>
      </c>
      <c r="CZ2499" s="166">
        <v>173428.371657298</v>
      </c>
    </row>
    <row r="2500" spans="1:104" x14ac:dyDescent="0.2">
      <c r="A2500" s="167" t="s">
        <v>1146</v>
      </c>
      <c r="B2500" s="166">
        <v>97726.501788290901</v>
      </c>
      <c r="C2500" s="166">
        <v>97726.501788290901</v>
      </c>
      <c r="D2500" s="166">
        <v>0</v>
      </c>
      <c r="E2500" s="166">
        <v>0</v>
      </c>
      <c r="F2500" s="166">
        <v>0</v>
      </c>
      <c r="G2500" s="166">
        <v>0</v>
      </c>
      <c r="H2500" s="166">
        <v>0</v>
      </c>
      <c r="I2500" s="166">
        <v>0</v>
      </c>
      <c r="J2500" s="166">
        <v>0</v>
      </c>
      <c r="K2500" s="166">
        <v>0</v>
      </c>
      <c r="L2500" s="166">
        <v>0</v>
      </c>
      <c r="M2500" s="166">
        <v>0</v>
      </c>
      <c r="N2500" s="166">
        <v>0</v>
      </c>
      <c r="O2500" s="166">
        <v>0</v>
      </c>
      <c r="P2500" s="166">
        <v>0</v>
      </c>
      <c r="Q2500" s="166">
        <v>0</v>
      </c>
      <c r="R2500" s="166">
        <v>0</v>
      </c>
      <c r="S2500" s="166">
        <v>0</v>
      </c>
      <c r="T2500" s="166">
        <v>0</v>
      </c>
      <c r="U2500" s="166">
        <v>0</v>
      </c>
      <c r="V2500" s="166">
        <v>0</v>
      </c>
      <c r="W2500" s="166">
        <v>0</v>
      </c>
      <c r="X2500" s="166">
        <v>0</v>
      </c>
      <c r="Y2500" s="166">
        <v>0</v>
      </c>
      <c r="Z2500" s="166">
        <v>0</v>
      </c>
      <c r="AA2500" s="166">
        <v>0</v>
      </c>
      <c r="AB2500" s="166">
        <v>0</v>
      </c>
      <c r="AC2500" s="166">
        <v>0</v>
      </c>
      <c r="AD2500" s="166">
        <v>0</v>
      </c>
      <c r="AE2500" s="166">
        <v>0</v>
      </c>
      <c r="AF2500" s="166">
        <v>0</v>
      </c>
      <c r="AG2500" s="166">
        <v>0</v>
      </c>
      <c r="AH2500" s="166">
        <v>0</v>
      </c>
      <c r="AI2500" s="166">
        <v>0</v>
      </c>
      <c r="AJ2500" s="166">
        <v>0</v>
      </c>
      <c r="AK2500" s="166">
        <v>0</v>
      </c>
      <c r="AL2500" s="166">
        <v>0</v>
      </c>
      <c r="AM2500" s="166">
        <v>0</v>
      </c>
      <c r="AN2500" s="166">
        <v>0</v>
      </c>
      <c r="AO2500" s="166">
        <v>0</v>
      </c>
      <c r="AP2500" s="166">
        <v>0</v>
      </c>
      <c r="AQ2500" s="166">
        <v>0</v>
      </c>
      <c r="AR2500" s="166">
        <v>0</v>
      </c>
      <c r="AS2500" s="166">
        <v>0</v>
      </c>
      <c r="AT2500" s="166">
        <v>0</v>
      </c>
      <c r="AU2500" s="166">
        <v>0</v>
      </c>
      <c r="AV2500" s="166">
        <v>0</v>
      </c>
      <c r="AW2500" s="166">
        <v>0</v>
      </c>
      <c r="AX2500" s="166">
        <v>0</v>
      </c>
      <c r="AY2500" s="166">
        <v>0</v>
      </c>
      <c r="AZ2500" s="166">
        <v>0</v>
      </c>
      <c r="BA2500" s="166">
        <v>0</v>
      </c>
      <c r="BB2500" s="166">
        <v>0</v>
      </c>
      <c r="BC2500" s="166">
        <v>0</v>
      </c>
      <c r="BD2500" s="166">
        <v>0</v>
      </c>
      <c r="BE2500" s="166">
        <v>0</v>
      </c>
      <c r="BF2500" s="166">
        <v>0</v>
      </c>
      <c r="BG2500" s="166">
        <v>0</v>
      </c>
      <c r="BH2500" s="166">
        <v>0</v>
      </c>
      <c r="BI2500" s="166">
        <v>0</v>
      </c>
      <c r="BJ2500" s="166">
        <v>0</v>
      </c>
      <c r="BK2500" s="166">
        <v>0</v>
      </c>
      <c r="BL2500" s="166">
        <v>0</v>
      </c>
      <c r="BM2500" s="166">
        <v>0</v>
      </c>
      <c r="BN2500" s="166">
        <v>0</v>
      </c>
      <c r="BO2500" s="166">
        <v>0</v>
      </c>
      <c r="BP2500" s="166">
        <v>0</v>
      </c>
      <c r="BQ2500" s="166">
        <v>0</v>
      </c>
      <c r="BR2500" s="166">
        <v>97726.501788290901</v>
      </c>
      <c r="BS2500" s="166">
        <v>97726.501788290901</v>
      </c>
      <c r="BT2500" s="168">
        <v>0.98751</v>
      </c>
      <c r="BU2500" s="166">
        <v>5121.0753012657997</v>
      </c>
      <c r="BV2500" s="166">
        <v>96505.897780955202</v>
      </c>
      <c r="BW2500" s="166">
        <v>0</v>
      </c>
      <c r="BX2500" s="166">
        <v>0</v>
      </c>
      <c r="BY2500" s="166">
        <v>0</v>
      </c>
      <c r="BZ2500" s="166">
        <v>0</v>
      </c>
      <c r="CA2500" s="166">
        <v>0</v>
      </c>
      <c r="CB2500" s="166">
        <v>0</v>
      </c>
      <c r="CC2500" s="166">
        <v>0</v>
      </c>
      <c r="CD2500" s="166">
        <v>0</v>
      </c>
      <c r="CE2500" s="166">
        <v>0</v>
      </c>
      <c r="CF2500" s="166">
        <v>0</v>
      </c>
      <c r="CG2500" s="166">
        <v>0</v>
      </c>
      <c r="CH2500" s="166">
        <v>0</v>
      </c>
      <c r="CI2500" s="166">
        <v>0</v>
      </c>
      <c r="CJ2500" s="166">
        <v>0</v>
      </c>
      <c r="CK2500" s="166">
        <v>0</v>
      </c>
      <c r="CL2500" s="166">
        <v>0</v>
      </c>
      <c r="CM2500" s="166">
        <v>0</v>
      </c>
      <c r="CN2500" s="166">
        <v>0</v>
      </c>
      <c r="CO2500" s="166">
        <v>0</v>
      </c>
      <c r="CP2500" s="166">
        <v>0</v>
      </c>
      <c r="CQ2500" s="166">
        <v>0</v>
      </c>
      <c r="CR2500" s="166">
        <v>0</v>
      </c>
      <c r="CS2500" s="166">
        <v>0</v>
      </c>
      <c r="CT2500" s="166">
        <v>0</v>
      </c>
      <c r="CU2500" s="166">
        <v>0</v>
      </c>
      <c r="CV2500" s="166">
        <v>0</v>
      </c>
      <c r="CW2500" s="166">
        <v>0</v>
      </c>
      <c r="CX2500" s="166">
        <v>0</v>
      </c>
      <c r="CY2500" s="166">
        <v>96505.897780955202</v>
      </c>
      <c r="CZ2500" s="166">
        <v>96505.897780955202</v>
      </c>
    </row>
    <row r="2501" spans="1:104" x14ac:dyDescent="0.2">
      <c r="A2501" s="167" t="s">
        <v>1147</v>
      </c>
      <c r="B2501" s="166">
        <v>254448.777482698</v>
      </c>
      <c r="C2501" s="166">
        <v>254448.777482698</v>
      </c>
      <c r="D2501" s="166">
        <v>0</v>
      </c>
      <c r="E2501" s="166">
        <v>0</v>
      </c>
      <c r="F2501" s="166">
        <v>0</v>
      </c>
      <c r="G2501" s="166">
        <v>0</v>
      </c>
      <c r="H2501" s="166">
        <v>0</v>
      </c>
      <c r="I2501" s="166">
        <v>0</v>
      </c>
      <c r="J2501" s="166">
        <v>0</v>
      </c>
      <c r="K2501" s="166">
        <v>0</v>
      </c>
      <c r="L2501" s="166">
        <v>0</v>
      </c>
      <c r="M2501" s="166">
        <v>0</v>
      </c>
      <c r="N2501" s="166">
        <v>0</v>
      </c>
      <c r="O2501" s="166">
        <v>0</v>
      </c>
      <c r="P2501" s="166">
        <v>0</v>
      </c>
      <c r="Q2501" s="166">
        <v>0</v>
      </c>
      <c r="R2501" s="166">
        <v>0</v>
      </c>
      <c r="S2501" s="166">
        <v>0</v>
      </c>
      <c r="T2501" s="166">
        <v>0</v>
      </c>
      <c r="U2501" s="166">
        <v>0</v>
      </c>
      <c r="V2501" s="166">
        <v>0</v>
      </c>
      <c r="W2501" s="166">
        <v>0</v>
      </c>
      <c r="X2501" s="166">
        <v>0</v>
      </c>
      <c r="Y2501" s="166">
        <v>0</v>
      </c>
      <c r="Z2501" s="166">
        <v>0</v>
      </c>
      <c r="AA2501" s="166">
        <v>0</v>
      </c>
      <c r="AB2501" s="166">
        <v>0</v>
      </c>
      <c r="AC2501" s="166">
        <v>0</v>
      </c>
      <c r="AD2501" s="166">
        <v>0</v>
      </c>
      <c r="AE2501" s="166">
        <v>0</v>
      </c>
      <c r="AF2501" s="166">
        <v>0</v>
      </c>
      <c r="AG2501" s="166">
        <v>0</v>
      </c>
      <c r="AH2501" s="166">
        <v>0</v>
      </c>
      <c r="AI2501" s="166">
        <v>0</v>
      </c>
      <c r="AJ2501" s="166">
        <v>0</v>
      </c>
      <c r="AK2501" s="166">
        <v>0</v>
      </c>
      <c r="AL2501" s="166">
        <v>0</v>
      </c>
      <c r="AM2501" s="166">
        <v>0</v>
      </c>
      <c r="AN2501" s="166">
        <v>0</v>
      </c>
      <c r="AO2501" s="166">
        <v>0</v>
      </c>
      <c r="AP2501" s="166">
        <v>0</v>
      </c>
      <c r="AQ2501" s="166">
        <v>0</v>
      </c>
      <c r="AR2501" s="166">
        <v>0</v>
      </c>
      <c r="AS2501" s="166">
        <v>0</v>
      </c>
      <c r="AT2501" s="166">
        <v>0</v>
      </c>
      <c r="AU2501" s="166">
        <v>0</v>
      </c>
      <c r="AV2501" s="166">
        <v>0</v>
      </c>
      <c r="AW2501" s="166">
        <v>0</v>
      </c>
      <c r="AX2501" s="166">
        <v>0</v>
      </c>
      <c r="AY2501" s="166">
        <v>0</v>
      </c>
      <c r="AZ2501" s="166">
        <v>0</v>
      </c>
      <c r="BA2501" s="166">
        <v>0</v>
      </c>
      <c r="BB2501" s="166">
        <v>0</v>
      </c>
      <c r="BC2501" s="166">
        <v>0</v>
      </c>
      <c r="BD2501" s="166">
        <v>0</v>
      </c>
      <c r="BE2501" s="166">
        <v>0</v>
      </c>
      <c r="BF2501" s="166">
        <v>0</v>
      </c>
      <c r="BG2501" s="166">
        <v>0</v>
      </c>
      <c r="BH2501" s="166">
        <v>0</v>
      </c>
      <c r="BI2501" s="166">
        <v>0</v>
      </c>
      <c r="BJ2501" s="166">
        <v>0</v>
      </c>
      <c r="BK2501" s="166">
        <v>0</v>
      </c>
      <c r="BL2501" s="166">
        <v>0</v>
      </c>
      <c r="BM2501" s="166">
        <v>0</v>
      </c>
      <c r="BN2501" s="166">
        <v>0</v>
      </c>
      <c r="BO2501" s="166">
        <v>0</v>
      </c>
      <c r="BP2501" s="166">
        <v>0</v>
      </c>
      <c r="BQ2501" s="166">
        <v>0</v>
      </c>
      <c r="BR2501" s="166">
        <v>254448.777482698</v>
      </c>
      <c r="BS2501" s="166">
        <v>254448.777482698</v>
      </c>
      <c r="BT2501" s="168">
        <v>1</v>
      </c>
      <c r="BU2501" s="166">
        <v>13686.591497314899</v>
      </c>
      <c r="BV2501" s="166">
        <v>254448.777482698</v>
      </c>
      <c r="BW2501" s="166">
        <v>0</v>
      </c>
      <c r="BX2501" s="166">
        <v>0</v>
      </c>
      <c r="BY2501" s="166">
        <v>0</v>
      </c>
      <c r="BZ2501" s="166">
        <v>0</v>
      </c>
      <c r="CA2501" s="166">
        <v>0</v>
      </c>
      <c r="CB2501" s="166">
        <v>0</v>
      </c>
      <c r="CC2501" s="166">
        <v>0</v>
      </c>
      <c r="CD2501" s="166">
        <v>0</v>
      </c>
      <c r="CE2501" s="166">
        <v>0</v>
      </c>
      <c r="CF2501" s="166">
        <v>0</v>
      </c>
      <c r="CG2501" s="166">
        <v>0</v>
      </c>
      <c r="CH2501" s="166">
        <v>0</v>
      </c>
      <c r="CI2501" s="166">
        <v>0</v>
      </c>
      <c r="CJ2501" s="166">
        <v>0</v>
      </c>
      <c r="CK2501" s="166">
        <v>0</v>
      </c>
      <c r="CL2501" s="166">
        <v>0</v>
      </c>
      <c r="CM2501" s="166">
        <v>0</v>
      </c>
      <c r="CN2501" s="166">
        <v>0</v>
      </c>
      <c r="CO2501" s="166">
        <v>0</v>
      </c>
      <c r="CP2501" s="166">
        <v>0</v>
      </c>
      <c r="CQ2501" s="166">
        <v>0</v>
      </c>
      <c r="CR2501" s="166">
        <v>0</v>
      </c>
      <c r="CS2501" s="166">
        <v>0</v>
      </c>
      <c r="CT2501" s="166">
        <v>0</v>
      </c>
      <c r="CU2501" s="166">
        <v>0</v>
      </c>
      <c r="CV2501" s="166">
        <v>0</v>
      </c>
      <c r="CW2501" s="166">
        <v>0</v>
      </c>
      <c r="CX2501" s="166">
        <v>0</v>
      </c>
      <c r="CY2501" s="166">
        <v>254448.777482698</v>
      </c>
      <c r="CZ2501" s="166">
        <v>254448.777482698</v>
      </c>
    </row>
    <row r="2502" spans="1:104" x14ac:dyDescent="0.2">
      <c r="A2502" s="167" t="s">
        <v>1148</v>
      </c>
      <c r="B2502" s="166">
        <v>0</v>
      </c>
      <c r="C2502" s="166">
        <v>0</v>
      </c>
      <c r="D2502" s="166">
        <v>0</v>
      </c>
      <c r="E2502" s="166">
        <v>0</v>
      </c>
      <c r="F2502" s="166">
        <v>0</v>
      </c>
      <c r="G2502" s="166">
        <v>0</v>
      </c>
      <c r="H2502" s="166">
        <v>0</v>
      </c>
      <c r="I2502" s="166">
        <v>0</v>
      </c>
      <c r="J2502" s="166">
        <v>0</v>
      </c>
      <c r="K2502" s="166">
        <v>0</v>
      </c>
      <c r="L2502" s="166">
        <v>0</v>
      </c>
      <c r="M2502" s="166">
        <v>0</v>
      </c>
      <c r="N2502" s="166">
        <v>0</v>
      </c>
      <c r="O2502" s="166">
        <v>0</v>
      </c>
      <c r="P2502" s="166">
        <v>0</v>
      </c>
      <c r="Q2502" s="166">
        <v>0</v>
      </c>
      <c r="R2502" s="166">
        <v>0</v>
      </c>
      <c r="S2502" s="166">
        <v>0</v>
      </c>
      <c r="T2502" s="166">
        <v>0</v>
      </c>
      <c r="U2502" s="166">
        <v>0</v>
      </c>
      <c r="V2502" s="166">
        <v>0</v>
      </c>
      <c r="W2502" s="166">
        <v>0</v>
      </c>
      <c r="X2502" s="166">
        <v>0</v>
      </c>
      <c r="Y2502" s="166">
        <v>0</v>
      </c>
      <c r="Z2502" s="166">
        <v>0</v>
      </c>
      <c r="AA2502" s="166">
        <v>0</v>
      </c>
      <c r="AB2502" s="166">
        <v>0</v>
      </c>
      <c r="AC2502" s="166">
        <v>0</v>
      </c>
      <c r="AD2502" s="166">
        <v>0</v>
      </c>
      <c r="AE2502" s="166">
        <v>0</v>
      </c>
      <c r="AF2502" s="166">
        <v>0</v>
      </c>
      <c r="AG2502" s="166">
        <v>0</v>
      </c>
      <c r="AH2502" s="166">
        <v>0</v>
      </c>
      <c r="AI2502" s="166">
        <v>0</v>
      </c>
      <c r="AJ2502" s="166">
        <v>0</v>
      </c>
      <c r="AK2502" s="166">
        <v>0</v>
      </c>
      <c r="AL2502" s="166">
        <v>0</v>
      </c>
      <c r="AM2502" s="166">
        <v>0</v>
      </c>
      <c r="AN2502" s="166">
        <v>0</v>
      </c>
      <c r="AO2502" s="166">
        <v>0</v>
      </c>
      <c r="AP2502" s="166">
        <v>0</v>
      </c>
      <c r="AQ2502" s="166">
        <v>0</v>
      </c>
      <c r="AR2502" s="166">
        <v>0</v>
      </c>
      <c r="AS2502" s="166">
        <v>0</v>
      </c>
      <c r="AT2502" s="166">
        <v>0</v>
      </c>
      <c r="AU2502" s="166">
        <v>0</v>
      </c>
      <c r="AV2502" s="166">
        <v>0</v>
      </c>
      <c r="AW2502" s="166">
        <v>0</v>
      </c>
      <c r="AX2502" s="166">
        <v>0</v>
      </c>
      <c r="AY2502" s="166">
        <v>0</v>
      </c>
      <c r="AZ2502" s="166">
        <v>0</v>
      </c>
      <c r="BA2502" s="166">
        <v>0</v>
      </c>
      <c r="BB2502" s="166">
        <v>0</v>
      </c>
      <c r="BC2502" s="166">
        <v>0</v>
      </c>
      <c r="BD2502" s="166">
        <v>0</v>
      </c>
      <c r="BE2502" s="166">
        <v>0</v>
      </c>
      <c r="BF2502" s="166">
        <v>0</v>
      </c>
      <c r="BG2502" s="166">
        <v>0</v>
      </c>
      <c r="BH2502" s="166">
        <v>0</v>
      </c>
      <c r="BI2502" s="166">
        <v>0</v>
      </c>
      <c r="BJ2502" s="166">
        <v>0</v>
      </c>
      <c r="BK2502" s="166">
        <v>0</v>
      </c>
      <c r="BL2502" s="166">
        <v>0</v>
      </c>
      <c r="BM2502" s="166">
        <v>0</v>
      </c>
      <c r="BN2502" s="166">
        <v>0</v>
      </c>
      <c r="BO2502" s="166">
        <v>0</v>
      </c>
      <c r="BP2502" s="166">
        <v>0</v>
      </c>
      <c r="BQ2502" s="166">
        <v>0</v>
      </c>
      <c r="BR2502" s="166">
        <v>0</v>
      </c>
      <c r="BS2502" s="166">
        <v>0</v>
      </c>
      <c r="BT2502" s="168">
        <v>1</v>
      </c>
      <c r="BU2502" s="166">
        <v>0</v>
      </c>
      <c r="BV2502" s="166">
        <v>0</v>
      </c>
      <c r="BW2502" s="166">
        <v>0</v>
      </c>
      <c r="BX2502" s="166">
        <v>0</v>
      </c>
      <c r="BY2502" s="166">
        <v>0</v>
      </c>
      <c r="BZ2502" s="166">
        <v>0</v>
      </c>
      <c r="CA2502" s="166">
        <v>0</v>
      </c>
      <c r="CB2502" s="166">
        <v>0</v>
      </c>
      <c r="CC2502" s="166">
        <v>0</v>
      </c>
      <c r="CD2502" s="166">
        <v>0</v>
      </c>
      <c r="CE2502" s="166">
        <v>0</v>
      </c>
      <c r="CF2502" s="166">
        <v>0</v>
      </c>
      <c r="CG2502" s="166">
        <v>0</v>
      </c>
      <c r="CH2502" s="166">
        <v>0</v>
      </c>
      <c r="CI2502" s="166">
        <v>0</v>
      </c>
      <c r="CJ2502" s="166">
        <v>0</v>
      </c>
      <c r="CK2502" s="166">
        <v>0</v>
      </c>
      <c r="CL2502" s="166">
        <v>0</v>
      </c>
      <c r="CM2502" s="166">
        <v>0</v>
      </c>
      <c r="CN2502" s="166">
        <v>0</v>
      </c>
      <c r="CO2502" s="166">
        <v>0</v>
      </c>
      <c r="CP2502" s="166">
        <v>0</v>
      </c>
      <c r="CQ2502" s="166">
        <v>0</v>
      </c>
      <c r="CR2502" s="166">
        <v>0</v>
      </c>
      <c r="CS2502" s="166">
        <v>0</v>
      </c>
      <c r="CT2502" s="166">
        <v>0</v>
      </c>
      <c r="CU2502" s="166">
        <v>0</v>
      </c>
      <c r="CV2502" s="166">
        <v>0</v>
      </c>
      <c r="CW2502" s="166">
        <v>0</v>
      </c>
      <c r="CX2502" s="166">
        <v>0</v>
      </c>
      <c r="CY2502" s="166">
        <v>0</v>
      </c>
      <c r="CZ2502" s="166">
        <v>0</v>
      </c>
    </row>
    <row r="2503" spans="1:104" x14ac:dyDescent="0.2">
      <c r="A2503" s="167" t="s">
        <v>1149</v>
      </c>
      <c r="B2503" s="166">
        <v>2846387.66</v>
      </c>
      <c r="C2503" s="166">
        <v>2846387.66</v>
      </c>
      <c r="D2503" s="166">
        <v>0</v>
      </c>
      <c r="E2503" s="166">
        <v>0</v>
      </c>
      <c r="F2503" s="166">
        <v>0</v>
      </c>
      <c r="G2503" s="166">
        <v>0</v>
      </c>
      <c r="H2503" s="166">
        <v>0</v>
      </c>
      <c r="I2503" s="166">
        <v>0</v>
      </c>
      <c r="J2503" s="166">
        <v>0</v>
      </c>
      <c r="K2503" s="166">
        <v>0</v>
      </c>
      <c r="L2503" s="166">
        <v>0</v>
      </c>
      <c r="M2503" s="166">
        <v>0</v>
      </c>
      <c r="N2503" s="166">
        <v>0</v>
      </c>
      <c r="O2503" s="166">
        <v>0</v>
      </c>
      <c r="P2503" s="166">
        <v>0</v>
      </c>
      <c r="Q2503" s="166">
        <v>0</v>
      </c>
      <c r="R2503" s="166">
        <v>0</v>
      </c>
      <c r="S2503" s="166">
        <v>0</v>
      </c>
      <c r="T2503" s="166">
        <v>0</v>
      </c>
      <c r="U2503" s="166">
        <v>0</v>
      </c>
      <c r="V2503" s="166">
        <v>0</v>
      </c>
      <c r="W2503" s="166">
        <v>0</v>
      </c>
      <c r="X2503" s="166">
        <v>0</v>
      </c>
      <c r="Y2503" s="166">
        <v>0</v>
      </c>
      <c r="Z2503" s="166">
        <v>0</v>
      </c>
      <c r="AA2503" s="166">
        <v>0</v>
      </c>
      <c r="AB2503" s="166">
        <v>0</v>
      </c>
      <c r="AC2503" s="166">
        <v>0</v>
      </c>
      <c r="AD2503" s="166">
        <v>0</v>
      </c>
      <c r="AE2503" s="166">
        <v>0</v>
      </c>
      <c r="AF2503" s="166">
        <v>0</v>
      </c>
      <c r="AG2503" s="166">
        <v>0</v>
      </c>
      <c r="AH2503" s="166">
        <v>0</v>
      </c>
      <c r="AI2503" s="166">
        <v>0</v>
      </c>
      <c r="AJ2503" s="166">
        <v>0</v>
      </c>
      <c r="AK2503" s="166">
        <v>0</v>
      </c>
      <c r="AL2503" s="166">
        <v>0</v>
      </c>
      <c r="AM2503" s="166">
        <v>0</v>
      </c>
      <c r="AN2503" s="166">
        <v>0</v>
      </c>
      <c r="AO2503" s="166">
        <v>0</v>
      </c>
      <c r="AP2503" s="166">
        <v>0</v>
      </c>
      <c r="AQ2503" s="166">
        <v>0</v>
      </c>
      <c r="AR2503" s="166">
        <v>0</v>
      </c>
      <c r="AS2503" s="166">
        <v>0</v>
      </c>
      <c r="AT2503" s="166">
        <v>0</v>
      </c>
      <c r="AU2503" s="166">
        <v>0</v>
      </c>
      <c r="AV2503" s="166">
        <v>0</v>
      </c>
      <c r="AW2503" s="166">
        <v>0</v>
      </c>
      <c r="AX2503" s="166">
        <v>0</v>
      </c>
      <c r="AY2503" s="166">
        <v>0</v>
      </c>
      <c r="AZ2503" s="166">
        <v>0</v>
      </c>
      <c r="BA2503" s="166">
        <v>0</v>
      </c>
      <c r="BB2503" s="166">
        <v>0</v>
      </c>
      <c r="BC2503" s="166">
        <v>0</v>
      </c>
      <c r="BD2503" s="166">
        <v>0</v>
      </c>
      <c r="BE2503" s="166">
        <v>0</v>
      </c>
      <c r="BF2503" s="166">
        <v>0</v>
      </c>
      <c r="BG2503" s="166">
        <v>0</v>
      </c>
      <c r="BH2503" s="166">
        <v>0</v>
      </c>
      <c r="BI2503" s="166">
        <v>0</v>
      </c>
      <c r="BJ2503" s="166">
        <v>0</v>
      </c>
      <c r="BK2503" s="166">
        <v>0</v>
      </c>
      <c r="BL2503" s="166">
        <v>0</v>
      </c>
      <c r="BM2503" s="166">
        <v>0</v>
      </c>
      <c r="BN2503" s="166">
        <v>0</v>
      </c>
      <c r="BO2503" s="166">
        <v>0</v>
      </c>
      <c r="BP2503" s="166">
        <v>0</v>
      </c>
      <c r="BQ2503" s="166">
        <v>0</v>
      </c>
      <c r="BR2503" s="166">
        <v>2846387.66</v>
      </c>
      <c r="BS2503" s="166">
        <v>2846387.6599999899</v>
      </c>
      <c r="BT2503" s="168">
        <v>0</v>
      </c>
      <c r="BU2503" s="166">
        <v>152921.69877690999</v>
      </c>
      <c r="BV2503" s="166">
        <v>2845167.0559926601</v>
      </c>
      <c r="BW2503" s="166">
        <v>0</v>
      </c>
      <c r="BX2503" s="166">
        <v>0</v>
      </c>
      <c r="BY2503" s="166">
        <v>0</v>
      </c>
      <c r="BZ2503" s="166">
        <v>0</v>
      </c>
      <c r="CA2503" s="166">
        <v>0</v>
      </c>
      <c r="CB2503" s="166">
        <v>0</v>
      </c>
      <c r="CC2503" s="166">
        <v>0</v>
      </c>
      <c r="CD2503" s="166">
        <v>0</v>
      </c>
      <c r="CE2503" s="166">
        <v>0</v>
      </c>
      <c r="CF2503" s="166">
        <v>0</v>
      </c>
      <c r="CG2503" s="166">
        <v>0</v>
      </c>
      <c r="CH2503" s="166">
        <v>0</v>
      </c>
      <c r="CI2503" s="166">
        <v>0</v>
      </c>
      <c r="CJ2503" s="166">
        <v>0</v>
      </c>
      <c r="CK2503" s="166">
        <v>0</v>
      </c>
      <c r="CL2503" s="166">
        <v>0</v>
      </c>
      <c r="CM2503" s="166">
        <v>0</v>
      </c>
      <c r="CN2503" s="166">
        <v>0</v>
      </c>
      <c r="CO2503" s="166">
        <v>0</v>
      </c>
      <c r="CP2503" s="166">
        <v>0</v>
      </c>
      <c r="CQ2503" s="166">
        <v>0</v>
      </c>
      <c r="CR2503" s="166">
        <v>0</v>
      </c>
      <c r="CS2503" s="166">
        <v>0</v>
      </c>
      <c r="CT2503" s="166">
        <v>0</v>
      </c>
      <c r="CU2503" s="166">
        <v>0</v>
      </c>
      <c r="CV2503" s="166">
        <v>0</v>
      </c>
      <c r="CW2503" s="166">
        <v>0</v>
      </c>
      <c r="CX2503" s="166">
        <v>0</v>
      </c>
      <c r="CY2503" s="166">
        <v>2845167.0559926601</v>
      </c>
      <c r="CZ2503" s="166">
        <v>2845167.0559926601</v>
      </c>
    </row>
    <row r="2504" spans="1:104" x14ac:dyDescent="0.2">
      <c r="A2504" s="167" t="s">
        <v>352</v>
      </c>
    </row>
    <row r="2505" spans="1:104" x14ac:dyDescent="0.2">
      <c r="A2505" s="167" t="s">
        <v>1150</v>
      </c>
      <c r="B2505" s="166">
        <v>38378741.424267001</v>
      </c>
      <c r="C2505" s="166">
        <v>38378741.424267001</v>
      </c>
      <c r="D2505" s="166">
        <v>0</v>
      </c>
      <c r="E2505" s="166">
        <v>0</v>
      </c>
      <c r="F2505" s="166">
        <v>0</v>
      </c>
      <c r="G2505" s="166">
        <v>0</v>
      </c>
      <c r="H2505" s="166">
        <v>0</v>
      </c>
      <c r="I2505" s="166">
        <v>0</v>
      </c>
      <c r="J2505" s="166">
        <v>0</v>
      </c>
      <c r="K2505" s="166">
        <v>0</v>
      </c>
      <c r="L2505" s="166">
        <v>0</v>
      </c>
      <c r="M2505" s="166">
        <v>0</v>
      </c>
      <c r="N2505" s="166">
        <v>0</v>
      </c>
      <c r="O2505" s="166">
        <v>0</v>
      </c>
      <c r="P2505" s="166">
        <v>0</v>
      </c>
      <c r="Q2505" s="166">
        <v>0</v>
      </c>
      <c r="R2505" s="166">
        <v>0</v>
      </c>
      <c r="S2505" s="166">
        <v>0</v>
      </c>
      <c r="T2505" s="166">
        <v>0</v>
      </c>
      <c r="U2505" s="166">
        <v>0</v>
      </c>
      <c r="V2505" s="166">
        <v>0</v>
      </c>
      <c r="W2505" s="166">
        <v>0</v>
      </c>
      <c r="X2505" s="166">
        <v>0</v>
      </c>
      <c r="Y2505" s="166">
        <v>0</v>
      </c>
      <c r="Z2505" s="166">
        <v>0</v>
      </c>
      <c r="AA2505" s="166">
        <v>0</v>
      </c>
      <c r="AB2505" s="166">
        <v>0</v>
      </c>
      <c r="AC2505" s="166">
        <v>0</v>
      </c>
      <c r="AD2505" s="166">
        <v>0</v>
      </c>
      <c r="AE2505" s="166">
        <v>0</v>
      </c>
      <c r="AF2505" s="166">
        <v>0</v>
      </c>
      <c r="AG2505" s="166">
        <v>0</v>
      </c>
      <c r="AH2505" s="166">
        <v>0</v>
      </c>
      <c r="AI2505" s="166">
        <v>0</v>
      </c>
      <c r="AJ2505" s="166">
        <v>0</v>
      </c>
      <c r="AK2505" s="166">
        <v>0</v>
      </c>
      <c r="AL2505" s="166">
        <v>0</v>
      </c>
      <c r="AM2505" s="166">
        <v>0</v>
      </c>
      <c r="AN2505" s="166">
        <v>0</v>
      </c>
      <c r="AO2505" s="166">
        <v>0</v>
      </c>
      <c r="AP2505" s="166">
        <v>0</v>
      </c>
      <c r="AQ2505" s="166">
        <v>0</v>
      </c>
      <c r="AR2505" s="166">
        <v>0</v>
      </c>
      <c r="AS2505" s="166">
        <v>0</v>
      </c>
      <c r="AT2505" s="166">
        <v>0</v>
      </c>
      <c r="AU2505" s="166">
        <v>0</v>
      </c>
      <c r="AV2505" s="166">
        <v>0</v>
      </c>
      <c r="AW2505" s="166">
        <v>0</v>
      </c>
      <c r="AX2505" s="166">
        <v>0</v>
      </c>
      <c r="AY2505" s="166">
        <v>0</v>
      </c>
      <c r="AZ2505" s="166">
        <v>0</v>
      </c>
      <c r="BA2505" s="166">
        <v>0</v>
      </c>
      <c r="BB2505" s="166">
        <v>0</v>
      </c>
      <c r="BC2505" s="166">
        <v>0</v>
      </c>
      <c r="BD2505" s="166">
        <v>0</v>
      </c>
      <c r="BE2505" s="166">
        <v>0</v>
      </c>
      <c r="BF2505" s="166">
        <v>0</v>
      </c>
      <c r="BG2505" s="166">
        <v>0</v>
      </c>
      <c r="BH2505" s="166">
        <v>0</v>
      </c>
      <c r="BI2505" s="166">
        <v>0</v>
      </c>
      <c r="BJ2505" s="166">
        <v>0</v>
      </c>
      <c r="BK2505" s="166">
        <v>0</v>
      </c>
      <c r="BL2505" s="166">
        <v>0</v>
      </c>
      <c r="BM2505" s="166">
        <v>0</v>
      </c>
      <c r="BN2505" s="166">
        <v>0</v>
      </c>
      <c r="BO2505" s="166">
        <v>0</v>
      </c>
      <c r="BP2505" s="166">
        <v>0</v>
      </c>
      <c r="BQ2505" s="166">
        <v>0</v>
      </c>
      <c r="BR2505" s="166">
        <v>38378741.424267001</v>
      </c>
      <c r="BS2505" s="166">
        <v>38378741.424267001</v>
      </c>
      <c r="BT2505" s="168">
        <v>1</v>
      </c>
      <c r="BU2505" s="166">
        <v>3602908.6632356201</v>
      </c>
      <c r="BV2505" s="166">
        <v>38378741.424267001</v>
      </c>
      <c r="BW2505" s="166">
        <v>0</v>
      </c>
      <c r="BX2505" s="166">
        <v>0</v>
      </c>
      <c r="BY2505" s="166">
        <v>0</v>
      </c>
      <c r="BZ2505" s="166">
        <v>0</v>
      </c>
      <c r="CA2505" s="166">
        <v>0</v>
      </c>
      <c r="CB2505" s="166">
        <v>0</v>
      </c>
      <c r="CC2505" s="166">
        <v>0</v>
      </c>
      <c r="CD2505" s="166">
        <v>0</v>
      </c>
      <c r="CE2505" s="166">
        <v>0</v>
      </c>
      <c r="CF2505" s="166">
        <v>0</v>
      </c>
      <c r="CG2505" s="166">
        <v>0</v>
      </c>
      <c r="CH2505" s="166">
        <v>0</v>
      </c>
      <c r="CI2505" s="166">
        <v>0</v>
      </c>
      <c r="CJ2505" s="166">
        <v>0</v>
      </c>
      <c r="CK2505" s="166">
        <v>0</v>
      </c>
      <c r="CL2505" s="166">
        <v>0</v>
      </c>
      <c r="CM2505" s="166">
        <v>0</v>
      </c>
      <c r="CN2505" s="166">
        <v>0</v>
      </c>
      <c r="CO2505" s="166">
        <v>0</v>
      </c>
      <c r="CP2505" s="166">
        <v>0</v>
      </c>
      <c r="CQ2505" s="166">
        <v>0</v>
      </c>
      <c r="CR2505" s="166">
        <v>0</v>
      </c>
      <c r="CS2505" s="166">
        <v>0</v>
      </c>
      <c r="CT2505" s="166">
        <v>0</v>
      </c>
      <c r="CU2505" s="166">
        <v>0</v>
      </c>
      <c r="CV2505" s="166">
        <v>0</v>
      </c>
      <c r="CW2505" s="166">
        <v>0</v>
      </c>
      <c r="CX2505" s="166">
        <v>0</v>
      </c>
      <c r="CY2505" s="166">
        <v>38378741.424267001</v>
      </c>
      <c r="CZ2505" s="166">
        <v>38378741.424267001</v>
      </c>
    </row>
    <row r="2506" spans="1:104" x14ac:dyDescent="0.2">
      <c r="A2506" s="167" t="s">
        <v>1151</v>
      </c>
      <c r="B2506" s="166">
        <v>19704663.0528276</v>
      </c>
      <c r="C2506" s="166">
        <v>19704663.0528276</v>
      </c>
      <c r="D2506" s="166">
        <v>0</v>
      </c>
      <c r="E2506" s="166">
        <v>0</v>
      </c>
      <c r="F2506" s="166">
        <v>0</v>
      </c>
      <c r="G2506" s="166">
        <v>0</v>
      </c>
      <c r="H2506" s="166">
        <v>0</v>
      </c>
      <c r="I2506" s="166">
        <v>0</v>
      </c>
      <c r="J2506" s="166">
        <v>0</v>
      </c>
      <c r="K2506" s="166">
        <v>0</v>
      </c>
      <c r="L2506" s="166">
        <v>0</v>
      </c>
      <c r="M2506" s="166">
        <v>0</v>
      </c>
      <c r="N2506" s="166">
        <v>0</v>
      </c>
      <c r="O2506" s="166">
        <v>0</v>
      </c>
      <c r="P2506" s="166">
        <v>0</v>
      </c>
      <c r="Q2506" s="166">
        <v>0</v>
      </c>
      <c r="R2506" s="166">
        <v>0</v>
      </c>
      <c r="S2506" s="166">
        <v>0</v>
      </c>
      <c r="T2506" s="166">
        <v>0</v>
      </c>
      <c r="U2506" s="166">
        <v>0</v>
      </c>
      <c r="V2506" s="166">
        <v>0</v>
      </c>
      <c r="W2506" s="166">
        <v>0</v>
      </c>
      <c r="X2506" s="166">
        <v>0</v>
      </c>
      <c r="Y2506" s="166">
        <v>0</v>
      </c>
      <c r="Z2506" s="166">
        <v>0</v>
      </c>
      <c r="AA2506" s="166">
        <v>0</v>
      </c>
      <c r="AB2506" s="166">
        <v>0</v>
      </c>
      <c r="AC2506" s="166">
        <v>0</v>
      </c>
      <c r="AD2506" s="166">
        <v>0</v>
      </c>
      <c r="AE2506" s="166">
        <v>0</v>
      </c>
      <c r="AF2506" s="166">
        <v>0</v>
      </c>
      <c r="AG2506" s="166">
        <v>0</v>
      </c>
      <c r="AH2506" s="166">
        <v>0</v>
      </c>
      <c r="AI2506" s="166">
        <v>0</v>
      </c>
      <c r="AJ2506" s="166">
        <v>0</v>
      </c>
      <c r="AK2506" s="166">
        <v>0</v>
      </c>
      <c r="AL2506" s="166">
        <v>0</v>
      </c>
      <c r="AM2506" s="166">
        <v>0</v>
      </c>
      <c r="AN2506" s="166">
        <v>0</v>
      </c>
      <c r="AO2506" s="166">
        <v>0</v>
      </c>
      <c r="AP2506" s="166">
        <v>0</v>
      </c>
      <c r="AQ2506" s="166">
        <v>0</v>
      </c>
      <c r="AR2506" s="166">
        <v>0</v>
      </c>
      <c r="AS2506" s="166">
        <v>0</v>
      </c>
      <c r="AT2506" s="166">
        <v>0</v>
      </c>
      <c r="AU2506" s="166">
        <v>0</v>
      </c>
      <c r="AV2506" s="166">
        <v>0</v>
      </c>
      <c r="AW2506" s="166">
        <v>0</v>
      </c>
      <c r="AX2506" s="166">
        <v>0</v>
      </c>
      <c r="AY2506" s="166">
        <v>0</v>
      </c>
      <c r="AZ2506" s="166">
        <v>0</v>
      </c>
      <c r="BA2506" s="166">
        <v>0</v>
      </c>
      <c r="BB2506" s="166">
        <v>0</v>
      </c>
      <c r="BC2506" s="166">
        <v>0</v>
      </c>
      <c r="BD2506" s="166">
        <v>0</v>
      </c>
      <c r="BE2506" s="166">
        <v>0</v>
      </c>
      <c r="BF2506" s="166">
        <v>0</v>
      </c>
      <c r="BG2506" s="166">
        <v>0</v>
      </c>
      <c r="BH2506" s="166">
        <v>0</v>
      </c>
      <c r="BI2506" s="166">
        <v>0</v>
      </c>
      <c r="BJ2506" s="166">
        <v>0</v>
      </c>
      <c r="BK2506" s="166">
        <v>0</v>
      </c>
      <c r="BL2506" s="166">
        <v>0</v>
      </c>
      <c r="BM2506" s="166">
        <v>0</v>
      </c>
      <c r="BN2506" s="166">
        <v>0</v>
      </c>
      <c r="BO2506" s="166">
        <v>0</v>
      </c>
      <c r="BP2506" s="166">
        <v>0</v>
      </c>
      <c r="BQ2506" s="166">
        <v>0</v>
      </c>
      <c r="BR2506" s="166">
        <v>19704663.0528276</v>
      </c>
      <c r="BS2506" s="166">
        <v>19704663.0528276</v>
      </c>
      <c r="BT2506" s="168">
        <v>1</v>
      </c>
      <c r="BU2506" s="166">
        <v>1874677.71239258</v>
      </c>
      <c r="BV2506" s="166">
        <v>19704663.0528276</v>
      </c>
      <c r="BW2506" s="166">
        <v>0</v>
      </c>
      <c r="BX2506" s="166">
        <v>0</v>
      </c>
      <c r="BY2506" s="166">
        <v>0</v>
      </c>
      <c r="BZ2506" s="166">
        <v>0</v>
      </c>
      <c r="CA2506" s="166">
        <v>0</v>
      </c>
      <c r="CB2506" s="166">
        <v>0</v>
      </c>
      <c r="CC2506" s="166">
        <v>0</v>
      </c>
      <c r="CD2506" s="166">
        <v>0</v>
      </c>
      <c r="CE2506" s="166">
        <v>0</v>
      </c>
      <c r="CF2506" s="166">
        <v>0</v>
      </c>
      <c r="CG2506" s="166">
        <v>0</v>
      </c>
      <c r="CH2506" s="166">
        <v>0</v>
      </c>
      <c r="CI2506" s="166">
        <v>0</v>
      </c>
      <c r="CJ2506" s="166">
        <v>0</v>
      </c>
      <c r="CK2506" s="166">
        <v>0</v>
      </c>
      <c r="CL2506" s="166">
        <v>0</v>
      </c>
      <c r="CM2506" s="166">
        <v>0</v>
      </c>
      <c r="CN2506" s="166">
        <v>0</v>
      </c>
      <c r="CO2506" s="166">
        <v>0</v>
      </c>
      <c r="CP2506" s="166">
        <v>0</v>
      </c>
      <c r="CQ2506" s="166">
        <v>0</v>
      </c>
      <c r="CR2506" s="166">
        <v>0</v>
      </c>
      <c r="CS2506" s="166">
        <v>0</v>
      </c>
      <c r="CT2506" s="166">
        <v>0</v>
      </c>
      <c r="CU2506" s="166">
        <v>0</v>
      </c>
      <c r="CV2506" s="166">
        <v>0</v>
      </c>
      <c r="CW2506" s="166">
        <v>0</v>
      </c>
      <c r="CX2506" s="166">
        <v>0</v>
      </c>
      <c r="CY2506" s="166">
        <v>19704663.0528276</v>
      </c>
      <c r="CZ2506" s="166">
        <v>19704663.0528276</v>
      </c>
    </row>
    <row r="2507" spans="1:104" x14ac:dyDescent="0.2">
      <c r="A2507" s="167" t="s">
        <v>1152</v>
      </c>
      <c r="B2507" s="166">
        <v>4322558.5232736897</v>
      </c>
      <c r="C2507" s="166">
        <v>4322558.5232736897</v>
      </c>
      <c r="D2507" s="166">
        <v>0</v>
      </c>
      <c r="E2507" s="166">
        <v>0</v>
      </c>
      <c r="F2507" s="166">
        <v>0</v>
      </c>
      <c r="G2507" s="166">
        <v>0</v>
      </c>
      <c r="H2507" s="166">
        <v>0</v>
      </c>
      <c r="I2507" s="166">
        <v>0</v>
      </c>
      <c r="J2507" s="166">
        <v>0</v>
      </c>
      <c r="K2507" s="166">
        <v>0</v>
      </c>
      <c r="L2507" s="166">
        <v>0</v>
      </c>
      <c r="M2507" s="166">
        <v>0</v>
      </c>
      <c r="N2507" s="166">
        <v>0</v>
      </c>
      <c r="O2507" s="166">
        <v>0</v>
      </c>
      <c r="P2507" s="166">
        <v>0</v>
      </c>
      <c r="Q2507" s="166">
        <v>0</v>
      </c>
      <c r="R2507" s="166">
        <v>0</v>
      </c>
      <c r="S2507" s="166">
        <v>0</v>
      </c>
      <c r="T2507" s="166">
        <v>0</v>
      </c>
      <c r="U2507" s="166">
        <v>0</v>
      </c>
      <c r="V2507" s="166">
        <v>0</v>
      </c>
      <c r="W2507" s="166">
        <v>0</v>
      </c>
      <c r="X2507" s="166">
        <v>0</v>
      </c>
      <c r="Y2507" s="166">
        <v>0</v>
      </c>
      <c r="Z2507" s="166">
        <v>0</v>
      </c>
      <c r="AA2507" s="166">
        <v>0</v>
      </c>
      <c r="AB2507" s="166">
        <v>0</v>
      </c>
      <c r="AC2507" s="166">
        <v>0</v>
      </c>
      <c r="AD2507" s="166">
        <v>0</v>
      </c>
      <c r="AE2507" s="166">
        <v>0</v>
      </c>
      <c r="AF2507" s="166">
        <v>0</v>
      </c>
      <c r="AG2507" s="166">
        <v>0</v>
      </c>
      <c r="AH2507" s="166">
        <v>0</v>
      </c>
      <c r="AI2507" s="166">
        <v>0</v>
      </c>
      <c r="AJ2507" s="166">
        <v>0</v>
      </c>
      <c r="AK2507" s="166">
        <v>0</v>
      </c>
      <c r="AL2507" s="166">
        <v>0</v>
      </c>
      <c r="AM2507" s="166">
        <v>0</v>
      </c>
      <c r="AN2507" s="166">
        <v>0</v>
      </c>
      <c r="AO2507" s="166">
        <v>0</v>
      </c>
      <c r="AP2507" s="166">
        <v>0</v>
      </c>
      <c r="AQ2507" s="166">
        <v>0</v>
      </c>
      <c r="AR2507" s="166">
        <v>0</v>
      </c>
      <c r="AS2507" s="166">
        <v>0</v>
      </c>
      <c r="AT2507" s="166">
        <v>0</v>
      </c>
      <c r="AU2507" s="166">
        <v>0</v>
      </c>
      <c r="AV2507" s="166">
        <v>0</v>
      </c>
      <c r="AW2507" s="166">
        <v>0</v>
      </c>
      <c r="AX2507" s="166">
        <v>0</v>
      </c>
      <c r="AY2507" s="166">
        <v>0</v>
      </c>
      <c r="AZ2507" s="166">
        <v>0</v>
      </c>
      <c r="BA2507" s="166">
        <v>0</v>
      </c>
      <c r="BB2507" s="166">
        <v>0</v>
      </c>
      <c r="BC2507" s="166">
        <v>0</v>
      </c>
      <c r="BD2507" s="166">
        <v>0</v>
      </c>
      <c r="BE2507" s="166">
        <v>0</v>
      </c>
      <c r="BF2507" s="166">
        <v>0</v>
      </c>
      <c r="BG2507" s="166">
        <v>0</v>
      </c>
      <c r="BH2507" s="166">
        <v>0</v>
      </c>
      <c r="BI2507" s="166">
        <v>0</v>
      </c>
      <c r="BJ2507" s="166">
        <v>0</v>
      </c>
      <c r="BK2507" s="166">
        <v>0</v>
      </c>
      <c r="BL2507" s="166">
        <v>0</v>
      </c>
      <c r="BM2507" s="166">
        <v>0</v>
      </c>
      <c r="BN2507" s="166">
        <v>0</v>
      </c>
      <c r="BO2507" s="166">
        <v>0</v>
      </c>
      <c r="BP2507" s="166">
        <v>0</v>
      </c>
      <c r="BQ2507" s="166">
        <v>0</v>
      </c>
      <c r="BR2507" s="166">
        <v>4322558.5232736897</v>
      </c>
      <c r="BS2507" s="166">
        <v>4322558.5232736897</v>
      </c>
      <c r="BT2507" s="168">
        <v>1</v>
      </c>
      <c r="BU2507" s="166">
        <v>398803.812881416</v>
      </c>
      <c r="BV2507" s="166">
        <v>4322558.5232736897</v>
      </c>
      <c r="BW2507" s="166">
        <v>0</v>
      </c>
      <c r="BX2507" s="166">
        <v>0</v>
      </c>
      <c r="BY2507" s="166">
        <v>0</v>
      </c>
      <c r="BZ2507" s="166">
        <v>0</v>
      </c>
      <c r="CA2507" s="166">
        <v>0</v>
      </c>
      <c r="CB2507" s="166">
        <v>0</v>
      </c>
      <c r="CC2507" s="166">
        <v>0</v>
      </c>
      <c r="CD2507" s="166">
        <v>0</v>
      </c>
      <c r="CE2507" s="166">
        <v>0</v>
      </c>
      <c r="CF2507" s="166">
        <v>0</v>
      </c>
      <c r="CG2507" s="166">
        <v>0</v>
      </c>
      <c r="CH2507" s="166">
        <v>0</v>
      </c>
      <c r="CI2507" s="166">
        <v>0</v>
      </c>
      <c r="CJ2507" s="166">
        <v>0</v>
      </c>
      <c r="CK2507" s="166">
        <v>0</v>
      </c>
      <c r="CL2507" s="166">
        <v>0</v>
      </c>
      <c r="CM2507" s="166">
        <v>0</v>
      </c>
      <c r="CN2507" s="166">
        <v>0</v>
      </c>
      <c r="CO2507" s="166">
        <v>0</v>
      </c>
      <c r="CP2507" s="166">
        <v>0</v>
      </c>
      <c r="CQ2507" s="166">
        <v>0</v>
      </c>
      <c r="CR2507" s="166">
        <v>0</v>
      </c>
      <c r="CS2507" s="166">
        <v>0</v>
      </c>
      <c r="CT2507" s="166">
        <v>0</v>
      </c>
      <c r="CU2507" s="166">
        <v>0</v>
      </c>
      <c r="CV2507" s="166">
        <v>0</v>
      </c>
      <c r="CW2507" s="166">
        <v>0</v>
      </c>
      <c r="CX2507" s="166">
        <v>0</v>
      </c>
      <c r="CY2507" s="166">
        <v>4322558.5232736897</v>
      </c>
      <c r="CZ2507" s="166">
        <v>4322558.5232736897</v>
      </c>
    </row>
    <row r="2508" spans="1:104" x14ac:dyDescent="0.2">
      <c r="A2508" s="167" t="s">
        <v>1153</v>
      </c>
      <c r="B2508" s="166">
        <v>6366602.2896315297</v>
      </c>
      <c r="C2508" s="166">
        <v>6366602.2896315297</v>
      </c>
      <c r="D2508" s="166">
        <v>0</v>
      </c>
      <c r="E2508" s="166">
        <v>0</v>
      </c>
      <c r="F2508" s="166">
        <v>0</v>
      </c>
      <c r="G2508" s="166">
        <v>0</v>
      </c>
      <c r="H2508" s="166">
        <v>0</v>
      </c>
      <c r="I2508" s="166">
        <v>0</v>
      </c>
      <c r="J2508" s="166">
        <v>0</v>
      </c>
      <c r="K2508" s="166">
        <v>0</v>
      </c>
      <c r="L2508" s="166">
        <v>0</v>
      </c>
      <c r="M2508" s="166">
        <v>0</v>
      </c>
      <c r="N2508" s="166">
        <v>0</v>
      </c>
      <c r="O2508" s="166">
        <v>0</v>
      </c>
      <c r="P2508" s="166">
        <v>0</v>
      </c>
      <c r="Q2508" s="166">
        <v>0</v>
      </c>
      <c r="R2508" s="166">
        <v>0</v>
      </c>
      <c r="S2508" s="166">
        <v>0</v>
      </c>
      <c r="T2508" s="166">
        <v>0</v>
      </c>
      <c r="U2508" s="166">
        <v>0</v>
      </c>
      <c r="V2508" s="166">
        <v>0</v>
      </c>
      <c r="W2508" s="166">
        <v>0</v>
      </c>
      <c r="X2508" s="166">
        <v>0</v>
      </c>
      <c r="Y2508" s="166">
        <v>0</v>
      </c>
      <c r="Z2508" s="166">
        <v>0</v>
      </c>
      <c r="AA2508" s="166">
        <v>0</v>
      </c>
      <c r="AB2508" s="166">
        <v>0</v>
      </c>
      <c r="AC2508" s="166">
        <v>0</v>
      </c>
      <c r="AD2508" s="166">
        <v>0</v>
      </c>
      <c r="AE2508" s="166">
        <v>0</v>
      </c>
      <c r="AF2508" s="166">
        <v>0</v>
      </c>
      <c r="AG2508" s="166">
        <v>0</v>
      </c>
      <c r="AH2508" s="166">
        <v>0</v>
      </c>
      <c r="AI2508" s="166">
        <v>0</v>
      </c>
      <c r="AJ2508" s="166">
        <v>0</v>
      </c>
      <c r="AK2508" s="166">
        <v>0</v>
      </c>
      <c r="AL2508" s="166">
        <v>0</v>
      </c>
      <c r="AM2508" s="166">
        <v>0</v>
      </c>
      <c r="AN2508" s="166">
        <v>0</v>
      </c>
      <c r="AO2508" s="166">
        <v>0</v>
      </c>
      <c r="AP2508" s="166">
        <v>0</v>
      </c>
      <c r="AQ2508" s="166">
        <v>0</v>
      </c>
      <c r="AR2508" s="166">
        <v>0</v>
      </c>
      <c r="AS2508" s="166">
        <v>0</v>
      </c>
      <c r="AT2508" s="166">
        <v>0</v>
      </c>
      <c r="AU2508" s="166">
        <v>0</v>
      </c>
      <c r="AV2508" s="166">
        <v>0</v>
      </c>
      <c r="AW2508" s="166">
        <v>0</v>
      </c>
      <c r="AX2508" s="166">
        <v>0</v>
      </c>
      <c r="AY2508" s="166">
        <v>0</v>
      </c>
      <c r="AZ2508" s="166">
        <v>0</v>
      </c>
      <c r="BA2508" s="166">
        <v>0</v>
      </c>
      <c r="BB2508" s="166">
        <v>0</v>
      </c>
      <c r="BC2508" s="166">
        <v>0</v>
      </c>
      <c r="BD2508" s="166">
        <v>0</v>
      </c>
      <c r="BE2508" s="166">
        <v>0</v>
      </c>
      <c r="BF2508" s="166">
        <v>0</v>
      </c>
      <c r="BG2508" s="166">
        <v>0</v>
      </c>
      <c r="BH2508" s="166">
        <v>0</v>
      </c>
      <c r="BI2508" s="166">
        <v>0</v>
      </c>
      <c r="BJ2508" s="166">
        <v>0</v>
      </c>
      <c r="BK2508" s="166">
        <v>0</v>
      </c>
      <c r="BL2508" s="166">
        <v>0</v>
      </c>
      <c r="BM2508" s="166">
        <v>0</v>
      </c>
      <c r="BN2508" s="166">
        <v>0</v>
      </c>
      <c r="BO2508" s="166">
        <v>0</v>
      </c>
      <c r="BP2508" s="166">
        <v>0</v>
      </c>
      <c r="BQ2508" s="166">
        <v>0</v>
      </c>
      <c r="BR2508" s="166">
        <v>6366602.2896315297</v>
      </c>
      <c r="BS2508" s="166">
        <v>6366602.2896315297</v>
      </c>
      <c r="BT2508" s="168">
        <v>1</v>
      </c>
      <c r="BU2508" s="166">
        <v>599696.77149037004</v>
      </c>
      <c r="BV2508" s="166">
        <v>6366602.2896315297</v>
      </c>
      <c r="BW2508" s="166">
        <v>0</v>
      </c>
      <c r="BX2508" s="166">
        <v>0</v>
      </c>
      <c r="BY2508" s="166">
        <v>0</v>
      </c>
      <c r="BZ2508" s="166">
        <v>0</v>
      </c>
      <c r="CA2508" s="166">
        <v>0</v>
      </c>
      <c r="CB2508" s="166">
        <v>0</v>
      </c>
      <c r="CC2508" s="166">
        <v>0</v>
      </c>
      <c r="CD2508" s="166">
        <v>0</v>
      </c>
      <c r="CE2508" s="166">
        <v>0</v>
      </c>
      <c r="CF2508" s="166">
        <v>0</v>
      </c>
      <c r="CG2508" s="166">
        <v>0</v>
      </c>
      <c r="CH2508" s="166">
        <v>0</v>
      </c>
      <c r="CI2508" s="166">
        <v>0</v>
      </c>
      <c r="CJ2508" s="166">
        <v>0</v>
      </c>
      <c r="CK2508" s="166">
        <v>0</v>
      </c>
      <c r="CL2508" s="166">
        <v>0</v>
      </c>
      <c r="CM2508" s="166">
        <v>0</v>
      </c>
      <c r="CN2508" s="166">
        <v>0</v>
      </c>
      <c r="CO2508" s="166">
        <v>0</v>
      </c>
      <c r="CP2508" s="166">
        <v>0</v>
      </c>
      <c r="CQ2508" s="166">
        <v>0</v>
      </c>
      <c r="CR2508" s="166">
        <v>0</v>
      </c>
      <c r="CS2508" s="166">
        <v>0</v>
      </c>
      <c r="CT2508" s="166">
        <v>0</v>
      </c>
      <c r="CU2508" s="166">
        <v>0</v>
      </c>
      <c r="CV2508" s="166">
        <v>0</v>
      </c>
      <c r="CW2508" s="166">
        <v>0</v>
      </c>
      <c r="CX2508" s="166">
        <v>0</v>
      </c>
      <c r="CY2508" s="166">
        <v>6366602.2896315297</v>
      </c>
      <c r="CZ2508" s="166">
        <v>6366602.2896315297</v>
      </c>
    </row>
    <row r="2509" spans="1:104" x14ac:dyDescent="0.2">
      <c r="A2509" s="167" t="s">
        <v>1154</v>
      </c>
      <c r="B2509" s="166">
        <v>0</v>
      </c>
      <c r="C2509" s="166">
        <v>0</v>
      </c>
      <c r="D2509" s="166">
        <v>0</v>
      </c>
      <c r="E2509" s="166">
        <v>0</v>
      </c>
      <c r="F2509" s="166">
        <v>0</v>
      </c>
      <c r="G2509" s="166">
        <v>0</v>
      </c>
      <c r="H2509" s="166">
        <v>0</v>
      </c>
      <c r="I2509" s="166">
        <v>0</v>
      </c>
      <c r="J2509" s="166">
        <v>0</v>
      </c>
      <c r="K2509" s="166">
        <v>0</v>
      </c>
      <c r="L2509" s="166">
        <v>0</v>
      </c>
      <c r="M2509" s="166">
        <v>0</v>
      </c>
      <c r="N2509" s="166">
        <v>0</v>
      </c>
      <c r="O2509" s="166">
        <v>0</v>
      </c>
      <c r="P2509" s="166">
        <v>0</v>
      </c>
      <c r="Q2509" s="166">
        <v>0</v>
      </c>
      <c r="R2509" s="166">
        <v>0</v>
      </c>
      <c r="S2509" s="166">
        <v>0</v>
      </c>
      <c r="T2509" s="166">
        <v>0</v>
      </c>
      <c r="U2509" s="166">
        <v>0</v>
      </c>
      <c r="V2509" s="166">
        <v>0</v>
      </c>
      <c r="W2509" s="166">
        <v>0</v>
      </c>
      <c r="X2509" s="166">
        <v>0</v>
      </c>
      <c r="Y2509" s="166">
        <v>0</v>
      </c>
      <c r="Z2509" s="166">
        <v>0</v>
      </c>
      <c r="AA2509" s="166">
        <v>0</v>
      </c>
      <c r="AB2509" s="166">
        <v>0</v>
      </c>
      <c r="AC2509" s="166">
        <v>0</v>
      </c>
      <c r="AD2509" s="166">
        <v>0</v>
      </c>
      <c r="AE2509" s="166">
        <v>0</v>
      </c>
      <c r="AF2509" s="166">
        <v>0</v>
      </c>
      <c r="AG2509" s="166">
        <v>0</v>
      </c>
      <c r="AH2509" s="166">
        <v>0</v>
      </c>
      <c r="AI2509" s="166">
        <v>0</v>
      </c>
      <c r="AJ2509" s="166">
        <v>0</v>
      </c>
      <c r="AK2509" s="166">
        <v>0</v>
      </c>
      <c r="AL2509" s="166">
        <v>0</v>
      </c>
      <c r="AM2509" s="166">
        <v>0</v>
      </c>
      <c r="AN2509" s="166">
        <v>0</v>
      </c>
      <c r="AO2509" s="166">
        <v>0</v>
      </c>
      <c r="AP2509" s="166">
        <v>0</v>
      </c>
      <c r="AQ2509" s="166">
        <v>0</v>
      </c>
      <c r="AR2509" s="166">
        <v>0</v>
      </c>
      <c r="AS2509" s="166">
        <v>0</v>
      </c>
      <c r="AT2509" s="166">
        <v>0</v>
      </c>
      <c r="AU2509" s="166">
        <v>0</v>
      </c>
      <c r="AV2509" s="166">
        <v>0</v>
      </c>
      <c r="AW2509" s="166">
        <v>0</v>
      </c>
      <c r="AX2509" s="166">
        <v>0</v>
      </c>
      <c r="AY2509" s="166">
        <v>0</v>
      </c>
      <c r="AZ2509" s="166">
        <v>0</v>
      </c>
      <c r="BA2509" s="166">
        <v>0</v>
      </c>
      <c r="BB2509" s="166">
        <v>0</v>
      </c>
      <c r="BC2509" s="166">
        <v>0</v>
      </c>
      <c r="BD2509" s="166">
        <v>0</v>
      </c>
      <c r="BE2509" s="166">
        <v>0</v>
      </c>
      <c r="BF2509" s="166">
        <v>0</v>
      </c>
      <c r="BG2509" s="166">
        <v>0</v>
      </c>
      <c r="BH2509" s="166">
        <v>0</v>
      </c>
      <c r="BI2509" s="166">
        <v>0</v>
      </c>
      <c r="BJ2509" s="166">
        <v>0</v>
      </c>
      <c r="BK2509" s="166">
        <v>0</v>
      </c>
      <c r="BL2509" s="166">
        <v>0</v>
      </c>
      <c r="BM2509" s="166">
        <v>0</v>
      </c>
      <c r="BN2509" s="166">
        <v>0</v>
      </c>
      <c r="BO2509" s="166">
        <v>0</v>
      </c>
      <c r="BP2509" s="166">
        <v>0</v>
      </c>
      <c r="BQ2509" s="166">
        <v>0</v>
      </c>
      <c r="BR2509" s="166">
        <v>0</v>
      </c>
      <c r="BS2509" s="166">
        <v>0</v>
      </c>
      <c r="BT2509" s="168">
        <v>1</v>
      </c>
      <c r="BU2509" s="166">
        <v>0</v>
      </c>
      <c r="BV2509" s="166">
        <v>0</v>
      </c>
      <c r="BW2509" s="166">
        <v>0</v>
      </c>
      <c r="BX2509" s="166">
        <v>0</v>
      </c>
      <c r="BY2509" s="166">
        <v>0</v>
      </c>
      <c r="BZ2509" s="166">
        <v>0</v>
      </c>
      <c r="CA2509" s="166">
        <v>0</v>
      </c>
      <c r="CB2509" s="166">
        <v>0</v>
      </c>
      <c r="CC2509" s="166">
        <v>0</v>
      </c>
      <c r="CD2509" s="166">
        <v>0</v>
      </c>
      <c r="CE2509" s="166">
        <v>0</v>
      </c>
      <c r="CF2509" s="166">
        <v>0</v>
      </c>
      <c r="CG2509" s="166">
        <v>0</v>
      </c>
      <c r="CH2509" s="166">
        <v>0</v>
      </c>
      <c r="CI2509" s="166">
        <v>0</v>
      </c>
      <c r="CJ2509" s="166">
        <v>0</v>
      </c>
      <c r="CK2509" s="166">
        <v>0</v>
      </c>
      <c r="CL2509" s="166">
        <v>0</v>
      </c>
      <c r="CM2509" s="166">
        <v>0</v>
      </c>
      <c r="CN2509" s="166">
        <v>0</v>
      </c>
      <c r="CO2509" s="166">
        <v>0</v>
      </c>
      <c r="CP2509" s="166">
        <v>0</v>
      </c>
      <c r="CQ2509" s="166">
        <v>0</v>
      </c>
      <c r="CR2509" s="166">
        <v>0</v>
      </c>
      <c r="CS2509" s="166">
        <v>0</v>
      </c>
      <c r="CT2509" s="166">
        <v>0</v>
      </c>
      <c r="CU2509" s="166">
        <v>0</v>
      </c>
      <c r="CV2509" s="166">
        <v>0</v>
      </c>
      <c r="CW2509" s="166">
        <v>0</v>
      </c>
      <c r="CX2509" s="166">
        <v>0</v>
      </c>
      <c r="CY2509" s="166">
        <v>0</v>
      </c>
      <c r="CZ2509" s="166">
        <v>0</v>
      </c>
    </row>
    <row r="2510" spans="1:104" x14ac:dyDescent="0.2">
      <c r="A2510" s="167" t="s">
        <v>1155</v>
      </c>
      <c r="B2510" s="166">
        <v>68772565.289999902</v>
      </c>
      <c r="C2510" s="166">
        <v>68772565.289999902</v>
      </c>
      <c r="D2510" s="166">
        <v>0</v>
      </c>
      <c r="E2510" s="166">
        <v>0</v>
      </c>
      <c r="F2510" s="166">
        <v>0</v>
      </c>
      <c r="G2510" s="166">
        <v>0</v>
      </c>
      <c r="H2510" s="166">
        <v>0</v>
      </c>
      <c r="I2510" s="166">
        <v>0</v>
      </c>
      <c r="J2510" s="166">
        <v>0</v>
      </c>
      <c r="K2510" s="166">
        <v>0</v>
      </c>
      <c r="L2510" s="166">
        <v>0</v>
      </c>
      <c r="M2510" s="166">
        <v>0</v>
      </c>
      <c r="N2510" s="166">
        <v>0</v>
      </c>
      <c r="O2510" s="166">
        <v>0</v>
      </c>
      <c r="P2510" s="166">
        <v>0</v>
      </c>
      <c r="Q2510" s="166">
        <v>0</v>
      </c>
      <c r="R2510" s="166">
        <v>0</v>
      </c>
      <c r="S2510" s="166">
        <v>0</v>
      </c>
      <c r="T2510" s="166">
        <v>0</v>
      </c>
      <c r="U2510" s="166">
        <v>0</v>
      </c>
      <c r="V2510" s="166">
        <v>0</v>
      </c>
      <c r="W2510" s="166">
        <v>0</v>
      </c>
      <c r="X2510" s="166">
        <v>0</v>
      </c>
      <c r="Y2510" s="166">
        <v>0</v>
      </c>
      <c r="Z2510" s="166">
        <v>0</v>
      </c>
      <c r="AA2510" s="166">
        <v>0</v>
      </c>
      <c r="AB2510" s="166">
        <v>0</v>
      </c>
      <c r="AC2510" s="166">
        <v>0</v>
      </c>
      <c r="AD2510" s="166">
        <v>0</v>
      </c>
      <c r="AE2510" s="166">
        <v>0</v>
      </c>
      <c r="AF2510" s="166">
        <v>0</v>
      </c>
      <c r="AG2510" s="166">
        <v>0</v>
      </c>
      <c r="AH2510" s="166">
        <v>0</v>
      </c>
      <c r="AI2510" s="166">
        <v>0</v>
      </c>
      <c r="AJ2510" s="166">
        <v>0</v>
      </c>
      <c r="AK2510" s="166">
        <v>0</v>
      </c>
      <c r="AL2510" s="166">
        <v>0</v>
      </c>
      <c r="AM2510" s="166">
        <v>0</v>
      </c>
      <c r="AN2510" s="166">
        <v>0</v>
      </c>
      <c r="AO2510" s="166">
        <v>0</v>
      </c>
      <c r="AP2510" s="166">
        <v>0</v>
      </c>
      <c r="AQ2510" s="166">
        <v>0</v>
      </c>
      <c r="AR2510" s="166">
        <v>0</v>
      </c>
      <c r="AS2510" s="166">
        <v>0</v>
      </c>
      <c r="AT2510" s="166">
        <v>0</v>
      </c>
      <c r="AU2510" s="166">
        <v>0</v>
      </c>
      <c r="AV2510" s="166">
        <v>0</v>
      </c>
      <c r="AW2510" s="166">
        <v>0</v>
      </c>
      <c r="AX2510" s="166">
        <v>0</v>
      </c>
      <c r="AY2510" s="166">
        <v>0</v>
      </c>
      <c r="AZ2510" s="166">
        <v>0</v>
      </c>
      <c r="BA2510" s="166">
        <v>0</v>
      </c>
      <c r="BB2510" s="166">
        <v>0</v>
      </c>
      <c r="BC2510" s="166">
        <v>0</v>
      </c>
      <c r="BD2510" s="166">
        <v>0</v>
      </c>
      <c r="BE2510" s="166">
        <v>0</v>
      </c>
      <c r="BF2510" s="166">
        <v>0</v>
      </c>
      <c r="BG2510" s="166">
        <v>0</v>
      </c>
      <c r="BH2510" s="166">
        <v>0</v>
      </c>
      <c r="BI2510" s="166">
        <v>0</v>
      </c>
      <c r="BJ2510" s="166">
        <v>0</v>
      </c>
      <c r="BK2510" s="166">
        <v>0</v>
      </c>
      <c r="BL2510" s="166">
        <v>0</v>
      </c>
      <c r="BM2510" s="166">
        <v>0</v>
      </c>
      <c r="BN2510" s="166">
        <v>0</v>
      </c>
      <c r="BO2510" s="166">
        <v>0</v>
      </c>
      <c r="BP2510" s="166">
        <v>0</v>
      </c>
      <c r="BQ2510" s="166">
        <v>0</v>
      </c>
      <c r="BR2510" s="166">
        <v>68772565.289999902</v>
      </c>
      <c r="BS2510" s="166">
        <v>68772565.289999902</v>
      </c>
      <c r="BT2510" s="168">
        <v>0</v>
      </c>
      <c r="BU2510" s="166">
        <v>6476086.9599999897</v>
      </c>
      <c r="BV2510" s="166">
        <v>68772565.289999902</v>
      </c>
      <c r="BW2510" s="166">
        <v>0</v>
      </c>
      <c r="BX2510" s="166">
        <v>0</v>
      </c>
      <c r="BY2510" s="166">
        <v>0</v>
      </c>
      <c r="BZ2510" s="166">
        <v>0</v>
      </c>
      <c r="CA2510" s="166">
        <v>0</v>
      </c>
      <c r="CB2510" s="166">
        <v>0</v>
      </c>
      <c r="CC2510" s="166">
        <v>0</v>
      </c>
      <c r="CD2510" s="166">
        <v>0</v>
      </c>
      <c r="CE2510" s="166">
        <v>0</v>
      </c>
      <c r="CF2510" s="166">
        <v>0</v>
      </c>
      <c r="CG2510" s="166">
        <v>0</v>
      </c>
      <c r="CH2510" s="166">
        <v>0</v>
      </c>
      <c r="CI2510" s="166">
        <v>0</v>
      </c>
      <c r="CJ2510" s="166">
        <v>0</v>
      </c>
      <c r="CK2510" s="166">
        <v>0</v>
      </c>
      <c r="CL2510" s="166">
        <v>0</v>
      </c>
      <c r="CM2510" s="166">
        <v>0</v>
      </c>
      <c r="CN2510" s="166">
        <v>0</v>
      </c>
      <c r="CO2510" s="166">
        <v>0</v>
      </c>
      <c r="CP2510" s="166">
        <v>0</v>
      </c>
      <c r="CQ2510" s="166">
        <v>0</v>
      </c>
      <c r="CR2510" s="166">
        <v>0</v>
      </c>
      <c r="CS2510" s="166">
        <v>0</v>
      </c>
      <c r="CT2510" s="166">
        <v>0</v>
      </c>
      <c r="CU2510" s="166">
        <v>0</v>
      </c>
      <c r="CV2510" s="166">
        <v>0</v>
      </c>
      <c r="CW2510" s="166">
        <v>0</v>
      </c>
      <c r="CX2510" s="166">
        <v>0</v>
      </c>
      <c r="CY2510" s="166">
        <v>68772565.289999902</v>
      </c>
      <c r="CZ2510" s="166">
        <v>68772565.289999902</v>
      </c>
    </row>
    <row r="2511" spans="1:104" x14ac:dyDescent="0.2">
      <c r="A2511" s="167" t="s">
        <v>359</v>
      </c>
    </row>
    <row r="2512" spans="1:104" x14ac:dyDescent="0.2">
      <c r="A2512" s="167" t="s">
        <v>1156</v>
      </c>
      <c r="B2512" s="166">
        <v>0</v>
      </c>
      <c r="C2512" s="166">
        <v>0</v>
      </c>
      <c r="D2512" s="166">
        <v>0</v>
      </c>
      <c r="E2512" s="166">
        <v>0</v>
      </c>
      <c r="F2512" s="166">
        <v>0</v>
      </c>
      <c r="G2512" s="166">
        <v>0</v>
      </c>
      <c r="H2512" s="166">
        <v>0</v>
      </c>
      <c r="I2512" s="166">
        <v>0</v>
      </c>
      <c r="J2512" s="166">
        <v>0</v>
      </c>
      <c r="K2512" s="166">
        <v>0</v>
      </c>
      <c r="L2512" s="166">
        <v>0</v>
      </c>
      <c r="M2512" s="166">
        <v>0</v>
      </c>
      <c r="N2512" s="166">
        <v>0</v>
      </c>
      <c r="O2512" s="166">
        <v>0</v>
      </c>
      <c r="P2512" s="166">
        <v>0</v>
      </c>
      <c r="Q2512" s="166">
        <v>0</v>
      </c>
      <c r="R2512" s="166">
        <v>0</v>
      </c>
      <c r="S2512" s="166">
        <v>0</v>
      </c>
      <c r="T2512" s="166">
        <v>0</v>
      </c>
      <c r="U2512" s="166">
        <v>0</v>
      </c>
      <c r="V2512" s="166">
        <v>0</v>
      </c>
      <c r="W2512" s="166">
        <v>0</v>
      </c>
      <c r="X2512" s="166">
        <v>0</v>
      </c>
      <c r="Y2512" s="166">
        <v>0</v>
      </c>
      <c r="Z2512" s="166">
        <v>0</v>
      </c>
      <c r="AA2512" s="166">
        <v>0</v>
      </c>
      <c r="AB2512" s="166">
        <v>0</v>
      </c>
      <c r="AC2512" s="166">
        <v>0</v>
      </c>
      <c r="AD2512" s="166">
        <v>0</v>
      </c>
      <c r="AE2512" s="166">
        <v>0</v>
      </c>
      <c r="AF2512" s="166">
        <v>0</v>
      </c>
      <c r="AG2512" s="166">
        <v>0</v>
      </c>
      <c r="AH2512" s="166">
        <v>0</v>
      </c>
      <c r="AI2512" s="166">
        <v>0</v>
      </c>
      <c r="AJ2512" s="166">
        <v>0</v>
      </c>
      <c r="AK2512" s="166">
        <v>0</v>
      </c>
      <c r="AL2512" s="166">
        <v>0</v>
      </c>
      <c r="AM2512" s="166">
        <v>0</v>
      </c>
      <c r="AN2512" s="166">
        <v>0</v>
      </c>
      <c r="AO2512" s="166">
        <v>0</v>
      </c>
      <c r="AP2512" s="166">
        <v>0</v>
      </c>
      <c r="AQ2512" s="166">
        <v>0</v>
      </c>
      <c r="AR2512" s="166">
        <v>0</v>
      </c>
      <c r="AS2512" s="166">
        <v>0</v>
      </c>
      <c r="AT2512" s="166">
        <v>0</v>
      </c>
      <c r="AU2512" s="166">
        <v>0</v>
      </c>
      <c r="AV2512" s="166">
        <v>0</v>
      </c>
      <c r="AW2512" s="166">
        <v>0</v>
      </c>
      <c r="AX2512" s="166">
        <v>0</v>
      </c>
      <c r="AY2512" s="166">
        <v>0</v>
      </c>
      <c r="AZ2512" s="166">
        <v>0</v>
      </c>
      <c r="BA2512" s="166">
        <v>0</v>
      </c>
      <c r="BB2512" s="166">
        <v>0</v>
      </c>
      <c r="BC2512" s="166">
        <v>0</v>
      </c>
      <c r="BD2512" s="166">
        <v>0</v>
      </c>
      <c r="BE2512" s="166">
        <v>0</v>
      </c>
      <c r="BF2512" s="166">
        <v>0</v>
      </c>
      <c r="BG2512" s="166">
        <v>0</v>
      </c>
      <c r="BH2512" s="166">
        <v>0</v>
      </c>
      <c r="BI2512" s="166">
        <v>0</v>
      </c>
      <c r="BJ2512" s="166">
        <v>0</v>
      </c>
      <c r="BK2512" s="166">
        <v>0</v>
      </c>
      <c r="BL2512" s="166">
        <v>0</v>
      </c>
      <c r="BM2512" s="166">
        <v>0</v>
      </c>
      <c r="BN2512" s="166">
        <v>0</v>
      </c>
      <c r="BO2512" s="166">
        <v>0</v>
      </c>
      <c r="BP2512" s="166">
        <v>0</v>
      </c>
      <c r="BQ2512" s="166">
        <v>0</v>
      </c>
      <c r="BR2512" s="166">
        <v>0</v>
      </c>
      <c r="BS2512" s="166">
        <v>0</v>
      </c>
      <c r="BT2512" s="168">
        <v>1</v>
      </c>
      <c r="BU2512" s="166">
        <v>0</v>
      </c>
      <c r="BV2512" s="166">
        <v>0</v>
      </c>
      <c r="BW2512" s="166">
        <v>0</v>
      </c>
      <c r="BX2512" s="166">
        <v>0</v>
      </c>
      <c r="BY2512" s="166">
        <v>0</v>
      </c>
      <c r="BZ2512" s="166">
        <v>0</v>
      </c>
      <c r="CA2512" s="166">
        <v>0</v>
      </c>
      <c r="CB2512" s="166">
        <v>0</v>
      </c>
      <c r="CC2512" s="166">
        <v>0</v>
      </c>
      <c r="CD2512" s="166">
        <v>0</v>
      </c>
      <c r="CE2512" s="166">
        <v>0</v>
      </c>
      <c r="CF2512" s="166">
        <v>0</v>
      </c>
      <c r="CG2512" s="166">
        <v>0</v>
      </c>
      <c r="CH2512" s="166">
        <v>0</v>
      </c>
      <c r="CI2512" s="166">
        <v>0</v>
      </c>
      <c r="CJ2512" s="166">
        <v>0</v>
      </c>
      <c r="CK2512" s="166">
        <v>0</v>
      </c>
      <c r="CL2512" s="166">
        <v>0</v>
      </c>
      <c r="CM2512" s="166">
        <v>0</v>
      </c>
      <c r="CN2512" s="166">
        <v>0</v>
      </c>
      <c r="CO2512" s="166">
        <v>0</v>
      </c>
      <c r="CP2512" s="166">
        <v>0</v>
      </c>
      <c r="CQ2512" s="166">
        <v>0</v>
      </c>
      <c r="CR2512" s="166">
        <v>0</v>
      </c>
      <c r="CS2512" s="166">
        <v>0</v>
      </c>
      <c r="CT2512" s="166">
        <v>0</v>
      </c>
      <c r="CU2512" s="166">
        <v>0</v>
      </c>
      <c r="CV2512" s="166">
        <v>0</v>
      </c>
      <c r="CW2512" s="166">
        <v>0</v>
      </c>
      <c r="CX2512" s="166">
        <v>0</v>
      </c>
      <c r="CY2512" s="166">
        <v>0</v>
      </c>
      <c r="CZ2512" s="166">
        <v>0</v>
      </c>
    </row>
    <row r="2513" spans="1:104" x14ac:dyDescent="0.2">
      <c r="A2513" s="167" t="s">
        <v>1157</v>
      </c>
      <c r="B2513" s="166">
        <v>0</v>
      </c>
      <c r="C2513" s="166">
        <v>0</v>
      </c>
      <c r="D2513" s="166">
        <v>0</v>
      </c>
      <c r="E2513" s="166">
        <v>0</v>
      </c>
      <c r="F2513" s="166">
        <v>0</v>
      </c>
      <c r="G2513" s="166">
        <v>0</v>
      </c>
      <c r="H2513" s="166">
        <v>0</v>
      </c>
      <c r="I2513" s="166">
        <v>0</v>
      </c>
      <c r="J2513" s="166">
        <v>0</v>
      </c>
      <c r="K2513" s="166">
        <v>0</v>
      </c>
      <c r="L2513" s="166">
        <v>0</v>
      </c>
      <c r="M2513" s="166">
        <v>0</v>
      </c>
      <c r="N2513" s="166">
        <v>0</v>
      </c>
      <c r="O2513" s="166">
        <v>0</v>
      </c>
      <c r="P2513" s="166">
        <v>0</v>
      </c>
      <c r="Q2513" s="166">
        <v>0</v>
      </c>
      <c r="R2513" s="166">
        <v>0</v>
      </c>
      <c r="S2513" s="166">
        <v>0</v>
      </c>
      <c r="T2513" s="166">
        <v>0</v>
      </c>
      <c r="U2513" s="166">
        <v>0</v>
      </c>
      <c r="V2513" s="166">
        <v>0</v>
      </c>
      <c r="W2513" s="166">
        <v>0</v>
      </c>
      <c r="X2513" s="166">
        <v>0</v>
      </c>
      <c r="Y2513" s="166">
        <v>0</v>
      </c>
      <c r="Z2513" s="166">
        <v>0</v>
      </c>
      <c r="AA2513" s="166">
        <v>0</v>
      </c>
      <c r="AB2513" s="166">
        <v>0</v>
      </c>
      <c r="AC2513" s="166">
        <v>0</v>
      </c>
      <c r="AD2513" s="166">
        <v>0</v>
      </c>
      <c r="AE2513" s="166">
        <v>0</v>
      </c>
      <c r="AF2513" s="166">
        <v>0</v>
      </c>
      <c r="AG2513" s="166">
        <v>0</v>
      </c>
      <c r="AH2513" s="166">
        <v>0</v>
      </c>
      <c r="AI2513" s="166">
        <v>0</v>
      </c>
      <c r="AJ2513" s="166">
        <v>0</v>
      </c>
      <c r="AK2513" s="166">
        <v>0</v>
      </c>
      <c r="AL2513" s="166">
        <v>0</v>
      </c>
      <c r="AM2513" s="166">
        <v>0</v>
      </c>
      <c r="AN2513" s="166">
        <v>0</v>
      </c>
      <c r="AO2513" s="166">
        <v>0</v>
      </c>
      <c r="AP2513" s="166">
        <v>0</v>
      </c>
      <c r="AQ2513" s="166">
        <v>0</v>
      </c>
      <c r="AR2513" s="166">
        <v>0</v>
      </c>
      <c r="AS2513" s="166">
        <v>0</v>
      </c>
      <c r="AT2513" s="166">
        <v>0</v>
      </c>
      <c r="AU2513" s="166">
        <v>0</v>
      </c>
      <c r="AV2513" s="166">
        <v>0</v>
      </c>
      <c r="AW2513" s="166">
        <v>0</v>
      </c>
      <c r="AX2513" s="166">
        <v>0</v>
      </c>
      <c r="AY2513" s="166">
        <v>0</v>
      </c>
      <c r="AZ2513" s="166">
        <v>0</v>
      </c>
      <c r="BA2513" s="166">
        <v>0</v>
      </c>
      <c r="BB2513" s="166">
        <v>0</v>
      </c>
      <c r="BC2513" s="166">
        <v>0</v>
      </c>
      <c r="BD2513" s="166">
        <v>0</v>
      </c>
      <c r="BE2513" s="166">
        <v>0</v>
      </c>
      <c r="BF2513" s="166">
        <v>0</v>
      </c>
      <c r="BG2513" s="166">
        <v>0</v>
      </c>
      <c r="BH2513" s="166">
        <v>0</v>
      </c>
      <c r="BI2513" s="166">
        <v>0</v>
      </c>
      <c r="BJ2513" s="166">
        <v>0</v>
      </c>
      <c r="BK2513" s="166">
        <v>0</v>
      </c>
      <c r="BL2513" s="166">
        <v>0</v>
      </c>
      <c r="BM2513" s="166">
        <v>0</v>
      </c>
      <c r="BN2513" s="166">
        <v>0</v>
      </c>
      <c r="BO2513" s="166">
        <v>0</v>
      </c>
      <c r="BP2513" s="166">
        <v>0</v>
      </c>
      <c r="BQ2513" s="166">
        <v>0</v>
      </c>
      <c r="BR2513" s="166">
        <v>0</v>
      </c>
      <c r="BS2513" s="166">
        <v>0</v>
      </c>
      <c r="BT2513" s="168">
        <v>1</v>
      </c>
      <c r="BU2513" s="166">
        <v>0</v>
      </c>
      <c r="BV2513" s="166">
        <v>0</v>
      </c>
      <c r="BW2513" s="166">
        <v>0</v>
      </c>
      <c r="BX2513" s="166">
        <v>0</v>
      </c>
      <c r="BY2513" s="166">
        <v>0</v>
      </c>
      <c r="BZ2513" s="166">
        <v>0</v>
      </c>
      <c r="CA2513" s="166">
        <v>0</v>
      </c>
      <c r="CB2513" s="166">
        <v>0</v>
      </c>
      <c r="CC2513" s="166">
        <v>0</v>
      </c>
      <c r="CD2513" s="166">
        <v>0</v>
      </c>
      <c r="CE2513" s="166">
        <v>0</v>
      </c>
      <c r="CF2513" s="166">
        <v>0</v>
      </c>
      <c r="CG2513" s="166">
        <v>0</v>
      </c>
      <c r="CH2513" s="166">
        <v>0</v>
      </c>
      <c r="CI2513" s="166">
        <v>0</v>
      </c>
      <c r="CJ2513" s="166">
        <v>0</v>
      </c>
      <c r="CK2513" s="166">
        <v>0</v>
      </c>
      <c r="CL2513" s="166">
        <v>0</v>
      </c>
      <c r="CM2513" s="166">
        <v>0</v>
      </c>
      <c r="CN2513" s="166">
        <v>0</v>
      </c>
      <c r="CO2513" s="166">
        <v>0</v>
      </c>
      <c r="CP2513" s="166">
        <v>0</v>
      </c>
      <c r="CQ2513" s="166">
        <v>0</v>
      </c>
      <c r="CR2513" s="166">
        <v>0</v>
      </c>
      <c r="CS2513" s="166">
        <v>0</v>
      </c>
      <c r="CT2513" s="166">
        <v>0</v>
      </c>
      <c r="CU2513" s="166">
        <v>0</v>
      </c>
      <c r="CV2513" s="166">
        <v>0</v>
      </c>
      <c r="CW2513" s="166">
        <v>0</v>
      </c>
      <c r="CX2513" s="166">
        <v>0</v>
      </c>
      <c r="CY2513" s="166">
        <v>0</v>
      </c>
      <c r="CZ2513" s="166">
        <v>0</v>
      </c>
    </row>
    <row r="2514" spans="1:104" x14ac:dyDescent="0.2">
      <c r="A2514" s="167" t="s">
        <v>1158</v>
      </c>
      <c r="B2514" s="166">
        <v>0</v>
      </c>
      <c r="C2514" s="166">
        <v>0</v>
      </c>
      <c r="D2514" s="166">
        <v>0</v>
      </c>
      <c r="E2514" s="166">
        <v>0</v>
      </c>
      <c r="F2514" s="166">
        <v>0</v>
      </c>
      <c r="G2514" s="166">
        <v>0</v>
      </c>
      <c r="H2514" s="166">
        <v>0</v>
      </c>
      <c r="I2514" s="166">
        <v>0</v>
      </c>
      <c r="J2514" s="166">
        <v>0</v>
      </c>
      <c r="K2514" s="166">
        <v>0</v>
      </c>
      <c r="L2514" s="166">
        <v>0</v>
      </c>
      <c r="M2514" s="166">
        <v>0</v>
      </c>
      <c r="N2514" s="166">
        <v>0</v>
      </c>
      <c r="O2514" s="166">
        <v>0</v>
      </c>
      <c r="P2514" s="166">
        <v>0</v>
      </c>
      <c r="Q2514" s="166">
        <v>0</v>
      </c>
      <c r="R2514" s="166">
        <v>0</v>
      </c>
      <c r="S2514" s="166">
        <v>0</v>
      </c>
      <c r="T2514" s="166">
        <v>0</v>
      </c>
      <c r="U2514" s="166">
        <v>0</v>
      </c>
      <c r="V2514" s="166">
        <v>0</v>
      </c>
      <c r="W2514" s="166">
        <v>0</v>
      </c>
      <c r="X2514" s="166">
        <v>0</v>
      </c>
      <c r="Y2514" s="166">
        <v>0</v>
      </c>
      <c r="Z2514" s="166">
        <v>0</v>
      </c>
      <c r="AA2514" s="166">
        <v>0</v>
      </c>
      <c r="AB2514" s="166">
        <v>0</v>
      </c>
      <c r="AC2514" s="166">
        <v>0</v>
      </c>
      <c r="AD2514" s="166">
        <v>0</v>
      </c>
      <c r="AE2514" s="166">
        <v>0</v>
      </c>
      <c r="AF2514" s="166">
        <v>0</v>
      </c>
      <c r="AG2514" s="166">
        <v>0</v>
      </c>
      <c r="AH2514" s="166">
        <v>0</v>
      </c>
      <c r="AI2514" s="166">
        <v>0</v>
      </c>
      <c r="AJ2514" s="166">
        <v>0</v>
      </c>
      <c r="AK2514" s="166">
        <v>0</v>
      </c>
      <c r="AL2514" s="166">
        <v>0</v>
      </c>
      <c r="AM2514" s="166">
        <v>0</v>
      </c>
      <c r="AN2514" s="166">
        <v>0</v>
      </c>
      <c r="AO2514" s="166">
        <v>0</v>
      </c>
      <c r="AP2514" s="166">
        <v>0</v>
      </c>
      <c r="AQ2514" s="166">
        <v>0</v>
      </c>
      <c r="AR2514" s="166">
        <v>0</v>
      </c>
      <c r="AS2514" s="166">
        <v>0</v>
      </c>
      <c r="AT2514" s="166">
        <v>0</v>
      </c>
      <c r="AU2514" s="166">
        <v>0</v>
      </c>
      <c r="AV2514" s="166">
        <v>0</v>
      </c>
      <c r="AW2514" s="166">
        <v>0</v>
      </c>
      <c r="AX2514" s="166">
        <v>0</v>
      </c>
      <c r="AY2514" s="166">
        <v>0</v>
      </c>
      <c r="AZ2514" s="166">
        <v>0</v>
      </c>
      <c r="BA2514" s="166">
        <v>0</v>
      </c>
      <c r="BB2514" s="166">
        <v>0</v>
      </c>
      <c r="BC2514" s="166">
        <v>0</v>
      </c>
      <c r="BD2514" s="166">
        <v>0</v>
      </c>
      <c r="BE2514" s="166">
        <v>0</v>
      </c>
      <c r="BF2514" s="166">
        <v>0</v>
      </c>
      <c r="BG2514" s="166">
        <v>0</v>
      </c>
      <c r="BH2514" s="166">
        <v>0</v>
      </c>
      <c r="BI2514" s="166">
        <v>0</v>
      </c>
      <c r="BJ2514" s="166">
        <v>0</v>
      </c>
      <c r="BK2514" s="166">
        <v>0</v>
      </c>
      <c r="BL2514" s="166">
        <v>0</v>
      </c>
      <c r="BM2514" s="166">
        <v>0</v>
      </c>
      <c r="BN2514" s="166">
        <v>0</v>
      </c>
      <c r="BO2514" s="166">
        <v>0</v>
      </c>
      <c r="BP2514" s="166">
        <v>0</v>
      </c>
      <c r="BQ2514" s="166">
        <v>0</v>
      </c>
      <c r="BR2514" s="166">
        <v>0</v>
      </c>
      <c r="BS2514" s="166">
        <v>0</v>
      </c>
      <c r="BT2514" s="168">
        <v>1</v>
      </c>
      <c r="BU2514" s="166">
        <v>0</v>
      </c>
      <c r="BV2514" s="166">
        <v>0</v>
      </c>
      <c r="BW2514" s="166">
        <v>0</v>
      </c>
      <c r="BX2514" s="166">
        <v>0</v>
      </c>
      <c r="BY2514" s="166">
        <v>0</v>
      </c>
      <c r="BZ2514" s="166">
        <v>0</v>
      </c>
      <c r="CA2514" s="166">
        <v>0</v>
      </c>
      <c r="CB2514" s="166">
        <v>0</v>
      </c>
      <c r="CC2514" s="166">
        <v>0</v>
      </c>
      <c r="CD2514" s="166">
        <v>0</v>
      </c>
      <c r="CE2514" s="166">
        <v>0</v>
      </c>
      <c r="CF2514" s="166">
        <v>0</v>
      </c>
      <c r="CG2514" s="166">
        <v>0</v>
      </c>
      <c r="CH2514" s="166">
        <v>0</v>
      </c>
      <c r="CI2514" s="166">
        <v>0</v>
      </c>
      <c r="CJ2514" s="166">
        <v>0</v>
      </c>
      <c r="CK2514" s="166">
        <v>0</v>
      </c>
      <c r="CL2514" s="166">
        <v>0</v>
      </c>
      <c r="CM2514" s="166">
        <v>0</v>
      </c>
      <c r="CN2514" s="166">
        <v>0</v>
      </c>
      <c r="CO2514" s="166">
        <v>0</v>
      </c>
      <c r="CP2514" s="166">
        <v>0</v>
      </c>
      <c r="CQ2514" s="166">
        <v>0</v>
      </c>
      <c r="CR2514" s="166">
        <v>0</v>
      </c>
      <c r="CS2514" s="166">
        <v>0</v>
      </c>
      <c r="CT2514" s="166">
        <v>0</v>
      </c>
      <c r="CU2514" s="166">
        <v>0</v>
      </c>
      <c r="CV2514" s="166">
        <v>0</v>
      </c>
      <c r="CW2514" s="166">
        <v>0</v>
      </c>
      <c r="CX2514" s="166">
        <v>0</v>
      </c>
      <c r="CY2514" s="166">
        <v>0</v>
      </c>
      <c r="CZ2514" s="166">
        <v>0</v>
      </c>
    </row>
    <row r="2515" spans="1:104" x14ac:dyDescent="0.2">
      <c r="A2515" s="167" t="s">
        <v>1159</v>
      </c>
      <c r="B2515" s="166">
        <v>0</v>
      </c>
      <c r="C2515" s="166">
        <v>0</v>
      </c>
      <c r="D2515" s="166">
        <v>0</v>
      </c>
      <c r="E2515" s="166">
        <v>0</v>
      </c>
      <c r="F2515" s="166">
        <v>0</v>
      </c>
      <c r="G2515" s="166">
        <v>0</v>
      </c>
      <c r="H2515" s="166">
        <v>0</v>
      </c>
      <c r="I2515" s="166">
        <v>0</v>
      </c>
      <c r="J2515" s="166">
        <v>0</v>
      </c>
      <c r="K2515" s="166">
        <v>0</v>
      </c>
      <c r="L2515" s="166">
        <v>0</v>
      </c>
      <c r="M2515" s="166">
        <v>0</v>
      </c>
      <c r="N2515" s="166">
        <v>0</v>
      </c>
      <c r="O2515" s="166">
        <v>0</v>
      </c>
      <c r="P2515" s="166">
        <v>0</v>
      </c>
      <c r="Q2515" s="166">
        <v>0</v>
      </c>
      <c r="R2515" s="166">
        <v>0</v>
      </c>
      <c r="S2515" s="166">
        <v>0</v>
      </c>
      <c r="T2515" s="166">
        <v>0</v>
      </c>
      <c r="U2515" s="166">
        <v>0</v>
      </c>
      <c r="V2515" s="166">
        <v>0</v>
      </c>
      <c r="W2515" s="166">
        <v>0</v>
      </c>
      <c r="X2515" s="166">
        <v>0</v>
      </c>
      <c r="Y2515" s="166">
        <v>0</v>
      </c>
      <c r="Z2515" s="166">
        <v>0</v>
      </c>
      <c r="AA2515" s="166">
        <v>0</v>
      </c>
      <c r="AB2515" s="166">
        <v>0</v>
      </c>
      <c r="AC2515" s="166">
        <v>0</v>
      </c>
      <c r="AD2515" s="166">
        <v>0</v>
      </c>
      <c r="AE2515" s="166">
        <v>0</v>
      </c>
      <c r="AF2515" s="166">
        <v>0</v>
      </c>
      <c r="AG2515" s="166">
        <v>0</v>
      </c>
      <c r="AH2515" s="166">
        <v>0</v>
      </c>
      <c r="AI2515" s="166">
        <v>0</v>
      </c>
      <c r="AJ2515" s="166">
        <v>0</v>
      </c>
      <c r="AK2515" s="166">
        <v>0</v>
      </c>
      <c r="AL2515" s="166">
        <v>0</v>
      </c>
      <c r="AM2515" s="166">
        <v>0</v>
      </c>
      <c r="AN2515" s="166">
        <v>0</v>
      </c>
      <c r="AO2515" s="166">
        <v>0</v>
      </c>
      <c r="AP2515" s="166">
        <v>0</v>
      </c>
      <c r="AQ2515" s="166">
        <v>0</v>
      </c>
      <c r="AR2515" s="166">
        <v>0</v>
      </c>
      <c r="AS2515" s="166">
        <v>0</v>
      </c>
      <c r="AT2515" s="166">
        <v>0</v>
      </c>
      <c r="AU2515" s="166">
        <v>0</v>
      </c>
      <c r="AV2515" s="166">
        <v>0</v>
      </c>
      <c r="AW2515" s="166">
        <v>0</v>
      </c>
      <c r="AX2515" s="166">
        <v>0</v>
      </c>
      <c r="AY2515" s="166">
        <v>0</v>
      </c>
      <c r="AZ2515" s="166">
        <v>0</v>
      </c>
      <c r="BA2515" s="166">
        <v>0</v>
      </c>
      <c r="BB2515" s="166">
        <v>0</v>
      </c>
      <c r="BC2515" s="166">
        <v>0</v>
      </c>
      <c r="BD2515" s="166">
        <v>0</v>
      </c>
      <c r="BE2515" s="166">
        <v>0</v>
      </c>
      <c r="BF2515" s="166">
        <v>0</v>
      </c>
      <c r="BG2515" s="166">
        <v>0</v>
      </c>
      <c r="BH2515" s="166">
        <v>0</v>
      </c>
      <c r="BI2515" s="166">
        <v>0</v>
      </c>
      <c r="BJ2515" s="166">
        <v>0</v>
      </c>
      <c r="BK2515" s="166">
        <v>0</v>
      </c>
      <c r="BL2515" s="166">
        <v>0</v>
      </c>
      <c r="BM2515" s="166">
        <v>0</v>
      </c>
      <c r="BN2515" s="166">
        <v>0</v>
      </c>
      <c r="BO2515" s="166">
        <v>0</v>
      </c>
      <c r="BP2515" s="166">
        <v>0</v>
      </c>
      <c r="BQ2515" s="166">
        <v>0</v>
      </c>
      <c r="BR2515" s="166">
        <v>0</v>
      </c>
      <c r="BS2515" s="166">
        <v>0</v>
      </c>
      <c r="BT2515" s="168">
        <v>0</v>
      </c>
      <c r="BU2515" s="166">
        <v>0</v>
      </c>
      <c r="BV2515" s="166">
        <v>0</v>
      </c>
      <c r="BW2515" s="166">
        <v>0</v>
      </c>
      <c r="BX2515" s="166">
        <v>0</v>
      </c>
      <c r="BY2515" s="166">
        <v>0</v>
      </c>
      <c r="BZ2515" s="166">
        <v>0</v>
      </c>
      <c r="CA2515" s="166">
        <v>0</v>
      </c>
      <c r="CB2515" s="166">
        <v>0</v>
      </c>
      <c r="CC2515" s="166">
        <v>0</v>
      </c>
      <c r="CD2515" s="166">
        <v>0</v>
      </c>
      <c r="CE2515" s="166">
        <v>0</v>
      </c>
      <c r="CF2515" s="166">
        <v>0</v>
      </c>
      <c r="CG2515" s="166">
        <v>0</v>
      </c>
      <c r="CH2515" s="166">
        <v>0</v>
      </c>
      <c r="CI2515" s="166">
        <v>0</v>
      </c>
      <c r="CJ2515" s="166">
        <v>0</v>
      </c>
      <c r="CK2515" s="166">
        <v>0</v>
      </c>
      <c r="CL2515" s="166">
        <v>0</v>
      </c>
      <c r="CM2515" s="166">
        <v>0</v>
      </c>
      <c r="CN2515" s="166">
        <v>0</v>
      </c>
      <c r="CO2515" s="166">
        <v>0</v>
      </c>
      <c r="CP2515" s="166">
        <v>0</v>
      </c>
      <c r="CQ2515" s="166">
        <v>0</v>
      </c>
      <c r="CR2515" s="166">
        <v>0</v>
      </c>
      <c r="CS2515" s="166">
        <v>0</v>
      </c>
      <c r="CT2515" s="166">
        <v>0</v>
      </c>
      <c r="CU2515" s="166">
        <v>0</v>
      </c>
      <c r="CV2515" s="166">
        <v>0</v>
      </c>
      <c r="CW2515" s="166">
        <v>0</v>
      </c>
      <c r="CX2515" s="166">
        <v>0</v>
      </c>
      <c r="CY2515" s="166">
        <v>0</v>
      </c>
      <c r="CZ2515" s="166">
        <v>0</v>
      </c>
    </row>
    <row r="2516" spans="1:104" x14ac:dyDescent="0.2">
      <c r="A2516" s="167" t="s">
        <v>364</v>
      </c>
    </row>
    <row r="2517" spans="1:104" x14ac:dyDescent="0.2">
      <c r="A2517" s="167" t="s">
        <v>1160</v>
      </c>
      <c r="B2517" s="166">
        <v>283949.62</v>
      </c>
      <c r="C2517" s="166">
        <v>283949.62</v>
      </c>
      <c r="D2517" s="166">
        <v>0</v>
      </c>
      <c r="E2517" s="166">
        <v>0</v>
      </c>
      <c r="F2517" s="166">
        <v>0</v>
      </c>
      <c r="G2517" s="166">
        <v>0</v>
      </c>
      <c r="H2517" s="166">
        <v>0</v>
      </c>
      <c r="I2517" s="166">
        <v>0</v>
      </c>
      <c r="J2517" s="166">
        <v>0</v>
      </c>
      <c r="K2517" s="166">
        <v>0</v>
      </c>
      <c r="L2517" s="166">
        <v>0</v>
      </c>
      <c r="M2517" s="166">
        <v>0</v>
      </c>
      <c r="N2517" s="166">
        <v>0</v>
      </c>
      <c r="O2517" s="166">
        <v>0</v>
      </c>
      <c r="P2517" s="166">
        <v>0</v>
      </c>
      <c r="Q2517" s="166">
        <v>0</v>
      </c>
      <c r="R2517" s="166">
        <v>0</v>
      </c>
      <c r="S2517" s="166">
        <v>0</v>
      </c>
      <c r="T2517" s="166">
        <v>0</v>
      </c>
      <c r="U2517" s="166">
        <v>0</v>
      </c>
      <c r="V2517" s="166">
        <v>0</v>
      </c>
      <c r="W2517" s="166">
        <v>0</v>
      </c>
      <c r="X2517" s="166">
        <v>0</v>
      </c>
      <c r="Y2517" s="166">
        <v>0</v>
      </c>
      <c r="Z2517" s="166">
        <v>0</v>
      </c>
      <c r="AA2517" s="166">
        <v>0</v>
      </c>
      <c r="AB2517" s="166">
        <v>0</v>
      </c>
      <c r="AC2517" s="166">
        <v>0</v>
      </c>
      <c r="AD2517" s="166">
        <v>0</v>
      </c>
      <c r="AE2517" s="166">
        <v>0</v>
      </c>
      <c r="AF2517" s="166">
        <v>0</v>
      </c>
      <c r="AG2517" s="166">
        <v>0</v>
      </c>
      <c r="AH2517" s="166">
        <v>0</v>
      </c>
      <c r="AI2517" s="166">
        <v>0</v>
      </c>
      <c r="AJ2517" s="166">
        <v>0</v>
      </c>
      <c r="AK2517" s="166">
        <v>0</v>
      </c>
      <c r="AL2517" s="166">
        <v>0</v>
      </c>
      <c r="AM2517" s="166">
        <v>0</v>
      </c>
      <c r="AN2517" s="166">
        <v>0</v>
      </c>
      <c r="AO2517" s="166">
        <v>0</v>
      </c>
      <c r="AP2517" s="166">
        <v>0</v>
      </c>
      <c r="AQ2517" s="166">
        <v>0</v>
      </c>
      <c r="AR2517" s="166">
        <v>0</v>
      </c>
      <c r="AS2517" s="166">
        <v>0</v>
      </c>
      <c r="AT2517" s="166">
        <v>0</v>
      </c>
      <c r="AU2517" s="166">
        <v>0</v>
      </c>
      <c r="AV2517" s="166">
        <v>0</v>
      </c>
      <c r="AW2517" s="166">
        <v>0</v>
      </c>
      <c r="AX2517" s="166">
        <v>0</v>
      </c>
      <c r="AY2517" s="166">
        <v>0</v>
      </c>
      <c r="AZ2517" s="166">
        <v>0</v>
      </c>
      <c r="BA2517" s="166">
        <v>0</v>
      </c>
      <c r="BB2517" s="166">
        <v>0</v>
      </c>
      <c r="BC2517" s="166">
        <v>0</v>
      </c>
      <c r="BD2517" s="166">
        <v>0</v>
      </c>
      <c r="BE2517" s="166">
        <v>0</v>
      </c>
      <c r="BF2517" s="166">
        <v>0</v>
      </c>
      <c r="BG2517" s="166">
        <v>0</v>
      </c>
      <c r="BH2517" s="166">
        <v>0</v>
      </c>
      <c r="BI2517" s="166">
        <v>0</v>
      </c>
      <c r="BJ2517" s="166">
        <v>0</v>
      </c>
      <c r="BK2517" s="166">
        <v>0</v>
      </c>
      <c r="BL2517" s="166">
        <v>0</v>
      </c>
      <c r="BM2517" s="166">
        <v>0</v>
      </c>
      <c r="BN2517" s="166">
        <v>0</v>
      </c>
      <c r="BO2517" s="166">
        <v>0</v>
      </c>
      <c r="BP2517" s="166">
        <v>0</v>
      </c>
      <c r="BQ2517" s="166">
        <v>0</v>
      </c>
      <c r="BR2517" s="166">
        <v>283949.62</v>
      </c>
      <c r="BS2517" s="166">
        <v>283949.62</v>
      </c>
      <c r="BT2517" s="168">
        <v>1</v>
      </c>
      <c r="BU2517" s="166">
        <v>22977.29</v>
      </c>
      <c r="BV2517" s="166">
        <v>283949.62</v>
      </c>
      <c r="BW2517" s="166">
        <v>0</v>
      </c>
      <c r="BX2517" s="166">
        <v>0</v>
      </c>
      <c r="BY2517" s="166">
        <v>0</v>
      </c>
      <c r="BZ2517" s="166">
        <v>0</v>
      </c>
      <c r="CA2517" s="166">
        <v>0</v>
      </c>
      <c r="CB2517" s="166">
        <v>0</v>
      </c>
      <c r="CC2517" s="166">
        <v>0</v>
      </c>
      <c r="CD2517" s="166">
        <v>0</v>
      </c>
      <c r="CE2517" s="166">
        <v>0</v>
      </c>
      <c r="CF2517" s="166">
        <v>0</v>
      </c>
      <c r="CG2517" s="166">
        <v>0</v>
      </c>
      <c r="CH2517" s="166">
        <v>0</v>
      </c>
      <c r="CI2517" s="166">
        <v>0</v>
      </c>
      <c r="CJ2517" s="166">
        <v>0</v>
      </c>
      <c r="CK2517" s="166">
        <v>0</v>
      </c>
      <c r="CL2517" s="166">
        <v>0</v>
      </c>
      <c r="CM2517" s="166">
        <v>0</v>
      </c>
      <c r="CN2517" s="166">
        <v>0</v>
      </c>
      <c r="CO2517" s="166">
        <v>0</v>
      </c>
      <c r="CP2517" s="166">
        <v>0</v>
      </c>
      <c r="CQ2517" s="166">
        <v>0</v>
      </c>
      <c r="CR2517" s="166">
        <v>0</v>
      </c>
      <c r="CS2517" s="166">
        <v>0</v>
      </c>
      <c r="CT2517" s="166">
        <v>0</v>
      </c>
      <c r="CU2517" s="166">
        <v>0</v>
      </c>
      <c r="CV2517" s="166">
        <v>0</v>
      </c>
      <c r="CW2517" s="166">
        <v>0</v>
      </c>
      <c r="CX2517" s="166">
        <v>0</v>
      </c>
      <c r="CY2517" s="166">
        <v>283949.62</v>
      </c>
      <c r="CZ2517" s="166">
        <v>283949.62</v>
      </c>
    </row>
    <row r="2518" spans="1:104" x14ac:dyDescent="0.2">
      <c r="A2518" s="167" t="s">
        <v>366</v>
      </c>
    </row>
    <row r="2519" spans="1:104" x14ac:dyDescent="0.2">
      <c r="A2519" s="167" t="s">
        <v>1161</v>
      </c>
      <c r="B2519" s="166">
        <v>11566931.73</v>
      </c>
      <c r="C2519" s="166">
        <v>11566931.73</v>
      </c>
      <c r="D2519" s="166">
        <v>0</v>
      </c>
      <c r="E2519" s="166">
        <v>0</v>
      </c>
      <c r="F2519" s="166">
        <v>0</v>
      </c>
      <c r="G2519" s="166">
        <v>0</v>
      </c>
      <c r="H2519" s="166">
        <v>0</v>
      </c>
      <c r="I2519" s="166">
        <v>0</v>
      </c>
      <c r="J2519" s="166">
        <v>0</v>
      </c>
      <c r="K2519" s="166">
        <v>0</v>
      </c>
      <c r="L2519" s="166">
        <v>0</v>
      </c>
      <c r="M2519" s="166">
        <v>0</v>
      </c>
      <c r="N2519" s="166">
        <v>0</v>
      </c>
      <c r="O2519" s="166">
        <v>0</v>
      </c>
      <c r="P2519" s="166">
        <v>0</v>
      </c>
      <c r="Q2519" s="166">
        <v>0</v>
      </c>
      <c r="R2519" s="166">
        <v>0</v>
      </c>
      <c r="S2519" s="166">
        <v>0</v>
      </c>
      <c r="T2519" s="166">
        <v>0</v>
      </c>
      <c r="U2519" s="166">
        <v>0</v>
      </c>
      <c r="V2519" s="166">
        <v>0</v>
      </c>
      <c r="W2519" s="166">
        <v>0</v>
      </c>
      <c r="X2519" s="166">
        <v>0</v>
      </c>
      <c r="Y2519" s="166">
        <v>0</v>
      </c>
      <c r="Z2519" s="166">
        <v>0</v>
      </c>
      <c r="AA2519" s="166">
        <v>0</v>
      </c>
      <c r="AB2519" s="166">
        <v>0</v>
      </c>
      <c r="AC2519" s="166">
        <v>0</v>
      </c>
      <c r="AD2519" s="166">
        <v>0</v>
      </c>
      <c r="AE2519" s="166">
        <v>0</v>
      </c>
      <c r="AF2519" s="166">
        <v>0</v>
      </c>
      <c r="AG2519" s="166">
        <v>0</v>
      </c>
      <c r="AH2519" s="166">
        <v>0</v>
      </c>
      <c r="AI2519" s="166">
        <v>0</v>
      </c>
      <c r="AJ2519" s="166">
        <v>0</v>
      </c>
      <c r="AK2519" s="166">
        <v>0</v>
      </c>
      <c r="AL2519" s="166">
        <v>0</v>
      </c>
      <c r="AM2519" s="166">
        <v>0</v>
      </c>
      <c r="AN2519" s="166">
        <v>0</v>
      </c>
      <c r="AO2519" s="166">
        <v>0</v>
      </c>
      <c r="AP2519" s="166">
        <v>0</v>
      </c>
      <c r="AQ2519" s="166">
        <v>0</v>
      </c>
      <c r="AR2519" s="166">
        <v>0</v>
      </c>
      <c r="AS2519" s="166">
        <v>0</v>
      </c>
      <c r="AT2519" s="166">
        <v>0</v>
      </c>
      <c r="AU2519" s="166">
        <v>0</v>
      </c>
      <c r="AV2519" s="166">
        <v>0</v>
      </c>
      <c r="AW2519" s="166">
        <v>0</v>
      </c>
      <c r="AX2519" s="166">
        <v>0</v>
      </c>
      <c r="AY2519" s="166">
        <v>0</v>
      </c>
      <c r="AZ2519" s="166">
        <v>0</v>
      </c>
      <c r="BA2519" s="166">
        <v>0</v>
      </c>
      <c r="BB2519" s="166">
        <v>0</v>
      </c>
      <c r="BC2519" s="166">
        <v>0</v>
      </c>
      <c r="BD2519" s="166">
        <v>0</v>
      </c>
      <c r="BE2519" s="166">
        <v>0</v>
      </c>
      <c r="BF2519" s="166">
        <v>0</v>
      </c>
      <c r="BG2519" s="166">
        <v>0</v>
      </c>
      <c r="BH2519" s="166">
        <v>0</v>
      </c>
      <c r="BI2519" s="166">
        <v>0</v>
      </c>
      <c r="BJ2519" s="166">
        <v>0</v>
      </c>
      <c r="BK2519" s="166">
        <v>0</v>
      </c>
      <c r="BL2519" s="166">
        <v>0</v>
      </c>
      <c r="BM2519" s="166">
        <v>0</v>
      </c>
      <c r="BN2519" s="166">
        <v>0</v>
      </c>
      <c r="BO2519" s="166">
        <v>0</v>
      </c>
      <c r="BP2519" s="166">
        <v>0</v>
      </c>
      <c r="BQ2519" s="166">
        <v>0</v>
      </c>
      <c r="BR2519" s="166">
        <v>11566931.73</v>
      </c>
      <c r="BS2519" s="166">
        <v>11566931.73</v>
      </c>
      <c r="BT2519" s="168">
        <v>1</v>
      </c>
      <c r="BU2519" s="166">
        <v>1057836.31</v>
      </c>
      <c r="BV2519" s="166">
        <v>11566931.73</v>
      </c>
      <c r="BW2519" s="166">
        <v>0</v>
      </c>
      <c r="BX2519" s="166">
        <v>0</v>
      </c>
      <c r="BY2519" s="166">
        <v>0</v>
      </c>
      <c r="BZ2519" s="166">
        <v>0</v>
      </c>
      <c r="CA2519" s="166">
        <v>0</v>
      </c>
      <c r="CB2519" s="166">
        <v>0</v>
      </c>
      <c r="CC2519" s="166">
        <v>0</v>
      </c>
      <c r="CD2519" s="166">
        <v>0</v>
      </c>
      <c r="CE2519" s="166">
        <v>0</v>
      </c>
      <c r="CF2519" s="166">
        <v>0</v>
      </c>
      <c r="CG2519" s="166">
        <v>0</v>
      </c>
      <c r="CH2519" s="166">
        <v>0</v>
      </c>
      <c r="CI2519" s="166">
        <v>0</v>
      </c>
      <c r="CJ2519" s="166">
        <v>0</v>
      </c>
      <c r="CK2519" s="166">
        <v>0</v>
      </c>
      <c r="CL2519" s="166">
        <v>0</v>
      </c>
      <c r="CM2519" s="166">
        <v>0</v>
      </c>
      <c r="CN2519" s="166">
        <v>0</v>
      </c>
      <c r="CO2519" s="166">
        <v>0</v>
      </c>
      <c r="CP2519" s="166">
        <v>0</v>
      </c>
      <c r="CQ2519" s="166">
        <v>0</v>
      </c>
      <c r="CR2519" s="166">
        <v>0</v>
      </c>
      <c r="CS2519" s="166">
        <v>0</v>
      </c>
      <c r="CT2519" s="166">
        <v>0</v>
      </c>
      <c r="CU2519" s="166">
        <v>0</v>
      </c>
      <c r="CV2519" s="166">
        <v>0</v>
      </c>
      <c r="CW2519" s="166">
        <v>0</v>
      </c>
      <c r="CX2519" s="166">
        <v>0</v>
      </c>
      <c r="CY2519" s="166">
        <v>11566931.73</v>
      </c>
      <c r="CZ2519" s="166">
        <v>11566931.73</v>
      </c>
    </row>
    <row r="2520" spans="1:104" x14ac:dyDescent="0.2">
      <c r="A2520" s="167" t="s">
        <v>368</v>
      </c>
    </row>
    <row r="2521" spans="1:104" x14ac:dyDescent="0.2">
      <c r="A2521" s="167" t="s">
        <v>1162</v>
      </c>
      <c r="B2521" s="166">
        <v>2273679.69</v>
      </c>
      <c r="C2521" s="166">
        <v>2273679.69</v>
      </c>
      <c r="D2521" s="166">
        <v>0</v>
      </c>
      <c r="E2521" s="166">
        <v>0</v>
      </c>
      <c r="F2521" s="166">
        <v>0</v>
      </c>
      <c r="G2521" s="166">
        <v>0</v>
      </c>
      <c r="H2521" s="166">
        <v>0</v>
      </c>
      <c r="I2521" s="166">
        <v>0</v>
      </c>
      <c r="J2521" s="166">
        <v>0</v>
      </c>
      <c r="K2521" s="166">
        <v>0</v>
      </c>
      <c r="L2521" s="166">
        <v>0</v>
      </c>
      <c r="M2521" s="166">
        <v>0</v>
      </c>
      <c r="N2521" s="166">
        <v>0</v>
      </c>
      <c r="O2521" s="166">
        <v>0</v>
      </c>
      <c r="P2521" s="166">
        <v>0</v>
      </c>
      <c r="Q2521" s="166">
        <v>0</v>
      </c>
      <c r="R2521" s="166">
        <v>0</v>
      </c>
      <c r="S2521" s="166">
        <v>0</v>
      </c>
      <c r="T2521" s="166">
        <v>0</v>
      </c>
      <c r="U2521" s="166">
        <v>0</v>
      </c>
      <c r="V2521" s="166">
        <v>0</v>
      </c>
      <c r="W2521" s="166">
        <v>0</v>
      </c>
      <c r="X2521" s="166">
        <v>0</v>
      </c>
      <c r="Y2521" s="166">
        <v>0</v>
      </c>
      <c r="Z2521" s="166">
        <v>0</v>
      </c>
      <c r="AA2521" s="166">
        <v>0</v>
      </c>
      <c r="AB2521" s="166">
        <v>0</v>
      </c>
      <c r="AC2521" s="166">
        <v>0</v>
      </c>
      <c r="AD2521" s="166">
        <v>0</v>
      </c>
      <c r="AE2521" s="166">
        <v>0</v>
      </c>
      <c r="AF2521" s="166">
        <v>0</v>
      </c>
      <c r="AG2521" s="166">
        <v>0</v>
      </c>
      <c r="AH2521" s="166">
        <v>0</v>
      </c>
      <c r="AI2521" s="166">
        <v>0</v>
      </c>
      <c r="AJ2521" s="166">
        <v>0</v>
      </c>
      <c r="AK2521" s="166">
        <v>0</v>
      </c>
      <c r="AL2521" s="166">
        <v>0</v>
      </c>
      <c r="AM2521" s="166">
        <v>0</v>
      </c>
      <c r="AN2521" s="166">
        <v>0</v>
      </c>
      <c r="AO2521" s="166">
        <v>0</v>
      </c>
      <c r="AP2521" s="166">
        <v>0</v>
      </c>
      <c r="AQ2521" s="166">
        <v>0</v>
      </c>
      <c r="AR2521" s="166">
        <v>0</v>
      </c>
      <c r="AS2521" s="166">
        <v>0</v>
      </c>
      <c r="AT2521" s="166">
        <v>0</v>
      </c>
      <c r="AU2521" s="166">
        <v>0</v>
      </c>
      <c r="AV2521" s="166">
        <v>0</v>
      </c>
      <c r="AW2521" s="166">
        <v>0</v>
      </c>
      <c r="AX2521" s="166">
        <v>0</v>
      </c>
      <c r="AY2521" s="166">
        <v>0</v>
      </c>
      <c r="AZ2521" s="166">
        <v>0</v>
      </c>
      <c r="BA2521" s="166">
        <v>0</v>
      </c>
      <c r="BB2521" s="166">
        <v>0</v>
      </c>
      <c r="BC2521" s="166">
        <v>0</v>
      </c>
      <c r="BD2521" s="166">
        <v>0</v>
      </c>
      <c r="BE2521" s="166">
        <v>0</v>
      </c>
      <c r="BF2521" s="166">
        <v>0</v>
      </c>
      <c r="BG2521" s="166">
        <v>0</v>
      </c>
      <c r="BH2521" s="166">
        <v>0</v>
      </c>
      <c r="BI2521" s="166">
        <v>0</v>
      </c>
      <c r="BJ2521" s="166">
        <v>0</v>
      </c>
      <c r="BK2521" s="166">
        <v>0</v>
      </c>
      <c r="BL2521" s="166">
        <v>0</v>
      </c>
      <c r="BM2521" s="166">
        <v>0</v>
      </c>
      <c r="BN2521" s="166">
        <v>0</v>
      </c>
      <c r="BO2521" s="166">
        <v>0</v>
      </c>
      <c r="BP2521" s="166">
        <v>0</v>
      </c>
      <c r="BQ2521" s="166">
        <v>0</v>
      </c>
      <c r="BR2521" s="166">
        <v>2273679.69</v>
      </c>
      <c r="BS2521" s="166">
        <v>2273679.69</v>
      </c>
      <c r="BT2521" s="168">
        <v>0.98751</v>
      </c>
      <c r="BU2521" s="166">
        <v>183231.41398919999</v>
      </c>
      <c r="BV2521" s="166">
        <v>2245281.4306719</v>
      </c>
      <c r="BW2521" s="166">
        <v>0</v>
      </c>
      <c r="BX2521" s="166">
        <v>0</v>
      </c>
      <c r="BY2521" s="166">
        <v>0</v>
      </c>
      <c r="BZ2521" s="166">
        <v>0</v>
      </c>
      <c r="CA2521" s="166">
        <v>0</v>
      </c>
      <c r="CB2521" s="166">
        <v>0</v>
      </c>
      <c r="CC2521" s="166">
        <v>0</v>
      </c>
      <c r="CD2521" s="166">
        <v>0</v>
      </c>
      <c r="CE2521" s="166">
        <v>0</v>
      </c>
      <c r="CF2521" s="166">
        <v>0</v>
      </c>
      <c r="CG2521" s="166">
        <v>0</v>
      </c>
      <c r="CH2521" s="166">
        <v>0</v>
      </c>
      <c r="CI2521" s="166">
        <v>0</v>
      </c>
      <c r="CJ2521" s="166">
        <v>0</v>
      </c>
      <c r="CK2521" s="166">
        <v>0</v>
      </c>
      <c r="CL2521" s="166">
        <v>0</v>
      </c>
      <c r="CM2521" s="166">
        <v>0</v>
      </c>
      <c r="CN2521" s="166">
        <v>0</v>
      </c>
      <c r="CO2521" s="166">
        <v>0</v>
      </c>
      <c r="CP2521" s="166">
        <v>0</v>
      </c>
      <c r="CQ2521" s="166">
        <v>0</v>
      </c>
      <c r="CR2521" s="166">
        <v>0</v>
      </c>
      <c r="CS2521" s="166">
        <v>0</v>
      </c>
      <c r="CT2521" s="166">
        <v>0</v>
      </c>
      <c r="CU2521" s="166">
        <v>0</v>
      </c>
      <c r="CV2521" s="166">
        <v>0</v>
      </c>
      <c r="CW2521" s="166">
        <v>0</v>
      </c>
      <c r="CX2521" s="166">
        <v>0</v>
      </c>
      <c r="CY2521" s="166">
        <v>2245281.4306719</v>
      </c>
      <c r="CZ2521" s="166">
        <v>2245281.4306719</v>
      </c>
    </row>
    <row r="2522" spans="1:104" x14ac:dyDescent="0.2">
      <c r="A2522" s="167" t="s">
        <v>370</v>
      </c>
    </row>
    <row r="2523" spans="1:104" x14ac:dyDescent="0.2">
      <c r="A2523" s="167" t="s">
        <v>1163</v>
      </c>
      <c r="B2523" s="166">
        <v>0</v>
      </c>
      <c r="C2523" s="166">
        <v>0</v>
      </c>
      <c r="D2523" s="166">
        <v>0</v>
      </c>
      <c r="E2523" s="166">
        <v>0</v>
      </c>
      <c r="F2523" s="166">
        <v>0</v>
      </c>
      <c r="G2523" s="166">
        <v>0</v>
      </c>
      <c r="H2523" s="166">
        <v>0</v>
      </c>
      <c r="I2523" s="166">
        <v>0</v>
      </c>
      <c r="J2523" s="166">
        <v>0</v>
      </c>
      <c r="K2523" s="166">
        <v>0</v>
      </c>
      <c r="L2523" s="166">
        <v>0</v>
      </c>
      <c r="M2523" s="166">
        <v>0</v>
      </c>
      <c r="N2523" s="166">
        <v>0</v>
      </c>
      <c r="O2523" s="166">
        <v>0</v>
      </c>
      <c r="P2523" s="166">
        <v>0</v>
      </c>
      <c r="Q2523" s="166">
        <v>0</v>
      </c>
      <c r="R2523" s="166">
        <v>0</v>
      </c>
      <c r="S2523" s="166">
        <v>0</v>
      </c>
      <c r="T2523" s="166">
        <v>0</v>
      </c>
      <c r="U2523" s="166">
        <v>0</v>
      </c>
      <c r="V2523" s="166">
        <v>0</v>
      </c>
      <c r="W2523" s="166">
        <v>0</v>
      </c>
      <c r="X2523" s="166">
        <v>0</v>
      </c>
      <c r="Y2523" s="166">
        <v>0</v>
      </c>
      <c r="Z2523" s="166">
        <v>0</v>
      </c>
      <c r="AA2523" s="166">
        <v>0</v>
      </c>
      <c r="AB2523" s="166">
        <v>0</v>
      </c>
      <c r="AC2523" s="166">
        <v>0</v>
      </c>
      <c r="AD2523" s="166">
        <v>0</v>
      </c>
      <c r="AE2523" s="166">
        <v>0</v>
      </c>
      <c r="AF2523" s="166">
        <v>0</v>
      </c>
      <c r="AG2523" s="166">
        <v>0</v>
      </c>
      <c r="AH2523" s="166">
        <v>0</v>
      </c>
      <c r="AI2523" s="166">
        <v>0</v>
      </c>
      <c r="AJ2523" s="166">
        <v>0</v>
      </c>
      <c r="AK2523" s="166">
        <v>0</v>
      </c>
      <c r="AL2523" s="166">
        <v>0</v>
      </c>
      <c r="AM2523" s="166">
        <v>0</v>
      </c>
      <c r="AN2523" s="166">
        <v>0</v>
      </c>
      <c r="AO2523" s="166">
        <v>0</v>
      </c>
      <c r="AP2523" s="166">
        <v>0</v>
      </c>
      <c r="AQ2523" s="166">
        <v>0</v>
      </c>
      <c r="AR2523" s="166">
        <v>0</v>
      </c>
      <c r="AS2523" s="166">
        <v>0</v>
      </c>
      <c r="AT2523" s="166">
        <v>0</v>
      </c>
      <c r="AU2523" s="166">
        <v>0</v>
      </c>
      <c r="AV2523" s="166">
        <v>0</v>
      </c>
      <c r="AW2523" s="166">
        <v>0</v>
      </c>
      <c r="AX2523" s="166">
        <v>0</v>
      </c>
      <c r="AY2523" s="166">
        <v>0</v>
      </c>
      <c r="AZ2523" s="166">
        <v>0</v>
      </c>
      <c r="BA2523" s="166">
        <v>0</v>
      </c>
      <c r="BB2523" s="166">
        <v>0</v>
      </c>
      <c r="BC2523" s="166">
        <v>0</v>
      </c>
      <c r="BD2523" s="166">
        <v>0</v>
      </c>
      <c r="BE2523" s="166">
        <v>0</v>
      </c>
      <c r="BF2523" s="166">
        <v>0</v>
      </c>
      <c r="BG2523" s="166">
        <v>0</v>
      </c>
      <c r="BH2523" s="166">
        <v>0</v>
      </c>
      <c r="BI2523" s="166">
        <v>0</v>
      </c>
      <c r="BJ2523" s="166">
        <v>0</v>
      </c>
      <c r="BK2523" s="166">
        <v>0</v>
      </c>
      <c r="BL2523" s="166">
        <v>0</v>
      </c>
      <c r="BM2523" s="166">
        <v>0</v>
      </c>
      <c r="BN2523" s="166">
        <v>0</v>
      </c>
      <c r="BO2523" s="166">
        <v>0</v>
      </c>
      <c r="BP2523" s="166">
        <v>0</v>
      </c>
      <c r="BQ2523" s="166">
        <v>0</v>
      </c>
      <c r="BR2523" s="166">
        <v>0</v>
      </c>
      <c r="BS2523" s="166">
        <v>0</v>
      </c>
      <c r="BT2523" s="168">
        <v>1</v>
      </c>
      <c r="BU2523" s="166">
        <v>0</v>
      </c>
      <c r="BV2523" s="166">
        <v>0</v>
      </c>
      <c r="BW2523" s="166">
        <v>0</v>
      </c>
      <c r="BX2523" s="166">
        <v>0</v>
      </c>
      <c r="BY2523" s="166">
        <v>0</v>
      </c>
      <c r="BZ2523" s="166">
        <v>0</v>
      </c>
      <c r="CA2523" s="166">
        <v>0</v>
      </c>
      <c r="CB2523" s="166">
        <v>0</v>
      </c>
      <c r="CC2523" s="166">
        <v>0</v>
      </c>
      <c r="CD2523" s="166">
        <v>0</v>
      </c>
      <c r="CE2523" s="166">
        <v>0</v>
      </c>
      <c r="CF2523" s="166">
        <v>0</v>
      </c>
      <c r="CG2523" s="166">
        <v>0</v>
      </c>
      <c r="CH2523" s="166">
        <v>0</v>
      </c>
      <c r="CI2523" s="166">
        <v>0</v>
      </c>
      <c r="CJ2523" s="166">
        <v>0</v>
      </c>
      <c r="CK2523" s="166">
        <v>0</v>
      </c>
      <c r="CL2523" s="166">
        <v>0</v>
      </c>
      <c r="CM2523" s="166">
        <v>0</v>
      </c>
      <c r="CN2523" s="166">
        <v>0</v>
      </c>
      <c r="CO2523" s="166">
        <v>0</v>
      </c>
      <c r="CP2523" s="166">
        <v>0</v>
      </c>
      <c r="CQ2523" s="166">
        <v>0</v>
      </c>
      <c r="CR2523" s="166">
        <v>0</v>
      </c>
      <c r="CS2523" s="166">
        <v>0</v>
      </c>
      <c r="CT2523" s="166">
        <v>0</v>
      </c>
      <c r="CU2523" s="166">
        <v>0</v>
      </c>
      <c r="CV2523" s="166">
        <v>0</v>
      </c>
      <c r="CW2523" s="166">
        <v>0</v>
      </c>
      <c r="CX2523" s="166">
        <v>0</v>
      </c>
      <c r="CY2523" s="166">
        <v>0</v>
      </c>
      <c r="CZ2523" s="166">
        <v>0</v>
      </c>
    </row>
    <row r="2524" spans="1:104" x14ac:dyDescent="0.2">
      <c r="A2524" s="167" t="s">
        <v>1164</v>
      </c>
      <c r="B2524" s="166">
        <v>0</v>
      </c>
      <c r="C2524" s="166">
        <v>0</v>
      </c>
      <c r="D2524" s="166">
        <v>0</v>
      </c>
      <c r="E2524" s="166">
        <v>0</v>
      </c>
      <c r="F2524" s="166">
        <v>0</v>
      </c>
      <c r="G2524" s="166">
        <v>0</v>
      </c>
      <c r="H2524" s="166">
        <v>0</v>
      </c>
      <c r="I2524" s="166">
        <v>0</v>
      </c>
      <c r="J2524" s="166">
        <v>0</v>
      </c>
      <c r="K2524" s="166">
        <v>0</v>
      </c>
      <c r="L2524" s="166">
        <v>0</v>
      </c>
      <c r="M2524" s="166">
        <v>0</v>
      </c>
      <c r="N2524" s="166">
        <v>0</v>
      </c>
      <c r="O2524" s="166">
        <v>0</v>
      </c>
      <c r="P2524" s="166">
        <v>0</v>
      </c>
      <c r="Q2524" s="166">
        <v>0</v>
      </c>
      <c r="R2524" s="166">
        <v>0</v>
      </c>
      <c r="S2524" s="166">
        <v>0</v>
      </c>
      <c r="T2524" s="166">
        <v>0</v>
      </c>
      <c r="U2524" s="166">
        <v>0</v>
      </c>
      <c r="V2524" s="166">
        <v>0</v>
      </c>
      <c r="W2524" s="166">
        <v>0</v>
      </c>
      <c r="X2524" s="166">
        <v>0</v>
      </c>
      <c r="Y2524" s="166">
        <v>0</v>
      </c>
      <c r="Z2524" s="166">
        <v>0</v>
      </c>
      <c r="AA2524" s="166">
        <v>0</v>
      </c>
      <c r="AB2524" s="166">
        <v>0</v>
      </c>
      <c r="AC2524" s="166">
        <v>0</v>
      </c>
      <c r="AD2524" s="166">
        <v>0</v>
      </c>
      <c r="AE2524" s="166">
        <v>0</v>
      </c>
      <c r="AF2524" s="166">
        <v>0</v>
      </c>
      <c r="AG2524" s="166">
        <v>0</v>
      </c>
      <c r="AH2524" s="166">
        <v>0</v>
      </c>
      <c r="AI2524" s="166">
        <v>0</v>
      </c>
      <c r="AJ2524" s="166">
        <v>0</v>
      </c>
      <c r="AK2524" s="166">
        <v>0</v>
      </c>
      <c r="AL2524" s="166">
        <v>0</v>
      </c>
      <c r="AM2524" s="166">
        <v>0</v>
      </c>
      <c r="AN2524" s="166">
        <v>0</v>
      </c>
      <c r="AO2524" s="166">
        <v>0</v>
      </c>
      <c r="AP2524" s="166">
        <v>0</v>
      </c>
      <c r="AQ2524" s="166">
        <v>0</v>
      </c>
      <c r="AR2524" s="166">
        <v>0</v>
      </c>
      <c r="AS2524" s="166">
        <v>0</v>
      </c>
      <c r="AT2524" s="166">
        <v>0</v>
      </c>
      <c r="AU2524" s="166">
        <v>0</v>
      </c>
      <c r="AV2524" s="166">
        <v>0</v>
      </c>
      <c r="AW2524" s="166">
        <v>0</v>
      </c>
      <c r="AX2524" s="166">
        <v>0</v>
      </c>
      <c r="AY2524" s="166">
        <v>0</v>
      </c>
      <c r="AZ2524" s="166">
        <v>0</v>
      </c>
      <c r="BA2524" s="166">
        <v>0</v>
      </c>
      <c r="BB2524" s="166">
        <v>0</v>
      </c>
      <c r="BC2524" s="166">
        <v>0</v>
      </c>
      <c r="BD2524" s="166">
        <v>0</v>
      </c>
      <c r="BE2524" s="166">
        <v>0</v>
      </c>
      <c r="BF2524" s="166">
        <v>0</v>
      </c>
      <c r="BG2524" s="166">
        <v>0</v>
      </c>
      <c r="BH2524" s="166">
        <v>0</v>
      </c>
      <c r="BI2524" s="166">
        <v>0</v>
      </c>
      <c r="BJ2524" s="166">
        <v>0</v>
      </c>
      <c r="BK2524" s="166">
        <v>0</v>
      </c>
      <c r="BL2524" s="166">
        <v>0</v>
      </c>
      <c r="BM2524" s="166">
        <v>0</v>
      </c>
      <c r="BN2524" s="166">
        <v>0</v>
      </c>
      <c r="BO2524" s="166">
        <v>0</v>
      </c>
      <c r="BP2524" s="166">
        <v>0</v>
      </c>
      <c r="BQ2524" s="166">
        <v>0</v>
      </c>
      <c r="BR2524" s="166">
        <v>0</v>
      </c>
      <c r="BS2524" s="166">
        <v>0</v>
      </c>
      <c r="BT2524" s="168">
        <v>1</v>
      </c>
      <c r="BU2524" s="166">
        <v>0</v>
      </c>
      <c r="BV2524" s="166">
        <v>0</v>
      </c>
      <c r="BW2524" s="166">
        <v>0</v>
      </c>
      <c r="BX2524" s="166">
        <v>0</v>
      </c>
      <c r="BY2524" s="166">
        <v>0</v>
      </c>
      <c r="BZ2524" s="166">
        <v>0</v>
      </c>
      <c r="CA2524" s="166">
        <v>0</v>
      </c>
      <c r="CB2524" s="166">
        <v>0</v>
      </c>
      <c r="CC2524" s="166">
        <v>0</v>
      </c>
      <c r="CD2524" s="166">
        <v>0</v>
      </c>
      <c r="CE2524" s="166">
        <v>0</v>
      </c>
      <c r="CF2524" s="166">
        <v>0</v>
      </c>
      <c r="CG2524" s="166">
        <v>0</v>
      </c>
      <c r="CH2524" s="166">
        <v>0</v>
      </c>
      <c r="CI2524" s="166">
        <v>0</v>
      </c>
      <c r="CJ2524" s="166">
        <v>0</v>
      </c>
      <c r="CK2524" s="166">
        <v>0</v>
      </c>
      <c r="CL2524" s="166">
        <v>0</v>
      </c>
      <c r="CM2524" s="166">
        <v>0</v>
      </c>
      <c r="CN2524" s="166">
        <v>0</v>
      </c>
      <c r="CO2524" s="166">
        <v>0</v>
      </c>
      <c r="CP2524" s="166">
        <v>0</v>
      </c>
      <c r="CQ2524" s="166">
        <v>0</v>
      </c>
      <c r="CR2524" s="166">
        <v>0</v>
      </c>
      <c r="CS2524" s="166">
        <v>0</v>
      </c>
      <c r="CT2524" s="166">
        <v>0</v>
      </c>
      <c r="CU2524" s="166">
        <v>0</v>
      </c>
      <c r="CV2524" s="166">
        <v>0</v>
      </c>
      <c r="CW2524" s="166">
        <v>0</v>
      </c>
      <c r="CX2524" s="166">
        <v>0</v>
      </c>
      <c r="CY2524" s="166">
        <v>0</v>
      </c>
      <c r="CZ2524" s="166">
        <v>0</v>
      </c>
    </row>
    <row r="2525" spans="1:104" x14ac:dyDescent="0.2">
      <c r="A2525" s="167" t="s">
        <v>1165</v>
      </c>
      <c r="B2525" s="166">
        <v>0</v>
      </c>
      <c r="C2525" s="166">
        <v>0</v>
      </c>
      <c r="D2525" s="166">
        <v>0</v>
      </c>
      <c r="E2525" s="166">
        <v>0</v>
      </c>
      <c r="F2525" s="166">
        <v>0</v>
      </c>
      <c r="G2525" s="166">
        <v>0</v>
      </c>
      <c r="H2525" s="166">
        <v>0</v>
      </c>
      <c r="I2525" s="166">
        <v>0</v>
      </c>
      <c r="J2525" s="166">
        <v>0</v>
      </c>
      <c r="K2525" s="166">
        <v>0</v>
      </c>
      <c r="L2525" s="166">
        <v>0</v>
      </c>
      <c r="M2525" s="166">
        <v>0</v>
      </c>
      <c r="N2525" s="166">
        <v>0</v>
      </c>
      <c r="O2525" s="166">
        <v>0</v>
      </c>
      <c r="P2525" s="166">
        <v>0</v>
      </c>
      <c r="Q2525" s="166">
        <v>0</v>
      </c>
      <c r="R2525" s="166">
        <v>0</v>
      </c>
      <c r="S2525" s="166">
        <v>0</v>
      </c>
      <c r="T2525" s="166">
        <v>0</v>
      </c>
      <c r="U2525" s="166">
        <v>0</v>
      </c>
      <c r="V2525" s="166">
        <v>0</v>
      </c>
      <c r="W2525" s="166">
        <v>0</v>
      </c>
      <c r="X2525" s="166">
        <v>0</v>
      </c>
      <c r="Y2525" s="166">
        <v>0</v>
      </c>
      <c r="Z2525" s="166">
        <v>0</v>
      </c>
      <c r="AA2525" s="166">
        <v>0</v>
      </c>
      <c r="AB2525" s="166">
        <v>0</v>
      </c>
      <c r="AC2525" s="166">
        <v>0</v>
      </c>
      <c r="AD2525" s="166">
        <v>0</v>
      </c>
      <c r="AE2525" s="166">
        <v>0</v>
      </c>
      <c r="AF2525" s="166">
        <v>0</v>
      </c>
      <c r="AG2525" s="166">
        <v>0</v>
      </c>
      <c r="AH2525" s="166">
        <v>0</v>
      </c>
      <c r="AI2525" s="166">
        <v>0</v>
      </c>
      <c r="AJ2525" s="166">
        <v>0</v>
      </c>
      <c r="AK2525" s="166">
        <v>0</v>
      </c>
      <c r="AL2525" s="166">
        <v>0</v>
      </c>
      <c r="AM2525" s="166">
        <v>0</v>
      </c>
      <c r="AN2525" s="166">
        <v>0</v>
      </c>
      <c r="AO2525" s="166">
        <v>0</v>
      </c>
      <c r="AP2525" s="166">
        <v>0</v>
      </c>
      <c r="AQ2525" s="166">
        <v>0</v>
      </c>
      <c r="AR2525" s="166">
        <v>0</v>
      </c>
      <c r="AS2525" s="166">
        <v>0</v>
      </c>
      <c r="AT2525" s="166">
        <v>0</v>
      </c>
      <c r="AU2525" s="166">
        <v>0</v>
      </c>
      <c r="AV2525" s="166">
        <v>0</v>
      </c>
      <c r="AW2525" s="166">
        <v>0</v>
      </c>
      <c r="AX2525" s="166">
        <v>0</v>
      </c>
      <c r="AY2525" s="166">
        <v>0</v>
      </c>
      <c r="AZ2525" s="166">
        <v>0</v>
      </c>
      <c r="BA2525" s="166">
        <v>0</v>
      </c>
      <c r="BB2525" s="166">
        <v>0</v>
      </c>
      <c r="BC2525" s="166">
        <v>0</v>
      </c>
      <c r="BD2525" s="166">
        <v>0</v>
      </c>
      <c r="BE2525" s="166">
        <v>0</v>
      </c>
      <c r="BF2525" s="166">
        <v>0</v>
      </c>
      <c r="BG2525" s="166">
        <v>0</v>
      </c>
      <c r="BH2525" s="166">
        <v>0</v>
      </c>
      <c r="BI2525" s="166">
        <v>0</v>
      </c>
      <c r="BJ2525" s="166">
        <v>0</v>
      </c>
      <c r="BK2525" s="166">
        <v>0</v>
      </c>
      <c r="BL2525" s="166">
        <v>0</v>
      </c>
      <c r="BM2525" s="166">
        <v>0</v>
      </c>
      <c r="BN2525" s="166">
        <v>0</v>
      </c>
      <c r="BO2525" s="166">
        <v>0</v>
      </c>
      <c r="BP2525" s="166">
        <v>0</v>
      </c>
      <c r="BQ2525" s="166">
        <v>0</v>
      </c>
      <c r="BR2525" s="166">
        <v>0</v>
      </c>
      <c r="BS2525" s="166">
        <v>0</v>
      </c>
      <c r="BT2525" s="168">
        <v>1</v>
      </c>
      <c r="BU2525" s="166">
        <v>0</v>
      </c>
      <c r="BV2525" s="166">
        <v>0</v>
      </c>
      <c r="BW2525" s="166">
        <v>0</v>
      </c>
      <c r="BX2525" s="166">
        <v>0</v>
      </c>
      <c r="BY2525" s="166">
        <v>0</v>
      </c>
      <c r="BZ2525" s="166">
        <v>0</v>
      </c>
      <c r="CA2525" s="166">
        <v>0</v>
      </c>
      <c r="CB2525" s="166">
        <v>0</v>
      </c>
      <c r="CC2525" s="166">
        <v>0</v>
      </c>
      <c r="CD2525" s="166">
        <v>0</v>
      </c>
      <c r="CE2525" s="166">
        <v>0</v>
      </c>
      <c r="CF2525" s="166">
        <v>0</v>
      </c>
      <c r="CG2525" s="166">
        <v>0</v>
      </c>
      <c r="CH2525" s="166">
        <v>0</v>
      </c>
      <c r="CI2525" s="166">
        <v>0</v>
      </c>
      <c r="CJ2525" s="166">
        <v>0</v>
      </c>
      <c r="CK2525" s="166">
        <v>0</v>
      </c>
      <c r="CL2525" s="166">
        <v>0</v>
      </c>
      <c r="CM2525" s="166">
        <v>0</v>
      </c>
      <c r="CN2525" s="166">
        <v>0</v>
      </c>
      <c r="CO2525" s="166">
        <v>0</v>
      </c>
      <c r="CP2525" s="166">
        <v>0</v>
      </c>
      <c r="CQ2525" s="166">
        <v>0</v>
      </c>
      <c r="CR2525" s="166">
        <v>0</v>
      </c>
      <c r="CS2525" s="166">
        <v>0</v>
      </c>
      <c r="CT2525" s="166">
        <v>0</v>
      </c>
      <c r="CU2525" s="166">
        <v>0</v>
      </c>
      <c r="CV2525" s="166">
        <v>0</v>
      </c>
      <c r="CW2525" s="166">
        <v>0</v>
      </c>
      <c r="CX2525" s="166">
        <v>0</v>
      </c>
      <c r="CY2525" s="166">
        <v>0</v>
      </c>
      <c r="CZ2525" s="166">
        <v>0</v>
      </c>
    </row>
    <row r="2526" spans="1:104" x14ac:dyDescent="0.2">
      <c r="A2526" s="167" t="s">
        <v>1166</v>
      </c>
      <c r="B2526" s="166">
        <v>0</v>
      </c>
      <c r="C2526" s="166">
        <v>0</v>
      </c>
      <c r="D2526" s="166">
        <v>0</v>
      </c>
      <c r="E2526" s="166">
        <v>0</v>
      </c>
      <c r="F2526" s="166">
        <v>0</v>
      </c>
      <c r="G2526" s="166">
        <v>0</v>
      </c>
      <c r="H2526" s="166">
        <v>0</v>
      </c>
      <c r="I2526" s="166">
        <v>0</v>
      </c>
      <c r="J2526" s="166">
        <v>0</v>
      </c>
      <c r="K2526" s="166">
        <v>0</v>
      </c>
      <c r="L2526" s="166">
        <v>0</v>
      </c>
      <c r="M2526" s="166">
        <v>0</v>
      </c>
      <c r="N2526" s="166">
        <v>0</v>
      </c>
      <c r="O2526" s="166">
        <v>0</v>
      </c>
      <c r="P2526" s="166">
        <v>0</v>
      </c>
      <c r="Q2526" s="166">
        <v>0</v>
      </c>
      <c r="R2526" s="166">
        <v>0</v>
      </c>
      <c r="S2526" s="166">
        <v>0</v>
      </c>
      <c r="T2526" s="166">
        <v>0</v>
      </c>
      <c r="U2526" s="166">
        <v>0</v>
      </c>
      <c r="V2526" s="166">
        <v>0</v>
      </c>
      <c r="W2526" s="166">
        <v>0</v>
      </c>
      <c r="X2526" s="166">
        <v>0</v>
      </c>
      <c r="Y2526" s="166">
        <v>0</v>
      </c>
      <c r="Z2526" s="166">
        <v>0</v>
      </c>
      <c r="AA2526" s="166">
        <v>0</v>
      </c>
      <c r="AB2526" s="166">
        <v>0</v>
      </c>
      <c r="AC2526" s="166">
        <v>0</v>
      </c>
      <c r="AD2526" s="166">
        <v>0</v>
      </c>
      <c r="AE2526" s="166">
        <v>0</v>
      </c>
      <c r="AF2526" s="166">
        <v>0</v>
      </c>
      <c r="AG2526" s="166">
        <v>0</v>
      </c>
      <c r="AH2526" s="166">
        <v>0</v>
      </c>
      <c r="AI2526" s="166">
        <v>0</v>
      </c>
      <c r="AJ2526" s="166">
        <v>0</v>
      </c>
      <c r="AK2526" s="166">
        <v>0</v>
      </c>
      <c r="AL2526" s="166">
        <v>0</v>
      </c>
      <c r="AM2526" s="166">
        <v>0</v>
      </c>
      <c r="AN2526" s="166">
        <v>0</v>
      </c>
      <c r="AO2526" s="166">
        <v>0</v>
      </c>
      <c r="AP2526" s="166">
        <v>0</v>
      </c>
      <c r="AQ2526" s="166">
        <v>0</v>
      </c>
      <c r="AR2526" s="166">
        <v>0</v>
      </c>
      <c r="AS2526" s="166">
        <v>0</v>
      </c>
      <c r="AT2526" s="166">
        <v>0</v>
      </c>
      <c r="AU2526" s="166">
        <v>0</v>
      </c>
      <c r="AV2526" s="166">
        <v>0</v>
      </c>
      <c r="AW2526" s="166">
        <v>0</v>
      </c>
      <c r="AX2526" s="166">
        <v>0</v>
      </c>
      <c r="AY2526" s="166">
        <v>0</v>
      </c>
      <c r="AZ2526" s="166">
        <v>0</v>
      </c>
      <c r="BA2526" s="166">
        <v>0</v>
      </c>
      <c r="BB2526" s="166">
        <v>0</v>
      </c>
      <c r="BC2526" s="166">
        <v>0</v>
      </c>
      <c r="BD2526" s="166">
        <v>0</v>
      </c>
      <c r="BE2526" s="166">
        <v>0</v>
      </c>
      <c r="BF2526" s="166">
        <v>0</v>
      </c>
      <c r="BG2526" s="166">
        <v>0</v>
      </c>
      <c r="BH2526" s="166">
        <v>0</v>
      </c>
      <c r="BI2526" s="166">
        <v>0</v>
      </c>
      <c r="BJ2526" s="166">
        <v>0</v>
      </c>
      <c r="BK2526" s="166">
        <v>0</v>
      </c>
      <c r="BL2526" s="166">
        <v>0</v>
      </c>
      <c r="BM2526" s="166">
        <v>0</v>
      </c>
      <c r="BN2526" s="166">
        <v>0</v>
      </c>
      <c r="BO2526" s="166">
        <v>0</v>
      </c>
      <c r="BP2526" s="166">
        <v>0</v>
      </c>
      <c r="BQ2526" s="166">
        <v>0</v>
      </c>
      <c r="BR2526" s="166">
        <v>0</v>
      </c>
      <c r="BS2526" s="166">
        <v>0</v>
      </c>
      <c r="BT2526" s="168">
        <v>0.98751</v>
      </c>
      <c r="BU2526" s="166">
        <v>0</v>
      </c>
      <c r="BV2526" s="166">
        <v>0</v>
      </c>
      <c r="BW2526" s="166">
        <v>0</v>
      </c>
      <c r="BX2526" s="166">
        <v>0</v>
      </c>
      <c r="BY2526" s="166">
        <v>0</v>
      </c>
      <c r="BZ2526" s="166">
        <v>0</v>
      </c>
      <c r="CA2526" s="166">
        <v>0</v>
      </c>
      <c r="CB2526" s="166">
        <v>0</v>
      </c>
      <c r="CC2526" s="166">
        <v>0</v>
      </c>
      <c r="CD2526" s="166">
        <v>0</v>
      </c>
      <c r="CE2526" s="166">
        <v>0</v>
      </c>
      <c r="CF2526" s="166">
        <v>0</v>
      </c>
      <c r="CG2526" s="166">
        <v>0</v>
      </c>
      <c r="CH2526" s="166">
        <v>0</v>
      </c>
      <c r="CI2526" s="166">
        <v>0</v>
      </c>
      <c r="CJ2526" s="166">
        <v>0</v>
      </c>
      <c r="CK2526" s="166">
        <v>0</v>
      </c>
      <c r="CL2526" s="166">
        <v>0</v>
      </c>
      <c r="CM2526" s="166">
        <v>0</v>
      </c>
      <c r="CN2526" s="166">
        <v>0</v>
      </c>
      <c r="CO2526" s="166">
        <v>0</v>
      </c>
      <c r="CP2526" s="166">
        <v>0</v>
      </c>
      <c r="CQ2526" s="166">
        <v>0</v>
      </c>
      <c r="CR2526" s="166">
        <v>0</v>
      </c>
      <c r="CS2526" s="166">
        <v>0</v>
      </c>
      <c r="CT2526" s="166">
        <v>0</v>
      </c>
      <c r="CU2526" s="166">
        <v>0</v>
      </c>
      <c r="CV2526" s="166">
        <v>0</v>
      </c>
      <c r="CW2526" s="166">
        <v>0</v>
      </c>
      <c r="CX2526" s="166">
        <v>0</v>
      </c>
      <c r="CY2526" s="166">
        <v>0</v>
      </c>
      <c r="CZ2526" s="166">
        <v>0</v>
      </c>
    </row>
    <row r="2527" spans="1:104" x14ac:dyDescent="0.2">
      <c r="A2527" s="167" t="s">
        <v>1167</v>
      </c>
      <c r="B2527" s="166">
        <v>0</v>
      </c>
      <c r="C2527" s="166">
        <v>0</v>
      </c>
      <c r="D2527" s="166">
        <v>0</v>
      </c>
      <c r="E2527" s="166">
        <v>0</v>
      </c>
      <c r="F2527" s="166">
        <v>0</v>
      </c>
      <c r="G2527" s="166">
        <v>0</v>
      </c>
      <c r="H2527" s="166">
        <v>0</v>
      </c>
      <c r="I2527" s="166">
        <v>0</v>
      </c>
      <c r="J2527" s="166">
        <v>0</v>
      </c>
      <c r="K2527" s="166">
        <v>0</v>
      </c>
      <c r="L2527" s="166">
        <v>0</v>
      </c>
      <c r="M2527" s="166">
        <v>0</v>
      </c>
      <c r="N2527" s="166">
        <v>0</v>
      </c>
      <c r="O2527" s="166">
        <v>0</v>
      </c>
      <c r="P2527" s="166">
        <v>0</v>
      </c>
      <c r="Q2527" s="166">
        <v>0</v>
      </c>
      <c r="R2527" s="166">
        <v>0</v>
      </c>
      <c r="S2527" s="166">
        <v>0</v>
      </c>
      <c r="T2527" s="166">
        <v>0</v>
      </c>
      <c r="U2527" s="166">
        <v>0</v>
      </c>
      <c r="V2527" s="166">
        <v>0</v>
      </c>
      <c r="W2527" s="166">
        <v>0</v>
      </c>
      <c r="X2527" s="166">
        <v>0</v>
      </c>
      <c r="Y2527" s="166">
        <v>0</v>
      </c>
      <c r="Z2527" s="166">
        <v>0</v>
      </c>
      <c r="AA2527" s="166">
        <v>0</v>
      </c>
      <c r="AB2527" s="166">
        <v>0</v>
      </c>
      <c r="AC2527" s="166">
        <v>0</v>
      </c>
      <c r="AD2527" s="166">
        <v>0</v>
      </c>
      <c r="AE2527" s="166">
        <v>0</v>
      </c>
      <c r="AF2527" s="166">
        <v>0</v>
      </c>
      <c r="AG2527" s="166">
        <v>0</v>
      </c>
      <c r="AH2527" s="166">
        <v>0</v>
      </c>
      <c r="AI2527" s="166">
        <v>0</v>
      </c>
      <c r="AJ2527" s="166">
        <v>0</v>
      </c>
      <c r="AK2527" s="166">
        <v>0</v>
      </c>
      <c r="AL2527" s="166">
        <v>0</v>
      </c>
      <c r="AM2527" s="166">
        <v>0</v>
      </c>
      <c r="AN2527" s="166">
        <v>0</v>
      </c>
      <c r="AO2527" s="166">
        <v>0</v>
      </c>
      <c r="AP2527" s="166">
        <v>0</v>
      </c>
      <c r="AQ2527" s="166">
        <v>0</v>
      </c>
      <c r="AR2527" s="166">
        <v>0</v>
      </c>
      <c r="AS2527" s="166">
        <v>0</v>
      </c>
      <c r="AT2527" s="166">
        <v>0</v>
      </c>
      <c r="AU2527" s="166">
        <v>0</v>
      </c>
      <c r="AV2527" s="166">
        <v>0</v>
      </c>
      <c r="AW2527" s="166">
        <v>0</v>
      </c>
      <c r="AX2527" s="166">
        <v>0</v>
      </c>
      <c r="AY2527" s="166">
        <v>0</v>
      </c>
      <c r="AZ2527" s="166">
        <v>0</v>
      </c>
      <c r="BA2527" s="166">
        <v>0</v>
      </c>
      <c r="BB2527" s="166">
        <v>0</v>
      </c>
      <c r="BC2527" s="166">
        <v>0</v>
      </c>
      <c r="BD2527" s="166">
        <v>0</v>
      </c>
      <c r="BE2527" s="166">
        <v>0</v>
      </c>
      <c r="BF2527" s="166">
        <v>0</v>
      </c>
      <c r="BG2527" s="166">
        <v>0</v>
      </c>
      <c r="BH2527" s="166">
        <v>0</v>
      </c>
      <c r="BI2527" s="166">
        <v>0</v>
      </c>
      <c r="BJ2527" s="166">
        <v>0</v>
      </c>
      <c r="BK2527" s="166">
        <v>0</v>
      </c>
      <c r="BL2527" s="166">
        <v>0</v>
      </c>
      <c r="BM2527" s="166">
        <v>0</v>
      </c>
      <c r="BN2527" s="166">
        <v>0</v>
      </c>
      <c r="BO2527" s="166">
        <v>0</v>
      </c>
      <c r="BP2527" s="166">
        <v>0</v>
      </c>
      <c r="BQ2527" s="166">
        <v>0</v>
      </c>
      <c r="BR2527" s="166">
        <v>0</v>
      </c>
      <c r="BS2527" s="166">
        <v>0</v>
      </c>
      <c r="BT2527" s="168">
        <v>1</v>
      </c>
      <c r="BU2527" s="166">
        <v>0</v>
      </c>
      <c r="BV2527" s="166">
        <v>0</v>
      </c>
      <c r="BW2527" s="166">
        <v>0</v>
      </c>
      <c r="BX2527" s="166">
        <v>0</v>
      </c>
      <c r="BY2527" s="166">
        <v>0</v>
      </c>
      <c r="BZ2527" s="166">
        <v>0</v>
      </c>
      <c r="CA2527" s="166">
        <v>0</v>
      </c>
      <c r="CB2527" s="166">
        <v>0</v>
      </c>
      <c r="CC2527" s="166">
        <v>0</v>
      </c>
      <c r="CD2527" s="166">
        <v>0</v>
      </c>
      <c r="CE2527" s="166">
        <v>0</v>
      </c>
      <c r="CF2527" s="166">
        <v>0</v>
      </c>
      <c r="CG2527" s="166">
        <v>0</v>
      </c>
      <c r="CH2527" s="166">
        <v>0</v>
      </c>
      <c r="CI2527" s="166">
        <v>0</v>
      </c>
      <c r="CJ2527" s="166">
        <v>0</v>
      </c>
      <c r="CK2527" s="166">
        <v>0</v>
      </c>
      <c r="CL2527" s="166">
        <v>0</v>
      </c>
      <c r="CM2527" s="166">
        <v>0</v>
      </c>
      <c r="CN2527" s="166">
        <v>0</v>
      </c>
      <c r="CO2527" s="166">
        <v>0</v>
      </c>
      <c r="CP2527" s="166">
        <v>0</v>
      </c>
      <c r="CQ2527" s="166">
        <v>0</v>
      </c>
      <c r="CR2527" s="166">
        <v>0</v>
      </c>
      <c r="CS2527" s="166">
        <v>0</v>
      </c>
      <c r="CT2527" s="166">
        <v>0</v>
      </c>
      <c r="CU2527" s="166">
        <v>0</v>
      </c>
      <c r="CV2527" s="166">
        <v>0</v>
      </c>
      <c r="CW2527" s="166">
        <v>0</v>
      </c>
      <c r="CX2527" s="166">
        <v>0</v>
      </c>
      <c r="CY2527" s="166">
        <v>0</v>
      </c>
      <c r="CZ2527" s="166">
        <v>0</v>
      </c>
    </row>
    <row r="2528" spans="1:104" x14ac:dyDescent="0.2">
      <c r="A2528" s="167" t="s">
        <v>1168</v>
      </c>
      <c r="B2528" s="166">
        <v>0</v>
      </c>
      <c r="C2528" s="166">
        <v>0</v>
      </c>
      <c r="D2528" s="166">
        <v>0</v>
      </c>
      <c r="E2528" s="166">
        <v>0</v>
      </c>
      <c r="F2528" s="166">
        <v>0</v>
      </c>
      <c r="G2528" s="166">
        <v>0</v>
      </c>
      <c r="H2528" s="166">
        <v>0</v>
      </c>
      <c r="I2528" s="166">
        <v>0</v>
      </c>
      <c r="J2528" s="166">
        <v>0</v>
      </c>
      <c r="K2528" s="166">
        <v>0</v>
      </c>
      <c r="L2528" s="166">
        <v>0</v>
      </c>
      <c r="M2528" s="166">
        <v>0</v>
      </c>
      <c r="N2528" s="166">
        <v>0</v>
      </c>
      <c r="O2528" s="166">
        <v>0</v>
      </c>
      <c r="P2528" s="166">
        <v>0</v>
      </c>
      <c r="Q2528" s="166">
        <v>0</v>
      </c>
      <c r="R2528" s="166">
        <v>0</v>
      </c>
      <c r="S2528" s="166">
        <v>0</v>
      </c>
      <c r="T2528" s="166">
        <v>0</v>
      </c>
      <c r="U2528" s="166">
        <v>0</v>
      </c>
      <c r="V2528" s="166">
        <v>0</v>
      </c>
      <c r="W2528" s="166">
        <v>0</v>
      </c>
      <c r="X2528" s="166">
        <v>0</v>
      </c>
      <c r="Y2528" s="166">
        <v>0</v>
      </c>
      <c r="Z2528" s="166">
        <v>0</v>
      </c>
      <c r="AA2528" s="166">
        <v>0</v>
      </c>
      <c r="AB2528" s="166">
        <v>0</v>
      </c>
      <c r="AC2528" s="166">
        <v>0</v>
      </c>
      <c r="AD2528" s="166">
        <v>0</v>
      </c>
      <c r="AE2528" s="166">
        <v>0</v>
      </c>
      <c r="AF2528" s="166">
        <v>0</v>
      </c>
      <c r="AG2528" s="166">
        <v>0</v>
      </c>
      <c r="AH2528" s="166">
        <v>0</v>
      </c>
      <c r="AI2528" s="166">
        <v>0</v>
      </c>
      <c r="AJ2528" s="166">
        <v>0</v>
      </c>
      <c r="AK2528" s="166">
        <v>0</v>
      </c>
      <c r="AL2528" s="166">
        <v>0</v>
      </c>
      <c r="AM2528" s="166">
        <v>0</v>
      </c>
      <c r="AN2528" s="166">
        <v>0</v>
      </c>
      <c r="AO2528" s="166">
        <v>0</v>
      </c>
      <c r="AP2528" s="166">
        <v>0</v>
      </c>
      <c r="AQ2528" s="166">
        <v>0</v>
      </c>
      <c r="AR2528" s="166">
        <v>0</v>
      </c>
      <c r="AS2528" s="166">
        <v>0</v>
      </c>
      <c r="AT2528" s="166">
        <v>0</v>
      </c>
      <c r="AU2528" s="166">
        <v>0</v>
      </c>
      <c r="AV2528" s="166">
        <v>0</v>
      </c>
      <c r="AW2528" s="166">
        <v>0</v>
      </c>
      <c r="AX2528" s="166">
        <v>0</v>
      </c>
      <c r="AY2528" s="166">
        <v>0</v>
      </c>
      <c r="AZ2528" s="166">
        <v>0</v>
      </c>
      <c r="BA2528" s="166">
        <v>0</v>
      </c>
      <c r="BB2528" s="166">
        <v>0</v>
      </c>
      <c r="BC2528" s="166">
        <v>0</v>
      </c>
      <c r="BD2528" s="166">
        <v>0</v>
      </c>
      <c r="BE2528" s="166">
        <v>0</v>
      </c>
      <c r="BF2528" s="166">
        <v>0</v>
      </c>
      <c r="BG2528" s="166">
        <v>0</v>
      </c>
      <c r="BH2528" s="166">
        <v>0</v>
      </c>
      <c r="BI2528" s="166">
        <v>0</v>
      </c>
      <c r="BJ2528" s="166">
        <v>0</v>
      </c>
      <c r="BK2528" s="166">
        <v>0</v>
      </c>
      <c r="BL2528" s="166">
        <v>0</v>
      </c>
      <c r="BM2528" s="166">
        <v>0</v>
      </c>
      <c r="BN2528" s="166">
        <v>0</v>
      </c>
      <c r="BO2528" s="166">
        <v>0</v>
      </c>
      <c r="BP2528" s="166">
        <v>0</v>
      </c>
      <c r="BQ2528" s="166">
        <v>0</v>
      </c>
      <c r="BR2528" s="166">
        <v>0</v>
      </c>
      <c r="BS2528" s="166">
        <v>0</v>
      </c>
      <c r="BT2528" s="168">
        <v>0</v>
      </c>
      <c r="BU2528" s="166">
        <v>0</v>
      </c>
      <c r="BV2528" s="166">
        <v>0</v>
      </c>
      <c r="BW2528" s="166">
        <v>0</v>
      </c>
      <c r="BX2528" s="166">
        <v>0</v>
      </c>
      <c r="BY2528" s="166">
        <v>0</v>
      </c>
      <c r="BZ2528" s="166">
        <v>0</v>
      </c>
      <c r="CA2528" s="166">
        <v>0</v>
      </c>
      <c r="CB2528" s="166">
        <v>0</v>
      </c>
      <c r="CC2528" s="166">
        <v>0</v>
      </c>
      <c r="CD2528" s="166">
        <v>0</v>
      </c>
      <c r="CE2528" s="166">
        <v>0</v>
      </c>
      <c r="CF2528" s="166">
        <v>0</v>
      </c>
      <c r="CG2528" s="166">
        <v>0</v>
      </c>
      <c r="CH2528" s="166">
        <v>0</v>
      </c>
      <c r="CI2528" s="166">
        <v>0</v>
      </c>
      <c r="CJ2528" s="166">
        <v>0</v>
      </c>
      <c r="CK2528" s="166">
        <v>0</v>
      </c>
      <c r="CL2528" s="166">
        <v>0</v>
      </c>
      <c r="CM2528" s="166">
        <v>0</v>
      </c>
      <c r="CN2528" s="166">
        <v>0</v>
      </c>
      <c r="CO2528" s="166">
        <v>0</v>
      </c>
      <c r="CP2528" s="166">
        <v>0</v>
      </c>
      <c r="CQ2528" s="166">
        <v>0</v>
      </c>
      <c r="CR2528" s="166">
        <v>0</v>
      </c>
      <c r="CS2528" s="166">
        <v>0</v>
      </c>
      <c r="CT2528" s="166">
        <v>0</v>
      </c>
      <c r="CU2528" s="166">
        <v>0</v>
      </c>
      <c r="CV2528" s="166">
        <v>0</v>
      </c>
      <c r="CW2528" s="166">
        <v>0</v>
      </c>
      <c r="CX2528" s="166">
        <v>0</v>
      </c>
      <c r="CY2528" s="166">
        <v>0</v>
      </c>
      <c r="CZ2528" s="166">
        <v>0</v>
      </c>
    </row>
    <row r="2529" spans="1:104" x14ac:dyDescent="0.2">
      <c r="A2529" s="167" t="s">
        <v>377</v>
      </c>
    </row>
    <row r="2530" spans="1:104" x14ac:dyDescent="0.2">
      <c r="A2530" s="167" t="s">
        <v>378</v>
      </c>
      <c r="B2530" s="166">
        <v>0</v>
      </c>
      <c r="C2530" s="166">
        <v>0</v>
      </c>
      <c r="D2530" s="166">
        <v>0</v>
      </c>
      <c r="E2530" s="166">
        <v>0</v>
      </c>
      <c r="F2530" s="166">
        <v>0</v>
      </c>
      <c r="G2530" s="166">
        <v>0</v>
      </c>
      <c r="H2530" s="166">
        <v>0</v>
      </c>
      <c r="I2530" s="166">
        <v>0</v>
      </c>
      <c r="J2530" s="166">
        <v>0</v>
      </c>
      <c r="K2530" s="166">
        <v>0</v>
      </c>
      <c r="L2530" s="166">
        <v>0</v>
      </c>
      <c r="M2530" s="166">
        <v>0</v>
      </c>
      <c r="N2530" s="166">
        <v>0</v>
      </c>
      <c r="O2530" s="166">
        <v>0</v>
      </c>
      <c r="P2530" s="166">
        <v>0</v>
      </c>
      <c r="Q2530" s="166">
        <v>0</v>
      </c>
      <c r="R2530" s="166">
        <v>0</v>
      </c>
      <c r="S2530" s="166">
        <v>0</v>
      </c>
      <c r="T2530" s="166">
        <v>0</v>
      </c>
      <c r="U2530" s="166">
        <v>0</v>
      </c>
      <c r="V2530" s="166">
        <v>0</v>
      </c>
      <c r="W2530" s="166">
        <v>0</v>
      </c>
      <c r="X2530" s="166">
        <v>0</v>
      </c>
      <c r="Y2530" s="166">
        <v>0</v>
      </c>
      <c r="Z2530" s="166">
        <v>0</v>
      </c>
      <c r="AA2530" s="166">
        <v>0</v>
      </c>
      <c r="AB2530" s="166">
        <v>0</v>
      </c>
      <c r="AC2530" s="166">
        <v>0</v>
      </c>
      <c r="AD2530" s="166">
        <v>0</v>
      </c>
      <c r="AE2530" s="166">
        <v>0</v>
      </c>
      <c r="AF2530" s="166">
        <v>0</v>
      </c>
      <c r="AG2530" s="166">
        <v>0</v>
      </c>
      <c r="AH2530" s="166">
        <v>0</v>
      </c>
      <c r="AI2530" s="166">
        <v>0</v>
      </c>
      <c r="AJ2530" s="166">
        <v>0</v>
      </c>
      <c r="AK2530" s="166">
        <v>0</v>
      </c>
      <c r="AL2530" s="166">
        <v>0</v>
      </c>
      <c r="AM2530" s="166">
        <v>0</v>
      </c>
      <c r="AN2530" s="166">
        <v>0</v>
      </c>
      <c r="AO2530" s="166">
        <v>0</v>
      </c>
      <c r="AP2530" s="166">
        <v>0</v>
      </c>
      <c r="AQ2530" s="166">
        <v>0</v>
      </c>
      <c r="AR2530" s="166">
        <v>0</v>
      </c>
      <c r="AS2530" s="166">
        <v>0</v>
      </c>
      <c r="AT2530" s="166">
        <v>0</v>
      </c>
      <c r="AU2530" s="166">
        <v>0</v>
      </c>
      <c r="AV2530" s="166">
        <v>0</v>
      </c>
      <c r="AW2530" s="166">
        <v>0</v>
      </c>
      <c r="AX2530" s="166">
        <v>0</v>
      </c>
      <c r="AY2530" s="166">
        <v>0</v>
      </c>
      <c r="AZ2530" s="166">
        <v>0</v>
      </c>
      <c r="BA2530" s="166">
        <v>0</v>
      </c>
      <c r="BB2530" s="166">
        <v>0</v>
      </c>
      <c r="BC2530" s="166">
        <v>0</v>
      </c>
      <c r="BD2530" s="166">
        <v>0</v>
      </c>
      <c r="BE2530" s="166">
        <v>0</v>
      </c>
      <c r="BF2530" s="166">
        <v>0</v>
      </c>
      <c r="BG2530" s="166">
        <v>0</v>
      </c>
      <c r="BH2530" s="166">
        <v>0</v>
      </c>
      <c r="BI2530" s="166">
        <v>0</v>
      </c>
      <c r="BJ2530" s="166">
        <v>0</v>
      </c>
      <c r="BK2530" s="166">
        <v>0</v>
      </c>
      <c r="BL2530" s="166">
        <v>0</v>
      </c>
      <c r="BM2530" s="166">
        <v>0</v>
      </c>
      <c r="BN2530" s="166">
        <v>0</v>
      </c>
      <c r="BO2530" s="166">
        <v>0</v>
      </c>
      <c r="BP2530" s="166">
        <v>0</v>
      </c>
      <c r="BQ2530" s="166">
        <v>0</v>
      </c>
      <c r="BR2530" s="166">
        <v>0</v>
      </c>
      <c r="BS2530" s="166">
        <v>0</v>
      </c>
      <c r="BT2530" s="168">
        <v>1</v>
      </c>
      <c r="BU2530" s="166">
        <v>0</v>
      </c>
      <c r="BV2530" s="166">
        <v>0</v>
      </c>
      <c r="BW2530" s="166">
        <v>0</v>
      </c>
      <c r="BX2530" s="166">
        <v>0</v>
      </c>
      <c r="BY2530" s="166">
        <v>0</v>
      </c>
      <c r="BZ2530" s="166">
        <v>0</v>
      </c>
      <c r="CA2530" s="166">
        <v>0</v>
      </c>
      <c r="CB2530" s="166">
        <v>0</v>
      </c>
      <c r="CC2530" s="166">
        <v>0</v>
      </c>
      <c r="CD2530" s="166">
        <v>0</v>
      </c>
      <c r="CE2530" s="166">
        <v>0</v>
      </c>
      <c r="CF2530" s="166">
        <v>0</v>
      </c>
      <c r="CG2530" s="166">
        <v>0</v>
      </c>
      <c r="CH2530" s="166">
        <v>0</v>
      </c>
      <c r="CI2530" s="166">
        <v>0</v>
      </c>
      <c r="CJ2530" s="166">
        <v>0</v>
      </c>
      <c r="CK2530" s="166">
        <v>0</v>
      </c>
      <c r="CL2530" s="166">
        <v>0</v>
      </c>
      <c r="CM2530" s="166">
        <v>0</v>
      </c>
      <c r="CN2530" s="166">
        <v>0</v>
      </c>
      <c r="CO2530" s="166">
        <v>0</v>
      </c>
      <c r="CP2530" s="166">
        <v>0</v>
      </c>
      <c r="CQ2530" s="166">
        <v>0</v>
      </c>
      <c r="CR2530" s="166">
        <v>0</v>
      </c>
      <c r="CS2530" s="166">
        <v>0</v>
      </c>
      <c r="CT2530" s="166">
        <v>0</v>
      </c>
      <c r="CU2530" s="166">
        <v>0</v>
      </c>
      <c r="CV2530" s="166">
        <v>0</v>
      </c>
      <c r="CW2530" s="166">
        <v>0</v>
      </c>
      <c r="CX2530" s="166">
        <v>0</v>
      </c>
      <c r="CY2530" s="166">
        <v>0</v>
      </c>
      <c r="CZ2530" s="166">
        <v>0</v>
      </c>
    </row>
    <row r="2531" spans="1:104" x14ac:dyDescent="0.2">
      <c r="A2531" s="170" t="s">
        <v>379</v>
      </c>
      <c r="B2531" s="166">
        <v>85743513.989999995</v>
      </c>
      <c r="C2531" s="166">
        <v>85743513.989999995</v>
      </c>
      <c r="D2531" s="166">
        <v>0</v>
      </c>
      <c r="E2531" s="166">
        <v>0</v>
      </c>
      <c r="F2531" s="166">
        <v>0</v>
      </c>
      <c r="G2531" s="166">
        <v>0</v>
      </c>
      <c r="H2531" s="166">
        <v>0</v>
      </c>
      <c r="I2531" s="166">
        <v>0</v>
      </c>
      <c r="J2531" s="166">
        <v>0</v>
      </c>
      <c r="K2531" s="166">
        <v>0</v>
      </c>
      <c r="L2531" s="166">
        <v>0</v>
      </c>
      <c r="M2531" s="166">
        <v>0</v>
      </c>
      <c r="N2531" s="166">
        <v>0</v>
      </c>
      <c r="O2531" s="166">
        <v>0</v>
      </c>
      <c r="P2531" s="166">
        <v>0</v>
      </c>
      <c r="Q2531" s="166">
        <v>0</v>
      </c>
      <c r="R2531" s="166">
        <v>0</v>
      </c>
      <c r="S2531" s="166">
        <v>0</v>
      </c>
      <c r="T2531" s="166">
        <v>0</v>
      </c>
      <c r="U2531" s="166">
        <v>0</v>
      </c>
      <c r="V2531" s="166">
        <v>0</v>
      </c>
      <c r="W2531" s="166">
        <v>0</v>
      </c>
      <c r="X2531" s="166">
        <v>0</v>
      </c>
      <c r="Y2531" s="166">
        <v>0</v>
      </c>
      <c r="Z2531" s="166">
        <v>0</v>
      </c>
      <c r="AA2531" s="166">
        <v>0</v>
      </c>
      <c r="AB2531" s="166">
        <v>0</v>
      </c>
      <c r="AC2531" s="166">
        <v>0</v>
      </c>
      <c r="AD2531" s="166">
        <v>0</v>
      </c>
      <c r="AE2531" s="166">
        <v>0</v>
      </c>
      <c r="AF2531" s="166">
        <v>0</v>
      </c>
      <c r="AG2531" s="166">
        <v>0</v>
      </c>
      <c r="AH2531" s="166">
        <v>0</v>
      </c>
      <c r="AI2531" s="166">
        <v>0</v>
      </c>
      <c r="AJ2531" s="166">
        <v>0</v>
      </c>
      <c r="AK2531" s="166">
        <v>0</v>
      </c>
      <c r="AL2531" s="166">
        <v>0</v>
      </c>
      <c r="AM2531" s="166">
        <v>0</v>
      </c>
      <c r="AN2531" s="166">
        <v>0</v>
      </c>
      <c r="AO2531" s="166">
        <v>0</v>
      </c>
      <c r="AP2531" s="166">
        <v>0</v>
      </c>
      <c r="AQ2531" s="166">
        <v>0</v>
      </c>
      <c r="AR2531" s="166">
        <v>0</v>
      </c>
      <c r="AS2531" s="166">
        <v>0</v>
      </c>
      <c r="AT2531" s="166">
        <v>0</v>
      </c>
      <c r="AU2531" s="166">
        <v>0</v>
      </c>
      <c r="AV2531" s="166">
        <v>0</v>
      </c>
      <c r="AW2531" s="166">
        <v>0</v>
      </c>
      <c r="AX2531" s="166">
        <v>0</v>
      </c>
      <c r="AY2531" s="166">
        <v>0</v>
      </c>
      <c r="AZ2531" s="166">
        <v>0</v>
      </c>
      <c r="BA2531" s="166">
        <v>0</v>
      </c>
      <c r="BB2531" s="166">
        <v>0</v>
      </c>
      <c r="BC2531" s="166">
        <v>0</v>
      </c>
      <c r="BD2531" s="166">
        <v>0</v>
      </c>
      <c r="BE2531" s="166">
        <v>0</v>
      </c>
      <c r="BF2531" s="166">
        <v>0</v>
      </c>
      <c r="BG2531" s="166">
        <v>0</v>
      </c>
      <c r="BH2531" s="166">
        <v>0</v>
      </c>
      <c r="BI2531" s="166">
        <v>0</v>
      </c>
      <c r="BJ2531" s="166">
        <v>0</v>
      </c>
      <c r="BK2531" s="166">
        <v>0</v>
      </c>
      <c r="BL2531" s="166">
        <v>0</v>
      </c>
      <c r="BM2531" s="166">
        <v>0</v>
      </c>
      <c r="BN2531" s="166">
        <v>0</v>
      </c>
      <c r="BO2531" s="166">
        <v>0</v>
      </c>
      <c r="BP2531" s="166">
        <v>0</v>
      </c>
      <c r="BQ2531" s="166">
        <v>0</v>
      </c>
      <c r="BR2531" s="166">
        <v>85743513.989999995</v>
      </c>
      <c r="BS2531" s="166">
        <v>85743513.989999995</v>
      </c>
      <c r="BT2531" s="168">
        <v>0</v>
      </c>
      <c r="BU2531" s="166">
        <v>7893053.6727660997</v>
      </c>
      <c r="BV2531" s="166">
        <v>85713895.126664504</v>
      </c>
      <c r="BW2531" s="166">
        <v>0</v>
      </c>
      <c r="BX2531" s="166">
        <v>0</v>
      </c>
      <c r="BY2531" s="166">
        <v>0</v>
      </c>
      <c r="BZ2531" s="166">
        <v>0</v>
      </c>
      <c r="CA2531" s="166">
        <v>0</v>
      </c>
      <c r="CB2531" s="166">
        <v>0</v>
      </c>
      <c r="CC2531" s="166">
        <v>0</v>
      </c>
      <c r="CD2531" s="166">
        <v>0</v>
      </c>
      <c r="CE2531" s="166">
        <v>0</v>
      </c>
      <c r="CF2531" s="166">
        <v>0</v>
      </c>
      <c r="CG2531" s="166">
        <v>0</v>
      </c>
      <c r="CH2531" s="166">
        <v>0</v>
      </c>
      <c r="CI2531" s="166">
        <v>0</v>
      </c>
      <c r="CJ2531" s="166">
        <v>0</v>
      </c>
      <c r="CK2531" s="166">
        <v>0</v>
      </c>
      <c r="CL2531" s="166">
        <v>0</v>
      </c>
      <c r="CM2531" s="166">
        <v>0</v>
      </c>
      <c r="CN2531" s="166">
        <v>0</v>
      </c>
      <c r="CO2531" s="166">
        <v>0</v>
      </c>
      <c r="CP2531" s="166">
        <v>0</v>
      </c>
      <c r="CQ2531" s="166">
        <v>0</v>
      </c>
      <c r="CR2531" s="166">
        <v>0</v>
      </c>
      <c r="CS2531" s="166">
        <v>0</v>
      </c>
      <c r="CT2531" s="166">
        <v>0</v>
      </c>
      <c r="CU2531" s="166">
        <v>0</v>
      </c>
      <c r="CV2531" s="166">
        <v>0</v>
      </c>
      <c r="CW2531" s="166">
        <v>0</v>
      </c>
      <c r="CX2531" s="166">
        <v>0</v>
      </c>
      <c r="CY2531" s="166">
        <v>85713895.126664504</v>
      </c>
      <c r="CZ2531" s="166">
        <v>85713895.126664504</v>
      </c>
    </row>
    <row r="2532" spans="1:104" x14ac:dyDescent="0.2">
      <c r="A2532" s="167" t="s">
        <v>380</v>
      </c>
    </row>
    <row r="2533" spans="1:104" x14ac:dyDescent="0.2">
      <c r="A2533" s="170" t="s">
        <v>381</v>
      </c>
      <c r="B2533" s="166">
        <v>118439124.37</v>
      </c>
      <c r="C2533" s="166">
        <v>118439124.37</v>
      </c>
      <c r="D2533" s="166">
        <v>0</v>
      </c>
      <c r="E2533" s="166">
        <v>0</v>
      </c>
      <c r="F2533" s="166">
        <v>0</v>
      </c>
      <c r="G2533" s="166">
        <v>0</v>
      </c>
      <c r="H2533" s="166">
        <v>0</v>
      </c>
      <c r="I2533" s="166">
        <v>0</v>
      </c>
      <c r="J2533" s="166">
        <v>0</v>
      </c>
      <c r="K2533" s="166">
        <v>0</v>
      </c>
      <c r="L2533" s="166">
        <v>0</v>
      </c>
      <c r="M2533" s="166">
        <v>0</v>
      </c>
      <c r="N2533" s="166">
        <v>0</v>
      </c>
      <c r="O2533" s="166">
        <v>0</v>
      </c>
      <c r="P2533" s="166">
        <v>0</v>
      </c>
      <c r="Q2533" s="166">
        <v>0</v>
      </c>
      <c r="R2533" s="166">
        <v>0</v>
      </c>
      <c r="S2533" s="166">
        <v>0</v>
      </c>
      <c r="T2533" s="166">
        <v>0</v>
      </c>
      <c r="U2533" s="166">
        <v>0</v>
      </c>
      <c r="V2533" s="166">
        <v>0</v>
      </c>
      <c r="W2533" s="166">
        <v>0</v>
      </c>
      <c r="X2533" s="166">
        <v>0</v>
      </c>
      <c r="Y2533" s="166">
        <v>0</v>
      </c>
      <c r="Z2533" s="166">
        <v>0</v>
      </c>
      <c r="AA2533" s="166">
        <v>0</v>
      </c>
      <c r="AB2533" s="166">
        <v>0</v>
      </c>
      <c r="AC2533" s="166">
        <v>0</v>
      </c>
      <c r="AD2533" s="166">
        <v>0</v>
      </c>
      <c r="AE2533" s="166">
        <v>0</v>
      </c>
      <c r="AF2533" s="166">
        <v>0</v>
      </c>
      <c r="AG2533" s="166">
        <v>0</v>
      </c>
      <c r="AH2533" s="166">
        <v>0</v>
      </c>
      <c r="AI2533" s="166">
        <v>0</v>
      </c>
      <c r="AJ2533" s="166">
        <v>0</v>
      </c>
      <c r="AK2533" s="166">
        <v>0</v>
      </c>
      <c r="AL2533" s="166">
        <v>0</v>
      </c>
      <c r="AM2533" s="166">
        <v>0</v>
      </c>
      <c r="AN2533" s="166">
        <v>0</v>
      </c>
      <c r="AO2533" s="166">
        <v>0</v>
      </c>
      <c r="AP2533" s="166">
        <v>0</v>
      </c>
      <c r="AQ2533" s="166">
        <v>0</v>
      </c>
      <c r="AR2533" s="166">
        <v>0</v>
      </c>
      <c r="AS2533" s="166">
        <v>0</v>
      </c>
      <c r="AT2533" s="166">
        <v>0</v>
      </c>
      <c r="AU2533" s="166">
        <v>0</v>
      </c>
      <c r="AV2533" s="166">
        <v>0</v>
      </c>
      <c r="AW2533" s="166">
        <v>0</v>
      </c>
      <c r="AX2533" s="166">
        <v>0</v>
      </c>
      <c r="AY2533" s="166">
        <v>0</v>
      </c>
      <c r="AZ2533" s="166">
        <v>0</v>
      </c>
      <c r="BA2533" s="166">
        <v>0</v>
      </c>
      <c r="BB2533" s="166">
        <v>0</v>
      </c>
      <c r="BC2533" s="166">
        <v>0</v>
      </c>
      <c r="BD2533" s="166">
        <v>0</v>
      </c>
      <c r="BE2533" s="166">
        <v>0</v>
      </c>
      <c r="BF2533" s="166">
        <v>0</v>
      </c>
      <c r="BG2533" s="166">
        <v>0</v>
      </c>
      <c r="BH2533" s="166">
        <v>0</v>
      </c>
      <c r="BI2533" s="166">
        <v>0</v>
      </c>
      <c r="BJ2533" s="166">
        <v>0</v>
      </c>
      <c r="BK2533" s="166">
        <v>0</v>
      </c>
      <c r="BL2533" s="166">
        <v>0</v>
      </c>
      <c r="BM2533" s="166">
        <v>0</v>
      </c>
      <c r="BN2533" s="166">
        <v>0</v>
      </c>
      <c r="BO2533" s="166">
        <v>0</v>
      </c>
      <c r="BP2533" s="166">
        <v>0</v>
      </c>
      <c r="BQ2533" s="166">
        <v>0</v>
      </c>
      <c r="BR2533" s="166">
        <v>118439124.37</v>
      </c>
      <c r="BS2533" s="166">
        <v>118439124.37</v>
      </c>
      <c r="BT2533" s="168">
        <v>0</v>
      </c>
      <c r="BU2533" s="166">
        <v>10552747.168287599</v>
      </c>
      <c r="BV2533" s="166">
        <v>118367685.249837</v>
      </c>
      <c r="BW2533" s="166">
        <v>0</v>
      </c>
      <c r="BX2533" s="166">
        <v>0</v>
      </c>
      <c r="BY2533" s="166">
        <v>0</v>
      </c>
      <c r="BZ2533" s="166">
        <v>0</v>
      </c>
      <c r="CA2533" s="166">
        <v>0</v>
      </c>
      <c r="CB2533" s="166">
        <v>0</v>
      </c>
      <c r="CC2533" s="166">
        <v>0</v>
      </c>
      <c r="CD2533" s="166">
        <v>0</v>
      </c>
      <c r="CE2533" s="166">
        <v>0</v>
      </c>
      <c r="CF2533" s="166">
        <v>0</v>
      </c>
      <c r="CG2533" s="166">
        <v>0</v>
      </c>
      <c r="CH2533" s="166">
        <v>0</v>
      </c>
      <c r="CI2533" s="166">
        <v>0</v>
      </c>
      <c r="CJ2533" s="166">
        <v>0</v>
      </c>
      <c r="CK2533" s="166">
        <v>0</v>
      </c>
      <c r="CL2533" s="166">
        <v>0</v>
      </c>
      <c r="CM2533" s="166">
        <v>0</v>
      </c>
      <c r="CN2533" s="166">
        <v>0</v>
      </c>
      <c r="CO2533" s="166">
        <v>0</v>
      </c>
      <c r="CP2533" s="166">
        <v>0</v>
      </c>
      <c r="CQ2533" s="166">
        <v>0</v>
      </c>
      <c r="CR2533" s="166">
        <v>0</v>
      </c>
      <c r="CS2533" s="166">
        <v>0</v>
      </c>
      <c r="CT2533" s="166">
        <v>0</v>
      </c>
      <c r="CU2533" s="166">
        <v>0</v>
      </c>
      <c r="CV2533" s="166">
        <v>0</v>
      </c>
      <c r="CW2533" s="166">
        <v>0</v>
      </c>
      <c r="CX2533" s="166">
        <v>0</v>
      </c>
      <c r="CY2533" s="166">
        <v>118367685.249837</v>
      </c>
      <c r="CZ2533" s="166">
        <v>118367685.249837</v>
      </c>
    </row>
    <row r="2534" spans="1:104" x14ac:dyDescent="0.2">
      <c r="A2534" s="167" t="s">
        <v>382</v>
      </c>
    </row>
    <row r="2535" spans="1:104" x14ac:dyDescent="0.2">
      <c r="A2535" s="170" t="s">
        <v>383</v>
      </c>
    </row>
    <row r="2536" spans="1:104" x14ac:dyDescent="0.2">
      <c r="A2536" s="167" t="s">
        <v>384</v>
      </c>
      <c r="B2536" s="166">
        <v>88002.159999999902</v>
      </c>
      <c r="C2536" s="166">
        <v>88002.159999999902</v>
      </c>
      <c r="D2536" s="166">
        <v>0</v>
      </c>
      <c r="E2536" s="166">
        <v>0</v>
      </c>
      <c r="F2536" s="166">
        <v>0</v>
      </c>
      <c r="G2536" s="166">
        <v>0</v>
      </c>
      <c r="H2536" s="166">
        <v>0</v>
      </c>
      <c r="I2536" s="166">
        <v>0</v>
      </c>
      <c r="J2536" s="166">
        <v>0</v>
      </c>
      <c r="K2536" s="166">
        <v>0</v>
      </c>
      <c r="L2536" s="166">
        <v>0</v>
      </c>
      <c r="M2536" s="166">
        <v>0</v>
      </c>
      <c r="N2536" s="166">
        <v>0</v>
      </c>
      <c r="O2536" s="166">
        <v>0</v>
      </c>
      <c r="P2536" s="166">
        <v>0</v>
      </c>
      <c r="Q2536" s="166">
        <v>0</v>
      </c>
      <c r="R2536" s="166">
        <v>0</v>
      </c>
      <c r="S2536" s="166">
        <v>0</v>
      </c>
      <c r="T2536" s="166">
        <v>0</v>
      </c>
      <c r="U2536" s="166">
        <v>0</v>
      </c>
      <c r="V2536" s="166">
        <v>0</v>
      </c>
      <c r="W2536" s="166">
        <v>0</v>
      </c>
      <c r="X2536" s="166">
        <v>0</v>
      </c>
      <c r="Y2536" s="166">
        <v>0</v>
      </c>
      <c r="Z2536" s="166">
        <v>0</v>
      </c>
      <c r="AA2536" s="166">
        <v>0</v>
      </c>
      <c r="AB2536" s="166">
        <v>0</v>
      </c>
      <c r="AC2536" s="166">
        <v>0</v>
      </c>
      <c r="AD2536" s="166">
        <v>0</v>
      </c>
      <c r="AE2536" s="166">
        <v>0</v>
      </c>
      <c r="AF2536" s="166">
        <v>0</v>
      </c>
      <c r="AG2536" s="166">
        <v>0</v>
      </c>
      <c r="AH2536" s="166">
        <v>0</v>
      </c>
      <c r="AI2536" s="166">
        <v>0</v>
      </c>
      <c r="AJ2536" s="166">
        <v>0</v>
      </c>
      <c r="AK2536" s="166">
        <v>0</v>
      </c>
      <c r="AL2536" s="166">
        <v>0</v>
      </c>
      <c r="AM2536" s="166">
        <v>0</v>
      </c>
      <c r="AN2536" s="166">
        <v>0</v>
      </c>
      <c r="AO2536" s="166">
        <v>0</v>
      </c>
      <c r="AP2536" s="166">
        <v>0</v>
      </c>
      <c r="AQ2536" s="166">
        <v>0</v>
      </c>
      <c r="AR2536" s="166">
        <v>0</v>
      </c>
      <c r="AS2536" s="166">
        <v>0</v>
      </c>
      <c r="AT2536" s="166">
        <v>0</v>
      </c>
      <c r="AU2536" s="166">
        <v>0</v>
      </c>
      <c r="AV2536" s="166">
        <v>0</v>
      </c>
      <c r="AW2536" s="166">
        <v>0</v>
      </c>
      <c r="AX2536" s="166">
        <v>0</v>
      </c>
      <c r="AY2536" s="166">
        <v>0</v>
      </c>
      <c r="AZ2536" s="166">
        <v>0</v>
      </c>
      <c r="BA2536" s="166">
        <v>0</v>
      </c>
      <c r="BB2536" s="166">
        <v>0</v>
      </c>
      <c r="BC2536" s="166">
        <v>0</v>
      </c>
      <c r="BD2536" s="166">
        <v>0</v>
      </c>
      <c r="BE2536" s="166">
        <v>0</v>
      </c>
      <c r="BF2536" s="166">
        <v>0</v>
      </c>
      <c r="BG2536" s="166">
        <v>0</v>
      </c>
      <c r="BH2536" s="166">
        <v>0</v>
      </c>
      <c r="BI2536" s="166">
        <v>0</v>
      </c>
      <c r="BJ2536" s="166">
        <v>0</v>
      </c>
      <c r="BK2536" s="166">
        <v>0</v>
      </c>
      <c r="BL2536" s="166">
        <v>0</v>
      </c>
      <c r="BM2536" s="166">
        <v>0</v>
      </c>
      <c r="BN2536" s="166">
        <v>0</v>
      </c>
      <c r="BO2536" s="166">
        <v>0</v>
      </c>
      <c r="BP2536" s="166">
        <v>0</v>
      </c>
      <c r="BQ2536" s="166">
        <v>0</v>
      </c>
      <c r="BR2536" s="166">
        <v>88002.159999999902</v>
      </c>
      <c r="BS2536" s="166">
        <v>88002.159999999902</v>
      </c>
      <c r="BT2536" s="168">
        <v>0.99981482997369797</v>
      </c>
      <c r="BU2536" s="166">
        <v>7373.7198749286499</v>
      </c>
      <c r="BV2536" s="166">
        <v>87985.864978535305</v>
      </c>
      <c r="BW2536" s="166">
        <v>0</v>
      </c>
      <c r="BX2536" s="166">
        <v>0</v>
      </c>
      <c r="BY2536" s="166">
        <v>0</v>
      </c>
      <c r="BZ2536" s="166">
        <v>0</v>
      </c>
      <c r="CA2536" s="166">
        <v>0</v>
      </c>
      <c r="CB2536" s="166">
        <v>0</v>
      </c>
      <c r="CC2536" s="166">
        <v>0</v>
      </c>
      <c r="CD2536" s="166">
        <v>0</v>
      </c>
      <c r="CE2536" s="166">
        <v>0</v>
      </c>
      <c r="CF2536" s="166">
        <v>0</v>
      </c>
      <c r="CG2536" s="166">
        <v>0</v>
      </c>
      <c r="CH2536" s="166">
        <v>0</v>
      </c>
      <c r="CI2536" s="166">
        <v>0</v>
      </c>
      <c r="CJ2536" s="166">
        <v>0</v>
      </c>
      <c r="CK2536" s="166">
        <v>0</v>
      </c>
      <c r="CL2536" s="166">
        <v>0</v>
      </c>
      <c r="CM2536" s="166">
        <v>0</v>
      </c>
      <c r="CN2536" s="166">
        <v>0</v>
      </c>
      <c r="CO2536" s="166">
        <v>0</v>
      </c>
      <c r="CP2536" s="166">
        <v>0</v>
      </c>
      <c r="CQ2536" s="166">
        <v>0</v>
      </c>
      <c r="CR2536" s="166">
        <v>0</v>
      </c>
      <c r="CS2536" s="166">
        <v>0</v>
      </c>
      <c r="CT2536" s="166">
        <v>0</v>
      </c>
      <c r="CU2536" s="166">
        <v>0</v>
      </c>
      <c r="CV2536" s="166">
        <v>0</v>
      </c>
      <c r="CW2536" s="166">
        <v>0</v>
      </c>
      <c r="CX2536" s="166">
        <v>0</v>
      </c>
      <c r="CY2536" s="166">
        <v>87985.864978535305</v>
      </c>
      <c r="CZ2536" s="166">
        <v>87985.864978535305</v>
      </c>
    </row>
    <row r="2537" spans="1:104" x14ac:dyDescent="0.2">
      <c r="A2537" s="167" t="s">
        <v>385</v>
      </c>
    </row>
    <row r="2538" spans="1:104" x14ac:dyDescent="0.2">
      <c r="A2538" s="167" t="s">
        <v>386</v>
      </c>
      <c r="B2538" s="166">
        <v>815195.22</v>
      </c>
      <c r="C2538" s="166">
        <v>815195.22</v>
      </c>
      <c r="D2538" s="166">
        <v>0</v>
      </c>
      <c r="E2538" s="166">
        <v>0</v>
      </c>
      <c r="F2538" s="166">
        <v>0</v>
      </c>
      <c r="G2538" s="166">
        <v>0</v>
      </c>
      <c r="H2538" s="166">
        <v>0</v>
      </c>
      <c r="I2538" s="166">
        <v>0</v>
      </c>
      <c r="J2538" s="166">
        <v>0</v>
      </c>
      <c r="K2538" s="166">
        <v>0</v>
      </c>
      <c r="L2538" s="166">
        <v>0</v>
      </c>
      <c r="M2538" s="166">
        <v>0</v>
      </c>
      <c r="N2538" s="166">
        <v>0</v>
      </c>
      <c r="O2538" s="166">
        <v>0</v>
      </c>
      <c r="P2538" s="166">
        <v>0</v>
      </c>
      <c r="Q2538" s="166">
        <v>0</v>
      </c>
      <c r="R2538" s="166">
        <v>0</v>
      </c>
      <c r="S2538" s="166">
        <v>0</v>
      </c>
      <c r="T2538" s="166">
        <v>0</v>
      </c>
      <c r="U2538" s="166">
        <v>0</v>
      </c>
      <c r="V2538" s="166">
        <v>0</v>
      </c>
      <c r="W2538" s="166">
        <v>0</v>
      </c>
      <c r="X2538" s="166">
        <v>0</v>
      </c>
      <c r="Y2538" s="166">
        <v>0</v>
      </c>
      <c r="Z2538" s="166">
        <v>0</v>
      </c>
      <c r="AA2538" s="166">
        <v>0</v>
      </c>
      <c r="AB2538" s="166">
        <v>0</v>
      </c>
      <c r="AC2538" s="166">
        <v>0</v>
      </c>
      <c r="AD2538" s="166">
        <v>0</v>
      </c>
      <c r="AE2538" s="166">
        <v>0</v>
      </c>
      <c r="AF2538" s="166">
        <v>0</v>
      </c>
      <c r="AG2538" s="166">
        <v>0</v>
      </c>
      <c r="AH2538" s="166">
        <v>0</v>
      </c>
      <c r="AI2538" s="166">
        <v>0</v>
      </c>
      <c r="AJ2538" s="166">
        <v>0</v>
      </c>
      <c r="AK2538" s="166">
        <v>0</v>
      </c>
      <c r="AL2538" s="166">
        <v>0</v>
      </c>
      <c r="AM2538" s="166">
        <v>0</v>
      </c>
      <c r="AN2538" s="166">
        <v>0</v>
      </c>
      <c r="AO2538" s="166">
        <v>0</v>
      </c>
      <c r="AP2538" s="166">
        <v>0</v>
      </c>
      <c r="AQ2538" s="166">
        <v>0</v>
      </c>
      <c r="AR2538" s="166">
        <v>0</v>
      </c>
      <c r="AS2538" s="166">
        <v>0</v>
      </c>
      <c r="AT2538" s="166">
        <v>0</v>
      </c>
      <c r="AU2538" s="166">
        <v>0</v>
      </c>
      <c r="AV2538" s="166">
        <v>0</v>
      </c>
      <c r="AW2538" s="166">
        <v>0</v>
      </c>
      <c r="AX2538" s="166">
        <v>0</v>
      </c>
      <c r="AY2538" s="166">
        <v>0</v>
      </c>
      <c r="AZ2538" s="166">
        <v>0</v>
      </c>
      <c r="BA2538" s="166">
        <v>0</v>
      </c>
      <c r="BB2538" s="166">
        <v>0</v>
      </c>
      <c r="BC2538" s="166">
        <v>0</v>
      </c>
      <c r="BD2538" s="166">
        <v>0</v>
      </c>
      <c r="BE2538" s="166">
        <v>0</v>
      </c>
      <c r="BF2538" s="166">
        <v>0</v>
      </c>
      <c r="BG2538" s="166">
        <v>0</v>
      </c>
      <c r="BH2538" s="166">
        <v>0</v>
      </c>
      <c r="BI2538" s="166">
        <v>0</v>
      </c>
      <c r="BJ2538" s="166">
        <v>0</v>
      </c>
      <c r="BK2538" s="166">
        <v>0</v>
      </c>
      <c r="BL2538" s="166">
        <v>0</v>
      </c>
      <c r="BM2538" s="166">
        <v>0</v>
      </c>
      <c r="BN2538" s="166">
        <v>0</v>
      </c>
      <c r="BO2538" s="166">
        <v>0</v>
      </c>
      <c r="BP2538" s="166">
        <v>0</v>
      </c>
      <c r="BQ2538" s="166">
        <v>0</v>
      </c>
      <c r="BR2538" s="166">
        <v>815195.22</v>
      </c>
      <c r="BS2538" s="166">
        <v>815195.22</v>
      </c>
      <c r="BT2538" s="168">
        <v>0.98751</v>
      </c>
      <c r="BU2538" s="166">
        <v>65645.902386899994</v>
      </c>
      <c r="BV2538" s="166">
        <v>805013.43170219997</v>
      </c>
      <c r="BW2538" s="166">
        <v>0</v>
      </c>
      <c r="BX2538" s="166">
        <v>0</v>
      </c>
      <c r="BY2538" s="166">
        <v>0</v>
      </c>
      <c r="BZ2538" s="166">
        <v>0</v>
      </c>
      <c r="CA2538" s="166">
        <v>0</v>
      </c>
      <c r="CB2538" s="166">
        <v>0</v>
      </c>
      <c r="CC2538" s="166">
        <v>0</v>
      </c>
      <c r="CD2538" s="166">
        <v>0</v>
      </c>
      <c r="CE2538" s="166">
        <v>0</v>
      </c>
      <c r="CF2538" s="166">
        <v>0</v>
      </c>
      <c r="CG2538" s="166">
        <v>0</v>
      </c>
      <c r="CH2538" s="166">
        <v>0</v>
      </c>
      <c r="CI2538" s="166">
        <v>0</v>
      </c>
      <c r="CJ2538" s="166">
        <v>0</v>
      </c>
      <c r="CK2538" s="166">
        <v>0</v>
      </c>
      <c r="CL2538" s="166">
        <v>0</v>
      </c>
      <c r="CM2538" s="166">
        <v>0</v>
      </c>
      <c r="CN2538" s="166">
        <v>0</v>
      </c>
      <c r="CO2538" s="166">
        <v>0</v>
      </c>
      <c r="CP2538" s="166">
        <v>0</v>
      </c>
      <c r="CQ2538" s="166">
        <v>0</v>
      </c>
      <c r="CR2538" s="166">
        <v>0</v>
      </c>
      <c r="CS2538" s="166">
        <v>0</v>
      </c>
      <c r="CT2538" s="166">
        <v>0</v>
      </c>
      <c r="CU2538" s="166">
        <v>0</v>
      </c>
      <c r="CV2538" s="166">
        <v>0</v>
      </c>
      <c r="CW2538" s="166">
        <v>0</v>
      </c>
      <c r="CX2538" s="166">
        <v>0</v>
      </c>
      <c r="CY2538" s="166">
        <v>805013.43170219997</v>
      </c>
      <c r="CZ2538" s="166">
        <v>805013.43170219997</v>
      </c>
    </row>
    <row r="2539" spans="1:104" x14ac:dyDescent="0.2">
      <c r="A2539" s="167" t="s">
        <v>387</v>
      </c>
    </row>
    <row r="2540" spans="1:104" x14ac:dyDescent="0.2">
      <c r="A2540" s="167" t="s">
        <v>703</v>
      </c>
      <c r="B2540" s="166">
        <v>54394068.119999997</v>
      </c>
      <c r="C2540" s="166">
        <v>54394068.119999997</v>
      </c>
      <c r="D2540" s="166">
        <v>0</v>
      </c>
      <c r="E2540" s="166">
        <v>0</v>
      </c>
      <c r="F2540" s="166">
        <v>0</v>
      </c>
      <c r="G2540" s="166">
        <v>0</v>
      </c>
      <c r="H2540" s="166">
        <v>0</v>
      </c>
      <c r="I2540" s="166">
        <v>0</v>
      </c>
      <c r="J2540" s="166">
        <v>0</v>
      </c>
      <c r="K2540" s="166">
        <v>0</v>
      </c>
      <c r="L2540" s="166">
        <v>0</v>
      </c>
      <c r="M2540" s="166">
        <v>0</v>
      </c>
      <c r="N2540" s="166">
        <v>0</v>
      </c>
      <c r="O2540" s="166">
        <v>0</v>
      </c>
      <c r="P2540" s="166">
        <v>0</v>
      </c>
      <c r="Q2540" s="166">
        <v>0</v>
      </c>
      <c r="R2540" s="166">
        <v>0</v>
      </c>
      <c r="S2540" s="166">
        <v>0</v>
      </c>
      <c r="T2540" s="166">
        <v>0</v>
      </c>
      <c r="U2540" s="166">
        <v>0</v>
      </c>
      <c r="V2540" s="166">
        <v>0</v>
      </c>
      <c r="W2540" s="166">
        <v>0</v>
      </c>
      <c r="X2540" s="166">
        <v>0</v>
      </c>
      <c r="Y2540" s="166">
        <v>0</v>
      </c>
      <c r="Z2540" s="166">
        <v>0</v>
      </c>
      <c r="AA2540" s="166">
        <v>0</v>
      </c>
      <c r="AB2540" s="166">
        <v>0</v>
      </c>
      <c r="AC2540" s="166">
        <v>0</v>
      </c>
      <c r="AD2540" s="166">
        <v>0</v>
      </c>
      <c r="AE2540" s="166">
        <v>0</v>
      </c>
      <c r="AF2540" s="166">
        <v>0</v>
      </c>
      <c r="AG2540" s="166">
        <v>0</v>
      </c>
      <c r="AH2540" s="166">
        <v>0</v>
      </c>
      <c r="AI2540" s="166">
        <v>0</v>
      </c>
      <c r="AJ2540" s="166">
        <v>0</v>
      </c>
      <c r="AK2540" s="166">
        <v>0</v>
      </c>
      <c r="AL2540" s="166">
        <v>0</v>
      </c>
      <c r="AM2540" s="166">
        <v>0</v>
      </c>
      <c r="AN2540" s="166">
        <v>0</v>
      </c>
      <c r="AO2540" s="166">
        <v>0</v>
      </c>
      <c r="AP2540" s="166">
        <v>0</v>
      </c>
      <c r="AQ2540" s="166">
        <v>0</v>
      </c>
      <c r="AR2540" s="166">
        <v>0</v>
      </c>
      <c r="AS2540" s="166">
        <v>0</v>
      </c>
      <c r="AT2540" s="166">
        <v>0</v>
      </c>
      <c r="AU2540" s="166">
        <v>0</v>
      </c>
      <c r="AV2540" s="166">
        <v>0</v>
      </c>
      <c r="AW2540" s="166">
        <v>0</v>
      </c>
      <c r="AX2540" s="166">
        <v>0</v>
      </c>
      <c r="AY2540" s="166">
        <v>0</v>
      </c>
      <c r="AZ2540" s="166">
        <v>0</v>
      </c>
      <c r="BA2540" s="166">
        <v>0</v>
      </c>
      <c r="BB2540" s="166">
        <v>0</v>
      </c>
      <c r="BC2540" s="166">
        <v>0</v>
      </c>
      <c r="BD2540" s="166">
        <v>0</v>
      </c>
      <c r="BE2540" s="166">
        <v>0</v>
      </c>
      <c r="BF2540" s="166">
        <v>0</v>
      </c>
      <c r="BG2540" s="166">
        <v>0</v>
      </c>
      <c r="BH2540" s="166">
        <v>0</v>
      </c>
      <c r="BI2540" s="166">
        <v>0</v>
      </c>
      <c r="BJ2540" s="166">
        <v>0</v>
      </c>
      <c r="BK2540" s="166">
        <v>0</v>
      </c>
      <c r="BL2540" s="166">
        <v>0</v>
      </c>
      <c r="BM2540" s="166">
        <v>0</v>
      </c>
      <c r="BN2540" s="166">
        <v>0</v>
      </c>
      <c r="BO2540" s="166">
        <v>0</v>
      </c>
      <c r="BP2540" s="166">
        <v>0</v>
      </c>
      <c r="BQ2540" s="166">
        <v>0</v>
      </c>
      <c r="BR2540" s="166">
        <v>54394068.119999997</v>
      </c>
      <c r="BS2540" s="166">
        <v>54394068.119999997</v>
      </c>
      <c r="BT2540" s="166">
        <v>1000</v>
      </c>
      <c r="BU2540" s="166">
        <v>4847253.05</v>
      </c>
      <c r="BV2540" s="166">
        <v>54394068.119999997</v>
      </c>
      <c r="BW2540" s="166">
        <v>0</v>
      </c>
      <c r="BX2540" s="166">
        <v>0</v>
      </c>
      <c r="BY2540" s="166">
        <v>0</v>
      </c>
      <c r="BZ2540" s="166">
        <v>0</v>
      </c>
      <c r="CA2540" s="166">
        <v>0</v>
      </c>
      <c r="CB2540" s="166">
        <v>0</v>
      </c>
      <c r="CC2540" s="166">
        <v>0</v>
      </c>
      <c r="CD2540" s="166">
        <v>0</v>
      </c>
      <c r="CE2540" s="166">
        <v>0</v>
      </c>
      <c r="CF2540" s="166">
        <v>0</v>
      </c>
      <c r="CG2540" s="166">
        <v>0</v>
      </c>
      <c r="CH2540" s="166">
        <v>0</v>
      </c>
      <c r="CI2540" s="166">
        <v>0</v>
      </c>
      <c r="CJ2540" s="166">
        <v>0</v>
      </c>
      <c r="CK2540" s="166">
        <v>0</v>
      </c>
      <c r="CL2540" s="166">
        <v>0</v>
      </c>
      <c r="CM2540" s="166">
        <v>0</v>
      </c>
      <c r="CN2540" s="166">
        <v>0</v>
      </c>
      <c r="CO2540" s="166">
        <v>0</v>
      </c>
      <c r="CP2540" s="166">
        <v>0</v>
      </c>
      <c r="CQ2540" s="166">
        <v>0</v>
      </c>
      <c r="CR2540" s="166">
        <v>0</v>
      </c>
      <c r="CS2540" s="166">
        <v>0</v>
      </c>
      <c r="CT2540" s="166">
        <v>0</v>
      </c>
      <c r="CU2540" s="166">
        <v>0</v>
      </c>
      <c r="CV2540" s="166">
        <v>0</v>
      </c>
      <c r="CW2540" s="166">
        <v>0</v>
      </c>
      <c r="CX2540" s="166">
        <v>0</v>
      </c>
      <c r="CY2540" s="166">
        <v>54394068.119999997</v>
      </c>
      <c r="CZ2540" s="166">
        <v>54394068.119999997</v>
      </c>
    </row>
    <row r="2541" spans="1:104" x14ac:dyDescent="0.2">
      <c r="A2541" s="167" t="s">
        <v>704</v>
      </c>
      <c r="B2541" s="166">
        <v>0</v>
      </c>
      <c r="C2541" s="166">
        <v>0</v>
      </c>
      <c r="D2541" s="166">
        <v>0</v>
      </c>
      <c r="E2541" s="166">
        <v>0</v>
      </c>
      <c r="F2541" s="166">
        <v>0</v>
      </c>
      <c r="G2541" s="166">
        <v>0</v>
      </c>
      <c r="H2541" s="166">
        <v>0</v>
      </c>
      <c r="I2541" s="166">
        <v>0</v>
      </c>
      <c r="J2541" s="166">
        <v>0</v>
      </c>
      <c r="K2541" s="166">
        <v>0</v>
      </c>
      <c r="L2541" s="166">
        <v>0</v>
      </c>
      <c r="M2541" s="166">
        <v>0</v>
      </c>
      <c r="N2541" s="166">
        <v>0</v>
      </c>
      <c r="O2541" s="166">
        <v>0</v>
      </c>
      <c r="P2541" s="166">
        <v>0</v>
      </c>
      <c r="Q2541" s="166">
        <v>0</v>
      </c>
      <c r="R2541" s="166">
        <v>0</v>
      </c>
      <c r="S2541" s="166">
        <v>0</v>
      </c>
      <c r="T2541" s="166">
        <v>0</v>
      </c>
      <c r="U2541" s="166">
        <v>0</v>
      </c>
      <c r="V2541" s="166">
        <v>0</v>
      </c>
      <c r="W2541" s="166">
        <v>0</v>
      </c>
      <c r="X2541" s="166">
        <v>0</v>
      </c>
      <c r="Y2541" s="166">
        <v>0</v>
      </c>
      <c r="Z2541" s="166">
        <v>0</v>
      </c>
      <c r="AA2541" s="166">
        <v>0</v>
      </c>
      <c r="AB2541" s="166">
        <v>0</v>
      </c>
      <c r="AC2541" s="166">
        <v>0</v>
      </c>
      <c r="AD2541" s="166">
        <v>0</v>
      </c>
      <c r="AE2541" s="166">
        <v>0</v>
      </c>
      <c r="AF2541" s="166">
        <v>0</v>
      </c>
      <c r="AG2541" s="166">
        <v>0</v>
      </c>
      <c r="AH2541" s="166">
        <v>0</v>
      </c>
      <c r="AI2541" s="166">
        <v>0</v>
      </c>
      <c r="AJ2541" s="166">
        <v>0</v>
      </c>
      <c r="AK2541" s="166">
        <v>0</v>
      </c>
      <c r="AL2541" s="166">
        <v>0</v>
      </c>
      <c r="AM2541" s="166">
        <v>0</v>
      </c>
      <c r="AN2541" s="166">
        <v>0</v>
      </c>
      <c r="AO2541" s="166">
        <v>0</v>
      </c>
      <c r="AP2541" s="166">
        <v>0</v>
      </c>
      <c r="AQ2541" s="166">
        <v>0</v>
      </c>
      <c r="AR2541" s="166">
        <v>0</v>
      </c>
      <c r="AS2541" s="166">
        <v>0</v>
      </c>
      <c r="AT2541" s="166">
        <v>0</v>
      </c>
      <c r="AU2541" s="166">
        <v>0</v>
      </c>
      <c r="AV2541" s="166">
        <v>0</v>
      </c>
      <c r="AW2541" s="166">
        <v>0</v>
      </c>
      <c r="AX2541" s="166">
        <v>0</v>
      </c>
      <c r="AY2541" s="166">
        <v>0</v>
      </c>
      <c r="AZ2541" s="166">
        <v>0</v>
      </c>
      <c r="BA2541" s="166">
        <v>0</v>
      </c>
      <c r="BB2541" s="166">
        <v>0</v>
      </c>
      <c r="BC2541" s="166">
        <v>0</v>
      </c>
      <c r="BD2541" s="166">
        <v>0</v>
      </c>
      <c r="BE2541" s="166">
        <v>0</v>
      </c>
      <c r="BF2541" s="166">
        <v>0</v>
      </c>
      <c r="BG2541" s="166">
        <v>0</v>
      </c>
      <c r="BH2541" s="166">
        <v>0</v>
      </c>
      <c r="BI2541" s="166">
        <v>0</v>
      </c>
      <c r="BJ2541" s="166">
        <v>0</v>
      </c>
      <c r="BK2541" s="166">
        <v>0</v>
      </c>
      <c r="BL2541" s="166">
        <v>0</v>
      </c>
      <c r="BM2541" s="166">
        <v>0</v>
      </c>
      <c r="BN2541" s="166">
        <v>0</v>
      </c>
      <c r="BO2541" s="166">
        <v>0</v>
      </c>
      <c r="BP2541" s="166">
        <v>0</v>
      </c>
      <c r="BQ2541" s="166">
        <v>0</v>
      </c>
      <c r="BR2541" s="166">
        <v>0</v>
      </c>
      <c r="BS2541" s="166">
        <v>0</v>
      </c>
      <c r="BT2541" s="166">
        <v>1000</v>
      </c>
      <c r="BU2541" s="166">
        <v>0</v>
      </c>
      <c r="BV2541" s="166">
        <v>0</v>
      </c>
      <c r="BW2541" s="166">
        <v>0</v>
      </c>
      <c r="BX2541" s="166">
        <v>0</v>
      </c>
      <c r="BY2541" s="166">
        <v>0</v>
      </c>
      <c r="BZ2541" s="166">
        <v>0</v>
      </c>
      <c r="CA2541" s="166">
        <v>0</v>
      </c>
      <c r="CB2541" s="166">
        <v>0</v>
      </c>
      <c r="CC2541" s="166">
        <v>0</v>
      </c>
      <c r="CD2541" s="166">
        <v>0</v>
      </c>
      <c r="CE2541" s="166">
        <v>0</v>
      </c>
      <c r="CF2541" s="166">
        <v>0</v>
      </c>
      <c r="CG2541" s="166">
        <v>0</v>
      </c>
      <c r="CH2541" s="166">
        <v>0</v>
      </c>
      <c r="CI2541" s="166">
        <v>0</v>
      </c>
      <c r="CJ2541" s="166">
        <v>0</v>
      </c>
      <c r="CK2541" s="166">
        <v>0</v>
      </c>
      <c r="CL2541" s="166">
        <v>0</v>
      </c>
      <c r="CM2541" s="166">
        <v>0</v>
      </c>
      <c r="CN2541" s="166">
        <v>0</v>
      </c>
      <c r="CO2541" s="166">
        <v>0</v>
      </c>
      <c r="CP2541" s="166">
        <v>0</v>
      </c>
      <c r="CQ2541" s="166">
        <v>0</v>
      </c>
      <c r="CR2541" s="166">
        <v>0</v>
      </c>
      <c r="CS2541" s="166">
        <v>0</v>
      </c>
      <c r="CT2541" s="166">
        <v>0</v>
      </c>
      <c r="CU2541" s="166">
        <v>0</v>
      </c>
      <c r="CV2541" s="166">
        <v>0</v>
      </c>
      <c r="CW2541" s="166">
        <v>0</v>
      </c>
      <c r="CX2541" s="166">
        <v>0</v>
      </c>
      <c r="CY2541" s="166">
        <v>0</v>
      </c>
      <c r="CZ2541" s="166">
        <v>0</v>
      </c>
    </row>
    <row r="2542" spans="1:104" x14ac:dyDescent="0.2">
      <c r="A2542" s="167" t="s">
        <v>389</v>
      </c>
      <c r="B2542" s="166">
        <v>54394068.119999997</v>
      </c>
      <c r="C2542" s="166">
        <v>54394068.119999997</v>
      </c>
      <c r="D2542" s="166">
        <v>0</v>
      </c>
      <c r="E2542" s="166">
        <v>0</v>
      </c>
      <c r="F2542" s="166">
        <v>0</v>
      </c>
      <c r="G2542" s="166">
        <v>0</v>
      </c>
      <c r="H2542" s="166">
        <v>0</v>
      </c>
      <c r="I2542" s="166">
        <v>0</v>
      </c>
      <c r="J2542" s="166">
        <v>0</v>
      </c>
      <c r="K2542" s="166">
        <v>0</v>
      </c>
      <c r="L2542" s="166">
        <v>0</v>
      </c>
      <c r="M2542" s="166">
        <v>0</v>
      </c>
      <c r="N2542" s="166">
        <v>0</v>
      </c>
      <c r="O2542" s="166">
        <v>0</v>
      </c>
      <c r="P2542" s="166">
        <v>0</v>
      </c>
      <c r="Q2542" s="166">
        <v>0</v>
      </c>
      <c r="R2542" s="166">
        <v>0</v>
      </c>
      <c r="S2542" s="166">
        <v>0</v>
      </c>
      <c r="T2542" s="166">
        <v>0</v>
      </c>
      <c r="U2542" s="166">
        <v>0</v>
      </c>
      <c r="V2542" s="166">
        <v>0</v>
      </c>
      <c r="W2542" s="166">
        <v>0</v>
      </c>
      <c r="X2542" s="166">
        <v>0</v>
      </c>
      <c r="Y2542" s="166">
        <v>0</v>
      </c>
      <c r="Z2542" s="166">
        <v>0</v>
      </c>
      <c r="AA2542" s="166">
        <v>0</v>
      </c>
      <c r="AB2542" s="166">
        <v>0</v>
      </c>
      <c r="AC2542" s="166">
        <v>0</v>
      </c>
      <c r="AD2542" s="166">
        <v>0</v>
      </c>
      <c r="AE2542" s="166">
        <v>0</v>
      </c>
      <c r="AF2542" s="166">
        <v>0</v>
      </c>
      <c r="AG2542" s="166">
        <v>0</v>
      </c>
      <c r="AH2542" s="166">
        <v>0</v>
      </c>
      <c r="AI2542" s="166">
        <v>0</v>
      </c>
      <c r="AJ2542" s="166">
        <v>0</v>
      </c>
      <c r="AK2542" s="166">
        <v>0</v>
      </c>
      <c r="AL2542" s="166">
        <v>0</v>
      </c>
      <c r="AM2542" s="166">
        <v>0</v>
      </c>
      <c r="AN2542" s="166">
        <v>0</v>
      </c>
      <c r="AO2542" s="166">
        <v>0</v>
      </c>
      <c r="AP2542" s="166">
        <v>0</v>
      </c>
      <c r="AQ2542" s="166">
        <v>0</v>
      </c>
      <c r="AR2542" s="166">
        <v>0</v>
      </c>
      <c r="AS2542" s="166">
        <v>0</v>
      </c>
      <c r="AT2542" s="166">
        <v>0</v>
      </c>
      <c r="AU2542" s="166">
        <v>0</v>
      </c>
      <c r="AV2542" s="166">
        <v>0</v>
      </c>
      <c r="AW2542" s="166">
        <v>0</v>
      </c>
      <c r="AX2542" s="166">
        <v>0</v>
      </c>
      <c r="AY2542" s="166">
        <v>0</v>
      </c>
      <c r="AZ2542" s="166">
        <v>0</v>
      </c>
      <c r="BA2542" s="166">
        <v>0</v>
      </c>
      <c r="BB2542" s="166">
        <v>0</v>
      </c>
      <c r="BC2542" s="166">
        <v>0</v>
      </c>
      <c r="BD2542" s="166">
        <v>0</v>
      </c>
      <c r="BE2542" s="166">
        <v>0</v>
      </c>
      <c r="BF2542" s="166">
        <v>0</v>
      </c>
      <c r="BG2542" s="166">
        <v>0</v>
      </c>
      <c r="BH2542" s="166">
        <v>0</v>
      </c>
      <c r="BI2542" s="166">
        <v>0</v>
      </c>
      <c r="BJ2542" s="166">
        <v>0</v>
      </c>
      <c r="BK2542" s="166">
        <v>0</v>
      </c>
      <c r="BL2542" s="166">
        <v>0</v>
      </c>
      <c r="BM2542" s="166">
        <v>0</v>
      </c>
      <c r="BN2542" s="166">
        <v>0</v>
      </c>
      <c r="BO2542" s="166">
        <v>0</v>
      </c>
      <c r="BP2542" s="166">
        <v>0</v>
      </c>
      <c r="BQ2542" s="166">
        <v>0</v>
      </c>
      <c r="BR2542" s="166">
        <v>54394068.119999997</v>
      </c>
      <c r="BS2542" s="166">
        <v>54394068.119999997</v>
      </c>
      <c r="BT2542" s="168">
        <v>1</v>
      </c>
      <c r="BU2542" s="166">
        <v>4847253.05</v>
      </c>
      <c r="BV2542" s="166">
        <v>54394068.119999997</v>
      </c>
      <c r="BW2542" s="166">
        <v>0</v>
      </c>
      <c r="BX2542" s="166">
        <v>0</v>
      </c>
      <c r="BY2542" s="166">
        <v>0</v>
      </c>
      <c r="BZ2542" s="166">
        <v>0</v>
      </c>
      <c r="CA2542" s="166">
        <v>0</v>
      </c>
      <c r="CB2542" s="166">
        <v>0</v>
      </c>
      <c r="CC2542" s="166">
        <v>0</v>
      </c>
      <c r="CD2542" s="166">
        <v>0</v>
      </c>
      <c r="CE2542" s="166">
        <v>0</v>
      </c>
      <c r="CF2542" s="166">
        <v>0</v>
      </c>
      <c r="CG2542" s="166">
        <v>0</v>
      </c>
      <c r="CH2542" s="166">
        <v>0</v>
      </c>
      <c r="CI2542" s="166">
        <v>0</v>
      </c>
      <c r="CJ2542" s="166">
        <v>0</v>
      </c>
      <c r="CK2542" s="166">
        <v>0</v>
      </c>
      <c r="CL2542" s="166">
        <v>0</v>
      </c>
      <c r="CM2542" s="166">
        <v>0</v>
      </c>
      <c r="CN2542" s="166">
        <v>0</v>
      </c>
      <c r="CO2542" s="166">
        <v>0</v>
      </c>
      <c r="CP2542" s="166">
        <v>0</v>
      </c>
      <c r="CQ2542" s="166">
        <v>0</v>
      </c>
      <c r="CR2542" s="166">
        <v>0</v>
      </c>
      <c r="CS2542" s="166">
        <v>0</v>
      </c>
      <c r="CT2542" s="166">
        <v>0</v>
      </c>
      <c r="CU2542" s="166">
        <v>0</v>
      </c>
      <c r="CV2542" s="166">
        <v>0</v>
      </c>
      <c r="CW2542" s="166">
        <v>0</v>
      </c>
      <c r="CX2542" s="166">
        <v>0</v>
      </c>
      <c r="CY2542" s="166">
        <v>54394068.119999997</v>
      </c>
      <c r="CZ2542" s="166">
        <v>54394068.119999997</v>
      </c>
    </row>
    <row r="2543" spans="1:104" x14ac:dyDescent="0.2">
      <c r="A2543" s="167" t="s">
        <v>390</v>
      </c>
    </row>
    <row r="2544" spans="1:104" x14ac:dyDescent="0.2">
      <c r="A2544" s="167" t="s">
        <v>1169</v>
      </c>
      <c r="B2544" s="166">
        <v>38717675.814000003</v>
      </c>
      <c r="C2544" s="166">
        <v>38717675.814000003</v>
      </c>
      <c r="D2544" s="166">
        <v>0</v>
      </c>
      <c r="E2544" s="166">
        <v>0</v>
      </c>
      <c r="F2544" s="166">
        <v>0</v>
      </c>
      <c r="G2544" s="166">
        <v>0</v>
      </c>
      <c r="H2544" s="166">
        <v>0</v>
      </c>
      <c r="I2544" s="166">
        <v>0</v>
      </c>
      <c r="J2544" s="166">
        <v>0</v>
      </c>
      <c r="K2544" s="166">
        <v>0</v>
      </c>
      <c r="L2544" s="166">
        <v>0</v>
      </c>
      <c r="M2544" s="166">
        <v>0</v>
      </c>
      <c r="N2544" s="166">
        <v>0</v>
      </c>
      <c r="O2544" s="166">
        <v>0</v>
      </c>
      <c r="P2544" s="166">
        <v>0</v>
      </c>
      <c r="Q2544" s="166">
        <v>0</v>
      </c>
      <c r="R2544" s="166">
        <v>0</v>
      </c>
      <c r="S2544" s="166">
        <v>0</v>
      </c>
      <c r="T2544" s="166">
        <v>0</v>
      </c>
      <c r="U2544" s="166">
        <v>0</v>
      </c>
      <c r="V2544" s="166">
        <v>0</v>
      </c>
      <c r="W2544" s="166">
        <v>0</v>
      </c>
      <c r="X2544" s="166">
        <v>0</v>
      </c>
      <c r="Y2544" s="166">
        <v>0</v>
      </c>
      <c r="Z2544" s="166">
        <v>0</v>
      </c>
      <c r="AA2544" s="166">
        <v>0</v>
      </c>
      <c r="AB2544" s="166">
        <v>0</v>
      </c>
      <c r="AC2544" s="166">
        <v>0</v>
      </c>
      <c r="AD2544" s="166">
        <v>0</v>
      </c>
      <c r="AE2544" s="166">
        <v>0</v>
      </c>
      <c r="AF2544" s="166">
        <v>0</v>
      </c>
      <c r="AG2544" s="166">
        <v>0</v>
      </c>
      <c r="AH2544" s="166">
        <v>0</v>
      </c>
      <c r="AI2544" s="166">
        <v>0</v>
      </c>
      <c r="AJ2544" s="166">
        <v>0</v>
      </c>
      <c r="AK2544" s="166">
        <v>0</v>
      </c>
      <c r="AL2544" s="166">
        <v>0</v>
      </c>
      <c r="AM2544" s="166">
        <v>0</v>
      </c>
      <c r="AN2544" s="166">
        <v>0</v>
      </c>
      <c r="AO2544" s="166">
        <v>0</v>
      </c>
      <c r="AP2544" s="166">
        <v>0</v>
      </c>
      <c r="AQ2544" s="166">
        <v>0</v>
      </c>
      <c r="AR2544" s="166">
        <v>0</v>
      </c>
      <c r="AS2544" s="166">
        <v>0</v>
      </c>
      <c r="AT2544" s="166">
        <v>0</v>
      </c>
      <c r="AU2544" s="166">
        <v>0</v>
      </c>
      <c r="AV2544" s="166">
        <v>0</v>
      </c>
      <c r="AW2544" s="166">
        <v>0</v>
      </c>
      <c r="AX2544" s="166">
        <v>0</v>
      </c>
      <c r="AY2544" s="166">
        <v>0</v>
      </c>
      <c r="AZ2544" s="166">
        <v>0</v>
      </c>
      <c r="BA2544" s="166">
        <v>0</v>
      </c>
      <c r="BB2544" s="166">
        <v>0</v>
      </c>
      <c r="BC2544" s="166">
        <v>0</v>
      </c>
      <c r="BD2544" s="166">
        <v>0</v>
      </c>
      <c r="BE2544" s="166">
        <v>0</v>
      </c>
      <c r="BF2544" s="166">
        <v>0</v>
      </c>
      <c r="BG2544" s="166">
        <v>0</v>
      </c>
      <c r="BH2544" s="166">
        <v>0</v>
      </c>
      <c r="BI2544" s="166">
        <v>0</v>
      </c>
      <c r="BJ2544" s="166">
        <v>0</v>
      </c>
      <c r="BK2544" s="166">
        <v>0</v>
      </c>
      <c r="BL2544" s="166">
        <v>0</v>
      </c>
      <c r="BM2544" s="166">
        <v>0</v>
      </c>
      <c r="BN2544" s="166">
        <v>0</v>
      </c>
      <c r="BO2544" s="166">
        <v>0</v>
      </c>
      <c r="BP2544" s="166">
        <v>0</v>
      </c>
      <c r="BQ2544" s="166">
        <v>0</v>
      </c>
      <c r="BR2544" s="166">
        <v>38717675.814000003</v>
      </c>
      <c r="BS2544" s="166">
        <v>38717675.814000003</v>
      </c>
      <c r="BT2544" s="168">
        <v>1</v>
      </c>
      <c r="BU2544" s="166">
        <v>3226474.0070000002</v>
      </c>
      <c r="BV2544" s="166">
        <v>38717675.814000003</v>
      </c>
      <c r="BW2544" s="166">
        <v>0</v>
      </c>
      <c r="BX2544" s="166">
        <v>0</v>
      </c>
      <c r="BY2544" s="166">
        <v>0</v>
      </c>
      <c r="BZ2544" s="166">
        <v>0</v>
      </c>
      <c r="CA2544" s="166">
        <v>0</v>
      </c>
      <c r="CB2544" s="166">
        <v>0</v>
      </c>
      <c r="CC2544" s="166">
        <v>0</v>
      </c>
      <c r="CD2544" s="166">
        <v>0</v>
      </c>
      <c r="CE2544" s="166">
        <v>0</v>
      </c>
      <c r="CF2544" s="166">
        <v>0</v>
      </c>
      <c r="CG2544" s="166">
        <v>0</v>
      </c>
      <c r="CH2544" s="166">
        <v>0</v>
      </c>
      <c r="CI2544" s="166">
        <v>0</v>
      </c>
      <c r="CJ2544" s="166">
        <v>0</v>
      </c>
      <c r="CK2544" s="166">
        <v>0</v>
      </c>
      <c r="CL2544" s="166">
        <v>0</v>
      </c>
      <c r="CM2544" s="166">
        <v>0</v>
      </c>
      <c r="CN2544" s="166">
        <v>0</v>
      </c>
      <c r="CO2544" s="166">
        <v>0</v>
      </c>
      <c r="CP2544" s="166">
        <v>0</v>
      </c>
      <c r="CQ2544" s="166">
        <v>0</v>
      </c>
      <c r="CR2544" s="166">
        <v>0</v>
      </c>
      <c r="CS2544" s="166">
        <v>0</v>
      </c>
      <c r="CT2544" s="166">
        <v>0</v>
      </c>
      <c r="CU2544" s="166">
        <v>0</v>
      </c>
      <c r="CV2544" s="166">
        <v>0</v>
      </c>
      <c r="CW2544" s="166">
        <v>0</v>
      </c>
      <c r="CX2544" s="166">
        <v>0</v>
      </c>
      <c r="CY2544" s="166">
        <v>38717675.814000003</v>
      </c>
      <c r="CZ2544" s="166">
        <v>38717675.814000003</v>
      </c>
    </row>
    <row r="2545" spans="1:104" x14ac:dyDescent="0.2">
      <c r="A2545" s="167" t="s">
        <v>392</v>
      </c>
    </row>
    <row r="2546" spans="1:104" x14ac:dyDescent="0.2">
      <c r="A2546" s="167" t="s">
        <v>393</v>
      </c>
      <c r="B2546" s="166">
        <v>0</v>
      </c>
      <c r="C2546" s="166">
        <v>0</v>
      </c>
      <c r="D2546" s="166">
        <v>0</v>
      </c>
      <c r="E2546" s="166">
        <v>0</v>
      </c>
      <c r="F2546" s="166">
        <v>0</v>
      </c>
      <c r="G2546" s="166">
        <v>0</v>
      </c>
      <c r="H2546" s="166">
        <v>0</v>
      </c>
      <c r="I2546" s="166">
        <v>0</v>
      </c>
      <c r="J2546" s="166">
        <v>0</v>
      </c>
      <c r="K2546" s="166">
        <v>0</v>
      </c>
      <c r="L2546" s="166">
        <v>0</v>
      </c>
      <c r="M2546" s="166">
        <v>0</v>
      </c>
      <c r="N2546" s="166">
        <v>0</v>
      </c>
      <c r="O2546" s="166">
        <v>0</v>
      </c>
      <c r="P2546" s="166">
        <v>0</v>
      </c>
      <c r="Q2546" s="166">
        <v>0</v>
      </c>
      <c r="R2546" s="166">
        <v>0</v>
      </c>
      <c r="S2546" s="166">
        <v>0</v>
      </c>
      <c r="T2546" s="166">
        <v>0</v>
      </c>
      <c r="U2546" s="166">
        <v>0</v>
      </c>
      <c r="V2546" s="166">
        <v>0</v>
      </c>
      <c r="W2546" s="166">
        <v>0</v>
      </c>
      <c r="X2546" s="166">
        <v>0</v>
      </c>
      <c r="Y2546" s="166">
        <v>0</v>
      </c>
      <c r="Z2546" s="166">
        <v>0</v>
      </c>
      <c r="AA2546" s="166">
        <v>0</v>
      </c>
      <c r="AB2546" s="166">
        <v>0</v>
      </c>
      <c r="AC2546" s="166">
        <v>0</v>
      </c>
      <c r="AD2546" s="166">
        <v>0</v>
      </c>
      <c r="AE2546" s="166">
        <v>0</v>
      </c>
      <c r="AF2546" s="166">
        <v>0</v>
      </c>
      <c r="AG2546" s="166">
        <v>0</v>
      </c>
      <c r="AH2546" s="166">
        <v>0</v>
      </c>
      <c r="AI2546" s="166">
        <v>0</v>
      </c>
      <c r="AJ2546" s="166">
        <v>0</v>
      </c>
      <c r="AK2546" s="166">
        <v>0</v>
      </c>
      <c r="AL2546" s="166">
        <v>0</v>
      </c>
      <c r="AM2546" s="166">
        <v>0</v>
      </c>
      <c r="AN2546" s="166">
        <v>0</v>
      </c>
      <c r="AO2546" s="166">
        <v>0</v>
      </c>
      <c r="AP2546" s="166">
        <v>0</v>
      </c>
      <c r="AQ2546" s="166">
        <v>0</v>
      </c>
      <c r="AR2546" s="166">
        <v>0</v>
      </c>
      <c r="AS2546" s="166">
        <v>0</v>
      </c>
      <c r="AT2546" s="166">
        <v>0</v>
      </c>
      <c r="AU2546" s="166">
        <v>0</v>
      </c>
      <c r="AV2546" s="166">
        <v>0</v>
      </c>
      <c r="AW2546" s="166">
        <v>0</v>
      </c>
      <c r="AX2546" s="166">
        <v>0</v>
      </c>
      <c r="AY2546" s="166">
        <v>0</v>
      </c>
      <c r="AZ2546" s="166">
        <v>0</v>
      </c>
      <c r="BA2546" s="166">
        <v>0</v>
      </c>
      <c r="BB2546" s="166">
        <v>0</v>
      </c>
      <c r="BC2546" s="166">
        <v>0</v>
      </c>
      <c r="BD2546" s="166">
        <v>0</v>
      </c>
      <c r="BE2546" s="166">
        <v>0</v>
      </c>
      <c r="BF2546" s="166">
        <v>0</v>
      </c>
      <c r="BG2546" s="166">
        <v>0</v>
      </c>
      <c r="BH2546" s="166">
        <v>0</v>
      </c>
      <c r="BI2546" s="166">
        <v>0</v>
      </c>
      <c r="BJ2546" s="166">
        <v>0</v>
      </c>
      <c r="BK2546" s="166">
        <v>0</v>
      </c>
      <c r="BL2546" s="166">
        <v>0</v>
      </c>
      <c r="BM2546" s="166">
        <v>0</v>
      </c>
      <c r="BN2546" s="166">
        <v>0</v>
      </c>
      <c r="BO2546" s="166">
        <v>0</v>
      </c>
      <c r="BP2546" s="166">
        <v>0</v>
      </c>
      <c r="BQ2546" s="166">
        <v>0</v>
      </c>
      <c r="BR2546" s="166">
        <v>0</v>
      </c>
      <c r="BS2546" s="166">
        <v>0</v>
      </c>
      <c r="BT2546" s="168">
        <v>0.99981482997369797</v>
      </c>
      <c r="BU2546" s="166">
        <v>0</v>
      </c>
      <c r="BV2546" s="166">
        <v>0</v>
      </c>
      <c r="BW2546" s="166">
        <v>0</v>
      </c>
      <c r="BX2546" s="166">
        <v>0</v>
      </c>
      <c r="BY2546" s="166">
        <v>0</v>
      </c>
      <c r="BZ2546" s="166">
        <v>0</v>
      </c>
      <c r="CA2546" s="166">
        <v>0</v>
      </c>
      <c r="CB2546" s="166">
        <v>0</v>
      </c>
      <c r="CC2546" s="166">
        <v>0</v>
      </c>
      <c r="CD2546" s="166">
        <v>0</v>
      </c>
      <c r="CE2546" s="166">
        <v>0</v>
      </c>
      <c r="CF2546" s="166">
        <v>0</v>
      </c>
      <c r="CG2546" s="166">
        <v>0</v>
      </c>
      <c r="CH2546" s="166">
        <v>0</v>
      </c>
      <c r="CI2546" s="166">
        <v>0</v>
      </c>
      <c r="CJ2546" s="166">
        <v>0</v>
      </c>
      <c r="CK2546" s="166">
        <v>0</v>
      </c>
      <c r="CL2546" s="166">
        <v>0</v>
      </c>
      <c r="CM2546" s="166">
        <v>0</v>
      </c>
      <c r="CN2546" s="166">
        <v>0</v>
      </c>
      <c r="CO2546" s="166">
        <v>0</v>
      </c>
      <c r="CP2546" s="166">
        <v>0</v>
      </c>
      <c r="CQ2546" s="166">
        <v>0</v>
      </c>
      <c r="CR2546" s="166">
        <v>0</v>
      </c>
      <c r="CS2546" s="166">
        <v>0</v>
      </c>
      <c r="CT2546" s="166">
        <v>0</v>
      </c>
      <c r="CU2546" s="166">
        <v>0</v>
      </c>
      <c r="CV2546" s="166">
        <v>0</v>
      </c>
      <c r="CW2546" s="166">
        <v>0</v>
      </c>
      <c r="CX2546" s="166">
        <v>0</v>
      </c>
      <c r="CY2546" s="166">
        <v>0</v>
      </c>
      <c r="CZ2546" s="166">
        <v>0</v>
      </c>
    </row>
    <row r="2547" spans="1:104" x14ac:dyDescent="0.2">
      <c r="A2547" s="170" t="s">
        <v>394</v>
      </c>
      <c r="B2547" s="166">
        <v>94014941.313999996</v>
      </c>
      <c r="C2547" s="166">
        <v>94014941.313999996</v>
      </c>
      <c r="D2547" s="166">
        <v>0</v>
      </c>
      <c r="E2547" s="166">
        <v>0</v>
      </c>
      <c r="F2547" s="166">
        <v>0</v>
      </c>
      <c r="G2547" s="166">
        <v>0</v>
      </c>
      <c r="H2547" s="166">
        <v>0</v>
      </c>
      <c r="I2547" s="166">
        <v>0</v>
      </c>
      <c r="J2547" s="166">
        <v>0</v>
      </c>
      <c r="K2547" s="166">
        <v>0</v>
      </c>
      <c r="L2547" s="166">
        <v>0</v>
      </c>
      <c r="M2547" s="166">
        <v>0</v>
      </c>
      <c r="N2547" s="166">
        <v>0</v>
      </c>
      <c r="O2547" s="166">
        <v>0</v>
      </c>
      <c r="P2547" s="166">
        <v>0</v>
      </c>
      <c r="Q2547" s="166">
        <v>0</v>
      </c>
      <c r="R2547" s="166">
        <v>0</v>
      </c>
      <c r="S2547" s="166">
        <v>0</v>
      </c>
      <c r="T2547" s="166">
        <v>0</v>
      </c>
      <c r="U2547" s="166">
        <v>0</v>
      </c>
      <c r="V2547" s="166">
        <v>0</v>
      </c>
      <c r="W2547" s="166">
        <v>0</v>
      </c>
      <c r="X2547" s="166">
        <v>0</v>
      </c>
      <c r="Y2547" s="166">
        <v>0</v>
      </c>
      <c r="Z2547" s="166">
        <v>0</v>
      </c>
      <c r="AA2547" s="166">
        <v>0</v>
      </c>
      <c r="AB2547" s="166">
        <v>0</v>
      </c>
      <c r="AC2547" s="166">
        <v>0</v>
      </c>
      <c r="AD2547" s="166">
        <v>0</v>
      </c>
      <c r="AE2547" s="166">
        <v>0</v>
      </c>
      <c r="AF2547" s="166">
        <v>0</v>
      </c>
      <c r="AG2547" s="166">
        <v>0</v>
      </c>
      <c r="AH2547" s="166">
        <v>0</v>
      </c>
      <c r="AI2547" s="166">
        <v>0</v>
      </c>
      <c r="AJ2547" s="166">
        <v>0</v>
      </c>
      <c r="AK2547" s="166">
        <v>0</v>
      </c>
      <c r="AL2547" s="166">
        <v>0</v>
      </c>
      <c r="AM2547" s="166">
        <v>0</v>
      </c>
      <c r="AN2547" s="166">
        <v>0</v>
      </c>
      <c r="AO2547" s="166">
        <v>0</v>
      </c>
      <c r="AP2547" s="166">
        <v>0</v>
      </c>
      <c r="AQ2547" s="166">
        <v>0</v>
      </c>
      <c r="AR2547" s="166">
        <v>0</v>
      </c>
      <c r="AS2547" s="166">
        <v>0</v>
      </c>
      <c r="AT2547" s="166">
        <v>0</v>
      </c>
      <c r="AU2547" s="166">
        <v>0</v>
      </c>
      <c r="AV2547" s="166">
        <v>0</v>
      </c>
      <c r="AW2547" s="166">
        <v>0</v>
      </c>
      <c r="AX2547" s="166">
        <v>0</v>
      </c>
      <c r="AY2547" s="166">
        <v>0</v>
      </c>
      <c r="AZ2547" s="166">
        <v>0</v>
      </c>
      <c r="BA2547" s="166">
        <v>0</v>
      </c>
      <c r="BB2547" s="166">
        <v>0</v>
      </c>
      <c r="BC2547" s="166">
        <v>0</v>
      </c>
      <c r="BD2547" s="166">
        <v>0</v>
      </c>
      <c r="BE2547" s="166">
        <v>0</v>
      </c>
      <c r="BF2547" s="166">
        <v>0</v>
      </c>
      <c r="BG2547" s="166">
        <v>0</v>
      </c>
      <c r="BH2547" s="166">
        <v>0</v>
      </c>
      <c r="BI2547" s="166">
        <v>0</v>
      </c>
      <c r="BJ2547" s="166">
        <v>0</v>
      </c>
      <c r="BK2547" s="166">
        <v>0</v>
      </c>
      <c r="BL2547" s="166">
        <v>0</v>
      </c>
      <c r="BM2547" s="166">
        <v>0</v>
      </c>
      <c r="BN2547" s="166">
        <v>0</v>
      </c>
      <c r="BO2547" s="166">
        <v>0</v>
      </c>
      <c r="BP2547" s="166">
        <v>0</v>
      </c>
      <c r="BQ2547" s="166">
        <v>0</v>
      </c>
      <c r="BR2547" s="166">
        <v>94014941.313999996</v>
      </c>
      <c r="BS2547" s="166">
        <v>94014941.313999996</v>
      </c>
      <c r="BT2547" s="168">
        <v>0</v>
      </c>
      <c r="BU2547" s="166">
        <v>8146746.6792618297</v>
      </c>
      <c r="BV2547" s="166">
        <v>94004743.230680704</v>
      </c>
      <c r="BW2547" s="166">
        <v>0</v>
      </c>
      <c r="BX2547" s="166">
        <v>0</v>
      </c>
      <c r="BY2547" s="166">
        <v>0</v>
      </c>
      <c r="BZ2547" s="166">
        <v>0</v>
      </c>
      <c r="CA2547" s="166">
        <v>0</v>
      </c>
      <c r="CB2547" s="166">
        <v>0</v>
      </c>
      <c r="CC2547" s="166">
        <v>0</v>
      </c>
      <c r="CD2547" s="166">
        <v>0</v>
      </c>
      <c r="CE2547" s="166">
        <v>0</v>
      </c>
      <c r="CF2547" s="166">
        <v>0</v>
      </c>
      <c r="CG2547" s="166">
        <v>0</v>
      </c>
      <c r="CH2547" s="166">
        <v>0</v>
      </c>
      <c r="CI2547" s="166">
        <v>0</v>
      </c>
      <c r="CJ2547" s="166">
        <v>0</v>
      </c>
      <c r="CK2547" s="166">
        <v>0</v>
      </c>
      <c r="CL2547" s="166">
        <v>0</v>
      </c>
      <c r="CM2547" s="166">
        <v>0</v>
      </c>
      <c r="CN2547" s="166">
        <v>0</v>
      </c>
      <c r="CO2547" s="166">
        <v>0</v>
      </c>
      <c r="CP2547" s="166">
        <v>0</v>
      </c>
      <c r="CQ2547" s="166">
        <v>0</v>
      </c>
      <c r="CR2547" s="166">
        <v>0</v>
      </c>
      <c r="CS2547" s="166">
        <v>0</v>
      </c>
      <c r="CT2547" s="166">
        <v>0</v>
      </c>
      <c r="CU2547" s="166">
        <v>0</v>
      </c>
      <c r="CV2547" s="166">
        <v>0</v>
      </c>
      <c r="CW2547" s="166">
        <v>0</v>
      </c>
      <c r="CX2547" s="166">
        <v>0</v>
      </c>
      <c r="CY2547" s="166">
        <v>94004743.230680704</v>
      </c>
      <c r="CZ2547" s="166">
        <v>94004743.230680704</v>
      </c>
    </row>
    <row r="2548" spans="1:104" x14ac:dyDescent="0.2">
      <c r="A2548" s="167" t="s">
        <v>395</v>
      </c>
    </row>
    <row r="2549" spans="1:104" x14ac:dyDescent="0.2">
      <c r="A2549" s="170" t="s">
        <v>396</v>
      </c>
    </row>
    <row r="2550" spans="1:104" x14ac:dyDescent="0.2">
      <c r="A2550" s="167" t="s">
        <v>397</v>
      </c>
      <c r="B2550" s="166">
        <v>0</v>
      </c>
      <c r="C2550" s="166">
        <v>0</v>
      </c>
      <c r="D2550" s="166">
        <v>0</v>
      </c>
      <c r="E2550" s="166">
        <v>0</v>
      </c>
      <c r="F2550" s="166">
        <v>0</v>
      </c>
      <c r="G2550" s="166">
        <v>0</v>
      </c>
      <c r="H2550" s="166">
        <v>0</v>
      </c>
      <c r="I2550" s="166">
        <v>0</v>
      </c>
      <c r="J2550" s="166">
        <v>0</v>
      </c>
      <c r="K2550" s="166">
        <v>0</v>
      </c>
      <c r="L2550" s="166">
        <v>0</v>
      </c>
      <c r="M2550" s="166">
        <v>0</v>
      </c>
      <c r="N2550" s="166">
        <v>0</v>
      </c>
      <c r="O2550" s="166">
        <v>0</v>
      </c>
      <c r="P2550" s="166">
        <v>0</v>
      </c>
      <c r="Q2550" s="166">
        <v>0</v>
      </c>
      <c r="R2550" s="166">
        <v>0</v>
      </c>
      <c r="S2550" s="166">
        <v>0</v>
      </c>
      <c r="T2550" s="166">
        <v>0</v>
      </c>
      <c r="U2550" s="166">
        <v>0</v>
      </c>
      <c r="V2550" s="166">
        <v>0</v>
      </c>
      <c r="W2550" s="166">
        <v>0</v>
      </c>
      <c r="X2550" s="166">
        <v>0</v>
      </c>
      <c r="Y2550" s="166">
        <v>0</v>
      </c>
      <c r="Z2550" s="166">
        <v>0</v>
      </c>
      <c r="AA2550" s="166">
        <v>0</v>
      </c>
      <c r="AB2550" s="166">
        <v>0</v>
      </c>
      <c r="AC2550" s="166">
        <v>0</v>
      </c>
      <c r="AD2550" s="166">
        <v>0</v>
      </c>
      <c r="AE2550" s="166">
        <v>0</v>
      </c>
      <c r="AF2550" s="166">
        <v>0</v>
      </c>
      <c r="AG2550" s="166">
        <v>0</v>
      </c>
      <c r="AH2550" s="166">
        <v>0</v>
      </c>
      <c r="AI2550" s="166">
        <v>0</v>
      </c>
      <c r="AJ2550" s="166">
        <v>0</v>
      </c>
      <c r="AK2550" s="166">
        <v>0</v>
      </c>
      <c r="AL2550" s="166">
        <v>0</v>
      </c>
      <c r="AM2550" s="166">
        <v>0</v>
      </c>
      <c r="AN2550" s="166">
        <v>0</v>
      </c>
      <c r="AO2550" s="166">
        <v>0</v>
      </c>
      <c r="AP2550" s="166">
        <v>0</v>
      </c>
      <c r="AQ2550" s="166">
        <v>0</v>
      </c>
      <c r="AR2550" s="166">
        <v>0</v>
      </c>
      <c r="AS2550" s="166">
        <v>0</v>
      </c>
      <c r="AT2550" s="166">
        <v>0</v>
      </c>
      <c r="AU2550" s="166">
        <v>0</v>
      </c>
      <c r="AV2550" s="166">
        <v>0</v>
      </c>
      <c r="AW2550" s="166">
        <v>0</v>
      </c>
      <c r="AX2550" s="166">
        <v>0</v>
      </c>
      <c r="AY2550" s="166">
        <v>0</v>
      </c>
      <c r="AZ2550" s="166">
        <v>0</v>
      </c>
      <c r="BA2550" s="166">
        <v>0</v>
      </c>
      <c r="BB2550" s="166">
        <v>0</v>
      </c>
      <c r="BC2550" s="166">
        <v>0</v>
      </c>
      <c r="BD2550" s="166">
        <v>0</v>
      </c>
      <c r="BE2550" s="166">
        <v>0</v>
      </c>
      <c r="BF2550" s="166">
        <v>0</v>
      </c>
      <c r="BG2550" s="166">
        <v>0</v>
      </c>
      <c r="BH2550" s="166">
        <v>0</v>
      </c>
      <c r="BI2550" s="166">
        <v>0</v>
      </c>
      <c r="BJ2550" s="166">
        <v>0</v>
      </c>
      <c r="BK2550" s="166">
        <v>0</v>
      </c>
      <c r="BL2550" s="166">
        <v>0</v>
      </c>
      <c r="BM2550" s="166">
        <v>0</v>
      </c>
      <c r="BN2550" s="166">
        <v>0</v>
      </c>
      <c r="BO2550" s="166">
        <v>0</v>
      </c>
      <c r="BP2550" s="166">
        <v>0</v>
      </c>
      <c r="BQ2550" s="166">
        <v>0</v>
      </c>
      <c r="BR2550" s="166">
        <v>0</v>
      </c>
      <c r="BS2550" s="166">
        <v>0</v>
      </c>
      <c r="BT2550" s="168">
        <v>1</v>
      </c>
      <c r="BU2550" s="166">
        <v>0</v>
      </c>
      <c r="BV2550" s="166">
        <v>0</v>
      </c>
      <c r="BW2550" s="166">
        <v>0</v>
      </c>
      <c r="BX2550" s="166">
        <v>0</v>
      </c>
      <c r="BY2550" s="166">
        <v>0</v>
      </c>
      <c r="BZ2550" s="166">
        <v>0</v>
      </c>
      <c r="CA2550" s="166">
        <v>0</v>
      </c>
      <c r="CB2550" s="166">
        <v>0</v>
      </c>
      <c r="CC2550" s="166">
        <v>0</v>
      </c>
      <c r="CD2550" s="166">
        <v>0</v>
      </c>
      <c r="CE2550" s="166">
        <v>0</v>
      </c>
      <c r="CF2550" s="166">
        <v>0</v>
      </c>
      <c r="CG2550" s="166">
        <v>0</v>
      </c>
      <c r="CH2550" s="166">
        <v>0</v>
      </c>
      <c r="CI2550" s="166">
        <v>0</v>
      </c>
      <c r="CJ2550" s="166">
        <v>0</v>
      </c>
      <c r="CK2550" s="166">
        <v>0</v>
      </c>
      <c r="CL2550" s="166">
        <v>0</v>
      </c>
      <c r="CM2550" s="166">
        <v>0</v>
      </c>
      <c r="CN2550" s="166">
        <v>0</v>
      </c>
      <c r="CO2550" s="166">
        <v>0</v>
      </c>
      <c r="CP2550" s="166">
        <v>0</v>
      </c>
      <c r="CQ2550" s="166">
        <v>0</v>
      </c>
      <c r="CR2550" s="166">
        <v>0</v>
      </c>
      <c r="CS2550" s="166">
        <v>0</v>
      </c>
      <c r="CT2550" s="166">
        <v>0</v>
      </c>
      <c r="CU2550" s="166">
        <v>0</v>
      </c>
      <c r="CV2550" s="166">
        <v>0</v>
      </c>
      <c r="CW2550" s="166">
        <v>0</v>
      </c>
      <c r="CX2550" s="166">
        <v>0</v>
      </c>
      <c r="CY2550" s="166">
        <v>0</v>
      </c>
      <c r="CZ2550" s="166">
        <v>0</v>
      </c>
    </row>
    <row r="2551" spans="1:104" x14ac:dyDescent="0.2">
      <c r="A2551" s="167" t="s">
        <v>1171</v>
      </c>
      <c r="B2551" s="166">
        <v>0</v>
      </c>
      <c r="C2551" s="166">
        <v>0</v>
      </c>
      <c r="D2551" s="166">
        <v>0</v>
      </c>
      <c r="E2551" s="166">
        <v>0</v>
      </c>
      <c r="F2551" s="166">
        <v>0</v>
      </c>
      <c r="G2551" s="166">
        <v>0</v>
      </c>
      <c r="H2551" s="166">
        <v>0</v>
      </c>
      <c r="I2551" s="166">
        <v>0</v>
      </c>
      <c r="J2551" s="166">
        <v>0</v>
      </c>
      <c r="K2551" s="166">
        <v>0</v>
      </c>
      <c r="L2551" s="166">
        <v>0</v>
      </c>
      <c r="M2551" s="166">
        <v>0</v>
      </c>
      <c r="N2551" s="166">
        <v>0</v>
      </c>
      <c r="O2551" s="166">
        <v>0</v>
      </c>
      <c r="P2551" s="166">
        <v>0</v>
      </c>
      <c r="Q2551" s="166">
        <v>0</v>
      </c>
      <c r="R2551" s="166">
        <v>0</v>
      </c>
      <c r="S2551" s="166">
        <v>0</v>
      </c>
      <c r="T2551" s="166">
        <v>0</v>
      </c>
      <c r="U2551" s="166">
        <v>0</v>
      </c>
      <c r="V2551" s="166">
        <v>0</v>
      </c>
      <c r="W2551" s="166">
        <v>0</v>
      </c>
      <c r="X2551" s="166">
        <v>0</v>
      </c>
      <c r="Y2551" s="166">
        <v>0</v>
      </c>
      <c r="Z2551" s="166">
        <v>0</v>
      </c>
      <c r="AA2551" s="166">
        <v>0</v>
      </c>
      <c r="AB2551" s="166">
        <v>0</v>
      </c>
      <c r="AC2551" s="166">
        <v>0</v>
      </c>
      <c r="AD2551" s="166">
        <v>0</v>
      </c>
      <c r="AE2551" s="166">
        <v>0</v>
      </c>
      <c r="AF2551" s="166">
        <v>0</v>
      </c>
      <c r="AG2551" s="166">
        <v>0</v>
      </c>
      <c r="AH2551" s="166">
        <v>0</v>
      </c>
      <c r="AI2551" s="166">
        <v>0</v>
      </c>
      <c r="AJ2551" s="166">
        <v>0</v>
      </c>
      <c r="AK2551" s="166">
        <v>0</v>
      </c>
      <c r="AL2551" s="166">
        <v>0</v>
      </c>
      <c r="AM2551" s="166">
        <v>0</v>
      </c>
      <c r="AN2551" s="166">
        <v>0</v>
      </c>
      <c r="AO2551" s="166">
        <v>0</v>
      </c>
      <c r="AP2551" s="166">
        <v>0</v>
      </c>
      <c r="AQ2551" s="166">
        <v>0</v>
      </c>
      <c r="AR2551" s="166">
        <v>0</v>
      </c>
      <c r="AS2551" s="166">
        <v>0</v>
      </c>
      <c r="AT2551" s="166">
        <v>0</v>
      </c>
      <c r="AU2551" s="166">
        <v>0</v>
      </c>
      <c r="AV2551" s="166">
        <v>0</v>
      </c>
      <c r="AW2551" s="166">
        <v>0</v>
      </c>
      <c r="AX2551" s="166">
        <v>0</v>
      </c>
      <c r="AY2551" s="166">
        <v>0</v>
      </c>
      <c r="AZ2551" s="166">
        <v>0</v>
      </c>
      <c r="BA2551" s="166">
        <v>0</v>
      </c>
      <c r="BB2551" s="166">
        <v>0</v>
      </c>
      <c r="BC2551" s="166">
        <v>0</v>
      </c>
      <c r="BD2551" s="166">
        <v>0</v>
      </c>
      <c r="BE2551" s="166">
        <v>0</v>
      </c>
      <c r="BF2551" s="166">
        <v>0</v>
      </c>
      <c r="BG2551" s="166">
        <v>0</v>
      </c>
      <c r="BH2551" s="166">
        <v>0</v>
      </c>
      <c r="BI2551" s="166">
        <v>0</v>
      </c>
      <c r="BJ2551" s="166">
        <v>0</v>
      </c>
      <c r="BK2551" s="166">
        <v>0</v>
      </c>
      <c r="BL2551" s="166">
        <v>0</v>
      </c>
      <c r="BM2551" s="166">
        <v>0</v>
      </c>
      <c r="BN2551" s="166">
        <v>0</v>
      </c>
      <c r="BO2551" s="166">
        <v>0</v>
      </c>
      <c r="BP2551" s="166">
        <v>0</v>
      </c>
      <c r="BQ2551" s="166">
        <v>0</v>
      </c>
      <c r="BR2551" s="166">
        <v>0</v>
      </c>
      <c r="BS2551" s="166">
        <v>0</v>
      </c>
      <c r="BT2551" s="168">
        <v>1</v>
      </c>
      <c r="BU2551" s="166">
        <v>0</v>
      </c>
      <c r="BV2551" s="166">
        <v>0</v>
      </c>
      <c r="BW2551" s="166">
        <v>0</v>
      </c>
      <c r="BX2551" s="166">
        <v>0</v>
      </c>
      <c r="BY2551" s="166">
        <v>0</v>
      </c>
      <c r="BZ2551" s="166">
        <v>0</v>
      </c>
      <c r="CA2551" s="166">
        <v>0</v>
      </c>
      <c r="CB2551" s="166">
        <v>0</v>
      </c>
      <c r="CC2551" s="166">
        <v>0</v>
      </c>
      <c r="CD2551" s="166">
        <v>0</v>
      </c>
      <c r="CE2551" s="166">
        <v>0</v>
      </c>
      <c r="CF2551" s="166">
        <v>0</v>
      </c>
      <c r="CG2551" s="166">
        <v>0</v>
      </c>
      <c r="CH2551" s="166">
        <v>0</v>
      </c>
      <c r="CI2551" s="166">
        <v>0</v>
      </c>
      <c r="CJ2551" s="166">
        <v>0</v>
      </c>
      <c r="CK2551" s="166">
        <v>0</v>
      </c>
      <c r="CL2551" s="166">
        <v>0</v>
      </c>
      <c r="CM2551" s="166">
        <v>0</v>
      </c>
      <c r="CN2551" s="166">
        <v>0</v>
      </c>
      <c r="CO2551" s="166">
        <v>0</v>
      </c>
      <c r="CP2551" s="166">
        <v>0</v>
      </c>
      <c r="CQ2551" s="166">
        <v>0</v>
      </c>
      <c r="CR2551" s="166">
        <v>0</v>
      </c>
      <c r="CS2551" s="166">
        <v>0</v>
      </c>
      <c r="CT2551" s="166">
        <v>0</v>
      </c>
      <c r="CU2551" s="166">
        <v>0</v>
      </c>
      <c r="CV2551" s="166">
        <v>0</v>
      </c>
      <c r="CW2551" s="166">
        <v>0</v>
      </c>
      <c r="CX2551" s="166">
        <v>0</v>
      </c>
      <c r="CY2551" s="166">
        <v>0</v>
      </c>
      <c r="CZ2551" s="166">
        <v>0</v>
      </c>
    </row>
    <row r="2552" spans="1:104" x14ac:dyDescent="0.2">
      <c r="A2552" s="167" t="s">
        <v>399</v>
      </c>
      <c r="B2552" s="166">
        <v>0</v>
      </c>
      <c r="C2552" s="166">
        <v>0</v>
      </c>
      <c r="D2552" s="166">
        <v>0</v>
      </c>
      <c r="E2552" s="166">
        <v>0</v>
      </c>
      <c r="F2552" s="166">
        <v>0</v>
      </c>
      <c r="G2552" s="166">
        <v>0</v>
      </c>
      <c r="H2552" s="166">
        <v>0</v>
      </c>
      <c r="I2552" s="166">
        <v>0</v>
      </c>
      <c r="J2552" s="166">
        <v>0</v>
      </c>
      <c r="K2552" s="166">
        <v>0</v>
      </c>
      <c r="L2552" s="166">
        <v>0</v>
      </c>
      <c r="M2552" s="166">
        <v>0</v>
      </c>
      <c r="N2552" s="166">
        <v>0</v>
      </c>
      <c r="O2552" s="166">
        <v>0</v>
      </c>
      <c r="P2552" s="166">
        <v>0</v>
      </c>
      <c r="Q2552" s="166">
        <v>0</v>
      </c>
      <c r="R2552" s="166">
        <v>0</v>
      </c>
      <c r="S2552" s="166">
        <v>0</v>
      </c>
      <c r="T2552" s="166">
        <v>0</v>
      </c>
      <c r="U2552" s="166">
        <v>0</v>
      </c>
      <c r="V2552" s="166">
        <v>0</v>
      </c>
      <c r="W2552" s="166">
        <v>0</v>
      </c>
      <c r="X2552" s="166">
        <v>0</v>
      </c>
      <c r="Y2552" s="166">
        <v>0</v>
      </c>
      <c r="Z2552" s="166">
        <v>0</v>
      </c>
      <c r="AA2552" s="166">
        <v>0</v>
      </c>
      <c r="AB2552" s="166">
        <v>0</v>
      </c>
      <c r="AC2552" s="166">
        <v>0</v>
      </c>
      <c r="AD2552" s="166">
        <v>0</v>
      </c>
      <c r="AE2552" s="166">
        <v>0</v>
      </c>
      <c r="AF2552" s="166">
        <v>0</v>
      </c>
      <c r="AG2552" s="166">
        <v>0</v>
      </c>
      <c r="AH2552" s="166">
        <v>0</v>
      </c>
      <c r="AI2552" s="166">
        <v>0</v>
      </c>
      <c r="AJ2552" s="166">
        <v>0</v>
      </c>
      <c r="AK2552" s="166">
        <v>0</v>
      </c>
      <c r="AL2552" s="166">
        <v>0</v>
      </c>
      <c r="AM2552" s="166">
        <v>0</v>
      </c>
      <c r="AN2552" s="166">
        <v>0</v>
      </c>
      <c r="AO2552" s="166">
        <v>0</v>
      </c>
      <c r="AP2552" s="166">
        <v>0</v>
      </c>
      <c r="AQ2552" s="166">
        <v>0</v>
      </c>
      <c r="AR2552" s="166">
        <v>0</v>
      </c>
      <c r="AS2552" s="166">
        <v>0</v>
      </c>
      <c r="AT2552" s="166">
        <v>0</v>
      </c>
      <c r="AU2552" s="166">
        <v>0</v>
      </c>
      <c r="AV2552" s="166">
        <v>0</v>
      </c>
      <c r="AW2552" s="166">
        <v>0</v>
      </c>
      <c r="AX2552" s="166">
        <v>0</v>
      </c>
      <c r="AY2552" s="166">
        <v>0</v>
      </c>
      <c r="AZ2552" s="166">
        <v>0</v>
      </c>
      <c r="BA2552" s="166">
        <v>0</v>
      </c>
      <c r="BB2552" s="166">
        <v>0</v>
      </c>
      <c r="BC2552" s="166">
        <v>0</v>
      </c>
      <c r="BD2552" s="166">
        <v>0</v>
      </c>
      <c r="BE2552" s="166">
        <v>0</v>
      </c>
      <c r="BF2552" s="166">
        <v>0</v>
      </c>
      <c r="BG2552" s="166">
        <v>0</v>
      </c>
      <c r="BH2552" s="166">
        <v>0</v>
      </c>
      <c r="BI2552" s="166">
        <v>0</v>
      </c>
      <c r="BJ2552" s="166">
        <v>0</v>
      </c>
      <c r="BK2552" s="166">
        <v>0</v>
      </c>
      <c r="BL2552" s="166">
        <v>0</v>
      </c>
      <c r="BM2552" s="166">
        <v>0</v>
      </c>
      <c r="BN2552" s="166">
        <v>0</v>
      </c>
      <c r="BO2552" s="166">
        <v>0</v>
      </c>
      <c r="BP2552" s="166">
        <v>0</v>
      </c>
      <c r="BQ2552" s="166">
        <v>0</v>
      </c>
      <c r="BR2552" s="166">
        <v>0</v>
      </c>
      <c r="BS2552" s="166">
        <v>0</v>
      </c>
      <c r="BT2552" s="168">
        <v>1</v>
      </c>
      <c r="BU2552" s="166">
        <v>0</v>
      </c>
      <c r="BV2552" s="166">
        <v>0</v>
      </c>
      <c r="BW2552" s="166">
        <v>0</v>
      </c>
      <c r="BX2552" s="166">
        <v>0</v>
      </c>
      <c r="BY2552" s="166">
        <v>0</v>
      </c>
      <c r="BZ2552" s="166">
        <v>0</v>
      </c>
      <c r="CA2552" s="166">
        <v>0</v>
      </c>
      <c r="CB2552" s="166">
        <v>0</v>
      </c>
      <c r="CC2552" s="166">
        <v>0</v>
      </c>
      <c r="CD2552" s="166">
        <v>0</v>
      </c>
      <c r="CE2552" s="166">
        <v>0</v>
      </c>
      <c r="CF2552" s="166">
        <v>0</v>
      </c>
      <c r="CG2552" s="166">
        <v>0</v>
      </c>
      <c r="CH2552" s="166">
        <v>0</v>
      </c>
      <c r="CI2552" s="166">
        <v>0</v>
      </c>
      <c r="CJ2552" s="166">
        <v>0</v>
      </c>
      <c r="CK2552" s="166">
        <v>0</v>
      </c>
      <c r="CL2552" s="166">
        <v>0</v>
      </c>
      <c r="CM2552" s="166">
        <v>0</v>
      </c>
      <c r="CN2552" s="166">
        <v>0</v>
      </c>
      <c r="CO2552" s="166">
        <v>0</v>
      </c>
      <c r="CP2552" s="166">
        <v>0</v>
      </c>
      <c r="CQ2552" s="166">
        <v>0</v>
      </c>
      <c r="CR2552" s="166">
        <v>0</v>
      </c>
      <c r="CS2552" s="166">
        <v>0</v>
      </c>
      <c r="CT2552" s="166">
        <v>0</v>
      </c>
      <c r="CU2552" s="166">
        <v>0</v>
      </c>
      <c r="CV2552" s="166">
        <v>0</v>
      </c>
      <c r="CW2552" s="166">
        <v>0</v>
      </c>
      <c r="CX2552" s="166">
        <v>0</v>
      </c>
      <c r="CY2552" s="166">
        <v>0</v>
      </c>
      <c r="CZ2552" s="166">
        <v>0</v>
      </c>
    </row>
    <row r="2553" spans="1:104" x14ac:dyDescent="0.2">
      <c r="A2553" s="167" t="s">
        <v>1172</v>
      </c>
      <c r="B2553" s="166">
        <v>10493572.1299999</v>
      </c>
      <c r="C2553" s="166">
        <v>10493572.1299999</v>
      </c>
      <c r="D2553" s="166">
        <v>0</v>
      </c>
      <c r="E2553" s="166">
        <v>0</v>
      </c>
      <c r="F2553" s="166">
        <v>0</v>
      </c>
      <c r="G2553" s="166">
        <v>0</v>
      </c>
      <c r="H2553" s="166">
        <v>0</v>
      </c>
      <c r="I2553" s="166">
        <v>0</v>
      </c>
      <c r="J2553" s="166">
        <v>0</v>
      </c>
      <c r="K2553" s="166">
        <v>0</v>
      </c>
      <c r="L2553" s="166">
        <v>0</v>
      </c>
      <c r="M2553" s="166">
        <v>0</v>
      </c>
      <c r="N2553" s="166">
        <v>0</v>
      </c>
      <c r="O2553" s="166">
        <v>0</v>
      </c>
      <c r="P2553" s="166">
        <v>0</v>
      </c>
      <c r="Q2553" s="166">
        <v>0</v>
      </c>
      <c r="R2553" s="166">
        <v>0</v>
      </c>
      <c r="S2553" s="166">
        <v>0</v>
      </c>
      <c r="T2553" s="166">
        <v>0</v>
      </c>
      <c r="U2553" s="166">
        <v>0</v>
      </c>
      <c r="V2553" s="166">
        <v>0</v>
      </c>
      <c r="W2553" s="166">
        <v>0</v>
      </c>
      <c r="X2553" s="166">
        <v>0</v>
      </c>
      <c r="Y2553" s="166">
        <v>0</v>
      </c>
      <c r="Z2553" s="166">
        <v>0</v>
      </c>
      <c r="AA2553" s="166">
        <v>0</v>
      </c>
      <c r="AB2553" s="166">
        <v>0</v>
      </c>
      <c r="AC2553" s="166">
        <v>0</v>
      </c>
      <c r="AD2553" s="166">
        <v>0</v>
      </c>
      <c r="AE2553" s="166">
        <v>0</v>
      </c>
      <c r="AF2553" s="166">
        <v>0</v>
      </c>
      <c r="AG2553" s="166">
        <v>0</v>
      </c>
      <c r="AH2553" s="166">
        <v>0</v>
      </c>
      <c r="AI2553" s="166">
        <v>0</v>
      </c>
      <c r="AJ2553" s="166">
        <v>0</v>
      </c>
      <c r="AK2553" s="166">
        <v>0</v>
      </c>
      <c r="AL2553" s="166">
        <v>0</v>
      </c>
      <c r="AM2553" s="166">
        <v>0</v>
      </c>
      <c r="AN2553" s="166">
        <v>0</v>
      </c>
      <c r="AO2553" s="166">
        <v>0</v>
      </c>
      <c r="AP2553" s="166">
        <v>0</v>
      </c>
      <c r="AQ2553" s="166">
        <v>0</v>
      </c>
      <c r="AR2553" s="166">
        <v>0</v>
      </c>
      <c r="AS2553" s="166">
        <v>0</v>
      </c>
      <c r="AT2553" s="166">
        <v>0</v>
      </c>
      <c r="AU2553" s="166">
        <v>0</v>
      </c>
      <c r="AV2553" s="166">
        <v>0</v>
      </c>
      <c r="AW2553" s="166">
        <v>0</v>
      </c>
      <c r="AX2553" s="166">
        <v>0</v>
      </c>
      <c r="AY2553" s="166">
        <v>0</v>
      </c>
      <c r="AZ2553" s="166">
        <v>0</v>
      </c>
      <c r="BA2553" s="166">
        <v>0</v>
      </c>
      <c r="BB2553" s="166">
        <v>0</v>
      </c>
      <c r="BC2553" s="166">
        <v>0</v>
      </c>
      <c r="BD2553" s="166">
        <v>0</v>
      </c>
      <c r="BE2553" s="166">
        <v>0</v>
      </c>
      <c r="BF2553" s="166">
        <v>0</v>
      </c>
      <c r="BG2553" s="166">
        <v>0</v>
      </c>
      <c r="BH2553" s="166">
        <v>0</v>
      </c>
      <c r="BI2553" s="166">
        <v>0</v>
      </c>
      <c r="BJ2553" s="166">
        <v>0</v>
      </c>
      <c r="BK2553" s="166">
        <v>0</v>
      </c>
      <c r="BL2553" s="166">
        <v>0</v>
      </c>
      <c r="BM2553" s="166">
        <v>0</v>
      </c>
      <c r="BN2553" s="166">
        <v>0</v>
      </c>
      <c r="BO2553" s="166">
        <v>0</v>
      </c>
      <c r="BP2553" s="166">
        <v>0</v>
      </c>
      <c r="BQ2553" s="166">
        <v>0</v>
      </c>
      <c r="BR2553" s="166">
        <v>10493572.1299999</v>
      </c>
      <c r="BS2553" s="166">
        <v>10493572.1299999</v>
      </c>
      <c r="BT2553" s="168">
        <v>1</v>
      </c>
      <c r="BU2553" s="166">
        <v>787683.10999999905</v>
      </c>
      <c r="BV2553" s="166">
        <v>10493572.1299999</v>
      </c>
      <c r="BW2553" s="166">
        <v>0</v>
      </c>
      <c r="BX2553" s="166">
        <v>0</v>
      </c>
      <c r="BY2553" s="166">
        <v>0</v>
      </c>
      <c r="BZ2553" s="166">
        <v>0</v>
      </c>
      <c r="CA2553" s="166">
        <v>0</v>
      </c>
      <c r="CB2553" s="166">
        <v>0</v>
      </c>
      <c r="CC2553" s="166">
        <v>0</v>
      </c>
      <c r="CD2553" s="166">
        <v>0</v>
      </c>
      <c r="CE2553" s="166">
        <v>0</v>
      </c>
      <c r="CF2553" s="166">
        <v>0</v>
      </c>
      <c r="CG2553" s="166">
        <v>0</v>
      </c>
      <c r="CH2553" s="166">
        <v>0</v>
      </c>
      <c r="CI2553" s="166">
        <v>0</v>
      </c>
      <c r="CJ2553" s="166">
        <v>0</v>
      </c>
      <c r="CK2553" s="166">
        <v>0</v>
      </c>
      <c r="CL2553" s="166">
        <v>0</v>
      </c>
      <c r="CM2553" s="166">
        <v>0</v>
      </c>
      <c r="CN2553" s="166">
        <v>0</v>
      </c>
      <c r="CO2553" s="166">
        <v>0</v>
      </c>
      <c r="CP2553" s="166">
        <v>0</v>
      </c>
      <c r="CQ2553" s="166">
        <v>0</v>
      </c>
      <c r="CR2553" s="166">
        <v>0</v>
      </c>
      <c r="CS2553" s="166">
        <v>0</v>
      </c>
      <c r="CT2553" s="166">
        <v>0</v>
      </c>
      <c r="CU2553" s="166">
        <v>0</v>
      </c>
      <c r="CV2553" s="166">
        <v>0</v>
      </c>
      <c r="CW2553" s="166">
        <v>0</v>
      </c>
      <c r="CX2553" s="166">
        <v>0</v>
      </c>
      <c r="CY2553" s="166">
        <v>10493572.1299999</v>
      </c>
      <c r="CZ2553" s="166">
        <v>10493572.1299999</v>
      </c>
    </row>
    <row r="2554" spans="1:104" x14ac:dyDescent="0.2">
      <c r="A2554" s="170" t="s">
        <v>401</v>
      </c>
      <c r="B2554" s="166">
        <v>10493572.1299999</v>
      </c>
      <c r="C2554" s="166">
        <v>10493572.1299999</v>
      </c>
      <c r="D2554" s="166">
        <v>0</v>
      </c>
      <c r="E2554" s="166">
        <v>0</v>
      </c>
      <c r="F2554" s="166">
        <v>0</v>
      </c>
      <c r="G2554" s="166">
        <v>0</v>
      </c>
      <c r="H2554" s="166">
        <v>0</v>
      </c>
      <c r="I2554" s="166">
        <v>0</v>
      </c>
      <c r="J2554" s="166">
        <v>0</v>
      </c>
      <c r="K2554" s="166">
        <v>0</v>
      </c>
      <c r="L2554" s="166">
        <v>0</v>
      </c>
      <c r="M2554" s="166">
        <v>0</v>
      </c>
      <c r="N2554" s="166">
        <v>0</v>
      </c>
      <c r="O2554" s="166">
        <v>0</v>
      </c>
      <c r="P2554" s="166">
        <v>0</v>
      </c>
      <c r="Q2554" s="166">
        <v>0</v>
      </c>
      <c r="R2554" s="166">
        <v>0</v>
      </c>
      <c r="S2554" s="166">
        <v>0</v>
      </c>
      <c r="T2554" s="166">
        <v>0</v>
      </c>
      <c r="U2554" s="166">
        <v>0</v>
      </c>
      <c r="V2554" s="166">
        <v>0</v>
      </c>
      <c r="W2554" s="166">
        <v>0</v>
      </c>
      <c r="X2554" s="166">
        <v>0</v>
      </c>
      <c r="Y2554" s="166">
        <v>0</v>
      </c>
      <c r="Z2554" s="166">
        <v>0</v>
      </c>
      <c r="AA2554" s="166">
        <v>0</v>
      </c>
      <c r="AB2554" s="166">
        <v>0</v>
      </c>
      <c r="AC2554" s="166">
        <v>0</v>
      </c>
      <c r="AD2554" s="166">
        <v>0</v>
      </c>
      <c r="AE2554" s="166">
        <v>0</v>
      </c>
      <c r="AF2554" s="166">
        <v>0</v>
      </c>
      <c r="AG2554" s="166">
        <v>0</v>
      </c>
      <c r="AH2554" s="166">
        <v>0</v>
      </c>
      <c r="AI2554" s="166">
        <v>0</v>
      </c>
      <c r="AJ2554" s="166">
        <v>0</v>
      </c>
      <c r="AK2554" s="166">
        <v>0</v>
      </c>
      <c r="AL2554" s="166">
        <v>0</v>
      </c>
      <c r="AM2554" s="166">
        <v>0</v>
      </c>
      <c r="AN2554" s="166">
        <v>0</v>
      </c>
      <c r="AO2554" s="166">
        <v>0</v>
      </c>
      <c r="AP2554" s="166">
        <v>0</v>
      </c>
      <c r="AQ2554" s="166">
        <v>0</v>
      </c>
      <c r="AR2554" s="166">
        <v>0</v>
      </c>
      <c r="AS2554" s="166">
        <v>0</v>
      </c>
      <c r="AT2554" s="166">
        <v>0</v>
      </c>
      <c r="AU2554" s="166">
        <v>0</v>
      </c>
      <c r="AV2554" s="166">
        <v>0</v>
      </c>
      <c r="AW2554" s="166">
        <v>0</v>
      </c>
      <c r="AX2554" s="166">
        <v>0</v>
      </c>
      <c r="AY2554" s="166">
        <v>0</v>
      </c>
      <c r="AZ2554" s="166">
        <v>0</v>
      </c>
      <c r="BA2554" s="166">
        <v>0</v>
      </c>
      <c r="BB2554" s="166">
        <v>0</v>
      </c>
      <c r="BC2554" s="166">
        <v>0</v>
      </c>
      <c r="BD2554" s="166">
        <v>0</v>
      </c>
      <c r="BE2554" s="166">
        <v>0</v>
      </c>
      <c r="BF2554" s="166">
        <v>0</v>
      </c>
      <c r="BG2554" s="166">
        <v>0</v>
      </c>
      <c r="BH2554" s="166">
        <v>0</v>
      </c>
      <c r="BI2554" s="166">
        <v>0</v>
      </c>
      <c r="BJ2554" s="166">
        <v>0</v>
      </c>
      <c r="BK2554" s="166">
        <v>0</v>
      </c>
      <c r="BL2554" s="166">
        <v>0</v>
      </c>
      <c r="BM2554" s="166">
        <v>0</v>
      </c>
      <c r="BN2554" s="166">
        <v>0</v>
      </c>
      <c r="BO2554" s="166">
        <v>0</v>
      </c>
      <c r="BP2554" s="166">
        <v>0</v>
      </c>
      <c r="BQ2554" s="166">
        <v>0</v>
      </c>
      <c r="BR2554" s="166">
        <v>10493572.1299999</v>
      </c>
      <c r="BS2554" s="166">
        <v>10493572.1299999</v>
      </c>
      <c r="BT2554" s="168">
        <v>0</v>
      </c>
      <c r="BU2554" s="166">
        <v>787683.10999999905</v>
      </c>
      <c r="BV2554" s="166">
        <v>10493572.1299999</v>
      </c>
      <c r="BW2554" s="166">
        <v>0</v>
      </c>
      <c r="BX2554" s="166">
        <v>0</v>
      </c>
      <c r="BY2554" s="166">
        <v>0</v>
      </c>
      <c r="BZ2554" s="166">
        <v>0</v>
      </c>
      <c r="CA2554" s="166">
        <v>0</v>
      </c>
      <c r="CB2554" s="166">
        <v>0</v>
      </c>
      <c r="CC2554" s="166">
        <v>0</v>
      </c>
      <c r="CD2554" s="166">
        <v>0</v>
      </c>
      <c r="CE2554" s="166">
        <v>0</v>
      </c>
      <c r="CF2554" s="166">
        <v>0</v>
      </c>
      <c r="CG2554" s="166">
        <v>0</v>
      </c>
      <c r="CH2554" s="166">
        <v>0</v>
      </c>
      <c r="CI2554" s="166">
        <v>0</v>
      </c>
      <c r="CJ2554" s="166">
        <v>0</v>
      </c>
      <c r="CK2554" s="166">
        <v>0</v>
      </c>
      <c r="CL2554" s="166">
        <v>0</v>
      </c>
      <c r="CM2554" s="166">
        <v>0</v>
      </c>
      <c r="CN2554" s="166">
        <v>0</v>
      </c>
      <c r="CO2554" s="166">
        <v>0</v>
      </c>
      <c r="CP2554" s="166">
        <v>0</v>
      </c>
      <c r="CQ2554" s="166">
        <v>0</v>
      </c>
      <c r="CR2554" s="166">
        <v>0</v>
      </c>
      <c r="CS2554" s="166">
        <v>0</v>
      </c>
      <c r="CT2554" s="166">
        <v>0</v>
      </c>
      <c r="CU2554" s="166">
        <v>0</v>
      </c>
      <c r="CV2554" s="166">
        <v>0</v>
      </c>
      <c r="CW2554" s="166">
        <v>0</v>
      </c>
      <c r="CX2554" s="166">
        <v>0</v>
      </c>
      <c r="CY2554" s="166">
        <v>10493572.1299999</v>
      </c>
      <c r="CZ2554" s="166">
        <v>10493572.1299999</v>
      </c>
    </row>
    <row r="2555" spans="1:104" x14ac:dyDescent="0.2">
      <c r="A2555" s="167" t="s">
        <v>402</v>
      </c>
    </row>
    <row r="2556" spans="1:104" x14ac:dyDescent="0.2">
      <c r="A2556" s="170" t="s">
        <v>403</v>
      </c>
    </row>
    <row r="2557" spans="1:104" x14ac:dyDescent="0.2">
      <c r="A2557" s="167" t="s">
        <v>404</v>
      </c>
      <c r="B2557" s="166">
        <v>0</v>
      </c>
      <c r="C2557" s="166">
        <v>0</v>
      </c>
      <c r="D2557" s="166">
        <v>0</v>
      </c>
      <c r="E2557" s="166">
        <v>0</v>
      </c>
      <c r="F2557" s="166">
        <v>0</v>
      </c>
      <c r="G2557" s="166">
        <v>0</v>
      </c>
      <c r="H2557" s="166">
        <v>0</v>
      </c>
      <c r="I2557" s="166">
        <v>0</v>
      </c>
      <c r="J2557" s="166">
        <v>0</v>
      </c>
      <c r="K2557" s="166">
        <v>0</v>
      </c>
      <c r="L2557" s="166">
        <v>0</v>
      </c>
      <c r="M2557" s="166">
        <v>0</v>
      </c>
      <c r="N2557" s="166">
        <v>0</v>
      </c>
      <c r="O2557" s="166">
        <v>0</v>
      </c>
      <c r="P2557" s="166">
        <v>0</v>
      </c>
      <c r="Q2557" s="166">
        <v>0</v>
      </c>
      <c r="R2557" s="166">
        <v>0</v>
      </c>
      <c r="S2557" s="166">
        <v>0</v>
      </c>
      <c r="T2557" s="166">
        <v>0</v>
      </c>
      <c r="U2557" s="166">
        <v>0</v>
      </c>
      <c r="V2557" s="166">
        <v>0</v>
      </c>
      <c r="W2557" s="166">
        <v>0</v>
      </c>
      <c r="X2557" s="166">
        <v>0</v>
      </c>
      <c r="Y2557" s="166">
        <v>0</v>
      </c>
      <c r="Z2557" s="166">
        <v>0</v>
      </c>
      <c r="AA2557" s="166">
        <v>0</v>
      </c>
      <c r="AB2557" s="166">
        <v>0</v>
      </c>
      <c r="AC2557" s="166">
        <v>0</v>
      </c>
      <c r="AD2557" s="166">
        <v>0</v>
      </c>
      <c r="AE2557" s="166">
        <v>0</v>
      </c>
      <c r="AF2557" s="166">
        <v>0</v>
      </c>
      <c r="AG2557" s="166">
        <v>0</v>
      </c>
      <c r="AH2557" s="166">
        <v>0</v>
      </c>
      <c r="AI2557" s="166">
        <v>0</v>
      </c>
      <c r="AJ2557" s="166">
        <v>0</v>
      </c>
      <c r="AK2557" s="166">
        <v>0</v>
      </c>
      <c r="AL2557" s="166">
        <v>0</v>
      </c>
      <c r="AM2557" s="166">
        <v>0</v>
      </c>
      <c r="AN2557" s="166">
        <v>0</v>
      </c>
      <c r="AO2557" s="166">
        <v>0</v>
      </c>
      <c r="AP2557" s="166">
        <v>0</v>
      </c>
      <c r="AQ2557" s="166">
        <v>0</v>
      </c>
      <c r="AR2557" s="166">
        <v>0</v>
      </c>
      <c r="AS2557" s="166">
        <v>0</v>
      </c>
      <c r="AT2557" s="166">
        <v>0</v>
      </c>
      <c r="AU2557" s="166">
        <v>0</v>
      </c>
      <c r="AV2557" s="166">
        <v>0</v>
      </c>
      <c r="AW2557" s="166">
        <v>0</v>
      </c>
      <c r="AX2557" s="166">
        <v>0</v>
      </c>
      <c r="AY2557" s="166">
        <v>0</v>
      </c>
      <c r="AZ2557" s="166">
        <v>0</v>
      </c>
      <c r="BA2557" s="166">
        <v>0</v>
      </c>
      <c r="BB2557" s="166">
        <v>0</v>
      </c>
      <c r="BC2557" s="166">
        <v>0</v>
      </c>
      <c r="BD2557" s="166">
        <v>0</v>
      </c>
      <c r="BE2557" s="166">
        <v>0</v>
      </c>
      <c r="BF2557" s="166">
        <v>0</v>
      </c>
      <c r="BG2557" s="166">
        <v>0</v>
      </c>
      <c r="BH2557" s="166">
        <v>0</v>
      </c>
      <c r="BI2557" s="166">
        <v>0</v>
      </c>
      <c r="BJ2557" s="166">
        <v>0</v>
      </c>
      <c r="BK2557" s="166">
        <v>0</v>
      </c>
      <c r="BL2557" s="166">
        <v>0</v>
      </c>
      <c r="BM2557" s="166">
        <v>0</v>
      </c>
      <c r="BN2557" s="166">
        <v>0</v>
      </c>
      <c r="BO2557" s="166">
        <v>0</v>
      </c>
      <c r="BP2557" s="166">
        <v>0</v>
      </c>
      <c r="BQ2557" s="166">
        <v>0</v>
      </c>
      <c r="BR2557" s="166">
        <v>0</v>
      </c>
      <c r="BS2557" s="166">
        <v>0</v>
      </c>
      <c r="BT2557" s="168">
        <v>1</v>
      </c>
      <c r="BU2557" s="166">
        <v>0</v>
      </c>
      <c r="BV2557" s="166">
        <v>0</v>
      </c>
      <c r="BW2557" s="166">
        <v>0</v>
      </c>
      <c r="BX2557" s="166">
        <v>0</v>
      </c>
      <c r="BY2557" s="166">
        <v>0</v>
      </c>
      <c r="BZ2557" s="166">
        <v>0</v>
      </c>
      <c r="CA2557" s="166">
        <v>0</v>
      </c>
      <c r="CB2557" s="166">
        <v>0</v>
      </c>
      <c r="CC2557" s="166">
        <v>0</v>
      </c>
      <c r="CD2557" s="166">
        <v>0</v>
      </c>
      <c r="CE2557" s="166">
        <v>0</v>
      </c>
      <c r="CF2557" s="166">
        <v>0</v>
      </c>
      <c r="CG2557" s="166">
        <v>0</v>
      </c>
      <c r="CH2557" s="166">
        <v>0</v>
      </c>
      <c r="CI2557" s="166">
        <v>0</v>
      </c>
      <c r="CJ2557" s="166">
        <v>0</v>
      </c>
      <c r="CK2557" s="166">
        <v>0</v>
      </c>
      <c r="CL2557" s="166">
        <v>0</v>
      </c>
      <c r="CM2557" s="166">
        <v>0</v>
      </c>
      <c r="CN2557" s="166">
        <v>0</v>
      </c>
      <c r="CO2557" s="166">
        <v>0</v>
      </c>
      <c r="CP2557" s="166">
        <v>0</v>
      </c>
      <c r="CQ2557" s="166">
        <v>0</v>
      </c>
      <c r="CR2557" s="166">
        <v>0</v>
      </c>
      <c r="CS2557" s="166">
        <v>0</v>
      </c>
      <c r="CT2557" s="166">
        <v>0</v>
      </c>
      <c r="CU2557" s="166">
        <v>0</v>
      </c>
      <c r="CV2557" s="166">
        <v>0</v>
      </c>
      <c r="CW2557" s="166">
        <v>0</v>
      </c>
      <c r="CX2557" s="166">
        <v>0</v>
      </c>
      <c r="CY2557" s="166">
        <v>0</v>
      </c>
      <c r="CZ2557" s="166">
        <v>0</v>
      </c>
    </row>
    <row r="2558" spans="1:104" x14ac:dyDescent="0.2">
      <c r="A2558" s="167" t="s">
        <v>1174</v>
      </c>
      <c r="B2558" s="166">
        <v>9094134.9399999995</v>
      </c>
      <c r="C2558" s="166">
        <v>9094134.9399999995</v>
      </c>
      <c r="D2558" s="166">
        <v>0</v>
      </c>
      <c r="E2558" s="166">
        <v>0</v>
      </c>
      <c r="F2558" s="166">
        <v>0</v>
      </c>
      <c r="G2558" s="166">
        <v>0</v>
      </c>
      <c r="H2558" s="166">
        <v>0</v>
      </c>
      <c r="I2558" s="166">
        <v>0</v>
      </c>
      <c r="J2558" s="166">
        <v>0</v>
      </c>
      <c r="K2558" s="166">
        <v>0</v>
      </c>
      <c r="L2558" s="166">
        <v>0</v>
      </c>
      <c r="M2558" s="166">
        <v>0</v>
      </c>
      <c r="N2558" s="166">
        <v>0</v>
      </c>
      <c r="O2558" s="166">
        <v>0</v>
      </c>
      <c r="P2558" s="166">
        <v>0</v>
      </c>
      <c r="Q2558" s="166">
        <v>0</v>
      </c>
      <c r="R2558" s="166">
        <v>0</v>
      </c>
      <c r="S2558" s="166">
        <v>0</v>
      </c>
      <c r="T2558" s="166">
        <v>0</v>
      </c>
      <c r="U2558" s="166">
        <v>0</v>
      </c>
      <c r="V2558" s="166">
        <v>0</v>
      </c>
      <c r="W2558" s="166">
        <v>0</v>
      </c>
      <c r="X2558" s="166">
        <v>0</v>
      </c>
      <c r="Y2558" s="166">
        <v>0</v>
      </c>
      <c r="Z2558" s="166">
        <v>0</v>
      </c>
      <c r="AA2558" s="166">
        <v>0</v>
      </c>
      <c r="AB2558" s="166">
        <v>0</v>
      </c>
      <c r="AC2558" s="166">
        <v>0</v>
      </c>
      <c r="AD2558" s="166">
        <v>0</v>
      </c>
      <c r="AE2558" s="166">
        <v>0</v>
      </c>
      <c r="AF2558" s="166">
        <v>0</v>
      </c>
      <c r="AG2558" s="166">
        <v>0</v>
      </c>
      <c r="AH2558" s="166">
        <v>0</v>
      </c>
      <c r="AI2558" s="166">
        <v>0</v>
      </c>
      <c r="AJ2558" s="166">
        <v>0</v>
      </c>
      <c r="AK2558" s="166">
        <v>0</v>
      </c>
      <c r="AL2558" s="166">
        <v>0</v>
      </c>
      <c r="AM2558" s="166">
        <v>0</v>
      </c>
      <c r="AN2558" s="166">
        <v>0</v>
      </c>
      <c r="AO2558" s="166">
        <v>0</v>
      </c>
      <c r="AP2558" s="166">
        <v>0</v>
      </c>
      <c r="AQ2558" s="166">
        <v>0</v>
      </c>
      <c r="AR2558" s="166">
        <v>0</v>
      </c>
      <c r="AS2558" s="166">
        <v>0</v>
      </c>
      <c r="AT2558" s="166">
        <v>0</v>
      </c>
      <c r="AU2558" s="166">
        <v>0</v>
      </c>
      <c r="AV2558" s="166">
        <v>0</v>
      </c>
      <c r="AW2558" s="166">
        <v>0</v>
      </c>
      <c r="AX2558" s="166">
        <v>0</v>
      </c>
      <c r="AY2558" s="166">
        <v>0</v>
      </c>
      <c r="AZ2558" s="166">
        <v>0</v>
      </c>
      <c r="BA2558" s="166">
        <v>0</v>
      </c>
      <c r="BB2558" s="166">
        <v>0</v>
      </c>
      <c r="BC2558" s="166">
        <v>0</v>
      </c>
      <c r="BD2558" s="166">
        <v>0</v>
      </c>
      <c r="BE2558" s="166">
        <v>0</v>
      </c>
      <c r="BF2558" s="166">
        <v>0</v>
      </c>
      <c r="BG2558" s="166">
        <v>0</v>
      </c>
      <c r="BH2558" s="166">
        <v>0</v>
      </c>
      <c r="BI2558" s="166">
        <v>0</v>
      </c>
      <c r="BJ2558" s="166">
        <v>0</v>
      </c>
      <c r="BK2558" s="166">
        <v>0</v>
      </c>
      <c r="BL2558" s="166">
        <v>0</v>
      </c>
      <c r="BM2558" s="166">
        <v>0</v>
      </c>
      <c r="BN2558" s="166">
        <v>0</v>
      </c>
      <c r="BO2558" s="166">
        <v>0</v>
      </c>
      <c r="BP2558" s="166">
        <v>0</v>
      </c>
      <c r="BQ2558" s="166">
        <v>0</v>
      </c>
      <c r="BR2558" s="166">
        <v>9094134.9399999995</v>
      </c>
      <c r="BS2558" s="166">
        <v>9094134.9399999995</v>
      </c>
      <c r="BT2558" s="168">
        <v>1</v>
      </c>
      <c r="BU2558" s="166">
        <v>710636.48999999894</v>
      </c>
      <c r="BV2558" s="166">
        <v>9094134.9399999995</v>
      </c>
      <c r="BW2558" s="166">
        <v>0</v>
      </c>
      <c r="BX2558" s="166">
        <v>0</v>
      </c>
      <c r="BY2558" s="166">
        <v>0</v>
      </c>
      <c r="BZ2558" s="166">
        <v>0</v>
      </c>
      <c r="CA2558" s="166">
        <v>0</v>
      </c>
      <c r="CB2558" s="166">
        <v>0</v>
      </c>
      <c r="CC2558" s="166">
        <v>0</v>
      </c>
      <c r="CD2558" s="166">
        <v>0</v>
      </c>
      <c r="CE2558" s="166">
        <v>0</v>
      </c>
      <c r="CF2558" s="166">
        <v>0</v>
      </c>
      <c r="CG2558" s="166">
        <v>0</v>
      </c>
      <c r="CH2558" s="166">
        <v>0</v>
      </c>
      <c r="CI2558" s="166">
        <v>0</v>
      </c>
      <c r="CJ2558" s="166">
        <v>0</v>
      </c>
      <c r="CK2558" s="166">
        <v>0</v>
      </c>
      <c r="CL2558" s="166">
        <v>0</v>
      </c>
      <c r="CM2558" s="166">
        <v>0</v>
      </c>
      <c r="CN2558" s="166">
        <v>0</v>
      </c>
      <c r="CO2558" s="166">
        <v>0</v>
      </c>
      <c r="CP2558" s="166">
        <v>0</v>
      </c>
      <c r="CQ2558" s="166">
        <v>0</v>
      </c>
      <c r="CR2558" s="166">
        <v>0</v>
      </c>
      <c r="CS2558" s="166">
        <v>0</v>
      </c>
      <c r="CT2558" s="166">
        <v>0</v>
      </c>
      <c r="CU2558" s="166">
        <v>0</v>
      </c>
      <c r="CV2558" s="166">
        <v>0</v>
      </c>
      <c r="CW2558" s="166">
        <v>0</v>
      </c>
      <c r="CX2558" s="166">
        <v>0</v>
      </c>
      <c r="CY2558" s="166">
        <v>9094134.9399999995</v>
      </c>
      <c r="CZ2558" s="166">
        <v>9094134.9399999995</v>
      </c>
    </row>
    <row r="2559" spans="1:104" x14ac:dyDescent="0.2">
      <c r="A2559" s="167" t="s">
        <v>1175</v>
      </c>
      <c r="B2559" s="166">
        <v>413385.609999999</v>
      </c>
      <c r="C2559" s="166">
        <v>413385.609999999</v>
      </c>
      <c r="D2559" s="166">
        <v>0</v>
      </c>
      <c r="E2559" s="166">
        <v>0</v>
      </c>
      <c r="F2559" s="166">
        <v>0</v>
      </c>
      <c r="G2559" s="166">
        <v>0</v>
      </c>
      <c r="H2559" s="166">
        <v>0</v>
      </c>
      <c r="I2559" s="166">
        <v>0</v>
      </c>
      <c r="J2559" s="166">
        <v>0</v>
      </c>
      <c r="K2559" s="166">
        <v>0</v>
      </c>
      <c r="L2559" s="166">
        <v>0</v>
      </c>
      <c r="M2559" s="166">
        <v>0</v>
      </c>
      <c r="N2559" s="166">
        <v>0</v>
      </c>
      <c r="O2559" s="166">
        <v>0</v>
      </c>
      <c r="P2559" s="166">
        <v>0</v>
      </c>
      <c r="Q2559" s="166">
        <v>0</v>
      </c>
      <c r="R2559" s="166">
        <v>0</v>
      </c>
      <c r="S2559" s="166">
        <v>0</v>
      </c>
      <c r="T2559" s="166">
        <v>0</v>
      </c>
      <c r="U2559" s="166">
        <v>0</v>
      </c>
      <c r="V2559" s="166">
        <v>0</v>
      </c>
      <c r="W2559" s="166">
        <v>0</v>
      </c>
      <c r="X2559" s="166">
        <v>0</v>
      </c>
      <c r="Y2559" s="166">
        <v>0</v>
      </c>
      <c r="Z2559" s="166">
        <v>0</v>
      </c>
      <c r="AA2559" s="166">
        <v>0</v>
      </c>
      <c r="AB2559" s="166">
        <v>0</v>
      </c>
      <c r="AC2559" s="166">
        <v>0</v>
      </c>
      <c r="AD2559" s="166">
        <v>0</v>
      </c>
      <c r="AE2559" s="166">
        <v>0</v>
      </c>
      <c r="AF2559" s="166">
        <v>0</v>
      </c>
      <c r="AG2559" s="166">
        <v>0</v>
      </c>
      <c r="AH2559" s="166">
        <v>0</v>
      </c>
      <c r="AI2559" s="166">
        <v>0</v>
      </c>
      <c r="AJ2559" s="166">
        <v>0</v>
      </c>
      <c r="AK2559" s="166">
        <v>0</v>
      </c>
      <c r="AL2559" s="166">
        <v>0</v>
      </c>
      <c r="AM2559" s="166">
        <v>0</v>
      </c>
      <c r="AN2559" s="166">
        <v>0</v>
      </c>
      <c r="AO2559" s="166">
        <v>0</v>
      </c>
      <c r="AP2559" s="166">
        <v>0</v>
      </c>
      <c r="AQ2559" s="166">
        <v>0</v>
      </c>
      <c r="AR2559" s="166">
        <v>0</v>
      </c>
      <c r="AS2559" s="166">
        <v>0</v>
      </c>
      <c r="AT2559" s="166">
        <v>0</v>
      </c>
      <c r="AU2559" s="166">
        <v>0</v>
      </c>
      <c r="AV2559" s="166">
        <v>0</v>
      </c>
      <c r="AW2559" s="166">
        <v>0</v>
      </c>
      <c r="AX2559" s="166">
        <v>0</v>
      </c>
      <c r="AY2559" s="166">
        <v>0</v>
      </c>
      <c r="AZ2559" s="166">
        <v>0</v>
      </c>
      <c r="BA2559" s="166">
        <v>0</v>
      </c>
      <c r="BB2559" s="166">
        <v>0</v>
      </c>
      <c r="BC2559" s="166">
        <v>0</v>
      </c>
      <c r="BD2559" s="166">
        <v>0</v>
      </c>
      <c r="BE2559" s="166">
        <v>0</v>
      </c>
      <c r="BF2559" s="166">
        <v>0</v>
      </c>
      <c r="BG2559" s="166">
        <v>0</v>
      </c>
      <c r="BH2559" s="166">
        <v>0</v>
      </c>
      <c r="BI2559" s="166">
        <v>0</v>
      </c>
      <c r="BJ2559" s="166">
        <v>0</v>
      </c>
      <c r="BK2559" s="166">
        <v>0</v>
      </c>
      <c r="BL2559" s="166">
        <v>0</v>
      </c>
      <c r="BM2559" s="166">
        <v>0</v>
      </c>
      <c r="BN2559" s="166">
        <v>0</v>
      </c>
      <c r="BO2559" s="166">
        <v>0</v>
      </c>
      <c r="BP2559" s="166">
        <v>0</v>
      </c>
      <c r="BQ2559" s="166">
        <v>0</v>
      </c>
      <c r="BR2559" s="166">
        <v>413385.609999999</v>
      </c>
      <c r="BS2559" s="166">
        <v>413385.609999999</v>
      </c>
      <c r="BT2559" s="168">
        <v>1</v>
      </c>
      <c r="BU2559" s="166">
        <v>36613.699999999997</v>
      </c>
      <c r="BV2559" s="166">
        <v>413385.609999999</v>
      </c>
      <c r="BW2559" s="166">
        <v>0</v>
      </c>
      <c r="BX2559" s="166">
        <v>0</v>
      </c>
      <c r="BY2559" s="166">
        <v>0</v>
      </c>
      <c r="BZ2559" s="166">
        <v>0</v>
      </c>
      <c r="CA2559" s="166">
        <v>0</v>
      </c>
      <c r="CB2559" s="166">
        <v>0</v>
      </c>
      <c r="CC2559" s="166">
        <v>0</v>
      </c>
      <c r="CD2559" s="166">
        <v>0</v>
      </c>
      <c r="CE2559" s="166">
        <v>0</v>
      </c>
      <c r="CF2559" s="166">
        <v>0</v>
      </c>
      <c r="CG2559" s="166">
        <v>0</v>
      </c>
      <c r="CH2559" s="166">
        <v>0</v>
      </c>
      <c r="CI2559" s="166">
        <v>0</v>
      </c>
      <c r="CJ2559" s="166">
        <v>0</v>
      </c>
      <c r="CK2559" s="166">
        <v>0</v>
      </c>
      <c r="CL2559" s="166">
        <v>0</v>
      </c>
      <c r="CM2559" s="166">
        <v>0</v>
      </c>
      <c r="CN2559" s="166">
        <v>0</v>
      </c>
      <c r="CO2559" s="166">
        <v>0</v>
      </c>
      <c r="CP2559" s="166">
        <v>0</v>
      </c>
      <c r="CQ2559" s="166">
        <v>0</v>
      </c>
      <c r="CR2559" s="166">
        <v>0</v>
      </c>
      <c r="CS2559" s="166">
        <v>0</v>
      </c>
      <c r="CT2559" s="166">
        <v>0</v>
      </c>
      <c r="CU2559" s="166">
        <v>0</v>
      </c>
      <c r="CV2559" s="166">
        <v>0</v>
      </c>
      <c r="CW2559" s="166">
        <v>0</v>
      </c>
      <c r="CX2559" s="166">
        <v>0</v>
      </c>
      <c r="CY2559" s="166">
        <v>413385.609999999</v>
      </c>
      <c r="CZ2559" s="166">
        <v>413385.609999999</v>
      </c>
    </row>
    <row r="2560" spans="1:104" x14ac:dyDescent="0.2">
      <c r="A2560" s="167" t="s">
        <v>1176</v>
      </c>
      <c r="B2560" s="166">
        <v>0</v>
      </c>
      <c r="C2560" s="166">
        <v>0</v>
      </c>
      <c r="D2560" s="166">
        <v>0</v>
      </c>
      <c r="E2560" s="166">
        <v>0</v>
      </c>
      <c r="F2560" s="166">
        <v>0</v>
      </c>
      <c r="G2560" s="166">
        <v>0</v>
      </c>
      <c r="H2560" s="166">
        <v>0</v>
      </c>
      <c r="I2560" s="166">
        <v>0</v>
      </c>
      <c r="J2560" s="166">
        <v>0</v>
      </c>
      <c r="K2560" s="166">
        <v>0</v>
      </c>
      <c r="L2560" s="166">
        <v>0</v>
      </c>
      <c r="M2560" s="166">
        <v>0</v>
      </c>
      <c r="N2560" s="166">
        <v>0</v>
      </c>
      <c r="O2560" s="166">
        <v>0</v>
      </c>
      <c r="P2560" s="166">
        <v>0</v>
      </c>
      <c r="Q2560" s="166">
        <v>0</v>
      </c>
      <c r="R2560" s="166">
        <v>0</v>
      </c>
      <c r="S2560" s="166">
        <v>0</v>
      </c>
      <c r="T2560" s="166">
        <v>0</v>
      </c>
      <c r="U2560" s="166">
        <v>0</v>
      </c>
      <c r="V2560" s="166">
        <v>0</v>
      </c>
      <c r="W2560" s="166">
        <v>0</v>
      </c>
      <c r="X2560" s="166">
        <v>0</v>
      </c>
      <c r="Y2560" s="166">
        <v>0</v>
      </c>
      <c r="Z2560" s="166">
        <v>0</v>
      </c>
      <c r="AA2560" s="166">
        <v>0</v>
      </c>
      <c r="AB2560" s="166">
        <v>0</v>
      </c>
      <c r="AC2560" s="166">
        <v>0</v>
      </c>
      <c r="AD2560" s="166">
        <v>0</v>
      </c>
      <c r="AE2560" s="166">
        <v>0</v>
      </c>
      <c r="AF2560" s="166">
        <v>0</v>
      </c>
      <c r="AG2560" s="166">
        <v>0</v>
      </c>
      <c r="AH2560" s="166">
        <v>0</v>
      </c>
      <c r="AI2560" s="166">
        <v>0</v>
      </c>
      <c r="AJ2560" s="166">
        <v>0</v>
      </c>
      <c r="AK2560" s="166">
        <v>0</v>
      </c>
      <c r="AL2560" s="166">
        <v>0</v>
      </c>
      <c r="AM2560" s="166">
        <v>0</v>
      </c>
      <c r="AN2560" s="166">
        <v>0</v>
      </c>
      <c r="AO2560" s="166">
        <v>0</v>
      </c>
      <c r="AP2560" s="166">
        <v>0</v>
      </c>
      <c r="AQ2560" s="166">
        <v>0</v>
      </c>
      <c r="AR2560" s="166">
        <v>0</v>
      </c>
      <c r="AS2560" s="166">
        <v>0</v>
      </c>
      <c r="AT2560" s="166">
        <v>0</v>
      </c>
      <c r="AU2560" s="166">
        <v>0</v>
      </c>
      <c r="AV2560" s="166">
        <v>0</v>
      </c>
      <c r="AW2560" s="166">
        <v>0</v>
      </c>
      <c r="AX2560" s="166">
        <v>0</v>
      </c>
      <c r="AY2560" s="166">
        <v>0</v>
      </c>
      <c r="AZ2560" s="166">
        <v>0</v>
      </c>
      <c r="BA2560" s="166">
        <v>0</v>
      </c>
      <c r="BB2560" s="166">
        <v>0</v>
      </c>
      <c r="BC2560" s="166">
        <v>0</v>
      </c>
      <c r="BD2560" s="166">
        <v>0</v>
      </c>
      <c r="BE2560" s="166">
        <v>0</v>
      </c>
      <c r="BF2560" s="166">
        <v>0</v>
      </c>
      <c r="BG2560" s="166">
        <v>0</v>
      </c>
      <c r="BH2560" s="166">
        <v>0</v>
      </c>
      <c r="BI2560" s="166">
        <v>0</v>
      </c>
      <c r="BJ2560" s="166">
        <v>0</v>
      </c>
      <c r="BK2560" s="166">
        <v>0</v>
      </c>
      <c r="BL2560" s="166">
        <v>0</v>
      </c>
      <c r="BM2560" s="166">
        <v>0</v>
      </c>
      <c r="BN2560" s="166">
        <v>0</v>
      </c>
      <c r="BO2560" s="166">
        <v>0</v>
      </c>
      <c r="BP2560" s="166">
        <v>0</v>
      </c>
      <c r="BQ2560" s="166">
        <v>0</v>
      </c>
      <c r="BR2560" s="166">
        <v>0</v>
      </c>
      <c r="BS2560" s="166">
        <v>0</v>
      </c>
      <c r="BT2560" s="168">
        <v>1</v>
      </c>
      <c r="BU2560" s="166">
        <v>0</v>
      </c>
      <c r="BV2560" s="166">
        <v>0</v>
      </c>
      <c r="BW2560" s="166">
        <v>0</v>
      </c>
      <c r="BX2560" s="166">
        <v>0</v>
      </c>
      <c r="BY2560" s="166">
        <v>0</v>
      </c>
      <c r="BZ2560" s="166">
        <v>0</v>
      </c>
      <c r="CA2560" s="166">
        <v>0</v>
      </c>
      <c r="CB2560" s="166">
        <v>0</v>
      </c>
      <c r="CC2560" s="166">
        <v>0</v>
      </c>
      <c r="CD2560" s="166">
        <v>0</v>
      </c>
      <c r="CE2560" s="166">
        <v>0</v>
      </c>
      <c r="CF2560" s="166">
        <v>0</v>
      </c>
      <c r="CG2560" s="166">
        <v>0</v>
      </c>
      <c r="CH2560" s="166">
        <v>0</v>
      </c>
      <c r="CI2560" s="166">
        <v>0</v>
      </c>
      <c r="CJ2560" s="166">
        <v>0</v>
      </c>
      <c r="CK2560" s="166">
        <v>0</v>
      </c>
      <c r="CL2560" s="166">
        <v>0</v>
      </c>
      <c r="CM2560" s="166">
        <v>0</v>
      </c>
      <c r="CN2560" s="166">
        <v>0</v>
      </c>
      <c r="CO2560" s="166">
        <v>0</v>
      </c>
      <c r="CP2560" s="166">
        <v>0</v>
      </c>
      <c r="CQ2560" s="166">
        <v>0</v>
      </c>
      <c r="CR2560" s="166">
        <v>0</v>
      </c>
      <c r="CS2560" s="166">
        <v>0</v>
      </c>
      <c r="CT2560" s="166">
        <v>0</v>
      </c>
      <c r="CU2560" s="166">
        <v>0</v>
      </c>
      <c r="CV2560" s="166">
        <v>0</v>
      </c>
      <c r="CW2560" s="166">
        <v>0</v>
      </c>
      <c r="CX2560" s="166">
        <v>0</v>
      </c>
      <c r="CY2560" s="166">
        <v>0</v>
      </c>
      <c r="CZ2560" s="166">
        <v>0</v>
      </c>
    </row>
    <row r="2561" spans="1:104" x14ac:dyDescent="0.2">
      <c r="A2561" s="170" t="s">
        <v>408</v>
      </c>
      <c r="B2561" s="166">
        <v>9507520.5500000007</v>
      </c>
      <c r="C2561" s="166">
        <v>9507520.5500000007</v>
      </c>
      <c r="D2561" s="166">
        <v>0</v>
      </c>
      <c r="E2561" s="166">
        <v>0</v>
      </c>
      <c r="F2561" s="166">
        <v>0</v>
      </c>
      <c r="G2561" s="166">
        <v>0</v>
      </c>
      <c r="H2561" s="166">
        <v>0</v>
      </c>
      <c r="I2561" s="166">
        <v>0</v>
      </c>
      <c r="J2561" s="166">
        <v>0</v>
      </c>
      <c r="K2561" s="166">
        <v>0</v>
      </c>
      <c r="L2561" s="166">
        <v>0</v>
      </c>
      <c r="M2561" s="166">
        <v>0</v>
      </c>
      <c r="N2561" s="166">
        <v>0</v>
      </c>
      <c r="O2561" s="166">
        <v>0</v>
      </c>
      <c r="P2561" s="166">
        <v>0</v>
      </c>
      <c r="Q2561" s="166">
        <v>0</v>
      </c>
      <c r="R2561" s="166">
        <v>0</v>
      </c>
      <c r="S2561" s="166">
        <v>0</v>
      </c>
      <c r="T2561" s="166">
        <v>0</v>
      </c>
      <c r="U2561" s="166">
        <v>0</v>
      </c>
      <c r="V2561" s="166">
        <v>0</v>
      </c>
      <c r="W2561" s="166">
        <v>0</v>
      </c>
      <c r="X2561" s="166">
        <v>0</v>
      </c>
      <c r="Y2561" s="166">
        <v>0</v>
      </c>
      <c r="Z2561" s="166">
        <v>0</v>
      </c>
      <c r="AA2561" s="166">
        <v>0</v>
      </c>
      <c r="AB2561" s="166">
        <v>0</v>
      </c>
      <c r="AC2561" s="166">
        <v>0</v>
      </c>
      <c r="AD2561" s="166">
        <v>0</v>
      </c>
      <c r="AE2561" s="166">
        <v>0</v>
      </c>
      <c r="AF2561" s="166">
        <v>0</v>
      </c>
      <c r="AG2561" s="166">
        <v>0</v>
      </c>
      <c r="AH2561" s="166">
        <v>0</v>
      </c>
      <c r="AI2561" s="166">
        <v>0</v>
      </c>
      <c r="AJ2561" s="166">
        <v>0</v>
      </c>
      <c r="AK2561" s="166">
        <v>0</v>
      </c>
      <c r="AL2561" s="166">
        <v>0</v>
      </c>
      <c r="AM2561" s="166">
        <v>0</v>
      </c>
      <c r="AN2561" s="166">
        <v>0</v>
      </c>
      <c r="AO2561" s="166">
        <v>0</v>
      </c>
      <c r="AP2561" s="166">
        <v>0</v>
      </c>
      <c r="AQ2561" s="166">
        <v>0</v>
      </c>
      <c r="AR2561" s="166">
        <v>0</v>
      </c>
      <c r="AS2561" s="166">
        <v>0</v>
      </c>
      <c r="AT2561" s="166">
        <v>0</v>
      </c>
      <c r="AU2561" s="166">
        <v>0</v>
      </c>
      <c r="AV2561" s="166">
        <v>0</v>
      </c>
      <c r="AW2561" s="166">
        <v>0</v>
      </c>
      <c r="AX2561" s="166">
        <v>0</v>
      </c>
      <c r="AY2561" s="166">
        <v>0</v>
      </c>
      <c r="AZ2561" s="166">
        <v>0</v>
      </c>
      <c r="BA2561" s="166">
        <v>0</v>
      </c>
      <c r="BB2561" s="166">
        <v>0</v>
      </c>
      <c r="BC2561" s="166">
        <v>0</v>
      </c>
      <c r="BD2561" s="166">
        <v>0</v>
      </c>
      <c r="BE2561" s="166">
        <v>0</v>
      </c>
      <c r="BF2561" s="166">
        <v>0</v>
      </c>
      <c r="BG2561" s="166">
        <v>0</v>
      </c>
      <c r="BH2561" s="166">
        <v>0</v>
      </c>
      <c r="BI2561" s="166">
        <v>0</v>
      </c>
      <c r="BJ2561" s="166">
        <v>0</v>
      </c>
      <c r="BK2561" s="166">
        <v>0</v>
      </c>
      <c r="BL2561" s="166">
        <v>0</v>
      </c>
      <c r="BM2561" s="166">
        <v>0</v>
      </c>
      <c r="BN2561" s="166">
        <v>0</v>
      </c>
      <c r="BO2561" s="166">
        <v>0</v>
      </c>
      <c r="BP2561" s="166">
        <v>0</v>
      </c>
      <c r="BQ2561" s="166">
        <v>0</v>
      </c>
      <c r="BR2561" s="166">
        <v>9507520.5500000007</v>
      </c>
      <c r="BS2561" s="166">
        <v>9507520.5499999896</v>
      </c>
      <c r="BT2561" s="168">
        <v>0</v>
      </c>
      <c r="BU2561" s="166">
        <v>747250.18999999901</v>
      </c>
      <c r="BV2561" s="166">
        <v>9507520.5499999896</v>
      </c>
      <c r="BW2561" s="166">
        <v>0</v>
      </c>
      <c r="BX2561" s="166">
        <v>0</v>
      </c>
      <c r="BY2561" s="166">
        <v>0</v>
      </c>
      <c r="BZ2561" s="166">
        <v>0</v>
      </c>
      <c r="CA2561" s="166">
        <v>0</v>
      </c>
      <c r="CB2561" s="166">
        <v>0</v>
      </c>
      <c r="CC2561" s="166">
        <v>0</v>
      </c>
      <c r="CD2561" s="166">
        <v>0</v>
      </c>
      <c r="CE2561" s="166">
        <v>0</v>
      </c>
      <c r="CF2561" s="166">
        <v>0</v>
      </c>
      <c r="CG2561" s="166">
        <v>0</v>
      </c>
      <c r="CH2561" s="166">
        <v>0</v>
      </c>
      <c r="CI2561" s="166">
        <v>0</v>
      </c>
      <c r="CJ2561" s="166">
        <v>0</v>
      </c>
      <c r="CK2561" s="166">
        <v>0</v>
      </c>
      <c r="CL2561" s="166">
        <v>0</v>
      </c>
      <c r="CM2561" s="166">
        <v>0</v>
      </c>
      <c r="CN2561" s="166">
        <v>0</v>
      </c>
      <c r="CO2561" s="166">
        <v>0</v>
      </c>
      <c r="CP2561" s="166">
        <v>0</v>
      </c>
      <c r="CQ2561" s="166">
        <v>0</v>
      </c>
      <c r="CR2561" s="166">
        <v>0</v>
      </c>
      <c r="CS2561" s="166">
        <v>0</v>
      </c>
      <c r="CT2561" s="166">
        <v>0</v>
      </c>
      <c r="CU2561" s="166">
        <v>0</v>
      </c>
      <c r="CV2561" s="166">
        <v>0</v>
      </c>
      <c r="CW2561" s="166">
        <v>0</v>
      </c>
      <c r="CX2561" s="166">
        <v>0</v>
      </c>
      <c r="CY2561" s="166">
        <v>9507520.5500000007</v>
      </c>
      <c r="CZ2561" s="166">
        <v>9507520.5499999896</v>
      </c>
    </row>
    <row r="2562" spans="1:104" x14ac:dyDescent="0.2">
      <c r="A2562" s="167" t="s">
        <v>409</v>
      </c>
    </row>
    <row r="2563" spans="1:104" x14ac:dyDescent="0.2">
      <c r="A2563" s="170" t="s">
        <v>410</v>
      </c>
    </row>
    <row r="2564" spans="1:104" x14ac:dyDescent="0.2">
      <c r="A2564" s="167" t="s">
        <v>1178</v>
      </c>
      <c r="B2564" s="166">
        <v>43636868.333999902</v>
      </c>
      <c r="C2564" s="166">
        <v>43636868.333999902</v>
      </c>
      <c r="D2564" s="166">
        <v>0</v>
      </c>
      <c r="E2564" s="166">
        <v>0</v>
      </c>
      <c r="F2564" s="166">
        <v>0</v>
      </c>
      <c r="G2564" s="166">
        <v>0</v>
      </c>
      <c r="H2564" s="166">
        <v>0</v>
      </c>
      <c r="I2564" s="166">
        <v>0</v>
      </c>
      <c r="J2564" s="166">
        <v>0</v>
      </c>
      <c r="K2564" s="166">
        <v>0</v>
      </c>
      <c r="L2564" s="166">
        <v>0</v>
      </c>
      <c r="M2564" s="166">
        <v>0</v>
      </c>
      <c r="N2564" s="166">
        <v>0</v>
      </c>
      <c r="O2564" s="166">
        <v>0</v>
      </c>
      <c r="P2564" s="166">
        <v>0</v>
      </c>
      <c r="Q2564" s="166">
        <v>0</v>
      </c>
      <c r="R2564" s="166">
        <v>0</v>
      </c>
      <c r="S2564" s="166">
        <v>0</v>
      </c>
      <c r="T2564" s="166">
        <v>0</v>
      </c>
      <c r="U2564" s="166">
        <v>0</v>
      </c>
      <c r="V2564" s="166">
        <v>0</v>
      </c>
      <c r="W2564" s="166">
        <v>0</v>
      </c>
      <c r="X2564" s="166">
        <v>0</v>
      </c>
      <c r="Y2564" s="166">
        <v>0</v>
      </c>
      <c r="Z2564" s="166">
        <v>0</v>
      </c>
      <c r="AA2564" s="166">
        <v>0</v>
      </c>
      <c r="AB2564" s="166">
        <v>0</v>
      </c>
      <c r="AC2564" s="166">
        <v>0</v>
      </c>
      <c r="AD2564" s="166">
        <v>0</v>
      </c>
      <c r="AE2564" s="166">
        <v>0</v>
      </c>
      <c r="AF2564" s="166">
        <v>0</v>
      </c>
      <c r="AG2564" s="166">
        <v>0</v>
      </c>
      <c r="AH2564" s="166">
        <v>0</v>
      </c>
      <c r="AI2564" s="166">
        <v>0</v>
      </c>
      <c r="AJ2564" s="166">
        <v>0</v>
      </c>
      <c r="AK2564" s="166">
        <v>0</v>
      </c>
      <c r="AL2564" s="166">
        <v>0</v>
      </c>
      <c r="AM2564" s="166">
        <v>0</v>
      </c>
      <c r="AN2564" s="166">
        <v>0</v>
      </c>
      <c r="AO2564" s="166">
        <v>0</v>
      </c>
      <c r="AP2564" s="166">
        <v>0</v>
      </c>
      <c r="AQ2564" s="166">
        <v>0</v>
      </c>
      <c r="AR2564" s="166">
        <v>0</v>
      </c>
      <c r="AS2564" s="166">
        <v>0</v>
      </c>
      <c r="AT2564" s="166">
        <v>0</v>
      </c>
      <c r="AU2564" s="166">
        <v>0</v>
      </c>
      <c r="AV2564" s="166">
        <v>0</v>
      </c>
      <c r="AW2564" s="166">
        <v>0</v>
      </c>
      <c r="AX2564" s="166">
        <v>0</v>
      </c>
      <c r="AY2564" s="166">
        <v>0</v>
      </c>
      <c r="AZ2564" s="166">
        <v>0</v>
      </c>
      <c r="BA2564" s="166">
        <v>0</v>
      </c>
      <c r="BB2564" s="166">
        <v>0</v>
      </c>
      <c r="BC2564" s="166">
        <v>0</v>
      </c>
      <c r="BD2564" s="166">
        <v>0</v>
      </c>
      <c r="BE2564" s="166">
        <v>0</v>
      </c>
      <c r="BF2564" s="166">
        <v>0</v>
      </c>
      <c r="BG2564" s="166">
        <v>0</v>
      </c>
      <c r="BH2564" s="166">
        <v>0</v>
      </c>
      <c r="BI2564" s="166">
        <v>0</v>
      </c>
      <c r="BJ2564" s="166">
        <v>0</v>
      </c>
      <c r="BK2564" s="166">
        <v>0</v>
      </c>
      <c r="BL2564" s="166">
        <v>0</v>
      </c>
      <c r="BM2564" s="166">
        <v>0</v>
      </c>
      <c r="BN2564" s="166">
        <v>0</v>
      </c>
      <c r="BO2564" s="166">
        <v>0</v>
      </c>
      <c r="BP2564" s="166">
        <v>0</v>
      </c>
      <c r="BQ2564" s="166">
        <v>0</v>
      </c>
      <c r="BR2564" s="166">
        <v>43636868.333999902</v>
      </c>
      <c r="BS2564" s="166">
        <v>43636868.333999902</v>
      </c>
      <c r="BT2564" s="168">
        <v>0.96779000000000004</v>
      </c>
      <c r="BU2564" s="166">
        <v>-396189.47449781798</v>
      </c>
      <c r="BV2564" s="166">
        <v>42231324.804961801</v>
      </c>
      <c r="BW2564" s="166">
        <v>0</v>
      </c>
      <c r="BX2564" s="166">
        <v>0</v>
      </c>
      <c r="BY2564" s="166">
        <v>0</v>
      </c>
      <c r="BZ2564" s="166">
        <v>0</v>
      </c>
      <c r="CA2564" s="166">
        <v>0</v>
      </c>
      <c r="CB2564" s="166">
        <v>0</v>
      </c>
      <c r="CC2564" s="166">
        <v>0</v>
      </c>
      <c r="CD2564" s="166">
        <v>0</v>
      </c>
      <c r="CE2564" s="166">
        <v>0</v>
      </c>
      <c r="CF2564" s="166">
        <v>0</v>
      </c>
      <c r="CG2564" s="166">
        <v>0</v>
      </c>
      <c r="CH2564" s="166">
        <v>0</v>
      </c>
      <c r="CI2564" s="166">
        <v>0</v>
      </c>
      <c r="CJ2564" s="166">
        <v>0</v>
      </c>
      <c r="CK2564" s="166">
        <v>0</v>
      </c>
      <c r="CL2564" s="166">
        <v>0</v>
      </c>
      <c r="CM2564" s="166">
        <v>0</v>
      </c>
      <c r="CN2564" s="166">
        <v>0</v>
      </c>
      <c r="CO2564" s="166">
        <v>0</v>
      </c>
      <c r="CP2564" s="166">
        <v>0</v>
      </c>
      <c r="CQ2564" s="166">
        <v>0</v>
      </c>
      <c r="CR2564" s="166">
        <v>0</v>
      </c>
      <c r="CS2564" s="166">
        <v>0</v>
      </c>
      <c r="CT2564" s="166">
        <v>0</v>
      </c>
      <c r="CU2564" s="166">
        <v>0</v>
      </c>
      <c r="CV2564" s="166">
        <v>0</v>
      </c>
      <c r="CW2564" s="166">
        <v>0</v>
      </c>
      <c r="CX2564" s="166">
        <v>0</v>
      </c>
      <c r="CY2564" s="166">
        <v>42231324.804961801</v>
      </c>
      <c r="CZ2564" s="166">
        <v>42231324.804961801</v>
      </c>
    </row>
    <row r="2565" spans="1:104" x14ac:dyDescent="0.2">
      <c r="A2565" s="167" t="s">
        <v>1179</v>
      </c>
      <c r="B2565" s="166">
        <v>0</v>
      </c>
      <c r="C2565" s="166">
        <v>0</v>
      </c>
      <c r="D2565" s="166">
        <v>0</v>
      </c>
      <c r="E2565" s="166">
        <v>0</v>
      </c>
      <c r="F2565" s="166">
        <v>0</v>
      </c>
      <c r="G2565" s="166">
        <v>0</v>
      </c>
      <c r="H2565" s="166">
        <v>0</v>
      </c>
      <c r="I2565" s="166">
        <v>0</v>
      </c>
      <c r="J2565" s="166">
        <v>0</v>
      </c>
      <c r="K2565" s="166">
        <v>0</v>
      </c>
      <c r="L2565" s="166">
        <v>0</v>
      </c>
      <c r="M2565" s="166">
        <v>0</v>
      </c>
      <c r="N2565" s="166">
        <v>0</v>
      </c>
      <c r="O2565" s="166">
        <v>0</v>
      </c>
      <c r="P2565" s="166">
        <v>0</v>
      </c>
      <c r="Q2565" s="166">
        <v>0</v>
      </c>
      <c r="R2565" s="166">
        <v>0</v>
      </c>
      <c r="S2565" s="166">
        <v>0</v>
      </c>
      <c r="T2565" s="166">
        <v>0</v>
      </c>
      <c r="U2565" s="166">
        <v>0</v>
      </c>
      <c r="V2565" s="166">
        <v>0</v>
      </c>
      <c r="W2565" s="166">
        <v>0</v>
      </c>
      <c r="X2565" s="166">
        <v>0</v>
      </c>
      <c r="Y2565" s="166">
        <v>0</v>
      </c>
      <c r="Z2565" s="166">
        <v>0</v>
      </c>
      <c r="AA2565" s="166">
        <v>0</v>
      </c>
      <c r="AB2565" s="166">
        <v>0</v>
      </c>
      <c r="AC2565" s="166">
        <v>0</v>
      </c>
      <c r="AD2565" s="166">
        <v>0</v>
      </c>
      <c r="AE2565" s="166">
        <v>0</v>
      </c>
      <c r="AF2565" s="166">
        <v>0</v>
      </c>
      <c r="AG2565" s="166">
        <v>0</v>
      </c>
      <c r="AH2565" s="166">
        <v>0</v>
      </c>
      <c r="AI2565" s="166">
        <v>0</v>
      </c>
      <c r="AJ2565" s="166">
        <v>0</v>
      </c>
      <c r="AK2565" s="166">
        <v>0</v>
      </c>
      <c r="AL2565" s="166">
        <v>0</v>
      </c>
      <c r="AM2565" s="166">
        <v>0</v>
      </c>
      <c r="AN2565" s="166">
        <v>0</v>
      </c>
      <c r="AO2565" s="166">
        <v>0</v>
      </c>
      <c r="AP2565" s="166">
        <v>0</v>
      </c>
      <c r="AQ2565" s="166">
        <v>0</v>
      </c>
      <c r="AR2565" s="166">
        <v>0</v>
      </c>
      <c r="AS2565" s="166">
        <v>0</v>
      </c>
      <c r="AT2565" s="166">
        <v>0</v>
      </c>
      <c r="AU2565" s="166">
        <v>0</v>
      </c>
      <c r="AV2565" s="166">
        <v>0</v>
      </c>
      <c r="AW2565" s="166">
        <v>0</v>
      </c>
      <c r="AX2565" s="166">
        <v>0</v>
      </c>
      <c r="AY2565" s="166">
        <v>0</v>
      </c>
      <c r="AZ2565" s="166">
        <v>0</v>
      </c>
      <c r="BA2565" s="166">
        <v>0</v>
      </c>
      <c r="BB2565" s="166">
        <v>0</v>
      </c>
      <c r="BC2565" s="166">
        <v>0</v>
      </c>
      <c r="BD2565" s="166">
        <v>0</v>
      </c>
      <c r="BE2565" s="166">
        <v>0</v>
      </c>
      <c r="BF2565" s="166">
        <v>0</v>
      </c>
      <c r="BG2565" s="166">
        <v>0</v>
      </c>
      <c r="BH2565" s="166">
        <v>0</v>
      </c>
      <c r="BI2565" s="166">
        <v>0</v>
      </c>
      <c r="BJ2565" s="166">
        <v>0</v>
      </c>
      <c r="BK2565" s="166">
        <v>0</v>
      </c>
      <c r="BL2565" s="166">
        <v>0</v>
      </c>
      <c r="BM2565" s="166">
        <v>0</v>
      </c>
      <c r="BN2565" s="166">
        <v>0</v>
      </c>
      <c r="BO2565" s="166">
        <v>0</v>
      </c>
      <c r="BP2565" s="166">
        <v>0</v>
      </c>
      <c r="BQ2565" s="166">
        <v>0</v>
      </c>
      <c r="BR2565" s="166">
        <v>0</v>
      </c>
      <c r="BS2565" s="166">
        <v>0</v>
      </c>
      <c r="BT2565" s="168">
        <v>0</v>
      </c>
      <c r="BU2565" s="166">
        <v>0</v>
      </c>
      <c r="BV2565" s="166">
        <v>0</v>
      </c>
      <c r="BW2565" s="166">
        <v>0</v>
      </c>
      <c r="BX2565" s="166">
        <v>0</v>
      </c>
      <c r="BY2565" s="166">
        <v>0</v>
      </c>
      <c r="BZ2565" s="166">
        <v>0</v>
      </c>
      <c r="CA2565" s="166">
        <v>0</v>
      </c>
      <c r="CB2565" s="166">
        <v>0</v>
      </c>
      <c r="CC2565" s="166">
        <v>0</v>
      </c>
      <c r="CD2565" s="166">
        <v>0</v>
      </c>
      <c r="CE2565" s="166">
        <v>0</v>
      </c>
      <c r="CF2565" s="166">
        <v>0</v>
      </c>
      <c r="CG2565" s="166">
        <v>0</v>
      </c>
      <c r="CH2565" s="166">
        <v>0</v>
      </c>
      <c r="CI2565" s="166">
        <v>0</v>
      </c>
      <c r="CJ2565" s="166">
        <v>0</v>
      </c>
      <c r="CK2565" s="166">
        <v>0</v>
      </c>
      <c r="CL2565" s="166">
        <v>0</v>
      </c>
      <c r="CM2565" s="166">
        <v>0</v>
      </c>
      <c r="CN2565" s="166">
        <v>0</v>
      </c>
      <c r="CO2565" s="166">
        <v>0</v>
      </c>
      <c r="CP2565" s="166">
        <v>0</v>
      </c>
      <c r="CQ2565" s="166">
        <v>0</v>
      </c>
      <c r="CR2565" s="166">
        <v>0</v>
      </c>
      <c r="CS2565" s="166">
        <v>0</v>
      </c>
      <c r="CT2565" s="166">
        <v>0</v>
      </c>
      <c r="CU2565" s="166">
        <v>0</v>
      </c>
      <c r="CV2565" s="166">
        <v>0</v>
      </c>
      <c r="CW2565" s="166">
        <v>0</v>
      </c>
      <c r="CX2565" s="166">
        <v>0</v>
      </c>
      <c r="CY2565" s="166">
        <v>0</v>
      </c>
      <c r="CZ2565" s="166">
        <v>0</v>
      </c>
    </row>
    <row r="2566" spans="1:104" x14ac:dyDescent="0.2">
      <c r="A2566" s="167" t="s">
        <v>413</v>
      </c>
      <c r="B2566" s="166">
        <v>43636868.333999902</v>
      </c>
      <c r="C2566" s="166">
        <v>43636868.333999902</v>
      </c>
      <c r="D2566" s="166">
        <v>0</v>
      </c>
      <c r="E2566" s="166">
        <v>0</v>
      </c>
      <c r="F2566" s="166">
        <v>0</v>
      </c>
      <c r="G2566" s="166">
        <v>0</v>
      </c>
      <c r="H2566" s="166">
        <v>0</v>
      </c>
      <c r="I2566" s="166">
        <v>0</v>
      </c>
      <c r="J2566" s="166">
        <v>0</v>
      </c>
      <c r="K2566" s="166">
        <v>0</v>
      </c>
      <c r="L2566" s="166">
        <v>0</v>
      </c>
      <c r="M2566" s="166">
        <v>0</v>
      </c>
      <c r="N2566" s="166">
        <v>0</v>
      </c>
      <c r="O2566" s="166">
        <v>0</v>
      </c>
      <c r="P2566" s="166">
        <v>0</v>
      </c>
      <c r="Q2566" s="166">
        <v>0</v>
      </c>
      <c r="R2566" s="166">
        <v>0</v>
      </c>
      <c r="S2566" s="166">
        <v>0</v>
      </c>
      <c r="T2566" s="166">
        <v>0</v>
      </c>
      <c r="U2566" s="166">
        <v>0</v>
      </c>
      <c r="V2566" s="166">
        <v>0</v>
      </c>
      <c r="W2566" s="166">
        <v>0</v>
      </c>
      <c r="X2566" s="166">
        <v>0</v>
      </c>
      <c r="Y2566" s="166">
        <v>0</v>
      </c>
      <c r="Z2566" s="166">
        <v>0</v>
      </c>
      <c r="AA2566" s="166">
        <v>0</v>
      </c>
      <c r="AB2566" s="166">
        <v>0</v>
      </c>
      <c r="AC2566" s="166">
        <v>0</v>
      </c>
      <c r="AD2566" s="166">
        <v>0</v>
      </c>
      <c r="AE2566" s="166">
        <v>0</v>
      </c>
      <c r="AF2566" s="166">
        <v>0</v>
      </c>
      <c r="AG2566" s="166">
        <v>0</v>
      </c>
      <c r="AH2566" s="166">
        <v>0</v>
      </c>
      <c r="AI2566" s="166">
        <v>0</v>
      </c>
      <c r="AJ2566" s="166">
        <v>0</v>
      </c>
      <c r="AK2566" s="166">
        <v>0</v>
      </c>
      <c r="AL2566" s="166">
        <v>0</v>
      </c>
      <c r="AM2566" s="166">
        <v>0</v>
      </c>
      <c r="AN2566" s="166">
        <v>0</v>
      </c>
      <c r="AO2566" s="166">
        <v>0</v>
      </c>
      <c r="AP2566" s="166">
        <v>0</v>
      </c>
      <c r="AQ2566" s="166">
        <v>0</v>
      </c>
      <c r="AR2566" s="166">
        <v>0</v>
      </c>
      <c r="AS2566" s="166">
        <v>0</v>
      </c>
      <c r="AT2566" s="166">
        <v>0</v>
      </c>
      <c r="AU2566" s="166">
        <v>0</v>
      </c>
      <c r="AV2566" s="166">
        <v>0</v>
      </c>
      <c r="AW2566" s="166">
        <v>0</v>
      </c>
      <c r="AX2566" s="166">
        <v>0</v>
      </c>
      <c r="AY2566" s="166">
        <v>0</v>
      </c>
      <c r="AZ2566" s="166">
        <v>0</v>
      </c>
      <c r="BA2566" s="166">
        <v>0</v>
      </c>
      <c r="BB2566" s="166">
        <v>0</v>
      </c>
      <c r="BC2566" s="166">
        <v>0</v>
      </c>
      <c r="BD2566" s="166">
        <v>0</v>
      </c>
      <c r="BE2566" s="166">
        <v>0</v>
      </c>
      <c r="BF2566" s="166">
        <v>0</v>
      </c>
      <c r="BG2566" s="166">
        <v>0</v>
      </c>
      <c r="BH2566" s="166">
        <v>0</v>
      </c>
      <c r="BI2566" s="166">
        <v>0</v>
      </c>
      <c r="BJ2566" s="166">
        <v>0</v>
      </c>
      <c r="BK2566" s="166">
        <v>0</v>
      </c>
      <c r="BL2566" s="166">
        <v>0</v>
      </c>
      <c r="BM2566" s="166">
        <v>0</v>
      </c>
      <c r="BN2566" s="166">
        <v>0</v>
      </c>
      <c r="BO2566" s="166">
        <v>0</v>
      </c>
      <c r="BP2566" s="166">
        <v>0</v>
      </c>
      <c r="BQ2566" s="166">
        <v>0</v>
      </c>
      <c r="BR2566" s="166">
        <v>43636868.333999902</v>
      </c>
      <c r="BS2566" s="166">
        <v>43636868.333999902</v>
      </c>
      <c r="BT2566" s="168">
        <v>0</v>
      </c>
      <c r="BU2566" s="166">
        <v>-396189.47449781798</v>
      </c>
      <c r="BV2566" s="166">
        <v>42231324.804961801</v>
      </c>
      <c r="BW2566" s="166">
        <v>0</v>
      </c>
      <c r="BX2566" s="166">
        <v>0</v>
      </c>
      <c r="BY2566" s="166">
        <v>0</v>
      </c>
      <c r="BZ2566" s="166">
        <v>0</v>
      </c>
      <c r="CA2566" s="166">
        <v>0</v>
      </c>
      <c r="CB2566" s="166">
        <v>0</v>
      </c>
      <c r="CC2566" s="166">
        <v>0</v>
      </c>
      <c r="CD2566" s="166">
        <v>0</v>
      </c>
      <c r="CE2566" s="166">
        <v>0</v>
      </c>
      <c r="CF2566" s="166">
        <v>0</v>
      </c>
      <c r="CG2566" s="166">
        <v>0</v>
      </c>
      <c r="CH2566" s="166">
        <v>0</v>
      </c>
      <c r="CI2566" s="166">
        <v>0</v>
      </c>
      <c r="CJ2566" s="166">
        <v>0</v>
      </c>
      <c r="CK2566" s="166">
        <v>0</v>
      </c>
      <c r="CL2566" s="166">
        <v>0</v>
      </c>
      <c r="CM2566" s="166">
        <v>0</v>
      </c>
      <c r="CN2566" s="166">
        <v>0</v>
      </c>
      <c r="CO2566" s="166">
        <v>0</v>
      </c>
      <c r="CP2566" s="166">
        <v>0</v>
      </c>
      <c r="CQ2566" s="166">
        <v>0</v>
      </c>
      <c r="CR2566" s="166">
        <v>0</v>
      </c>
      <c r="CS2566" s="166">
        <v>0</v>
      </c>
      <c r="CT2566" s="166">
        <v>0</v>
      </c>
      <c r="CU2566" s="166">
        <v>0</v>
      </c>
      <c r="CV2566" s="166">
        <v>0</v>
      </c>
      <c r="CW2566" s="166">
        <v>0</v>
      </c>
      <c r="CX2566" s="166">
        <v>0</v>
      </c>
      <c r="CY2566" s="166">
        <v>42231324.804961801</v>
      </c>
      <c r="CZ2566" s="166">
        <v>42231324.804961801</v>
      </c>
    </row>
    <row r="2567" spans="1:104" x14ac:dyDescent="0.2">
      <c r="A2567" s="167" t="s">
        <v>414</v>
      </c>
    </row>
    <row r="2568" spans="1:104" x14ac:dyDescent="0.2">
      <c r="A2568" s="167" t="s">
        <v>1180</v>
      </c>
      <c r="B2568" s="166">
        <v>50212617.789999999</v>
      </c>
      <c r="C2568" s="166">
        <v>50212617.789999999</v>
      </c>
      <c r="D2568" s="166">
        <v>0</v>
      </c>
      <c r="E2568" s="166">
        <v>0</v>
      </c>
      <c r="F2568" s="166">
        <v>0</v>
      </c>
      <c r="G2568" s="166">
        <v>0</v>
      </c>
      <c r="H2568" s="166">
        <v>0</v>
      </c>
      <c r="I2568" s="166">
        <v>0</v>
      </c>
      <c r="J2568" s="166">
        <v>0</v>
      </c>
      <c r="K2568" s="166">
        <v>0</v>
      </c>
      <c r="L2568" s="166">
        <v>0</v>
      </c>
      <c r="M2568" s="166">
        <v>0</v>
      </c>
      <c r="N2568" s="166">
        <v>0</v>
      </c>
      <c r="O2568" s="166">
        <v>0</v>
      </c>
      <c r="P2568" s="166">
        <v>0</v>
      </c>
      <c r="Q2568" s="166">
        <v>0</v>
      </c>
      <c r="R2568" s="166">
        <v>0</v>
      </c>
      <c r="S2568" s="166">
        <v>0</v>
      </c>
      <c r="T2568" s="166">
        <v>0</v>
      </c>
      <c r="U2568" s="166">
        <v>0</v>
      </c>
      <c r="V2568" s="166">
        <v>0</v>
      </c>
      <c r="W2568" s="166">
        <v>0</v>
      </c>
      <c r="X2568" s="166">
        <v>0</v>
      </c>
      <c r="Y2568" s="166">
        <v>0</v>
      </c>
      <c r="Z2568" s="166">
        <v>0</v>
      </c>
      <c r="AA2568" s="166">
        <v>0</v>
      </c>
      <c r="AB2568" s="166">
        <v>0</v>
      </c>
      <c r="AC2568" s="166">
        <v>0</v>
      </c>
      <c r="AD2568" s="166">
        <v>0</v>
      </c>
      <c r="AE2568" s="166">
        <v>0</v>
      </c>
      <c r="AF2568" s="166">
        <v>0</v>
      </c>
      <c r="AG2568" s="166">
        <v>0</v>
      </c>
      <c r="AH2568" s="166">
        <v>0</v>
      </c>
      <c r="AI2568" s="166">
        <v>0</v>
      </c>
      <c r="AJ2568" s="166">
        <v>0</v>
      </c>
      <c r="AK2568" s="166">
        <v>0</v>
      </c>
      <c r="AL2568" s="166">
        <v>0</v>
      </c>
      <c r="AM2568" s="166">
        <v>0</v>
      </c>
      <c r="AN2568" s="166">
        <v>0</v>
      </c>
      <c r="AO2568" s="166">
        <v>0</v>
      </c>
      <c r="AP2568" s="166">
        <v>0</v>
      </c>
      <c r="AQ2568" s="166">
        <v>0</v>
      </c>
      <c r="AR2568" s="166">
        <v>0</v>
      </c>
      <c r="AS2568" s="166">
        <v>0</v>
      </c>
      <c r="AT2568" s="166">
        <v>0</v>
      </c>
      <c r="AU2568" s="166">
        <v>0</v>
      </c>
      <c r="AV2568" s="166">
        <v>0</v>
      </c>
      <c r="AW2568" s="166">
        <v>0</v>
      </c>
      <c r="AX2568" s="166">
        <v>0</v>
      </c>
      <c r="AY2568" s="166">
        <v>0</v>
      </c>
      <c r="AZ2568" s="166">
        <v>0</v>
      </c>
      <c r="BA2568" s="166">
        <v>0</v>
      </c>
      <c r="BB2568" s="166">
        <v>0</v>
      </c>
      <c r="BC2568" s="166">
        <v>0</v>
      </c>
      <c r="BD2568" s="166">
        <v>0</v>
      </c>
      <c r="BE2568" s="166">
        <v>0</v>
      </c>
      <c r="BF2568" s="166">
        <v>0</v>
      </c>
      <c r="BG2568" s="166">
        <v>0</v>
      </c>
      <c r="BH2568" s="166">
        <v>0</v>
      </c>
      <c r="BI2568" s="166">
        <v>0</v>
      </c>
      <c r="BJ2568" s="166">
        <v>0</v>
      </c>
      <c r="BK2568" s="166">
        <v>0</v>
      </c>
      <c r="BL2568" s="166">
        <v>0</v>
      </c>
      <c r="BM2568" s="166">
        <v>0</v>
      </c>
      <c r="BN2568" s="166">
        <v>0</v>
      </c>
      <c r="BO2568" s="166">
        <v>0</v>
      </c>
      <c r="BP2568" s="166">
        <v>0</v>
      </c>
      <c r="BQ2568" s="166">
        <v>0</v>
      </c>
      <c r="BR2568" s="166">
        <v>50212617.789999999</v>
      </c>
      <c r="BS2568" s="166">
        <v>50212617.789999999</v>
      </c>
      <c r="BT2568" s="168">
        <v>0.96779000000000004</v>
      </c>
      <c r="BU2568" s="166">
        <v>693789.47908009996</v>
      </c>
      <c r="BV2568" s="166">
        <v>48595269.3709841</v>
      </c>
      <c r="BW2568" s="166">
        <v>0</v>
      </c>
      <c r="BX2568" s="166">
        <v>0</v>
      </c>
      <c r="BY2568" s="166">
        <v>0</v>
      </c>
      <c r="BZ2568" s="166">
        <v>0</v>
      </c>
      <c r="CA2568" s="166">
        <v>0</v>
      </c>
      <c r="CB2568" s="166">
        <v>0</v>
      </c>
      <c r="CC2568" s="166">
        <v>0</v>
      </c>
      <c r="CD2568" s="166">
        <v>0</v>
      </c>
      <c r="CE2568" s="166">
        <v>0</v>
      </c>
      <c r="CF2568" s="166">
        <v>0</v>
      </c>
      <c r="CG2568" s="166">
        <v>0</v>
      </c>
      <c r="CH2568" s="166">
        <v>0</v>
      </c>
      <c r="CI2568" s="166">
        <v>0</v>
      </c>
      <c r="CJ2568" s="166">
        <v>0</v>
      </c>
      <c r="CK2568" s="166">
        <v>0</v>
      </c>
      <c r="CL2568" s="166">
        <v>0</v>
      </c>
      <c r="CM2568" s="166">
        <v>0</v>
      </c>
      <c r="CN2568" s="166">
        <v>0</v>
      </c>
      <c r="CO2568" s="166">
        <v>0</v>
      </c>
      <c r="CP2568" s="166">
        <v>0</v>
      </c>
      <c r="CQ2568" s="166">
        <v>0</v>
      </c>
      <c r="CR2568" s="166">
        <v>0</v>
      </c>
      <c r="CS2568" s="166">
        <v>0</v>
      </c>
      <c r="CT2568" s="166">
        <v>0</v>
      </c>
      <c r="CU2568" s="166">
        <v>0</v>
      </c>
      <c r="CV2568" s="166">
        <v>0</v>
      </c>
      <c r="CW2568" s="166">
        <v>0</v>
      </c>
      <c r="CX2568" s="166">
        <v>0</v>
      </c>
      <c r="CY2568" s="166">
        <v>48595269.3709841</v>
      </c>
      <c r="CZ2568" s="166">
        <v>48595269.3709841</v>
      </c>
    </row>
    <row r="2569" spans="1:104" x14ac:dyDescent="0.2">
      <c r="A2569" s="167" t="s">
        <v>1181</v>
      </c>
      <c r="B2569" s="166">
        <v>0</v>
      </c>
      <c r="C2569" s="166">
        <v>0</v>
      </c>
      <c r="D2569" s="166">
        <v>0</v>
      </c>
      <c r="E2569" s="166">
        <v>0</v>
      </c>
      <c r="F2569" s="166">
        <v>0</v>
      </c>
      <c r="G2569" s="166">
        <v>0</v>
      </c>
      <c r="H2569" s="166">
        <v>0</v>
      </c>
      <c r="I2569" s="166">
        <v>0</v>
      </c>
      <c r="J2569" s="166">
        <v>0</v>
      </c>
      <c r="K2569" s="166">
        <v>0</v>
      </c>
      <c r="L2569" s="166">
        <v>0</v>
      </c>
      <c r="M2569" s="166">
        <v>0</v>
      </c>
      <c r="N2569" s="166">
        <v>0</v>
      </c>
      <c r="O2569" s="166">
        <v>0</v>
      </c>
      <c r="P2569" s="166">
        <v>0</v>
      </c>
      <c r="Q2569" s="166">
        <v>0</v>
      </c>
      <c r="R2569" s="166">
        <v>0</v>
      </c>
      <c r="S2569" s="166">
        <v>0</v>
      </c>
      <c r="T2569" s="166">
        <v>0</v>
      </c>
      <c r="U2569" s="166">
        <v>0</v>
      </c>
      <c r="V2569" s="166">
        <v>0</v>
      </c>
      <c r="W2569" s="166">
        <v>0</v>
      </c>
      <c r="X2569" s="166">
        <v>0</v>
      </c>
      <c r="Y2569" s="166">
        <v>0</v>
      </c>
      <c r="Z2569" s="166">
        <v>0</v>
      </c>
      <c r="AA2569" s="166">
        <v>0</v>
      </c>
      <c r="AB2569" s="166">
        <v>0</v>
      </c>
      <c r="AC2569" s="166">
        <v>0</v>
      </c>
      <c r="AD2569" s="166">
        <v>0</v>
      </c>
      <c r="AE2569" s="166">
        <v>0</v>
      </c>
      <c r="AF2569" s="166">
        <v>0</v>
      </c>
      <c r="AG2569" s="166">
        <v>0</v>
      </c>
      <c r="AH2569" s="166">
        <v>0</v>
      </c>
      <c r="AI2569" s="166">
        <v>0</v>
      </c>
      <c r="AJ2569" s="166">
        <v>0</v>
      </c>
      <c r="AK2569" s="166">
        <v>0</v>
      </c>
      <c r="AL2569" s="166">
        <v>0</v>
      </c>
      <c r="AM2569" s="166">
        <v>0</v>
      </c>
      <c r="AN2569" s="166">
        <v>0</v>
      </c>
      <c r="AO2569" s="166">
        <v>0</v>
      </c>
      <c r="AP2569" s="166">
        <v>0</v>
      </c>
      <c r="AQ2569" s="166">
        <v>0</v>
      </c>
      <c r="AR2569" s="166">
        <v>0</v>
      </c>
      <c r="AS2569" s="166">
        <v>0</v>
      </c>
      <c r="AT2569" s="166">
        <v>0</v>
      </c>
      <c r="AU2569" s="166">
        <v>0</v>
      </c>
      <c r="AV2569" s="166">
        <v>0</v>
      </c>
      <c r="AW2569" s="166">
        <v>0</v>
      </c>
      <c r="AX2569" s="166">
        <v>0</v>
      </c>
      <c r="AY2569" s="166">
        <v>0</v>
      </c>
      <c r="AZ2569" s="166">
        <v>0</v>
      </c>
      <c r="BA2569" s="166">
        <v>0</v>
      </c>
      <c r="BB2569" s="166">
        <v>0</v>
      </c>
      <c r="BC2569" s="166">
        <v>0</v>
      </c>
      <c r="BD2569" s="166">
        <v>0</v>
      </c>
      <c r="BE2569" s="166">
        <v>0</v>
      </c>
      <c r="BF2569" s="166">
        <v>0</v>
      </c>
      <c r="BG2569" s="166">
        <v>0</v>
      </c>
      <c r="BH2569" s="166">
        <v>0</v>
      </c>
      <c r="BI2569" s="166">
        <v>0</v>
      </c>
      <c r="BJ2569" s="166">
        <v>0</v>
      </c>
      <c r="BK2569" s="166">
        <v>0</v>
      </c>
      <c r="BL2569" s="166">
        <v>0</v>
      </c>
      <c r="BM2569" s="166">
        <v>0</v>
      </c>
      <c r="BN2569" s="166">
        <v>0</v>
      </c>
      <c r="BO2569" s="166">
        <v>0</v>
      </c>
      <c r="BP2569" s="166">
        <v>0</v>
      </c>
      <c r="BQ2569" s="166">
        <v>0</v>
      </c>
      <c r="BR2569" s="166">
        <v>0</v>
      </c>
      <c r="BS2569" s="166">
        <v>0</v>
      </c>
      <c r="BT2569" s="168">
        <v>0</v>
      </c>
      <c r="BU2569" s="166">
        <v>0</v>
      </c>
      <c r="BV2569" s="166">
        <v>0</v>
      </c>
      <c r="BW2569" s="166">
        <v>0</v>
      </c>
      <c r="BX2569" s="166">
        <v>0</v>
      </c>
      <c r="BY2569" s="166">
        <v>0</v>
      </c>
      <c r="BZ2569" s="166">
        <v>0</v>
      </c>
      <c r="CA2569" s="166">
        <v>0</v>
      </c>
      <c r="CB2569" s="166">
        <v>0</v>
      </c>
      <c r="CC2569" s="166">
        <v>0</v>
      </c>
      <c r="CD2569" s="166">
        <v>0</v>
      </c>
      <c r="CE2569" s="166">
        <v>0</v>
      </c>
      <c r="CF2569" s="166">
        <v>0</v>
      </c>
      <c r="CG2569" s="166">
        <v>0</v>
      </c>
      <c r="CH2569" s="166">
        <v>0</v>
      </c>
      <c r="CI2569" s="166">
        <v>0</v>
      </c>
      <c r="CJ2569" s="166">
        <v>0</v>
      </c>
      <c r="CK2569" s="166">
        <v>0</v>
      </c>
      <c r="CL2569" s="166">
        <v>0</v>
      </c>
      <c r="CM2569" s="166">
        <v>0</v>
      </c>
      <c r="CN2569" s="166">
        <v>0</v>
      </c>
      <c r="CO2569" s="166">
        <v>0</v>
      </c>
      <c r="CP2569" s="166">
        <v>0</v>
      </c>
      <c r="CQ2569" s="166">
        <v>0</v>
      </c>
      <c r="CR2569" s="166">
        <v>0</v>
      </c>
      <c r="CS2569" s="166">
        <v>0</v>
      </c>
      <c r="CT2569" s="166">
        <v>0</v>
      </c>
      <c r="CU2569" s="166">
        <v>0</v>
      </c>
      <c r="CV2569" s="166">
        <v>0</v>
      </c>
      <c r="CW2569" s="166">
        <v>0</v>
      </c>
      <c r="CX2569" s="166">
        <v>0</v>
      </c>
      <c r="CY2569" s="166">
        <v>0</v>
      </c>
      <c r="CZ2569" s="166">
        <v>0</v>
      </c>
    </row>
    <row r="2570" spans="1:104" x14ac:dyDescent="0.2">
      <c r="A2570" s="167" t="s">
        <v>1182</v>
      </c>
      <c r="B2570" s="166">
        <v>50212617.789999999</v>
      </c>
      <c r="C2570" s="166">
        <v>50212617.789999999</v>
      </c>
      <c r="D2570" s="166">
        <v>0</v>
      </c>
      <c r="E2570" s="166">
        <v>0</v>
      </c>
      <c r="F2570" s="166">
        <v>0</v>
      </c>
      <c r="G2570" s="166">
        <v>0</v>
      </c>
      <c r="H2570" s="166">
        <v>0</v>
      </c>
      <c r="I2570" s="166">
        <v>0</v>
      </c>
      <c r="J2570" s="166">
        <v>0</v>
      </c>
      <c r="K2570" s="166">
        <v>0</v>
      </c>
      <c r="L2570" s="166">
        <v>0</v>
      </c>
      <c r="M2570" s="166">
        <v>0</v>
      </c>
      <c r="N2570" s="166">
        <v>0</v>
      </c>
      <c r="O2570" s="166">
        <v>0</v>
      </c>
      <c r="P2570" s="166">
        <v>0</v>
      </c>
      <c r="Q2570" s="166">
        <v>0</v>
      </c>
      <c r="R2570" s="166">
        <v>0</v>
      </c>
      <c r="S2570" s="166">
        <v>0</v>
      </c>
      <c r="T2570" s="166">
        <v>0</v>
      </c>
      <c r="U2570" s="166">
        <v>0</v>
      </c>
      <c r="V2570" s="166">
        <v>0</v>
      </c>
      <c r="W2570" s="166">
        <v>0</v>
      </c>
      <c r="X2570" s="166">
        <v>0</v>
      </c>
      <c r="Y2570" s="166">
        <v>0</v>
      </c>
      <c r="Z2570" s="166">
        <v>0</v>
      </c>
      <c r="AA2570" s="166">
        <v>0</v>
      </c>
      <c r="AB2570" s="166">
        <v>0</v>
      </c>
      <c r="AC2570" s="166">
        <v>0</v>
      </c>
      <c r="AD2570" s="166">
        <v>0</v>
      </c>
      <c r="AE2570" s="166">
        <v>0</v>
      </c>
      <c r="AF2570" s="166">
        <v>0</v>
      </c>
      <c r="AG2570" s="166">
        <v>0</v>
      </c>
      <c r="AH2570" s="166">
        <v>0</v>
      </c>
      <c r="AI2570" s="166">
        <v>0</v>
      </c>
      <c r="AJ2570" s="166">
        <v>0</v>
      </c>
      <c r="AK2570" s="166">
        <v>0</v>
      </c>
      <c r="AL2570" s="166">
        <v>0</v>
      </c>
      <c r="AM2570" s="166">
        <v>0</v>
      </c>
      <c r="AN2570" s="166">
        <v>0</v>
      </c>
      <c r="AO2570" s="166">
        <v>0</v>
      </c>
      <c r="AP2570" s="166">
        <v>0</v>
      </c>
      <c r="AQ2570" s="166">
        <v>0</v>
      </c>
      <c r="AR2570" s="166">
        <v>0</v>
      </c>
      <c r="AS2570" s="166">
        <v>0</v>
      </c>
      <c r="AT2570" s="166">
        <v>0</v>
      </c>
      <c r="AU2570" s="166">
        <v>0</v>
      </c>
      <c r="AV2570" s="166">
        <v>0</v>
      </c>
      <c r="AW2570" s="166">
        <v>0</v>
      </c>
      <c r="AX2570" s="166">
        <v>0</v>
      </c>
      <c r="AY2570" s="166">
        <v>0</v>
      </c>
      <c r="AZ2570" s="166">
        <v>0</v>
      </c>
      <c r="BA2570" s="166">
        <v>0</v>
      </c>
      <c r="BB2570" s="166">
        <v>0</v>
      </c>
      <c r="BC2570" s="166">
        <v>0</v>
      </c>
      <c r="BD2570" s="166">
        <v>0</v>
      </c>
      <c r="BE2570" s="166">
        <v>0</v>
      </c>
      <c r="BF2570" s="166">
        <v>0</v>
      </c>
      <c r="BG2570" s="166">
        <v>0</v>
      </c>
      <c r="BH2570" s="166">
        <v>0</v>
      </c>
      <c r="BI2570" s="166">
        <v>0</v>
      </c>
      <c r="BJ2570" s="166">
        <v>0</v>
      </c>
      <c r="BK2570" s="166">
        <v>0</v>
      </c>
      <c r="BL2570" s="166">
        <v>0</v>
      </c>
      <c r="BM2570" s="166">
        <v>0</v>
      </c>
      <c r="BN2570" s="166">
        <v>0</v>
      </c>
      <c r="BO2570" s="166">
        <v>0</v>
      </c>
      <c r="BP2570" s="166">
        <v>0</v>
      </c>
      <c r="BQ2570" s="166">
        <v>0</v>
      </c>
      <c r="BR2570" s="166">
        <v>50212617.789999999</v>
      </c>
      <c r="BS2570" s="166">
        <v>50212617.789999999</v>
      </c>
      <c r="BT2570" s="168">
        <v>0</v>
      </c>
      <c r="BU2570" s="166">
        <v>693789.47908009996</v>
      </c>
      <c r="BV2570" s="166">
        <v>48595269.3709841</v>
      </c>
      <c r="BW2570" s="166">
        <v>0</v>
      </c>
      <c r="BX2570" s="166">
        <v>0</v>
      </c>
      <c r="BY2570" s="166">
        <v>0</v>
      </c>
      <c r="BZ2570" s="166">
        <v>0</v>
      </c>
      <c r="CA2570" s="166">
        <v>0</v>
      </c>
      <c r="CB2570" s="166">
        <v>0</v>
      </c>
      <c r="CC2570" s="166">
        <v>0</v>
      </c>
      <c r="CD2570" s="166">
        <v>0</v>
      </c>
      <c r="CE2570" s="166">
        <v>0</v>
      </c>
      <c r="CF2570" s="166">
        <v>0</v>
      </c>
      <c r="CG2570" s="166">
        <v>0</v>
      </c>
      <c r="CH2570" s="166">
        <v>0</v>
      </c>
      <c r="CI2570" s="166">
        <v>0</v>
      </c>
      <c r="CJ2570" s="166">
        <v>0</v>
      </c>
      <c r="CK2570" s="166">
        <v>0</v>
      </c>
      <c r="CL2570" s="166">
        <v>0</v>
      </c>
      <c r="CM2570" s="166">
        <v>0</v>
      </c>
      <c r="CN2570" s="166">
        <v>0</v>
      </c>
      <c r="CO2570" s="166">
        <v>0</v>
      </c>
      <c r="CP2570" s="166">
        <v>0</v>
      </c>
      <c r="CQ2570" s="166">
        <v>0</v>
      </c>
      <c r="CR2570" s="166">
        <v>0</v>
      </c>
      <c r="CS2570" s="166">
        <v>0</v>
      </c>
      <c r="CT2570" s="166">
        <v>0</v>
      </c>
      <c r="CU2570" s="166">
        <v>0</v>
      </c>
      <c r="CV2570" s="166">
        <v>0</v>
      </c>
      <c r="CW2570" s="166">
        <v>0</v>
      </c>
      <c r="CX2570" s="166">
        <v>0</v>
      </c>
      <c r="CY2570" s="166">
        <v>48595269.3709841</v>
      </c>
      <c r="CZ2570" s="166">
        <v>48595269.3709841</v>
      </c>
    </row>
    <row r="2571" spans="1:104" x14ac:dyDescent="0.2">
      <c r="A2571" s="167" t="s">
        <v>418</v>
      </c>
    </row>
    <row r="2572" spans="1:104" x14ac:dyDescent="0.2">
      <c r="A2572" s="167" t="s">
        <v>419</v>
      </c>
      <c r="B2572" s="166">
        <v>42936.46</v>
      </c>
      <c r="C2572" s="166">
        <v>42936.46</v>
      </c>
      <c r="D2572" s="166">
        <v>0</v>
      </c>
      <c r="E2572" s="166">
        <v>0</v>
      </c>
      <c r="F2572" s="166">
        <v>0</v>
      </c>
      <c r="G2572" s="166">
        <v>0</v>
      </c>
      <c r="H2572" s="166">
        <v>0</v>
      </c>
      <c r="I2572" s="166">
        <v>0</v>
      </c>
      <c r="J2572" s="166">
        <v>0</v>
      </c>
      <c r="K2572" s="166">
        <v>0</v>
      </c>
      <c r="L2572" s="166">
        <v>0</v>
      </c>
      <c r="M2572" s="166">
        <v>0</v>
      </c>
      <c r="N2572" s="166">
        <v>0</v>
      </c>
      <c r="O2572" s="166">
        <v>0</v>
      </c>
      <c r="P2572" s="166">
        <v>0</v>
      </c>
      <c r="Q2572" s="166">
        <v>0</v>
      </c>
      <c r="R2572" s="166">
        <v>0</v>
      </c>
      <c r="S2572" s="166">
        <v>0</v>
      </c>
      <c r="T2572" s="166">
        <v>0</v>
      </c>
      <c r="U2572" s="166">
        <v>0</v>
      </c>
      <c r="V2572" s="166">
        <v>0</v>
      </c>
      <c r="W2572" s="166">
        <v>0</v>
      </c>
      <c r="X2572" s="166">
        <v>0</v>
      </c>
      <c r="Y2572" s="166">
        <v>0</v>
      </c>
      <c r="Z2572" s="166">
        <v>0</v>
      </c>
      <c r="AA2572" s="166">
        <v>0</v>
      </c>
      <c r="AB2572" s="166">
        <v>0</v>
      </c>
      <c r="AC2572" s="166">
        <v>0</v>
      </c>
      <c r="AD2572" s="166">
        <v>0</v>
      </c>
      <c r="AE2572" s="166">
        <v>0</v>
      </c>
      <c r="AF2572" s="166">
        <v>0</v>
      </c>
      <c r="AG2572" s="166">
        <v>0</v>
      </c>
      <c r="AH2572" s="166">
        <v>0</v>
      </c>
      <c r="AI2572" s="166">
        <v>0</v>
      </c>
      <c r="AJ2572" s="166">
        <v>0</v>
      </c>
      <c r="AK2572" s="166">
        <v>0</v>
      </c>
      <c r="AL2572" s="166">
        <v>0</v>
      </c>
      <c r="AM2572" s="166">
        <v>0</v>
      </c>
      <c r="AN2572" s="166">
        <v>0</v>
      </c>
      <c r="AO2572" s="166">
        <v>0</v>
      </c>
      <c r="AP2572" s="166">
        <v>0</v>
      </c>
      <c r="AQ2572" s="166">
        <v>0</v>
      </c>
      <c r="AR2572" s="166">
        <v>0</v>
      </c>
      <c r="AS2572" s="166">
        <v>0</v>
      </c>
      <c r="AT2572" s="166">
        <v>0</v>
      </c>
      <c r="AU2572" s="166">
        <v>0</v>
      </c>
      <c r="AV2572" s="166">
        <v>0</v>
      </c>
      <c r="AW2572" s="166">
        <v>0</v>
      </c>
      <c r="AX2572" s="166">
        <v>0</v>
      </c>
      <c r="AY2572" s="166">
        <v>0</v>
      </c>
      <c r="AZ2572" s="166">
        <v>0</v>
      </c>
      <c r="BA2572" s="166">
        <v>0</v>
      </c>
      <c r="BB2572" s="166">
        <v>0</v>
      </c>
      <c r="BC2572" s="166">
        <v>0</v>
      </c>
      <c r="BD2572" s="166">
        <v>0</v>
      </c>
      <c r="BE2572" s="166">
        <v>0</v>
      </c>
      <c r="BF2572" s="166">
        <v>0</v>
      </c>
      <c r="BG2572" s="166">
        <v>0</v>
      </c>
      <c r="BH2572" s="166">
        <v>0</v>
      </c>
      <c r="BI2572" s="166">
        <v>0</v>
      </c>
      <c r="BJ2572" s="166">
        <v>0</v>
      </c>
      <c r="BK2572" s="166">
        <v>0</v>
      </c>
      <c r="BL2572" s="166">
        <v>0</v>
      </c>
      <c r="BM2572" s="166">
        <v>0</v>
      </c>
      <c r="BN2572" s="166">
        <v>0</v>
      </c>
      <c r="BO2572" s="166">
        <v>0</v>
      </c>
      <c r="BP2572" s="166">
        <v>0</v>
      </c>
      <c r="BQ2572" s="166">
        <v>0</v>
      </c>
      <c r="BR2572" s="166">
        <v>42936.46</v>
      </c>
      <c r="BS2572" s="166">
        <v>42936.46</v>
      </c>
      <c r="BT2572" s="168">
        <v>0.96779000000000004</v>
      </c>
      <c r="BU2572" s="166">
        <v>3482.4181128</v>
      </c>
      <c r="BV2572" s="166">
        <v>41553.476623399998</v>
      </c>
      <c r="BW2572" s="166">
        <v>0</v>
      </c>
      <c r="BX2572" s="166">
        <v>0</v>
      </c>
      <c r="BY2572" s="166">
        <v>0</v>
      </c>
      <c r="BZ2572" s="166">
        <v>0</v>
      </c>
      <c r="CA2572" s="166">
        <v>0</v>
      </c>
      <c r="CB2572" s="166">
        <v>0</v>
      </c>
      <c r="CC2572" s="166">
        <v>0</v>
      </c>
      <c r="CD2572" s="166">
        <v>0</v>
      </c>
      <c r="CE2572" s="166">
        <v>0</v>
      </c>
      <c r="CF2572" s="166">
        <v>0</v>
      </c>
      <c r="CG2572" s="166">
        <v>0</v>
      </c>
      <c r="CH2572" s="166">
        <v>0</v>
      </c>
      <c r="CI2572" s="166">
        <v>0</v>
      </c>
      <c r="CJ2572" s="166">
        <v>0</v>
      </c>
      <c r="CK2572" s="166">
        <v>0</v>
      </c>
      <c r="CL2572" s="166">
        <v>0</v>
      </c>
      <c r="CM2572" s="166">
        <v>0</v>
      </c>
      <c r="CN2572" s="166">
        <v>0</v>
      </c>
      <c r="CO2572" s="166">
        <v>0</v>
      </c>
      <c r="CP2572" s="166">
        <v>0</v>
      </c>
      <c r="CQ2572" s="166">
        <v>0</v>
      </c>
      <c r="CR2572" s="166">
        <v>0</v>
      </c>
      <c r="CS2572" s="166">
        <v>0</v>
      </c>
      <c r="CT2572" s="166">
        <v>0</v>
      </c>
      <c r="CU2572" s="166">
        <v>0</v>
      </c>
      <c r="CV2572" s="166">
        <v>0</v>
      </c>
      <c r="CW2572" s="166">
        <v>0</v>
      </c>
      <c r="CX2572" s="166">
        <v>0</v>
      </c>
      <c r="CY2572" s="166">
        <v>41553.476623399998</v>
      </c>
      <c r="CZ2572" s="166">
        <v>41553.476623399998</v>
      </c>
    </row>
    <row r="2573" spans="1:104" x14ac:dyDescent="0.2">
      <c r="A2573" s="167" t="s">
        <v>420</v>
      </c>
    </row>
    <row r="2574" spans="1:104" x14ac:dyDescent="0.2">
      <c r="A2574" s="167" t="s">
        <v>1183</v>
      </c>
      <c r="B2574" s="166">
        <v>25877667.489999902</v>
      </c>
      <c r="C2574" s="166">
        <v>25877667.489999902</v>
      </c>
      <c r="D2574" s="166">
        <v>0</v>
      </c>
      <c r="E2574" s="166">
        <v>0</v>
      </c>
      <c r="F2574" s="166">
        <v>0</v>
      </c>
      <c r="G2574" s="166">
        <v>0</v>
      </c>
      <c r="H2574" s="166">
        <v>0</v>
      </c>
      <c r="I2574" s="166">
        <v>0</v>
      </c>
      <c r="J2574" s="166">
        <v>0</v>
      </c>
      <c r="K2574" s="166">
        <v>0</v>
      </c>
      <c r="L2574" s="166">
        <v>0</v>
      </c>
      <c r="M2574" s="166">
        <v>0</v>
      </c>
      <c r="N2574" s="166">
        <v>0</v>
      </c>
      <c r="O2574" s="166">
        <v>0</v>
      </c>
      <c r="P2574" s="166">
        <v>0</v>
      </c>
      <c r="Q2574" s="166">
        <v>0</v>
      </c>
      <c r="R2574" s="166">
        <v>0</v>
      </c>
      <c r="S2574" s="166">
        <v>0</v>
      </c>
      <c r="T2574" s="166">
        <v>0</v>
      </c>
      <c r="U2574" s="166">
        <v>0</v>
      </c>
      <c r="V2574" s="166">
        <v>0</v>
      </c>
      <c r="W2574" s="166">
        <v>0</v>
      </c>
      <c r="X2574" s="166">
        <v>0</v>
      </c>
      <c r="Y2574" s="166">
        <v>0</v>
      </c>
      <c r="Z2574" s="166">
        <v>0</v>
      </c>
      <c r="AA2574" s="166">
        <v>0</v>
      </c>
      <c r="AB2574" s="166">
        <v>0</v>
      </c>
      <c r="AC2574" s="166">
        <v>0</v>
      </c>
      <c r="AD2574" s="166">
        <v>0</v>
      </c>
      <c r="AE2574" s="166">
        <v>0</v>
      </c>
      <c r="AF2574" s="166">
        <v>0</v>
      </c>
      <c r="AG2574" s="166">
        <v>0</v>
      </c>
      <c r="AH2574" s="166">
        <v>0</v>
      </c>
      <c r="AI2574" s="166">
        <v>0</v>
      </c>
      <c r="AJ2574" s="166">
        <v>0</v>
      </c>
      <c r="AK2574" s="166">
        <v>0</v>
      </c>
      <c r="AL2574" s="166">
        <v>0</v>
      </c>
      <c r="AM2574" s="166">
        <v>0</v>
      </c>
      <c r="AN2574" s="166">
        <v>0</v>
      </c>
      <c r="AO2574" s="166">
        <v>0</v>
      </c>
      <c r="AP2574" s="166">
        <v>0</v>
      </c>
      <c r="AQ2574" s="166">
        <v>0</v>
      </c>
      <c r="AR2574" s="166">
        <v>0</v>
      </c>
      <c r="AS2574" s="166">
        <v>0</v>
      </c>
      <c r="AT2574" s="166">
        <v>0</v>
      </c>
      <c r="AU2574" s="166">
        <v>0</v>
      </c>
      <c r="AV2574" s="166">
        <v>0</v>
      </c>
      <c r="AW2574" s="166">
        <v>0</v>
      </c>
      <c r="AX2574" s="166">
        <v>0</v>
      </c>
      <c r="AY2574" s="166">
        <v>0</v>
      </c>
      <c r="AZ2574" s="166">
        <v>0</v>
      </c>
      <c r="BA2574" s="166">
        <v>0</v>
      </c>
      <c r="BB2574" s="166">
        <v>0</v>
      </c>
      <c r="BC2574" s="166">
        <v>0</v>
      </c>
      <c r="BD2574" s="166">
        <v>0</v>
      </c>
      <c r="BE2574" s="166">
        <v>0</v>
      </c>
      <c r="BF2574" s="166">
        <v>0</v>
      </c>
      <c r="BG2574" s="166">
        <v>0</v>
      </c>
      <c r="BH2574" s="166">
        <v>0</v>
      </c>
      <c r="BI2574" s="166">
        <v>0</v>
      </c>
      <c r="BJ2574" s="166">
        <v>0</v>
      </c>
      <c r="BK2574" s="166">
        <v>0</v>
      </c>
      <c r="BL2574" s="166">
        <v>0</v>
      </c>
      <c r="BM2574" s="166">
        <v>0</v>
      </c>
      <c r="BN2574" s="166">
        <v>0</v>
      </c>
      <c r="BO2574" s="166">
        <v>0</v>
      </c>
      <c r="BP2574" s="166">
        <v>0</v>
      </c>
      <c r="BQ2574" s="166">
        <v>0</v>
      </c>
      <c r="BR2574" s="166">
        <v>25877667.489999902</v>
      </c>
      <c r="BS2574" s="166">
        <v>25877667.489999902</v>
      </c>
      <c r="BT2574" s="168">
        <v>0.96779000000000004</v>
      </c>
      <c r="BU2574" s="166">
        <v>2045778.20193779</v>
      </c>
      <c r="BV2574" s="166">
        <v>25044147.820147</v>
      </c>
      <c r="BW2574" s="166">
        <v>0</v>
      </c>
      <c r="BX2574" s="166">
        <v>0</v>
      </c>
      <c r="BY2574" s="166">
        <v>0</v>
      </c>
      <c r="BZ2574" s="166">
        <v>0</v>
      </c>
      <c r="CA2574" s="166">
        <v>0</v>
      </c>
      <c r="CB2574" s="166">
        <v>0</v>
      </c>
      <c r="CC2574" s="166">
        <v>0</v>
      </c>
      <c r="CD2574" s="166">
        <v>0</v>
      </c>
      <c r="CE2574" s="166">
        <v>0</v>
      </c>
      <c r="CF2574" s="166">
        <v>0</v>
      </c>
      <c r="CG2574" s="166">
        <v>0</v>
      </c>
      <c r="CH2574" s="166">
        <v>0</v>
      </c>
      <c r="CI2574" s="166">
        <v>0</v>
      </c>
      <c r="CJ2574" s="166">
        <v>0</v>
      </c>
      <c r="CK2574" s="166">
        <v>0</v>
      </c>
      <c r="CL2574" s="166">
        <v>0</v>
      </c>
      <c r="CM2574" s="166">
        <v>0</v>
      </c>
      <c r="CN2574" s="166">
        <v>0</v>
      </c>
      <c r="CO2574" s="166">
        <v>0</v>
      </c>
      <c r="CP2574" s="166">
        <v>0</v>
      </c>
      <c r="CQ2574" s="166">
        <v>0</v>
      </c>
      <c r="CR2574" s="166">
        <v>0</v>
      </c>
      <c r="CS2574" s="166">
        <v>0</v>
      </c>
      <c r="CT2574" s="166">
        <v>0</v>
      </c>
      <c r="CU2574" s="166">
        <v>0</v>
      </c>
      <c r="CV2574" s="166">
        <v>0</v>
      </c>
      <c r="CW2574" s="166">
        <v>0</v>
      </c>
      <c r="CX2574" s="166">
        <v>0</v>
      </c>
      <c r="CY2574" s="166">
        <v>25044147.820147</v>
      </c>
      <c r="CZ2574" s="166">
        <v>25044147.820147</v>
      </c>
    </row>
    <row r="2575" spans="1:104" x14ac:dyDescent="0.2">
      <c r="A2575" s="167" t="s">
        <v>422</v>
      </c>
      <c r="B2575" s="166">
        <v>0</v>
      </c>
      <c r="C2575" s="166">
        <v>0</v>
      </c>
      <c r="D2575" s="166">
        <v>0</v>
      </c>
      <c r="E2575" s="166">
        <v>0</v>
      </c>
      <c r="F2575" s="166">
        <v>0</v>
      </c>
      <c r="G2575" s="166">
        <v>0</v>
      </c>
      <c r="H2575" s="166">
        <v>0</v>
      </c>
      <c r="I2575" s="166">
        <v>0</v>
      </c>
      <c r="J2575" s="166">
        <v>0</v>
      </c>
      <c r="K2575" s="166">
        <v>0</v>
      </c>
      <c r="L2575" s="166">
        <v>0</v>
      </c>
      <c r="M2575" s="166">
        <v>0</v>
      </c>
      <c r="N2575" s="166">
        <v>0</v>
      </c>
      <c r="O2575" s="166">
        <v>0</v>
      </c>
      <c r="P2575" s="166">
        <v>0</v>
      </c>
      <c r="Q2575" s="166">
        <v>0</v>
      </c>
      <c r="R2575" s="166">
        <v>0</v>
      </c>
      <c r="S2575" s="166">
        <v>0</v>
      </c>
      <c r="T2575" s="166">
        <v>0</v>
      </c>
      <c r="U2575" s="166">
        <v>0</v>
      </c>
      <c r="V2575" s="166">
        <v>0</v>
      </c>
      <c r="W2575" s="166">
        <v>0</v>
      </c>
      <c r="X2575" s="166">
        <v>0</v>
      </c>
      <c r="Y2575" s="166">
        <v>0</v>
      </c>
      <c r="Z2575" s="166">
        <v>0</v>
      </c>
      <c r="AA2575" s="166">
        <v>0</v>
      </c>
      <c r="AB2575" s="166">
        <v>0</v>
      </c>
      <c r="AC2575" s="166">
        <v>0</v>
      </c>
      <c r="AD2575" s="166">
        <v>0</v>
      </c>
      <c r="AE2575" s="166">
        <v>0</v>
      </c>
      <c r="AF2575" s="166">
        <v>0</v>
      </c>
      <c r="AG2575" s="166">
        <v>0</v>
      </c>
      <c r="AH2575" s="166">
        <v>0</v>
      </c>
      <c r="AI2575" s="166">
        <v>0</v>
      </c>
      <c r="AJ2575" s="166">
        <v>0</v>
      </c>
      <c r="AK2575" s="166">
        <v>0</v>
      </c>
      <c r="AL2575" s="166">
        <v>0</v>
      </c>
      <c r="AM2575" s="166">
        <v>0</v>
      </c>
      <c r="AN2575" s="166">
        <v>0</v>
      </c>
      <c r="AO2575" s="166">
        <v>0</v>
      </c>
      <c r="AP2575" s="166">
        <v>0</v>
      </c>
      <c r="AQ2575" s="166">
        <v>0</v>
      </c>
      <c r="AR2575" s="166">
        <v>0</v>
      </c>
      <c r="AS2575" s="166">
        <v>0</v>
      </c>
      <c r="AT2575" s="166">
        <v>0</v>
      </c>
      <c r="AU2575" s="166">
        <v>0</v>
      </c>
      <c r="AV2575" s="166">
        <v>0</v>
      </c>
      <c r="AW2575" s="166">
        <v>0</v>
      </c>
      <c r="AX2575" s="166">
        <v>0</v>
      </c>
      <c r="AY2575" s="166">
        <v>0</v>
      </c>
      <c r="AZ2575" s="166">
        <v>0</v>
      </c>
      <c r="BA2575" s="166">
        <v>0</v>
      </c>
      <c r="BB2575" s="166">
        <v>0</v>
      </c>
      <c r="BC2575" s="166">
        <v>0</v>
      </c>
      <c r="BD2575" s="166">
        <v>0</v>
      </c>
      <c r="BE2575" s="166">
        <v>0</v>
      </c>
      <c r="BF2575" s="166">
        <v>0</v>
      </c>
      <c r="BG2575" s="166">
        <v>0</v>
      </c>
      <c r="BH2575" s="166">
        <v>0</v>
      </c>
      <c r="BI2575" s="166">
        <v>0</v>
      </c>
      <c r="BJ2575" s="166">
        <v>0</v>
      </c>
      <c r="BK2575" s="166">
        <v>0</v>
      </c>
      <c r="BL2575" s="166">
        <v>0</v>
      </c>
      <c r="BM2575" s="166">
        <v>0</v>
      </c>
      <c r="BN2575" s="166">
        <v>0</v>
      </c>
      <c r="BO2575" s="166">
        <v>0</v>
      </c>
      <c r="BP2575" s="166">
        <v>0</v>
      </c>
      <c r="BQ2575" s="166">
        <v>0</v>
      </c>
      <c r="BR2575" s="166">
        <v>0</v>
      </c>
      <c r="BS2575" s="166">
        <v>0</v>
      </c>
      <c r="BT2575" s="168">
        <v>0</v>
      </c>
      <c r="BU2575" s="166">
        <v>0</v>
      </c>
      <c r="BV2575" s="166">
        <v>0</v>
      </c>
      <c r="BW2575" s="166">
        <v>0</v>
      </c>
      <c r="BX2575" s="166">
        <v>0</v>
      </c>
      <c r="BY2575" s="166">
        <v>0</v>
      </c>
      <c r="BZ2575" s="166">
        <v>0</v>
      </c>
      <c r="CA2575" s="166">
        <v>0</v>
      </c>
      <c r="CB2575" s="166">
        <v>0</v>
      </c>
      <c r="CC2575" s="166">
        <v>0</v>
      </c>
      <c r="CD2575" s="166">
        <v>0</v>
      </c>
      <c r="CE2575" s="166">
        <v>0</v>
      </c>
      <c r="CF2575" s="166">
        <v>0</v>
      </c>
      <c r="CG2575" s="166">
        <v>0</v>
      </c>
      <c r="CH2575" s="166">
        <v>0</v>
      </c>
      <c r="CI2575" s="166">
        <v>0</v>
      </c>
      <c r="CJ2575" s="166">
        <v>0</v>
      </c>
      <c r="CK2575" s="166">
        <v>0</v>
      </c>
      <c r="CL2575" s="166">
        <v>0</v>
      </c>
      <c r="CM2575" s="166">
        <v>0</v>
      </c>
      <c r="CN2575" s="166">
        <v>0</v>
      </c>
      <c r="CO2575" s="166">
        <v>0</v>
      </c>
      <c r="CP2575" s="166">
        <v>0</v>
      </c>
      <c r="CQ2575" s="166">
        <v>0</v>
      </c>
      <c r="CR2575" s="166">
        <v>0</v>
      </c>
      <c r="CS2575" s="166">
        <v>0</v>
      </c>
      <c r="CT2575" s="166">
        <v>0</v>
      </c>
      <c r="CU2575" s="166">
        <v>0</v>
      </c>
      <c r="CV2575" s="166">
        <v>0</v>
      </c>
      <c r="CW2575" s="166">
        <v>0</v>
      </c>
      <c r="CX2575" s="166">
        <v>0</v>
      </c>
      <c r="CY2575" s="166">
        <v>0</v>
      </c>
      <c r="CZ2575" s="166">
        <v>0</v>
      </c>
    </row>
    <row r="2576" spans="1:104" x14ac:dyDescent="0.2">
      <c r="A2576" s="167" t="s">
        <v>705</v>
      </c>
      <c r="B2576" s="166">
        <v>0</v>
      </c>
      <c r="C2576" s="166">
        <v>0</v>
      </c>
      <c r="D2576" s="166">
        <v>0</v>
      </c>
      <c r="E2576" s="166">
        <v>0</v>
      </c>
      <c r="F2576" s="166">
        <v>0</v>
      </c>
      <c r="G2576" s="166">
        <v>0</v>
      </c>
      <c r="H2576" s="166">
        <v>0</v>
      </c>
      <c r="I2576" s="166">
        <v>0</v>
      </c>
      <c r="J2576" s="166">
        <v>0</v>
      </c>
      <c r="K2576" s="166">
        <v>0</v>
      </c>
      <c r="L2576" s="166">
        <v>0</v>
      </c>
      <c r="M2576" s="166">
        <v>0</v>
      </c>
      <c r="N2576" s="166">
        <v>0</v>
      </c>
      <c r="O2576" s="166">
        <v>0</v>
      </c>
      <c r="P2576" s="166">
        <v>0</v>
      </c>
      <c r="Q2576" s="166">
        <v>0</v>
      </c>
      <c r="R2576" s="166">
        <v>0</v>
      </c>
      <c r="S2576" s="166">
        <v>0</v>
      </c>
      <c r="T2576" s="166">
        <v>0</v>
      </c>
      <c r="U2576" s="166">
        <v>0</v>
      </c>
      <c r="V2576" s="166">
        <v>0</v>
      </c>
      <c r="W2576" s="166">
        <v>0</v>
      </c>
      <c r="X2576" s="166">
        <v>0</v>
      </c>
      <c r="Y2576" s="166">
        <v>0</v>
      </c>
      <c r="Z2576" s="166">
        <v>0</v>
      </c>
      <c r="AA2576" s="166">
        <v>0</v>
      </c>
      <c r="AB2576" s="166">
        <v>0</v>
      </c>
      <c r="AC2576" s="166">
        <v>0</v>
      </c>
      <c r="AD2576" s="166">
        <v>0</v>
      </c>
      <c r="AE2576" s="166">
        <v>0</v>
      </c>
      <c r="AF2576" s="166">
        <v>0</v>
      </c>
      <c r="AG2576" s="166">
        <v>0</v>
      </c>
      <c r="AH2576" s="166">
        <v>0</v>
      </c>
      <c r="AI2576" s="166">
        <v>0</v>
      </c>
      <c r="AJ2576" s="166">
        <v>0</v>
      </c>
      <c r="AK2576" s="166">
        <v>0</v>
      </c>
      <c r="AL2576" s="166">
        <v>0</v>
      </c>
      <c r="AM2576" s="166">
        <v>0</v>
      </c>
      <c r="AN2576" s="166">
        <v>0</v>
      </c>
      <c r="AO2576" s="166">
        <v>0</v>
      </c>
      <c r="AP2576" s="166">
        <v>0</v>
      </c>
      <c r="AQ2576" s="166">
        <v>0</v>
      </c>
      <c r="AR2576" s="166">
        <v>0</v>
      </c>
      <c r="AS2576" s="166">
        <v>0</v>
      </c>
      <c r="AT2576" s="166">
        <v>0</v>
      </c>
      <c r="AU2576" s="166">
        <v>0</v>
      </c>
      <c r="AV2576" s="166">
        <v>0</v>
      </c>
      <c r="AW2576" s="166">
        <v>0</v>
      </c>
      <c r="AX2576" s="166">
        <v>0</v>
      </c>
      <c r="AY2576" s="166">
        <v>0</v>
      </c>
      <c r="AZ2576" s="166">
        <v>0</v>
      </c>
      <c r="BA2576" s="166">
        <v>0</v>
      </c>
      <c r="BB2576" s="166">
        <v>0</v>
      </c>
      <c r="BC2576" s="166">
        <v>0</v>
      </c>
      <c r="BD2576" s="166">
        <v>0</v>
      </c>
      <c r="BE2576" s="166">
        <v>0</v>
      </c>
      <c r="BF2576" s="166">
        <v>0</v>
      </c>
      <c r="BG2576" s="166">
        <v>0</v>
      </c>
      <c r="BH2576" s="166">
        <v>0</v>
      </c>
      <c r="BI2576" s="166">
        <v>0</v>
      </c>
      <c r="BJ2576" s="166">
        <v>0</v>
      </c>
      <c r="BK2576" s="166">
        <v>0</v>
      </c>
      <c r="BL2576" s="166">
        <v>0</v>
      </c>
      <c r="BM2576" s="166">
        <v>0</v>
      </c>
      <c r="BN2576" s="166">
        <v>0</v>
      </c>
      <c r="BO2576" s="166">
        <v>0</v>
      </c>
      <c r="BP2576" s="166">
        <v>0</v>
      </c>
      <c r="BQ2576" s="166">
        <v>0</v>
      </c>
      <c r="BR2576" s="166">
        <v>0</v>
      </c>
      <c r="BS2576" s="166">
        <v>0</v>
      </c>
      <c r="BT2576" s="166">
        <v>1000</v>
      </c>
      <c r="BU2576" s="166">
        <v>0</v>
      </c>
      <c r="BV2576" s="166">
        <v>0</v>
      </c>
      <c r="BW2576" s="166">
        <v>0</v>
      </c>
      <c r="BX2576" s="166">
        <v>0</v>
      </c>
      <c r="BY2576" s="166">
        <v>0</v>
      </c>
      <c r="BZ2576" s="166">
        <v>0</v>
      </c>
      <c r="CA2576" s="166">
        <v>0</v>
      </c>
      <c r="CB2576" s="166">
        <v>0</v>
      </c>
      <c r="CC2576" s="166">
        <v>0</v>
      </c>
      <c r="CD2576" s="166">
        <v>0</v>
      </c>
      <c r="CE2576" s="166">
        <v>0</v>
      </c>
      <c r="CF2576" s="166">
        <v>0</v>
      </c>
      <c r="CG2576" s="166">
        <v>0</v>
      </c>
      <c r="CH2576" s="166">
        <v>0</v>
      </c>
      <c r="CI2576" s="166">
        <v>0</v>
      </c>
      <c r="CJ2576" s="166">
        <v>0</v>
      </c>
      <c r="CK2576" s="166">
        <v>0</v>
      </c>
      <c r="CL2576" s="166">
        <v>0</v>
      </c>
      <c r="CM2576" s="166">
        <v>0</v>
      </c>
      <c r="CN2576" s="166">
        <v>0</v>
      </c>
      <c r="CO2576" s="166">
        <v>0</v>
      </c>
      <c r="CP2576" s="166">
        <v>0</v>
      </c>
      <c r="CQ2576" s="166">
        <v>0</v>
      </c>
      <c r="CR2576" s="166">
        <v>0</v>
      </c>
      <c r="CS2576" s="166">
        <v>0</v>
      </c>
      <c r="CT2576" s="166">
        <v>0</v>
      </c>
      <c r="CU2576" s="166">
        <v>0</v>
      </c>
      <c r="CV2576" s="166">
        <v>0</v>
      </c>
      <c r="CW2576" s="166">
        <v>0</v>
      </c>
      <c r="CX2576" s="166">
        <v>0</v>
      </c>
      <c r="CY2576" s="166">
        <v>0</v>
      </c>
      <c r="CZ2576" s="166">
        <v>0</v>
      </c>
    </row>
    <row r="2577" spans="1:104" x14ac:dyDescent="0.2">
      <c r="A2577" s="167" t="s">
        <v>423</v>
      </c>
      <c r="B2577" s="166">
        <v>25877667.489999902</v>
      </c>
      <c r="C2577" s="166">
        <v>25877667.489999902</v>
      </c>
      <c r="D2577" s="166">
        <v>0</v>
      </c>
      <c r="E2577" s="166">
        <v>0</v>
      </c>
      <c r="F2577" s="166">
        <v>0</v>
      </c>
      <c r="G2577" s="166">
        <v>0</v>
      </c>
      <c r="H2577" s="166">
        <v>0</v>
      </c>
      <c r="I2577" s="166">
        <v>0</v>
      </c>
      <c r="J2577" s="166">
        <v>0</v>
      </c>
      <c r="K2577" s="166">
        <v>0</v>
      </c>
      <c r="L2577" s="166">
        <v>0</v>
      </c>
      <c r="M2577" s="166">
        <v>0</v>
      </c>
      <c r="N2577" s="166">
        <v>0</v>
      </c>
      <c r="O2577" s="166">
        <v>0</v>
      </c>
      <c r="P2577" s="166">
        <v>0</v>
      </c>
      <c r="Q2577" s="166">
        <v>0</v>
      </c>
      <c r="R2577" s="166">
        <v>0</v>
      </c>
      <c r="S2577" s="166">
        <v>0</v>
      </c>
      <c r="T2577" s="166">
        <v>0</v>
      </c>
      <c r="U2577" s="166">
        <v>0</v>
      </c>
      <c r="V2577" s="166">
        <v>0</v>
      </c>
      <c r="W2577" s="166">
        <v>0</v>
      </c>
      <c r="X2577" s="166">
        <v>0</v>
      </c>
      <c r="Y2577" s="166">
        <v>0</v>
      </c>
      <c r="Z2577" s="166">
        <v>0</v>
      </c>
      <c r="AA2577" s="166">
        <v>0</v>
      </c>
      <c r="AB2577" s="166">
        <v>0</v>
      </c>
      <c r="AC2577" s="166">
        <v>0</v>
      </c>
      <c r="AD2577" s="166">
        <v>0</v>
      </c>
      <c r="AE2577" s="166">
        <v>0</v>
      </c>
      <c r="AF2577" s="166">
        <v>0</v>
      </c>
      <c r="AG2577" s="166">
        <v>0</v>
      </c>
      <c r="AH2577" s="166">
        <v>0</v>
      </c>
      <c r="AI2577" s="166">
        <v>0</v>
      </c>
      <c r="AJ2577" s="166">
        <v>0</v>
      </c>
      <c r="AK2577" s="166">
        <v>0</v>
      </c>
      <c r="AL2577" s="166">
        <v>0</v>
      </c>
      <c r="AM2577" s="166">
        <v>0</v>
      </c>
      <c r="AN2577" s="166">
        <v>0</v>
      </c>
      <c r="AO2577" s="166">
        <v>0</v>
      </c>
      <c r="AP2577" s="166">
        <v>0</v>
      </c>
      <c r="AQ2577" s="166">
        <v>0</v>
      </c>
      <c r="AR2577" s="166">
        <v>0</v>
      </c>
      <c r="AS2577" s="166">
        <v>0</v>
      </c>
      <c r="AT2577" s="166">
        <v>0</v>
      </c>
      <c r="AU2577" s="166">
        <v>0</v>
      </c>
      <c r="AV2577" s="166">
        <v>0</v>
      </c>
      <c r="AW2577" s="166">
        <v>0</v>
      </c>
      <c r="AX2577" s="166">
        <v>0</v>
      </c>
      <c r="AY2577" s="166">
        <v>0</v>
      </c>
      <c r="AZ2577" s="166">
        <v>0</v>
      </c>
      <c r="BA2577" s="166">
        <v>0</v>
      </c>
      <c r="BB2577" s="166">
        <v>0</v>
      </c>
      <c r="BC2577" s="166">
        <v>0</v>
      </c>
      <c r="BD2577" s="166">
        <v>0</v>
      </c>
      <c r="BE2577" s="166">
        <v>0</v>
      </c>
      <c r="BF2577" s="166">
        <v>0</v>
      </c>
      <c r="BG2577" s="166">
        <v>0</v>
      </c>
      <c r="BH2577" s="166">
        <v>0</v>
      </c>
      <c r="BI2577" s="166">
        <v>0</v>
      </c>
      <c r="BJ2577" s="166">
        <v>0</v>
      </c>
      <c r="BK2577" s="166">
        <v>0</v>
      </c>
      <c r="BL2577" s="166">
        <v>0</v>
      </c>
      <c r="BM2577" s="166">
        <v>0</v>
      </c>
      <c r="BN2577" s="166">
        <v>0</v>
      </c>
      <c r="BO2577" s="166">
        <v>0</v>
      </c>
      <c r="BP2577" s="166">
        <v>0</v>
      </c>
      <c r="BQ2577" s="166">
        <v>0</v>
      </c>
      <c r="BR2577" s="166">
        <v>25877667.489999902</v>
      </c>
      <c r="BS2577" s="166">
        <v>25877667.489999902</v>
      </c>
      <c r="BT2577" s="168">
        <v>0</v>
      </c>
      <c r="BU2577" s="166">
        <v>2045778.20193779</v>
      </c>
      <c r="BV2577" s="166">
        <v>25044147.820147</v>
      </c>
      <c r="BW2577" s="166">
        <v>0</v>
      </c>
      <c r="BX2577" s="166">
        <v>0</v>
      </c>
      <c r="BY2577" s="166">
        <v>0</v>
      </c>
      <c r="BZ2577" s="166">
        <v>0</v>
      </c>
      <c r="CA2577" s="166">
        <v>0</v>
      </c>
      <c r="CB2577" s="166">
        <v>0</v>
      </c>
      <c r="CC2577" s="166">
        <v>0</v>
      </c>
      <c r="CD2577" s="166">
        <v>0</v>
      </c>
      <c r="CE2577" s="166">
        <v>0</v>
      </c>
      <c r="CF2577" s="166">
        <v>0</v>
      </c>
      <c r="CG2577" s="166">
        <v>0</v>
      </c>
      <c r="CH2577" s="166">
        <v>0</v>
      </c>
      <c r="CI2577" s="166">
        <v>0</v>
      </c>
      <c r="CJ2577" s="166">
        <v>0</v>
      </c>
      <c r="CK2577" s="166">
        <v>0</v>
      </c>
      <c r="CL2577" s="166">
        <v>0</v>
      </c>
      <c r="CM2577" s="166">
        <v>0</v>
      </c>
      <c r="CN2577" s="166">
        <v>0</v>
      </c>
      <c r="CO2577" s="166">
        <v>0</v>
      </c>
      <c r="CP2577" s="166">
        <v>0</v>
      </c>
      <c r="CQ2577" s="166">
        <v>0</v>
      </c>
      <c r="CR2577" s="166">
        <v>0</v>
      </c>
      <c r="CS2577" s="166">
        <v>0</v>
      </c>
      <c r="CT2577" s="166">
        <v>0</v>
      </c>
      <c r="CU2577" s="166">
        <v>0</v>
      </c>
      <c r="CV2577" s="166">
        <v>0</v>
      </c>
      <c r="CW2577" s="166">
        <v>0</v>
      </c>
      <c r="CX2577" s="166">
        <v>0</v>
      </c>
      <c r="CY2577" s="166">
        <v>25044147.820147</v>
      </c>
      <c r="CZ2577" s="166">
        <v>25044147.820147</v>
      </c>
    </row>
    <row r="2578" spans="1:104" x14ac:dyDescent="0.2">
      <c r="A2578" s="167" t="s">
        <v>1184</v>
      </c>
    </row>
    <row r="2579" spans="1:104" x14ac:dyDescent="0.2">
      <c r="A2579" s="167" t="s">
        <v>1185</v>
      </c>
      <c r="B2579" s="166">
        <v>32078749.009999901</v>
      </c>
      <c r="C2579" s="166">
        <v>32078749.009999901</v>
      </c>
      <c r="D2579" s="166">
        <v>0</v>
      </c>
      <c r="E2579" s="166">
        <v>0</v>
      </c>
      <c r="F2579" s="166">
        <v>0</v>
      </c>
      <c r="G2579" s="166">
        <v>0</v>
      </c>
      <c r="H2579" s="166">
        <v>0</v>
      </c>
      <c r="I2579" s="166">
        <v>0</v>
      </c>
      <c r="J2579" s="166">
        <v>0</v>
      </c>
      <c r="K2579" s="166">
        <v>0</v>
      </c>
      <c r="L2579" s="166">
        <v>0</v>
      </c>
      <c r="M2579" s="166">
        <v>0</v>
      </c>
      <c r="N2579" s="166">
        <v>0</v>
      </c>
      <c r="O2579" s="166">
        <v>0</v>
      </c>
      <c r="P2579" s="166">
        <v>0</v>
      </c>
      <c r="Q2579" s="166">
        <v>0</v>
      </c>
      <c r="R2579" s="166">
        <v>0</v>
      </c>
      <c r="S2579" s="166">
        <v>0</v>
      </c>
      <c r="T2579" s="166">
        <v>0</v>
      </c>
      <c r="U2579" s="166">
        <v>0</v>
      </c>
      <c r="V2579" s="166">
        <v>0</v>
      </c>
      <c r="W2579" s="166">
        <v>0</v>
      </c>
      <c r="X2579" s="166">
        <v>0</v>
      </c>
      <c r="Y2579" s="166">
        <v>0</v>
      </c>
      <c r="Z2579" s="166">
        <v>0</v>
      </c>
      <c r="AA2579" s="166">
        <v>0</v>
      </c>
      <c r="AB2579" s="166">
        <v>0</v>
      </c>
      <c r="AC2579" s="166">
        <v>0</v>
      </c>
      <c r="AD2579" s="166">
        <v>0</v>
      </c>
      <c r="AE2579" s="166">
        <v>0</v>
      </c>
      <c r="AF2579" s="166">
        <v>0</v>
      </c>
      <c r="AG2579" s="166">
        <v>0</v>
      </c>
      <c r="AH2579" s="166">
        <v>0</v>
      </c>
      <c r="AI2579" s="166">
        <v>0</v>
      </c>
      <c r="AJ2579" s="166">
        <v>0</v>
      </c>
      <c r="AK2579" s="166">
        <v>0</v>
      </c>
      <c r="AL2579" s="166">
        <v>0</v>
      </c>
      <c r="AM2579" s="166">
        <v>0</v>
      </c>
      <c r="AN2579" s="166">
        <v>0</v>
      </c>
      <c r="AO2579" s="166">
        <v>0</v>
      </c>
      <c r="AP2579" s="166">
        <v>0</v>
      </c>
      <c r="AQ2579" s="166">
        <v>0</v>
      </c>
      <c r="AR2579" s="166">
        <v>0</v>
      </c>
      <c r="AS2579" s="166">
        <v>0</v>
      </c>
      <c r="AT2579" s="166">
        <v>0</v>
      </c>
      <c r="AU2579" s="166">
        <v>0</v>
      </c>
      <c r="AV2579" s="166">
        <v>0</v>
      </c>
      <c r="AW2579" s="166">
        <v>0</v>
      </c>
      <c r="AX2579" s="166">
        <v>0</v>
      </c>
      <c r="AY2579" s="166">
        <v>0</v>
      </c>
      <c r="AZ2579" s="166">
        <v>0</v>
      </c>
      <c r="BA2579" s="166">
        <v>0</v>
      </c>
      <c r="BB2579" s="166">
        <v>0</v>
      </c>
      <c r="BC2579" s="166">
        <v>0</v>
      </c>
      <c r="BD2579" s="166">
        <v>0</v>
      </c>
      <c r="BE2579" s="166">
        <v>0</v>
      </c>
      <c r="BF2579" s="166">
        <v>0</v>
      </c>
      <c r="BG2579" s="166">
        <v>0</v>
      </c>
      <c r="BH2579" s="166">
        <v>0</v>
      </c>
      <c r="BI2579" s="166">
        <v>0</v>
      </c>
      <c r="BJ2579" s="166">
        <v>0</v>
      </c>
      <c r="BK2579" s="166">
        <v>0</v>
      </c>
      <c r="BL2579" s="166">
        <v>0</v>
      </c>
      <c r="BM2579" s="166">
        <v>0</v>
      </c>
      <c r="BN2579" s="166">
        <v>0</v>
      </c>
      <c r="BO2579" s="166">
        <v>0</v>
      </c>
      <c r="BP2579" s="166">
        <v>0</v>
      </c>
      <c r="BQ2579" s="166">
        <v>0</v>
      </c>
      <c r="BR2579" s="166">
        <v>32078749.009999901</v>
      </c>
      <c r="BS2579" s="166">
        <v>32078749.009999901</v>
      </c>
      <c r="BT2579" s="168">
        <v>0.93358373183780097</v>
      </c>
      <c r="BU2579" s="166">
        <v>2489902.84087303</v>
      </c>
      <c r="BV2579" s="166">
        <v>29948198.213443901</v>
      </c>
      <c r="BW2579" s="166">
        <v>0</v>
      </c>
      <c r="BX2579" s="166">
        <v>0</v>
      </c>
      <c r="BY2579" s="166">
        <v>0</v>
      </c>
      <c r="BZ2579" s="166">
        <v>0</v>
      </c>
      <c r="CA2579" s="166">
        <v>0</v>
      </c>
      <c r="CB2579" s="166">
        <v>0</v>
      </c>
      <c r="CC2579" s="166">
        <v>0</v>
      </c>
      <c r="CD2579" s="166">
        <v>0</v>
      </c>
      <c r="CE2579" s="166">
        <v>0</v>
      </c>
      <c r="CF2579" s="166">
        <v>0</v>
      </c>
      <c r="CG2579" s="166">
        <v>0</v>
      </c>
      <c r="CH2579" s="166">
        <v>0</v>
      </c>
      <c r="CI2579" s="166">
        <v>0</v>
      </c>
      <c r="CJ2579" s="166">
        <v>0</v>
      </c>
      <c r="CK2579" s="166">
        <v>0</v>
      </c>
      <c r="CL2579" s="166">
        <v>0</v>
      </c>
      <c r="CM2579" s="166">
        <v>0</v>
      </c>
      <c r="CN2579" s="166">
        <v>0</v>
      </c>
      <c r="CO2579" s="166">
        <v>0</v>
      </c>
      <c r="CP2579" s="166">
        <v>0</v>
      </c>
      <c r="CQ2579" s="166">
        <v>0</v>
      </c>
      <c r="CR2579" s="166">
        <v>0</v>
      </c>
      <c r="CS2579" s="166">
        <v>0</v>
      </c>
      <c r="CT2579" s="166">
        <v>0</v>
      </c>
      <c r="CU2579" s="166">
        <v>0</v>
      </c>
      <c r="CV2579" s="166">
        <v>0</v>
      </c>
      <c r="CW2579" s="166">
        <v>0</v>
      </c>
      <c r="CX2579" s="166">
        <v>0</v>
      </c>
      <c r="CY2579" s="166">
        <v>29948198.213443901</v>
      </c>
      <c r="CZ2579" s="166">
        <v>29948198.213443901</v>
      </c>
    </row>
    <row r="2580" spans="1:104" x14ac:dyDescent="0.2">
      <c r="A2580" s="167" t="s">
        <v>426</v>
      </c>
      <c r="B2580" s="166">
        <v>0</v>
      </c>
      <c r="C2580" s="166">
        <v>0</v>
      </c>
      <c r="D2580" s="166">
        <v>0</v>
      </c>
      <c r="E2580" s="166">
        <v>0</v>
      </c>
      <c r="F2580" s="166">
        <v>0</v>
      </c>
      <c r="G2580" s="166">
        <v>0</v>
      </c>
      <c r="H2580" s="166">
        <v>0</v>
      </c>
      <c r="I2580" s="166">
        <v>0</v>
      </c>
      <c r="J2580" s="166">
        <v>0</v>
      </c>
      <c r="K2580" s="166">
        <v>0</v>
      </c>
      <c r="L2580" s="166">
        <v>0</v>
      </c>
      <c r="M2580" s="166">
        <v>0</v>
      </c>
      <c r="N2580" s="166">
        <v>0</v>
      </c>
      <c r="O2580" s="166">
        <v>0</v>
      </c>
      <c r="P2580" s="166">
        <v>0</v>
      </c>
      <c r="Q2580" s="166">
        <v>0</v>
      </c>
      <c r="R2580" s="166">
        <v>0</v>
      </c>
      <c r="S2580" s="166">
        <v>0</v>
      </c>
      <c r="T2580" s="166">
        <v>0</v>
      </c>
      <c r="U2580" s="166">
        <v>0</v>
      </c>
      <c r="V2580" s="166">
        <v>0</v>
      </c>
      <c r="W2580" s="166">
        <v>0</v>
      </c>
      <c r="X2580" s="166">
        <v>0</v>
      </c>
      <c r="Y2580" s="166">
        <v>0</v>
      </c>
      <c r="Z2580" s="166">
        <v>0</v>
      </c>
      <c r="AA2580" s="166">
        <v>0</v>
      </c>
      <c r="AB2580" s="166">
        <v>0</v>
      </c>
      <c r="AC2580" s="166">
        <v>0</v>
      </c>
      <c r="AD2580" s="166">
        <v>0</v>
      </c>
      <c r="AE2580" s="166">
        <v>0</v>
      </c>
      <c r="AF2580" s="166">
        <v>0</v>
      </c>
      <c r="AG2580" s="166">
        <v>0</v>
      </c>
      <c r="AH2580" s="166">
        <v>0</v>
      </c>
      <c r="AI2580" s="166">
        <v>0</v>
      </c>
      <c r="AJ2580" s="166">
        <v>0</v>
      </c>
      <c r="AK2580" s="166">
        <v>0</v>
      </c>
      <c r="AL2580" s="166">
        <v>0</v>
      </c>
      <c r="AM2580" s="166">
        <v>0</v>
      </c>
      <c r="AN2580" s="166">
        <v>0</v>
      </c>
      <c r="AO2580" s="166">
        <v>0</v>
      </c>
      <c r="AP2580" s="166">
        <v>0</v>
      </c>
      <c r="AQ2580" s="166">
        <v>0</v>
      </c>
      <c r="AR2580" s="166">
        <v>0</v>
      </c>
      <c r="AS2580" s="166">
        <v>0</v>
      </c>
      <c r="AT2580" s="166">
        <v>0</v>
      </c>
      <c r="AU2580" s="166">
        <v>0</v>
      </c>
      <c r="AV2580" s="166">
        <v>0</v>
      </c>
      <c r="AW2580" s="166">
        <v>0</v>
      </c>
      <c r="AX2580" s="166">
        <v>0</v>
      </c>
      <c r="AY2580" s="166">
        <v>0</v>
      </c>
      <c r="AZ2580" s="166">
        <v>0</v>
      </c>
      <c r="BA2580" s="166">
        <v>0</v>
      </c>
      <c r="BB2580" s="166">
        <v>0</v>
      </c>
      <c r="BC2580" s="166">
        <v>0</v>
      </c>
      <c r="BD2580" s="166">
        <v>0</v>
      </c>
      <c r="BE2580" s="166">
        <v>0</v>
      </c>
      <c r="BF2580" s="166">
        <v>0</v>
      </c>
      <c r="BG2580" s="166">
        <v>0</v>
      </c>
      <c r="BH2580" s="166">
        <v>0</v>
      </c>
      <c r="BI2580" s="166">
        <v>0</v>
      </c>
      <c r="BJ2580" s="166">
        <v>0</v>
      </c>
      <c r="BK2580" s="166">
        <v>0</v>
      </c>
      <c r="BL2580" s="166">
        <v>0</v>
      </c>
      <c r="BM2580" s="166">
        <v>0</v>
      </c>
      <c r="BN2580" s="166">
        <v>0</v>
      </c>
      <c r="BO2580" s="166">
        <v>0</v>
      </c>
      <c r="BP2580" s="166">
        <v>0</v>
      </c>
      <c r="BQ2580" s="166">
        <v>0</v>
      </c>
      <c r="BR2580" s="166">
        <v>0</v>
      </c>
      <c r="BS2580" s="166">
        <v>0</v>
      </c>
      <c r="BT2580" s="168">
        <v>1</v>
      </c>
      <c r="BU2580" s="166">
        <v>0</v>
      </c>
      <c r="BV2580" s="166">
        <v>0</v>
      </c>
      <c r="BW2580" s="166">
        <v>0</v>
      </c>
      <c r="BX2580" s="166">
        <v>0</v>
      </c>
      <c r="BY2580" s="166">
        <v>0</v>
      </c>
      <c r="BZ2580" s="166">
        <v>0</v>
      </c>
      <c r="CA2580" s="166">
        <v>0</v>
      </c>
      <c r="CB2580" s="166">
        <v>0</v>
      </c>
      <c r="CC2580" s="166">
        <v>0</v>
      </c>
      <c r="CD2580" s="166">
        <v>0</v>
      </c>
      <c r="CE2580" s="166">
        <v>0</v>
      </c>
      <c r="CF2580" s="166">
        <v>0</v>
      </c>
      <c r="CG2580" s="166">
        <v>0</v>
      </c>
      <c r="CH2580" s="166">
        <v>0</v>
      </c>
      <c r="CI2580" s="166">
        <v>0</v>
      </c>
      <c r="CJ2580" s="166">
        <v>0</v>
      </c>
      <c r="CK2580" s="166">
        <v>0</v>
      </c>
      <c r="CL2580" s="166">
        <v>0</v>
      </c>
      <c r="CM2580" s="166">
        <v>0</v>
      </c>
      <c r="CN2580" s="166">
        <v>0</v>
      </c>
      <c r="CO2580" s="166">
        <v>0</v>
      </c>
      <c r="CP2580" s="166">
        <v>0</v>
      </c>
      <c r="CQ2580" s="166">
        <v>0</v>
      </c>
      <c r="CR2580" s="166">
        <v>0</v>
      </c>
      <c r="CS2580" s="166">
        <v>0</v>
      </c>
      <c r="CT2580" s="166">
        <v>0</v>
      </c>
      <c r="CU2580" s="166">
        <v>0</v>
      </c>
      <c r="CV2580" s="166">
        <v>0</v>
      </c>
      <c r="CW2580" s="166">
        <v>0</v>
      </c>
      <c r="CX2580" s="166">
        <v>0</v>
      </c>
      <c r="CY2580" s="166">
        <v>0</v>
      </c>
      <c r="CZ2580" s="166">
        <v>0</v>
      </c>
    </row>
    <row r="2581" spans="1:104" x14ac:dyDescent="0.2">
      <c r="A2581" s="167" t="s">
        <v>427</v>
      </c>
      <c r="B2581" s="166">
        <v>0</v>
      </c>
      <c r="C2581" s="166">
        <v>0</v>
      </c>
      <c r="D2581" s="166">
        <v>0</v>
      </c>
      <c r="E2581" s="166">
        <v>0</v>
      </c>
      <c r="F2581" s="166">
        <v>0</v>
      </c>
      <c r="G2581" s="166">
        <v>0</v>
      </c>
      <c r="H2581" s="166">
        <v>0</v>
      </c>
      <c r="I2581" s="166">
        <v>0</v>
      </c>
      <c r="J2581" s="166">
        <v>0</v>
      </c>
      <c r="K2581" s="166">
        <v>0</v>
      </c>
      <c r="L2581" s="166">
        <v>0</v>
      </c>
      <c r="M2581" s="166">
        <v>0</v>
      </c>
      <c r="N2581" s="166">
        <v>0</v>
      </c>
      <c r="O2581" s="166">
        <v>0</v>
      </c>
      <c r="P2581" s="166">
        <v>0</v>
      </c>
      <c r="Q2581" s="166">
        <v>0</v>
      </c>
      <c r="R2581" s="166">
        <v>0</v>
      </c>
      <c r="S2581" s="166">
        <v>0</v>
      </c>
      <c r="T2581" s="166">
        <v>0</v>
      </c>
      <c r="U2581" s="166">
        <v>0</v>
      </c>
      <c r="V2581" s="166">
        <v>0</v>
      </c>
      <c r="W2581" s="166">
        <v>0</v>
      </c>
      <c r="X2581" s="166">
        <v>0</v>
      </c>
      <c r="Y2581" s="166">
        <v>0</v>
      </c>
      <c r="Z2581" s="166">
        <v>0</v>
      </c>
      <c r="AA2581" s="166">
        <v>0</v>
      </c>
      <c r="AB2581" s="166">
        <v>0</v>
      </c>
      <c r="AC2581" s="166">
        <v>0</v>
      </c>
      <c r="AD2581" s="166">
        <v>0</v>
      </c>
      <c r="AE2581" s="166">
        <v>0</v>
      </c>
      <c r="AF2581" s="166">
        <v>0</v>
      </c>
      <c r="AG2581" s="166">
        <v>0</v>
      </c>
      <c r="AH2581" s="166">
        <v>0</v>
      </c>
      <c r="AI2581" s="166">
        <v>0</v>
      </c>
      <c r="AJ2581" s="166">
        <v>0</v>
      </c>
      <c r="AK2581" s="166">
        <v>0</v>
      </c>
      <c r="AL2581" s="166">
        <v>0</v>
      </c>
      <c r="AM2581" s="166">
        <v>0</v>
      </c>
      <c r="AN2581" s="166">
        <v>0</v>
      </c>
      <c r="AO2581" s="166">
        <v>0</v>
      </c>
      <c r="AP2581" s="166">
        <v>0</v>
      </c>
      <c r="AQ2581" s="166">
        <v>0</v>
      </c>
      <c r="AR2581" s="166">
        <v>0</v>
      </c>
      <c r="AS2581" s="166">
        <v>0</v>
      </c>
      <c r="AT2581" s="166">
        <v>0</v>
      </c>
      <c r="AU2581" s="166">
        <v>0</v>
      </c>
      <c r="AV2581" s="166">
        <v>0</v>
      </c>
      <c r="AW2581" s="166">
        <v>0</v>
      </c>
      <c r="AX2581" s="166">
        <v>0</v>
      </c>
      <c r="AY2581" s="166">
        <v>0</v>
      </c>
      <c r="AZ2581" s="166">
        <v>0</v>
      </c>
      <c r="BA2581" s="166">
        <v>0</v>
      </c>
      <c r="BB2581" s="166">
        <v>0</v>
      </c>
      <c r="BC2581" s="166">
        <v>0</v>
      </c>
      <c r="BD2581" s="166">
        <v>0</v>
      </c>
      <c r="BE2581" s="166">
        <v>0</v>
      </c>
      <c r="BF2581" s="166">
        <v>0</v>
      </c>
      <c r="BG2581" s="166">
        <v>0</v>
      </c>
      <c r="BH2581" s="166">
        <v>0</v>
      </c>
      <c r="BI2581" s="166">
        <v>0</v>
      </c>
      <c r="BJ2581" s="166">
        <v>0</v>
      </c>
      <c r="BK2581" s="166">
        <v>0</v>
      </c>
      <c r="BL2581" s="166">
        <v>0</v>
      </c>
      <c r="BM2581" s="166">
        <v>0</v>
      </c>
      <c r="BN2581" s="166">
        <v>0</v>
      </c>
      <c r="BO2581" s="166">
        <v>0</v>
      </c>
      <c r="BP2581" s="166">
        <v>0</v>
      </c>
      <c r="BQ2581" s="166">
        <v>0</v>
      </c>
      <c r="BR2581" s="166">
        <v>0</v>
      </c>
      <c r="BS2581" s="166">
        <v>0</v>
      </c>
      <c r="BT2581" s="168">
        <v>0</v>
      </c>
      <c r="BU2581" s="166">
        <v>0</v>
      </c>
      <c r="BV2581" s="166">
        <v>0</v>
      </c>
      <c r="BW2581" s="166">
        <v>0</v>
      </c>
      <c r="BX2581" s="166">
        <v>0</v>
      </c>
      <c r="BY2581" s="166">
        <v>0</v>
      </c>
      <c r="BZ2581" s="166">
        <v>0</v>
      </c>
      <c r="CA2581" s="166">
        <v>0</v>
      </c>
      <c r="CB2581" s="166">
        <v>0</v>
      </c>
      <c r="CC2581" s="166">
        <v>0</v>
      </c>
      <c r="CD2581" s="166">
        <v>0</v>
      </c>
      <c r="CE2581" s="166">
        <v>0</v>
      </c>
      <c r="CF2581" s="166">
        <v>0</v>
      </c>
      <c r="CG2581" s="166">
        <v>0</v>
      </c>
      <c r="CH2581" s="166">
        <v>0</v>
      </c>
      <c r="CI2581" s="166">
        <v>0</v>
      </c>
      <c r="CJ2581" s="166">
        <v>0</v>
      </c>
      <c r="CK2581" s="166">
        <v>0</v>
      </c>
      <c r="CL2581" s="166">
        <v>0</v>
      </c>
      <c r="CM2581" s="166">
        <v>0</v>
      </c>
      <c r="CN2581" s="166">
        <v>0</v>
      </c>
      <c r="CO2581" s="166">
        <v>0</v>
      </c>
      <c r="CP2581" s="166">
        <v>0</v>
      </c>
      <c r="CQ2581" s="166">
        <v>0</v>
      </c>
      <c r="CR2581" s="166">
        <v>0</v>
      </c>
      <c r="CS2581" s="166">
        <v>0</v>
      </c>
      <c r="CT2581" s="166">
        <v>0</v>
      </c>
      <c r="CU2581" s="166">
        <v>0</v>
      </c>
      <c r="CV2581" s="166">
        <v>0</v>
      </c>
      <c r="CW2581" s="166">
        <v>0</v>
      </c>
      <c r="CX2581" s="166">
        <v>0</v>
      </c>
      <c r="CY2581" s="166">
        <v>0</v>
      </c>
      <c r="CZ2581" s="166">
        <v>0</v>
      </c>
    </row>
    <row r="2582" spans="1:104" x14ac:dyDescent="0.2">
      <c r="A2582" s="167" t="s">
        <v>1186</v>
      </c>
      <c r="B2582" s="166">
        <v>32078749.009999901</v>
      </c>
      <c r="C2582" s="166">
        <v>32078749.009999901</v>
      </c>
      <c r="D2582" s="166">
        <v>0</v>
      </c>
      <c r="E2582" s="166">
        <v>0</v>
      </c>
      <c r="F2582" s="166">
        <v>0</v>
      </c>
      <c r="G2582" s="166">
        <v>0</v>
      </c>
      <c r="H2582" s="166">
        <v>0</v>
      </c>
      <c r="I2582" s="166">
        <v>0</v>
      </c>
      <c r="J2582" s="166">
        <v>0</v>
      </c>
      <c r="K2582" s="166">
        <v>0</v>
      </c>
      <c r="L2582" s="166">
        <v>0</v>
      </c>
      <c r="M2582" s="166">
        <v>0</v>
      </c>
      <c r="N2582" s="166">
        <v>0</v>
      </c>
      <c r="O2582" s="166">
        <v>0</v>
      </c>
      <c r="P2582" s="166">
        <v>0</v>
      </c>
      <c r="Q2582" s="166">
        <v>0</v>
      </c>
      <c r="R2582" s="166">
        <v>0</v>
      </c>
      <c r="S2582" s="166">
        <v>0</v>
      </c>
      <c r="T2582" s="166">
        <v>0</v>
      </c>
      <c r="U2582" s="166">
        <v>0</v>
      </c>
      <c r="V2582" s="166">
        <v>0</v>
      </c>
      <c r="W2582" s="166">
        <v>0</v>
      </c>
      <c r="X2582" s="166">
        <v>0</v>
      </c>
      <c r="Y2582" s="166">
        <v>0</v>
      </c>
      <c r="Z2582" s="166">
        <v>0</v>
      </c>
      <c r="AA2582" s="166">
        <v>0</v>
      </c>
      <c r="AB2582" s="166">
        <v>0</v>
      </c>
      <c r="AC2582" s="166">
        <v>0</v>
      </c>
      <c r="AD2582" s="166">
        <v>0</v>
      </c>
      <c r="AE2582" s="166">
        <v>0</v>
      </c>
      <c r="AF2582" s="166">
        <v>0</v>
      </c>
      <c r="AG2582" s="166">
        <v>0</v>
      </c>
      <c r="AH2582" s="166">
        <v>0</v>
      </c>
      <c r="AI2582" s="166">
        <v>0</v>
      </c>
      <c r="AJ2582" s="166">
        <v>0</v>
      </c>
      <c r="AK2582" s="166">
        <v>0</v>
      </c>
      <c r="AL2582" s="166">
        <v>0</v>
      </c>
      <c r="AM2582" s="166">
        <v>0</v>
      </c>
      <c r="AN2582" s="166">
        <v>0</v>
      </c>
      <c r="AO2582" s="166">
        <v>0</v>
      </c>
      <c r="AP2582" s="166">
        <v>0</v>
      </c>
      <c r="AQ2582" s="166">
        <v>0</v>
      </c>
      <c r="AR2582" s="166">
        <v>0</v>
      </c>
      <c r="AS2582" s="166">
        <v>0</v>
      </c>
      <c r="AT2582" s="166">
        <v>0</v>
      </c>
      <c r="AU2582" s="166">
        <v>0</v>
      </c>
      <c r="AV2582" s="166">
        <v>0</v>
      </c>
      <c r="AW2582" s="166">
        <v>0</v>
      </c>
      <c r="AX2582" s="166">
        <v>0</v>
      </c>
      <c r="AY2582" s="166">
        <v>0</v>
      </c>
      <c r="AZ2582" s="166">
        <v>0</v>
      </c>
      <c r="BA2582" s="166">
        <v>0</v>
      </c>
      <c r="BB2582" s="166">
        <v>0</v>
      </c>
      <c r="BC2582" s="166">
        <v>0</v>
      </c>
      <c r="BD2582" s="166">
        <v>0</v>
      </c>
      <c r="BE2582" s="166">
        <v>0</v>
      </c>
      <c r="BF2582" s="166">
        <v>0</v>
      </c>
      <c r="BG2582" s="166">
        <v>0</v>
      </c>
      <c r="BH2582" s="166">
        <v>0</v>
      </c>
      <c r="BI2582" s="166">
        <v>0</v>
      </c>
      <c r="BJ2582" s="166">
        <v>0</v>
      </c>
      <c r="BK2582" s="166">
        <v>0</v>
      </c>
      <c r="BL2582" s="166">
        <v>0</v>
      </c>
      <c r="BM2582" s="166">
        <v>0</v>
      </c>
      <c r="BN2582" s="166">
        <v>0</v>
      </c>
      <c r="BO2582" s="166">
        <v>0</v>
      </c>
      <c r="BP2582" s="166">
        <v>0</v>
      </c>
      <c r="BQ2582" s="166">
        <v>0</v>
      </c>
      <c r="BR2582" s="166">
        <v>32078749.009999901</v>
      </c>
      <c r="BS2582" s="166">
        <v>32078749.009999901</v>
      </c>
      <c r="BT2582" s="168">
        <v>0</v>
      </c>
      <c r="BU2582" s="166">
        <v>2489902.84087303</v>
      </c>
      <c r="BV2582" s="166">
        <v>29948198.213443901</v>
      </c>
      <c r="BW2582" s="166">
        <v>0</v>
      </c>
      <c r="BX2582" s="166">
        <v>0</v>
      </c>
      <c r="BY2582" s="166">
        <v>0</v>
      </c>
      <c r="BZ2582" s="166">
        <v>0</v>
      </c>
      <c r="CA2582" s="166">
        <v>0</v>
      </c>
      <c r="CB2582" s="166">
        <v>0</v>
      </c>
      <c r="CC2582" s="166">
        <v>0</v>
      </c>
      <c r="CD2582" s="166">
        <v>0</v>
      </c>
      <c r="CE2582" s="166">
        <v>0</v>
      </c>
      <c r="CF2582" s="166">
        <v>0</v>
      </c>
      <c r="CG2582" s="166">
        <v>0</v>
      </c>
      <c r="CH2582" s="166">
        <v>0</v>
      </c>
      <c r="CI2582" s="166">
        <v>0</v>
      </c>
      <c r="CJ2582" s="166">
        <v>0</v>
      </c>
      <c r="CK2582" s="166">
        <v>0</v>
      </c>
      <c r="CL2582" s="166">
        <v>0</v>
      </c>
      <c r="CM2582" s="166">
        <v>0</v>
      </c>
      <c r="CN2582" s="166">
        <v>0</v>
      </c>
      <c r="CO2582" s="166">
        <v>0</v>
      </c>
      <c r="CP2582" s="166">
        <v>0</v>
      </c>
      <c r="CQ2582" s="166">
        <v>0</v>
      </c>
      <c r="CR2582" s="166">
        <v>0</v>
      </c>
      <c r="CS2582" s="166">
        <v>0</v>
      </c>
      <c r="CT2582" s="166">
        <v>0</v>
      </c>
      <c r="CU2582" s="166">
        <v>0</v>
      </c>
      <c r="CV2582" s="166">
        <v>0</v>
      </c>
      <c r="CW2582" s="166">
        <v>0</v>
      </c>
      <c r="CX2582" s="166">
        <v>0</v>
      </c>
      <c r="CY2582" s="166">
        <v>29948198.213443901</v>
      </c>
      <c r="CZ2582" s="166">
        <v>29948198.213443901</v>
      </c>
    </row>
    <row r="2583" spans="1:104" x14ac:dyDescent="0.2">
      <c r="A2583" s="167" t="s">
        <v>1187</v>
      </c>
    </row>
    <row r="2584" spans="1:104" x14ac:dyDescent="0.2">
      <c r="A2584" s="167" t="s">
        <v>1188</v>
      </c>
      <c r="B2584" s="166">
        <v>0</v>
      </c>
      <c r="C2584" s="166">
        <v>0</v>
      </c>
      <c r="D2584" s="166">
        <v>0</v>
      </c>
      <c r="E2584" s="166">
        <v>0</v>
      </c>
      <c r="F2584" s="166">
        <v>0</v>
      </c>
      <c r="G2584" s="166">
        <v>0</v>
      </c>
      <c r="H2584" s="166">
        <v>0</v>
      </c>
      <c r="I2584" s="166">
        <v>0</v>
      </c>
      <c r="J2584" s="166">
        <v>0</v>
      </c>
      <c r="K2584" s="166">
        <v>0</v>
      </c>
      <c r="L2584" s="166">
        <v>0</v>
      </c>
      <c r="M2584" s="166">
        <v>0</v>
      </c>
      <c r="N2584" s="166">
        <v>0</v>
      </c>
      <c r="O2584" s="166">
        <v>0</v>
      </c>
      <c r="P2584" s="166">
        <v>0</v>
      </c>
      <c r="Q2584" s="166">
        <v>0</v>
      </c>
      <c r="R2584" s="166">
        <v>0</v>
      </c>
      <c r="S2584" s="166">
        <v>0</v>
      </c>
      <c r="T2584" s="166">
        <v>0</v>
      </c>
      <c r="U2584" s="166">
        <v>0</v>
      </c>
      <c r="V2584" s="166">
        <v>0</v>
      </c>
      <c r="W2584" s="166">
        <v>0</v>
      </c>
      <c r="X2584" s="166">
        <v>0</v>
      </c>
      <c r="Y2584" s="166">
        <v>0</v>
      </c>
      <c r="Z2584" s="166">
        <v>0</v>
      </c>
      <c r="AA2584" s="166">
        <v>0</v>
      </c>
      <c r="AB2584" s="166">
        <v>0</v>
      </c>
      <c r="AC2584" s="166">
        <v>0</v>
      </c>
      <c r="AD2584" s="166">
        <v>0</v>
      </c>
      <c r="AE2584" s="166">
        <v>0</v>
      </c>
      <c r="AF2584" s="166">
        <v>0</v>
      </c>
      <c r="AG2584" s="166">
        <v>0</v>
      </c>
      <c r="AH2584" s="166">
        <v>0</v>
      </c>
      <c r="AI2584" s="166">
        <v>0</v>
      </c>
      <c r="AJ2584" s="166">
        <v>0</v>
      </c>
      <c r="AK2584" s="166">
        <v>0</v>
      </c>
      <c r="AL2584" s="166">
        <v>0</v>
      </c>
      <c r="AM2584" s="166">
        <v>0</v>
      </c>
      <c r="AN2584" s="166">
        <v>0</v>
      </c>
      <c r="AO2584" s="166">
        <v>0</v>
      </c>
      <c r="AP2584" s="166">
        <v>0</v>
      </c>
      <c r="AQ2584" s="166">
        <v>0</v>
      </c>
      <c r="AR2584" s="166">
        <v>0</v>
      </c>
      <c r="AS2584" s="166">
        <v>0</v>
      </c>
      <c r="AT2584" s="166">
        <v>0</v>
      </c>
      <c r="AU2584" s="166">
        <v>0</v>
      </c>
      <c r="AV2584" s="166">
        <v>0</v>
      </c>
      <c r="AW2584" s="166">
        <v>0</v>
      </c>
      <c r="AX2584" s="166">
        <v>0</v>
      </c>
      <c r="AY2584" s="166">
        <v>0</v>
      </c>
      <c r="AZ2584" s="166">
        <v>0</v>
      </c>
      <c r="BA2584" s="166">
        <v>0</v>
      </c>
      <c r="BB2584" s="166">
        <v>0</v>
      </c>
      <c r="BC2584" s="166">
        <v>0</v>
      </c>
      <c r="BD2584" s="166">
        <v>0</v>
      </c>
      <c r="BE2584" s="166">
        <v>0</v>
      </c>
      <c r="BF2584" s="166">
        <v>0</v>
      </c>
      <c r="BG2584" s="166">
        <v>0</v>
      </c>
      <c r="BH2584" s="166">
        <v>0</v>
      </c>
      <c r="BI2584" s="166">
        <v>0</v>
      </c>
      <c r="BJ2584" s="166">
        <v>0</v>
      </c>
      <c r="BK2584" s="166">
        <v>0</v>
      </c>
      <c r="BL2584" s="166">
        <v>0</v>
      </c>
      <c r="BM2584" s="166">
        <v>0</v>
      </c>
      <c r="BN2584" s="166">
        <v>0</v>
      </c>
      <c r="BO2584" s="166">
        <v>0</v>
      </c>
      <c r="BP2584" s="166">
        <v>0</v>
      </c>
      <c r="BQ2584" s="166">
        <v>0</v>
      </c>
      <c r="BR2584" s="166">
        <v>0</v>
      </c>
      <c r="BS2584" s="166">
        <v>0</v>
      </c>
      <c r="BT2584" s="168">
        <v>0</v>
      </c>
      <c r="BU2584" s="166">
        <v>0</v>
      </c>
      <c r="BV2584" s="166">
        <v>0</v>
      </c>
      <c r="BW2584" s="166">
        <v>0</v>
      </c>
      <c r="BX2584" s="166">
        <v>0</v>
      </c>
      <c r="BY2584" s="166">
        <v>0</v>
      </c>
      <c r="BZ2584" s="166">
        <v>0</v>
      </c>
      <c r="CA2584" s="166">
        <v>0</v>
      </c>
      <c r="CB2584" s="166">
        <v>0</v>
      </c>
      <c r="CC2584" s="166">
        <v>0</v>
      </c>
      <c r="CD2584" s="166">
        <v>0</v>
      </c>
      <c r="CE2584" s="166">
        <v>0</v>
      </c>
      <c r="CF2584" s="166">
        <v>0</v>
      </c>
      <c r="CG2584" s="166">
        <v>0</v>
      </c>
      <c r="CH2584" s="166">
        <v>0</v>
      </c>
      <c r="CI2584" s="166">
        <v>0</v>
      </c>
      <c r="CJ2584" s="166">
        <v>0</v>
      </c>
      <c r="CK2584" s="166">
        <v>0</v>
      </c>
      <c r="CL2584" s="166">
        <v>0</v>
      </c>
      <c r="CM2584" s="166">
        <v>0</v>
      </c>
      <c r="CN2584" s="166">
        <v>0</v>
      </c>
      <c r="CO2584" s="166">
        <v>0</v>
      </c>
      <c r="CP2584" s="166">
        <v>0</v>
      </c>
      <c r="CQ2584" s="166">
        <v>0</v>
      </c>
      <c r="CR2584" s="166">
        <v>0</v>
      </c>
      <c r="CS2584" s="166">
        <v>0</v>
      </c>
      <c r="CT2584" s="166">
        <v>0</v>
      </c>
      <c r="CU2584" s="166">
        <v>0</v>
      </c>
      <c r="CV2584" s="166">
        <v>0</v>
      </c>
      <c r="CW2584" s="166">
        <v>0</v>
      </c>
      <c r="CX2584" s="166">
        <v>0</v>
      </c>
      <c r="CY2584" s="166">
        <v>0</v>
      </c>
      <c r="CZ2584" s="166">
        <v>0</v>
      </c>
    </row>
    <row r="2585" spans="1:104" x14ac:dyDescent="0.2">
      <c r="A2585" s="167" t="s">
        <v>431</v>
      </c>
      <c r="B2585" s="166">
        <v>0</v>
      </c>
      <c r="C2585" s="166">
        <v>0</v>
      </c>
      <c r="D2585" s="166">
        <v>0</v>
      </c>
      <c r="E2585" s="166">
        <v>0</v>
      </c>
      <c r="F2585" s="166">
        <v>0</v>
      </c>
      <c r="G2585" s="166">
        <v>0</v>
      </c>
      <c r="H2585" s="166">
        <v>0</v>
      </c>
      <c r="I2585" s="166">
        <v>0</v>
      </c>
      <c r="J2585" s="166">
        <v>0</v>
      </c>
      <c r="K2585" s="166">
        <v>0</v>
      </c>
      <c r="L2585" s="166">
        <v>0</v>
      </c>
      <c r="M2585" s="166">
        <v>0</v>
      </c>
      <c r="N2585" s="166">
        <v>0</v>
      </c>
      <c r="O2585" s="166">
        <v>0</v>
      </c>
      <c r="P2585" s="166">
        <v>0</v>
      </c>
      <c r="Q2585" s="166">
        <v>0</v>
      </c>
      <c r="R2585" s="166">
        <v>0</v>
      </c>
      <c r="S2585" s="166">
        <v>0</v>
      </c>
      <c r="T2585" s="166">
        <v>0</v>
      </c>
      <c r="U2585" s="166">
        <v>0</v>
      </c>
      <c r="V2585" s="166">
        <v>0</v>
      </c>
      <c r="W2585" s="166">
        <v>0</v>
      </c>
      <c r="X2585" s="166">
        <v>0</v>
      </c>
      <c r="Y2585" s="166">
        <v>0</v>
      </c>
      <c r="Z2585" s="166">
        <v>0</v>
      </c>
      <c r="AA2585" s="166">
        <v>0</v>
      </c>
      <c r="AB2585" s="166">
        <v>0</v>
      </c>
      <c r="AC2585" s="166">
        <v>0</v>
      </c>
      <c r="AD2585" s="166">
        <v>0</v>
      </c>
      <c r="AE2585" s="166">
        <v>0</v>
      </c>
      <c r="AF2585" s="166">
        <v>0</v>
      </c>
      <c r="AG2585" s="166">
        <v>0</v>
      </c>
      <c r="AH2585" s="166">
        <v>0</v>
      </c>
      <c r="AI2585" s="166">
        <v>0</v>
      </c>
      <c r="AJ2585" s="166">
        <v>0</v>
      </c>
      <c r="AK2585" s="166">
        <v>0</v>
      </c>
      <c r="AL2585" s="166">
        <v>0</v>
      </c>
      <c r="AM2585" s="166">
        <v>0</v>
      </c>
      <c r="AN2585" s="166">
        <v>0</v>
      </c>
      <c r="AO2585" s="166">
        <v>0</v>
      </c>
      <c r="AP2585" s="166">
        <v>0</v>
      </c>
      <c r="AQ2585" s="166">
        <v>0</v>
      </c>
      <c r="AR2585" s="166">
        <v>0</v>
      </c>
      <c r="AS2585" s="166">
        <v>0</v>
      </c>
      <c r="AT2585" s="166">
        <v>0</v>
      </c>
      <c r="AU2585" s="166">
        <v>0</v>
      </c>
      <c r="AV2585" s="166">
        <v>0</v>
      </c>
      <c r="AW2585" s="166">
        <v>0</v>
      </c>
      <c r="AX2585" s="166">
        <v>0</v>
      </c>
      <c r="AY2585" s="166">
        <v>0</v>
      </c>
      <c r="AZ2585" s="166">
        <v>0</v>
      </c>
      <c r="BA2585" s="166">
        <v>0</v>
      </c>
      <c r="BB2585" s="166">
        <v>0</v>
      </c>
      <c r="BC2585" s="166">
        <v>0</v>
      </c>
      <c r="BD2585" s="166">
        <v>0</v>
      </c>
      <c r="BE2585" s="166">
        <v>0</v>
      </c>
      <c r="BF2585" s="166">
        <v>0</v>
      </c>
      <c r="BG2585" s="166">
        <v>0</v>
      </c>
      <c r="BH2585" s="166">
        <v>0</v>
      </c>
      <c r="BI2585" s="166">
        <v>0</v>
      </c>
      <c r="BJ2585" s="166">
        <v>0</v>
      </c>
      <c r="BK2585" s="166">
        <v>0</v>
      </c>
      <c r="BL2585" s="166">
        <v>0</v>
      </c>
      <c r="BM2585" s="166">
        <v>0</v>
      </c>
      <c r="BN2585" s="166">
        <v>0</v>
      </c>
      <c r="BO2585" s="166">
        <v>0</v>
      </c>
      <c r="BP2585" s="166">
        <v>0</v>
      </c>
      <c r="BQ2585" s="166">
        <v>0</v>
      </c>
      <c r="BR2585" s="166">
        <v>0</v>
      </c>
      <c r="BS2585" s="166">
        <v>0</v>
      </c>
      <c r="BT2585" s="168">
        <v>1</v>
      </c>
      <c r="BU2585" s="166">
        <v>0</v>
      </c>
      <c r="BV2585" s="166">
        <v>0</v>
      </c>
      <c r="BW2585" s="166">
        <v>0</v>
      </c>
      <c r="BX2585" s="166">
        <v>0</v>
      </c>
      <c r="BY2585" s="166">
        <v>0</v>
      </c>
      <c r="BZ2585" s="166">
        <v>0</v>
      </c>
      <c r="CA2585" s="166">
        <v>0</v>
      </c>
      <c r="CB2585" s="166">
        <v>0</v>
      </c>
      <c r="CC2585" s="166">
        <v>0</v>
      </c>
      <c r="CD2585" s="166">
        <v>0</v>
      </c>
      <c r="CE2585" s="166">
        <v>0</v>
      </c>
      <c r="CF2585" s="166">
        <v>0</v>
      </c>
      <c r="CG2585" s="166">
        <v>0</v>
      </c>
      <c r="CH2585" s="166">
        <v>0</v>
      </c>
      <c r="CI2585" s="166">
        <v>0</v>
      </c>
      <c r="CJ2585" s="166">
        <v>0</v>
      </c>
      <c r="CK2585" s="166">
        <v>0</v>
      </c>
      <c r="CL2585" s="166">
        <v>0</v>
      </c>
      <c r="CM2585" s="166">
        <v>0</v>
      </c>
      <c r="CN2585" s="166">
        <v>0</v>
      </c>
      <c r="CO2585" s="166">
        <v>0</v>
      </c>
      <c r="CP2585" s="166">
        <v>0</v>
      </c>
      <c r="CQ2585" s="166">
        <v>0</v>
      </c>
      <c r="CR2585" s="166">
        <v>0</v>
      </c>
      <c r="CS2585" s="166">
        <v>0</v>
      </c>
      <c r="CT2585" s="166">
        <v>0</v>
      </c>
      <c r="CU2585" s="166">
        <v>0</v>
      </c>
      <c r="CV2585" s="166">
        <v>0</v>
      </c>
      <c r="CW2585" s="166">
        <v>0</v>
      </c>
      <c r="CX2585" s="166">
        <v>0</v>
      </c>
      <c r="CY2585" s="166">
        <v>0</v>
      </c>
      <c r="CZ2585" s="166">
        <v>0</v>
      </c>
    </row>
    <row r="2586" spans="1:104" x14ac:dyDescent="0.2">
      <c r="A2586" s="167" t="s">
        <v>432</v>
      </c>
      <c r="B2586" s="166">
        <v>0</v>
      </c>
      <c r="C2586" s="166">
        <v>0</v>
      </c>
      <c r="D2586" s="166">
        <v>0</v>
      </c>
      <c r="E2586" s="166">
        <v>0</v>
      </c>
      <c r="F2586" s="166">
        <v>0</v>
      </c>
      <c r="G2586" s="166">
        <v>0</v>
      </c>
      <c r="H2586" s="166">
        <v>0</v>
      </c>
      <c r="I2586" s="166">
        <v>0</v>
      </c>
      <c r="J2586" s="166">
        <v>0</v>
      </c>
      <c r="K2586" s="166">
        <v>0</v>
      </c>
      <c r="L2586" s="166">
        <v>0</v>
      </c>
      <c r="M2586" s="166">
        <v>0</v>
      </c>
      <c r="N2586" s="166">
        <v>0</v>
      </c>
      <c r="O2586" s="166">
        <v>0</v>
      </c>
      <c r="P2586" s="166">
        <v>0</v>
      </c>
      <c r="Q2586" s="166">
        <v>0</v>
      </c>
      <c r="R2586" s="166">
        <v>0</v>
      </c>
      <c r="S2586" s="166">
        <v>0</v>
      </c>
      <c r="T2586" s="166">
        <v>0</v>
      </c>
      <c r="U2586" s="166">
        <v>0</v>
      </c>
      <c r="V2586" s="166">
        <v>0</v>
      </c>
      <c r="W2586" s="166">
        <v>0</v>
      </c>
      <c r="X2586" s="166">
        <v>0</v>
      </c>
      <c r="Y2586" s="166">
        <v>0</v>
      </c>
      <c r="Z2586" s="166">
        <v>0</v>
      </c>
      <c r="AA2586" s="166">
        <v>0</v>
      </c>
      <c r="AB2586" s="166">
        <v>0</v>
      </c>
      <c r="AC2586" s="166">
        <v>0</v>
      </c>
      <c r="AD2586" s="166">
        <v>0</v>
      </c>
      <c r="AE2586" s="166">
        <v>0</v>
      </c>
      <c r="AF2586" s="166">
        <v>0</v>
      </c>
      <c r="AG2586" s="166">
        <v>0</v>
      </c>
      <c r="AH2586" s="166">
        <v>0</v>
      </c>
      <c r="AI2586" s="166">
        <v>0</v>
      </c>
      <c r="AJ2586" s="166">
        <v>0</v>
      </c>
      <c r="AK2586" s="166">
        <v>0</v>
      </c>
      <c r="AL2586" s="166">
        <v>0</v>
      </c>
      <c r="AM2586" s="166">
        <v>0</v>
      </c>
      <c r="AN2586" s="166">
        <v>0</v>
      </c>
      <c r="AO2586" s="166">
        <v>0</v>
      </c>
      <c r="AP2586" s="166">
        <v>0</v>
      </c>
      <c r="AQ2586" s="166">
        <v>0</v>
      </c>
      <c r="AR2586" s="166">
        <v>0</v>
      </c>
      <c r="AS2586" s="166">
        <v>0</v>
      </c>
      <c r="AT2586" s="166">
        <v>0</v>
      </c>
      <c r="AU2586" s="166">
        <v>0</v>
      </c>
      <c r="AV2586" s="166">
        <v>0</v>
      </c>
      <c r="AW2586" s="166">
        <v>0</v>
      </c>
      <c r="AX2586" s="166">
        <v>0</v>
      </c>
      <c r="AY2586" s="166">
        <v>0</v>
      </c>
      <c r="AZ2586" s="166">
        <v>0</v>
      </c>
      <c r="BA2586" s="166">
        <v>0</v>
      </c>
      <c r="BB2586" s="166">
        <v>0</v>
      </c>
      <c r="BC2586" s="166">
        <v>0</v>
      </c>
      <c r="BD2586" s="166">
        <v>0</v>
      </c>
      <c r="BE2586" s="166">
        <v>0</v>
      </c>
      <c r="BF2586" s="166">
        <v>0</v>
      </c>
      <c r="BG2586" s="166">
        <v>0</v>
      </c>
      <c r="BH2586" s="166">
        <v>0</v>
      </c>
      <c r="BI2586" s="166">
        <v>0</v>
      </c>
      <c r="BJ2586" s="166">
        <v>0</v>
      </c>
      <c r="BK2586" s="166">
        <v>0</v>
      </c>
      <c r="BL2586" s="166">
        <v>0</v>
      </c>
      <c r="BM2586" s="166">
        <v>0</v>
      </c>
      <c r="BN2586" s="166">
        <v>0</v>
      </c>
      <c r="BO2586" s="166">
        <v>0</v>
      </c>
      <c r="BP2586" s="166">
        <v>0</v>
      </c>
      <c r="BQ2586" s="166">
        <v>0</v>
      </c>
      <c r="BR2586" s="166">
        <v>0</v>
      </c>
      <c r="BS2586" s="166">
        <v>0</v>
      </c>
      <c r="BT2586" s="168">
        <v>1</v>
      </c>
      <c r="BU2586" s="166">
        <v>0</v>
      </c>
      <c r="BV2586" s="166">
        <v>0</v>
      </c>
      <c r="BW2586" s="166">
        <v>0</v>
      </c>
      <c r="BX2586" s="166">
        <v>0</v>
      </c>
      <c r="BY2586" s="166">
        <v>0</v>
      </c>
      <c r="BZ2586" s="166">
        <v>0</v>
      </c>
      <c r="CA2586" s="166">
        <v>0</v>
      </c>
      <c r="CB2586" s="166">
        <v>0</v>
      </c>
      <c r="CC2586" s="166">
        <v>0</v>
      </c>
      <c r="CD2586" s="166">
        <v>0</v>
      </c>
      <c r="CE2586" s="166">
        <v>0</v>
      </c>
      <c r="CF2586" s="166">
        <v>0</v>
      </c>
      <c r="CG2586" s="166">
        <v>0</v>
      </c>
      <c r="CH2586" s="166">
        <v>0</v>
      </c>
      <c r="CI2586" s="166">
        <v>0</v>
      </c>
      <c r="CJ2586" s="166">
        <v>0</v>
      </c>
      <c r="CK2586" s="166">
        <v>0</v>
      </c>
      <c r="CL2586" s="166">
        <v>0</v>
      </c>
      <c r="CM2586" s="166">
        <v>0</v>
      </c>
      <c r="CN2586" s="166">
        <v>0</v>
      </c>
      <c r="CO2586" s="166">
        <v>0</v>
      </c>
      <c r="CP2586" s="166">
        <v>0</v>
      </c>
      <c r="CQ2586" s="166">
        <v>0</v>
      </c>
      <c r="CR2586" s="166">
        <v>0</v>
      </c>
      <c r="CS2586" s="166">
        <v>0</v>
      </c>
      <c r="CT2586" s="166">
        <v>0</v>
      </c>
      <c r="CU2586" s="166">
        <v>0</v>
      </c>
      <c r="CV2586" s="166">
        <v>0</v>
      </c>
      <c r="CW2586" s="166">
        <v>0</v>
      </c>
      <c r="CX2586" s="166">
        <v>0</v>
      </c>
      <c r="CY2586" s="166">
        <v>0</v>
      </c>
      <c r="CZ2586" s="166">
        <v>0</v>
      </c>
    </row>
    <row r="2587" spans="1:104" x14ac:dyDescent="0.2">
      <c r="A2587" s="167" t="s">
        <v>433</v>
      </c>
      <c r="B2587" s="166">
        <v>0</v>
      </c>
      <c r="C2587" s="166">
        <v>0</v>
      </c>
      <c r="D2587" s="166">
        <v>0</v>
      </c>
      <c r="E2587" s="166">
        <v>0</v>
      </c>
      <c r="F2587" s="166">
        <v>0</v>
      </c>
      <c r="G2587" s="166">
        <v>0</v>
      </c>
      <c r="H2587" s="166">
        <v>0</v>
      </c>
      <c r="I2587" s="166">
        <v>0</v>
      </c>
      <c r="J2587" s="166">
        <v>0</v>
      </c>
      <c r="K2587" s="166">
        <v>0</v>
      </c>
      <c r="L2587" s="166">
        <v>0</v>
      </c>
      <c r="M2587" s="166">
        <v>0</v>
      </c>
      <c r="N2587" s="166">
        <v>0</v>
      </c>
      <c r="O2587" s="166">
        <v>0</v>
      </c>
      <c r="P2587" s="166">
        <v>0</v>
      </c>
      <c r="Q2587" s="166">
        <v>0</v>
      </c>
      <c r="R2587" s="166">
        <v>0</v>
      </c>
      <c r="S2587" s="166">
        <v>0</v>
      </c>
      <c r="T2587" s="166">
        <v>0</v>
      </c>
      <c r="U2587" s="166">
        <v>0</v>
      </c>
      <c r="V2587" s="166">
        <v>0</v>
      </c>
      <c r="W2587" s="166">
        <v>0</v>
      </c>
      <c r="X2587" s="166">
        <v>0</v>
      </c>
      <c r="Y2587" s="166">
        <v>0</v>
      </c>
      <c r="Z2587" s="166">
        <v>0</v>
      </c>
      <c r="AA2587" s="166">
        <v>0</v>
      </c>
      <c r="AB2587" s="166">
        <v>0</v>
      </c>
      <c r="AC2587" s="166">
        <v>0</v>
      </c>
      <c r="AD2587" s="166">
        <v>0</v>
      </c>
      <c r="AE2587" s="166">
        <v>0</v>
      </c>
      <c r="AF2587" s="166">
        <v>0</v>
      </c>
      <c r="AG2587" s="166">
        <v>0</v>
      </c>
      <c r="AH2587" s="166">
        <v>0</v>
      </c>
      <c r="AI2587" s="166">
        <v>0</v>
      </c>
      <c r="AJ2587" s="166">
        <v>0</v>
      </c>
      <c r="AK2587" s="166">
        <v>0</v>
      </c>
      <c r="AL2587" s="166">
        <v>0</v>
      </c>
      <c r="AM2587" s="166">
        <v>0</v>
      </c>
      <c r="AN2587" s="166">
        <v>0</v>
      </c>
      <c r="AO2587" s="166">
        <v>0</v>
      </c>
      <c r="AP2587" s="166">
        <v>0</v>
      </c>
      <c r="AQ2587" s="166">
        <v>0</v>
      </c>
      <c r="AR2587" s="166">
        <v>0</v>
      </c>
      <c r="AS2587" s="166">
        <v>0</v>
      </c>
      <c r="AT2587" s="166">
        <v>0</v>
      </c>
      <c r="AU2587" s="166">
        <v>0</v>
      </c>
      <c r="AV2587" s="166">
        <v>0</v>
      </c>
      <c r="AW2587" s="166">
        <v>0</v>
      </c>
      <c r="AX2587" s="166">
        <v>0</v>
      </c>
      <c r="AY2587" s="166">
        <v>0</v>
      </c>
      <c r="AZ2587" s="166">
        <v>0</v>
      </c>
      <c r="BA2587" s="166">
        <v>0</v>
      </c>
      <c r="BB2587" s="166">
        <v>0</v>
      </c>
      <c r="BC2587" s="166">
        <v>0</v>
      </c>
      <c r="BD2587" s="166">
        <v>0</v>
      </c>
      <c r="BE2587" s="166">
        <v>0</v>
      </c>
      <c r="BF2587" s="166">
        <v>0</v>
      </c>
      <c r="BG2587" s="166">
        <v>0</v>
      </c>
      <c r="BH2587" s="166">
        <v>0</v>
      </c>
      <c r="BI2587" s="166">
        <v>0</v>
      </c>
      <c r="BJ2587" s="166">
        <v>0</v>
      </c>
      <c r="BK2587" s="166">
        <v>0</v>
      </c>
      <c r="BL2587" s="166">
        <v>0</v>
      </c>
      <c r="BM2587" s="166">
        <v>0</v>
      </c>
      <c r="BN2587" s="166">
        <v>0</v>
      </c>
      <c r="BO2587" s="166">
        <v>0</v>
      </c>
      <c r="BP2587" s="166">
        <v>0</v>
      </c>
      <c r="BQ2587" s="166">
        <v>0</v>
      </c>
      <c r="BR2587" s="166">
        <v>0</v>
      </c>
      <c r="BS2587" s="166">
        <v>0</v>
      </c>
      <c r="BT2587" s="168">
        <v>0</v>
      </c>
      <c r="BU2587" s="166">
        <v>0</v>
      </c>
      <c r="BV2587" s="166">
        <v>0</v>
      </c>
      <c r="BW2587" s="166">
        <v>0</v>
      </c>
      <c r="BX2587" s="166">
        <v>0</v>
      </c>
      <c r="BY2587" s="166">
        <v>0</v>
      </c>
      <c r="BZ2587" s="166">
        <v>0</v>
      </c>
      <c r="CA2587" s="166">
        <v>0</v>
      </c>
      <c r="CB2587" s="166">
        <v>0</v>
      </c>
      <c r="CC2587" s="166">
        <v>0</v>
      </c>
      <c r="CD2587" s="166">
        <v>0</v>
      </c>
      <c r="CE2587" s="166">
        <v>0</v>
      </c>
      <c r="CF2587" s="166">
        <v>0</v>
      </c>
      <c r="CG2587" s="166">
        <v>0</v>
      </c>
      <c r="CH2587" s="166">
        <v>0</v>
      </c>
      <c r="CI2587" s="166">
        <v>0</v>
      </c>
      <c r="CJ2587" s="166">
        <v>0</v>
      </c>
      <c r="CK2587" s="166">
        <v>0</v>
      </c>
      <c r="CL2587" s="166">
        <v>0</v>
      </c>
      <c r="CM2587" s="166">
        <v>0</v>
      </c>
      <c r="CN2587" s="166">
        <v>0</v>
      </c>
      <c r="CO2587" s="166">
        <v>0</v>
      </c>
      <c r="CP2587" s="166">
        <v>0</v>
      </c>
      <c r="CQ2587" s="166">
        <v>0</v>
      </c>
      <c r="CR2587" s="166">
        <v>0</v>
      </c>
      <c r="CS2587" s="166">
        <v>0</v>
      </c>
      <c r="CT2587" s="166">
        <v>0</v>
      </c>
      <c r="CU2587" s="166">
        <v>0</v>
      </c>
      <c r="CV2587" s="166">
        <v>0</v>
      </c>
      <c r="CW2587" s="166">
        <v>0</v>
      </c>
      <c r="CX2587" s="166">
        <v>0</v>
      </c>
      <c r="CY2587" s="166">
        <v>0</v>
      </c>
      <c r="CZ2587" s="166">
        <v>0</v>
      </c>
    </row>
    <row r="2588" spans="1:104" x14ac:dyDescent="0.2">
      <c r="A2588" s="167" t="s">
        <v>434</v>
      </c>
    </row>
    <row r="2589" spans="1:104" x14ac:dyDescent="0.2">
      <c r="A2589" s="167" t="s">
        <v>1189</v>
      </c>
      <c r="B2589" s="166">
        <v>7373080.9999999898</v>
      </c>
      <c r="C2589" s="166">
        <v>7373080.9999999898</v>
      </c>
      <c r="D2589" s="166">
        <v>0</v>
      </c>
      <c r="E2589" s="166">
        <v>0</v>
      </c>
      <c r="F2589" s="166">
        <v>0</v>
      </c>
      <c r="G2589" s="166">
        <v>0</v>
      </c>
      <c r="H2589" s="166">
        <v>0</v>
      </c>
      <c r="I2589" s="166">
        <v>0</v>
      </c>
      <c r="J2589" s="166">
        <v>0</v>
      </c>
      <c r="K2589" s="166">
        <v>0</v>
      </c>
      <c r="L2589" s="166">
        <v>0</v>
      </c>
      <c r="M2589" s="166">
        <v>0</v>
      </c>
      <c r="N2589" s="166">
        <v>0</v>
      </c>
      <c r="O2589" s="166">
        <v>0</v>
      </c>
      <c r="P2589" s="166">
        <v>0</v>
      </c>
      <c r="Q2589" s="166">
        <v>0</v>
      </c>
      <c r="R2589" s="166">
        <v>0</v>
      </c>
      <c r="S2589" s="166">
        <v>0</v>
      </c>
      <c r="T2589" s="166">
        <v>0</v>
      </c>
      <c r="U2589" s="166">
        <v>0</v>
      </c>
      <c r="V2589" s="166">
        <v>0</v>
      </c>
      <c r="W2589" s="166">
        <v>0</v>
      </c>
      <c r="X2589" s="166">
        <v>0</v>
      </c>
      <c r="Y2589" s="166">
        <v>0</v>
      </c>
      <c r="Z2589" s="166">
        <v>0</v>
      </c>
      <c r="AA2589" s="166">
        <v>0</v>
      </c>
      <c r="AB2589" s="166">
        <v>0</v>
      </c>
      <c r="AC2589" s="166">
        <v>0</v>
      </c>
      <c r="AD2589" s="166">
        <v>0</v>
      </c>
      <c r="AE2589" s="166">
        <v>0</v>
      </c>
      <c r="AF2589" s="166">
        <v>0</v>
      </c>
      <c r="AG2589" s="166">
        <v>0</v>
      </c>
      <c r="AH2589" s="166">
        <v>0</v>
      </c>
      <c r="AI2589" s="166">
        <v>0</v>
      </c>
      <c r="AJ2589" s="166">
        <v>0</v>
      </c>
      <c r="AK2589" s="166">
        <v>0</v>
      </c>
      <c r="AL2589" s="166">
        <v>0</v>
      </c>
      <c r="AM2589" s="166">
        <v>0</v>
      </c>
      <c r="AN2589" s="166">
        <v>0</v>
      </c>
      <c r="AO2589" s="166">
        <v>0</v>
      </c>
      <c r="AP2589" s="166">
        <v>0</v>
      </c>
      <c r="AQ2589" s="166">
        <v>0</v>
      </c>
      <c r="AR2589" s="166">
        <v>0</v>
      </c>
      <c r="AS2589" s="166">
        <v>0</v>
      </c>
      <c r="AT2589" s="166">
        <v>0</v>
      </c>
      <c r="AU2589" s="166">
        <v>0</v>
      </c>
      <c r="AV2589" s="166">
        <v>0</v>
      </c>
      <c r="AW2589" s="166">
        <v>0</v>
      </c>
      <c r="AX2589" s="166">
        <v>0</v>
      </c>
      <c r="AY2589" s="166">
        <v>0</v>
      </c>
      <c r="AZ2589" s="166">
        <v>0</v>
      </c>
      <c r="BA2589" s="166">
        <v>0</v>
      </c>
      <c r="BB2589" s="166">
        <v>0</v>
      </c>
      <c r="BC2589" s="166">
        <v>0</v>
      </c>
      <c r="BD2589" s="166">
        <v>0</v>
      </c>
      <c r="BE2589" s="166">
        <v>0</v>
      </c>
      <c r="BF2589" s="166">
        <v>0</v>
      </c>
      <c r="BG2589" s="166">
        <v>0</v>
      </c>
      <c r="BH2589" s="166">
        <v>0</v>
      </c>
      <c r="BI2589" s="166">
        <v>0</v>
      </c>
      <c r="BJ2589" s="166">
        <v>0</v>
      </c>
      <c r="BK2589" s="166">
        <v>0</v>
      </c>
      <c r="BL2589" s="166">
        <v>0</v>
      </c>
      <c r="BM2589" s="166">
        <v>0</v>
      </c>
      <c r="BN2589" s="166">
        <v>0</v>
      </c>
      <c r="BO2589" s="166">
        <v>0</v>
      </c>
      <c r="BP2589" s="166">
        <v>0</v>
      </c>
      <c r="BQ2589" s="166">
        <v>0</v>
      </c>
      <c r="BR2589" s="166">
        <v>7373080.9999999898</v>
      </c>
      <c r="BS2589" s="166">
        <v>7373080.9999999898</v>
      </c>
      <c r="BT2589" s="168">
        <v>0.96779000000000004</v>
      </c>
      <c r="BU2589" s="166">
        <v>644270.413303699</v>
      </c>
      <c r="BV2589" s="166">
        <v>7135594.0609899899</v>
      </c>
      <c r="BW2589" s="166">
        <v>0</v>
      </c>
      <c r="BX2589" s="166">
        <v>0</v>
      </c>
      <c r="BY2589" s="166">
        <v>0</v>
      </c>
      <c r="BZ2589" s="166">
        <v>0</v>
      </c>
      <c r="CA2589" s="166">
        <v>0</v>
      </c>
      <c r="CB2589" s="166">
        <v>0</v>
      </c>
      <c r="CC2589" s="166">
        <v>0</v>
      </c>
      <c r="CD2589" s="166">
        <v>0</v>
      </c>
      <c r="CE2589" s="166">
        <v>0</v>
      </c>
      <c r="CF2589" s="166">
        <v>0</v>
      </c>
      <c r="CG2589" s="166">
        <v>0</v>
      </c>
      <c r="CH2589" s="166">
        <v>0</v>
      </c>
      <c r="CI2589" s="166">
        <v>0</v>
      </c>
      <c r="CJ2589" s="166">
        <v>0</v>
      </c>
      <c r="CK2589" s="166">
        <v>0</v>
      </c>
      <c r="CL2589" s="166">
        <v>0</v>
      </c>
      <c r="CM2589" s="166">
        <v>0</v>
      </c>
      <c r="CN2589" s="166">
        <v>0</v>
      </c>
      <c r="CO2589" s="166">
        <v>0</v>
      </c>
      <c r="CP2589" s="166">
        <v>0</v>
      </c>
      <c r="CQ2589" s="166">
        <v>0</v>
      </c>
      <c r="CR2589" s="166">
        <v>0</v>
      </c>
      <c r="CS2589" s="166">
        <v>0</v>
      </c>
      <c r="CT2589" s="166">
        <v>0</v>
      </c>
      <c r="CU2589" s="166">
        <v>0</v>
      </c>
      <c r="CV2589" s="166">
        <v>0</v>
      </c>
      <c r="CW2589" s="166">
        <v>0</v>
      </c>
      <c r="CX2589" s="166">
        <v>0</v>
      </c>
      <c r="CY2589" s="166">
        <v>7135594.0609899899</v>
      </c>
      <c r="CZ2589" s="166">
        <v>7135594.0609899899</v>
      </c>
    </row>
    <row r="2590" spans="1:104" x14ac:dyDescent="0.2">
      <c r="A2590" s="167" t="s">
        <v>1190</v>
      </c>
    </row>
    <row r="2591" spans="1:104" x14ac:dyDescent="0.2">
      <c r="A2591" s="167" t="s">
        <v>1191</v>
      </c>
      <c r="B2591" s="166">
        <v>47721909.142923698</v>
      </c>
      <c r="C2591" s="166">
        <v>47721909.142923698</v>
      </c>
      <c r="D2591" s="166">
        <v>0</v>
      </c>
      <c r="E2591" s="166">
        <v>0</v>
      </c>
      <c r="F2591" s="166">
        <v>0</v>
      </c>
      <c r="G2591" s="166">
        <v>0</v>
      </c>
      <c r="H2591" s="166">
        <v>0</v>
      </c>
      <c r="I2591" s="166">
        <v>0</v>
      </c>
      <c r="J2591" s="166">
        <v>0</v>
      </c>
      <c r="K2591" s="166">
        <v>0</v>
      </c>
      <c r="L2591" s="166">
        <v>0</v>
      </c>
      <c r="M2591" s="166">
        <v>0</v>
      </c>
      <c r="N2591" s="166">
        <v>0</v>
      </c>
      <c r="O2591" s="166">
        <v>0</v>
      </c>
      <c r="P2591" s="166">
        <v>0</v>
      </c>
      <c r="Q2591" s="166">
        <v>0</v>
      </c>
      <c r="R2591" s="166">
        <v>0</v>
      </c>
      <c r="S2591" s="166">
        <v>0</v>
      </c>
      <c r="T2591" s="166">
        <v>0</v>
      </c>
      <c r="U2591" s="166">
        <v>0</v>
      </c>
      <c r="V2591" s="166">
        <v>0</v>
      </c>
      <c r="W2591" s="166">
        <v>0</v>
      </c>
      <c r="X2591" s="166">
        <v>0</v>
      </c>
      <c r="Y2591" s="166">
        <v>0</v>
      </c>
      <c r="Z2591" s="166">
        <v>0</v>
      </c>
      <c r="AA2591" s="166">
        <v>0</v>
      </c>
      <c r="AB2591" s="166">
        <v>0</v>
      </c>
      <c r="AC2591" s="166">
        <v>0</v>
      </c>
      <c r="AD2591" s="166">
        <v>0</v>
      </c>
      <c r="AE2591" s="166">
        <v>0</v>
      </c>
      <c r="AF2591" s="166">
        <v>0</v>
      </c>
      <c r="AG2591" s="166">
        <v>0</v>
      </c>
      <c r="AH2591" s="166">
        <v>0</v>
      </c>
      <c r="AI2591" s="166">
        <v>0</v>
      </c>
      <c r="AJ2591" s="166">
        <v>0</v>
      </c>
      <c r="AK2591" s="166">
        <v>0</v>
      </c>
      <c r="AL2591" s="166">
        <v>0</v>
      </c>
      <c r="AM2591" s="166">
        <v>0</v>
      </c>
      <c r="AN2591" s="166">
        <v>0</v>
      </c>
      <c r="AO2591" s="166">
        <v>0</v>
      </c>
      <c r="AP2591" s="166">
        <v>0</v>
      </c>
      <c r="AQ2591" s="166">
        <v>0</v>
      </c>
      <c r="AR2591" s="166">
        <v>0</v>
      </c>
      <c r="AS2591" s="166">
        <v>0</v>
      </c>
      <c r="AT2591" s="166">
        <v>0</v>
      </c>
      <c r="AU2591" s="166">
        <v>0</v>
      </c>
      <c r="AV2591" s="166">
        <v>0</v>
      </c>
      <c r="AW2591" s="166">
        <v>0</v>
      </c>
      <c r="AX2591" s="166">
        <v>0</v>
      </c>
      <c r="AY2591" s="166">
        <v>0</v>
      </c>
      <c r="AZ2591" s="166">
        <v>0</v>
      </c>
      <c r="BA2591" s="166">
        <v>0</v>
      </c>
      <c r="BB2591" s="166">
        <v>0</v>
      </c>
      <c r="BC2591" s="166">
        <v>0</v>
      </c>
      <c r="BD2591" s="166">
        <v>0</v>
      </c>
      <c r="BE2591" s="166">
        <v>0</v>
      </c>
      <c r="BF2591" s="166">
        <v>0</v>
      </c>
      <c r="BG2591" s="166">
        <v>0</v>
      </c>
      <c r="BH2591" s="166">
        <v>0</v>
      </c>
      <c r="BI2591" s="166">
        <v>0</v>
      </c>
      <c r="BJ2591" s="166">
        <v>0</v>
      </c>
      <c r="BK2591" s="166">
        <v>0</v>
      </c>
      <c r="BL2591" s="166">
        <v>0</v>
      </c>
      <c r="BM2591" s="166">
        <v>0</v>
      </c>
      <c r="BN2591" s="166">
        <v>0</v>
      </c>
      <c r="BO2591" s="166">
        <v>0</v>
      </c>
      <c r="BP2591" s="166">
        <v>0</v>
      </c>
      <c r="BQ2591" s="166">
        <v>0</v>
      </c>
      <c r="BR2591" s="166">
        <v>47721909.142923698</v>
      </c>
      <c r="BS2591" s="166">
        <v>47721909.142923698</v>
      </c>
      <c r="BT2591" s="168">
        <v>0.96779000000000004</v>
      </c>
      <c r="BU2591" s="166">
        <v>6171279.47253899</v>
      </c>
      <c r="BV2591" s="166">
        <v>46184786.449430101</v>
      </c>
      <c r="BW2591" s="166">
        <v>0</v>
      </c>
      <c r="BX2591" s="166">
        <v>0</v>
      </c>
      <c r="BY2591" s="166">
        <v>0</v>
      </c>
      <c r="BZ2591" s="166">
        <v>0</v>
      </c>
      <c r="CA2591" s="166">
        <v>0</v>
      </c>
      <c r="CB2591" s="166">
        <v>0</v>
      </c>
      <c r="CC2591" s="166">
        <v>0</v>
      </c>
      <c r="CD2591" s="166">
        <v>0</v>
      </c>
      <c r="CE2591" s="166">
        <v>0</v>
      </c>
      <c r="CF2591" s="166">
        <v>0</v>
      </c>
      <c r="CG2591" s="166">
        <v>0</v>
      </c>
      <c r="CH2591" s="166">
        <v>0</v>
      </c>
      <c r="CI2591" s="166">
        <v>0</v>
      </c>
      <c r="CJ2591" s="166">
        <v>0</v>
      </c>
      <c r="CK2591" s="166">
        <v>0</v>
      </c>
      <c r="CL2591" s="166">
        <v>0</v>
      </c>
      <c r="CM2591" s="166">
        <v>0</v>
      </c>
      <c r="CN2591" s="166">
        <v>0</v>
      </c>
      <c r="CO2591" s="166">
        <v>0</v>
      </c>
      <c r="CP2591" s="166">
        <v>0</v>
      </c>
      <c r="CQ2591" s="166">
        <v>0</v>
      </c>
      <c r="CR2591" s="166">
        <v>0</v>
      </c>
      <c r="CS2591" s="166">
        <v>0</v>
      </c>
      <c r="CT2591" s="166">
        <v>0</v>
      </c>
      <c r="CU2591" s="166">
        <v>0</v>
      </c>
      <c r="CV2591" s="166">
        <v>0</v>
      </c>
      <c r="CW2591" s="166">
        <v>0</v>
      </c>
      <c r="CX2591" s="166">
        <v>0</v>
      </c>
      <c r="CY2591" s="166">
        <v>46184786.449430101</v>
      </c>
      <c r="CZ2591" s="166">
        <v>46184786.449430101</v>
      </c>
    </row>
    <row r="2592" spans="1:104" x14ac:dyDescent="0.2">
      <c r="A2592" s="167" t="s">
        <v>1192</v>
      </c>
      <c r="B2592" s="166">
        <v>0</v>
      </c>
      <c r="C2592" s="166">
        <v>0</v>
      </c>
      <c r="D2592" s="166">
        <v>0</v>
      </c>
      <c r="E2592" s="166">
        <v>0</v>
      </c>
      <c r="F2592" s="166">
        <v>0</v>
      </c>
      <c r="G2592" s="166">
        <v>0</v>
      </c>
      <c r="H2592" s="166">
        <v>0</v>
      </c>
      <c r="I2592" s="166">
        <v>0</v>
      </c>
      <c r="J2592" s="166">
        <v>0</v>
      </c>
      <c r="K2592" s="166">
        <v>0</v>
      </c>
      <c r="L2592" s="166">
        <v>0</v>
      </c>
      <c r="M2592" s="166">
        <v>0</v>
      </c>
      <c r="N2592" s="166">
        <v>0</v>
      </c>
      <c r="O2592" s="166">
        <v>0</v>
      </c>
      <c r="P2592" s="166">
        <v>0</v>
      </c>
      <c r="Q2592" s="166">
        <v>0</v>
      </c>
      <c r="R2592" s="166">
        <v>0</v>
      </c>
      <c r="S2592" s="166">
        <v>0</v>
      </c>
      <c r="T2592" s="166">
        <v>0</v>
      </c>
      <c r="U2592" s="166">
        <v>0</v>
      </c>
      <c r="V2592" s="166">
        <v>0</v>
      </c>
      <c r="W2592" s="166">
        <v>0</v>
      </c>
      <c r="X2592" s="166">
        <v>0</v>
      </c>
      <c r="Y2592" s="166">
        <v>0</v>
      </c>
      <c r="Z2592" s="166">
        <v>0</v>
      </c>
      <c r="AA2592" s="166">
        <v>0</v>
      </c>
      <c r="AB2592" s="166">
        <v>0</v>
      </c>
      <c r="AC2592" s="166">
        <v>0</v>
      </c>
      <c r="AD2592" s="166">
        <v>0</v>
      </c>
      <c r="AE2592" s="166">
        <v>0</v>
      </c>
      <c r="AF2592" s="166">
        <v>0</v>
      </c>
      <c r="AG2592" s="166">
        <v>0</v>
      </c>
      <c r="AH2592" s="166">
        <v>0</v>
      </c>
      <c r="AI2592" s="166">
        <v>0</v>
      </c>
      <c r="AJ2592" s="166">
        <v>0</v>
      </c>
      <c r="AK2592" s="166">
        <v>0</v>
      </c>
      <c r="AL2592" s="166">
        <v>0</v>
      </c>
      <c r="AM2592" s="166">
        <v>0</v>
      </c>
      <c r="AN2592" s="166">
        <v>0</v>
      </c>
      <c r="AO2592" s="166">
        <v>0</v>
      </c>
      <c r="AP2592" s="166">
        <v>0</v>
      </c>
      <c r="AQ2592" s="166">
        <v>0</v>
      </c>
      <c r="AR2592" s="166">
        <v>0</v>
      </c>
      <c r="AS2592" s="166">
        <v>0</v>
      </c>
      <c r="AT2592" s="166">
        <v>0</v>
      </c>
      <c r="AU2592" s="166">
        <v>0</v>
      </c>
      <c r="AV2592" s="166">
        <v>0</v>
      </c>
      <c r="AW2592" s="166">
        <v>0</v>
      </c>
      <c r="AX2592" s="166">
        <v>0</v>
      </c>
      <c r="AY2592" s="166">
        <v>0</v>
      </c>
      <c r="AZ2592" s="166">
        <v>0</v>
      </c>
      <c r="BA2592" s="166">
        <v>0</v>
      </c>
      <c r="BB2592" s="166">
        <v>0</v>
      </c>
      <c r="BC2592" s="166">
        <v>0</v>
      </c>
      <c r="BD2592" s="166">
        <v>0</v>
      </c>
      <c r="BE2592" s="166">
        <v>0</v>
      </c>
      <c r="BF2592" s="166">
        <v>0</v>
      </c>
      <c r="BG2592" s="166">
        <v>0</v>
      </c>
      <c r="BH2592" s="166">
        <v>0</v>
      </c>
      <c r="BI2592" s="166">
        <v>0</v>
      </c>
      <c r="BJ2592" s="166">
        <v>0</v>
      </c>
      <c r="BK2592" s="166">
        <v>0</v>
      </c>
      <c r="BL2592" s="166">
        <v>0</v>
      </c>
      <c r="BM2592" s="166">
        <v>0</v>
      </c>
      <c r="BN2592" s="166">
        <v>0</v>
      </c>
      <c r="BO2592" s="166">
        <v>0</v>
      </c>
      <c r="BP2592" s="166">
        <v>0</v>
      </c>
      <c r="BQ2592" s="166">
        <v>0</v>
      </c>
      <c r="BR2592" s="166">
        <v>0</v>
      </c>
      <c r="BS2592" s="166">
        <v>0</v>
      </c>
      <c r="BT2592" s="168">
        <v>0</v>
      </c>
      <c r="BU2592" s="166">
        <v>0</v>
      </c>
      <c r="BV2592" s="166">
        <v>0</v>
      </c>
      <c r="BW2592" s="166">
        <v>0</v>
      </c>
      <c r="BX2592" s="166">
        <v>0</v>
      </c>
      <c r="BY2592" s="166">
        <v>0</v>
      </c>
      <c r="BZ2592" s="166">
        <v>0</v>
      </c>
      <c r="CA2592" s="166">
        <v>0</v>
      </c>
      <c r="CB2592" s="166">
        <v>0</v>
      </c>
      <c r="CC2592" s="166">
        <v>0</v>
      </c>
      <c r="CD2592" s="166">
        <v>0</v>
      </c>
      <c r="CE2592" s="166">
        <v>0</v>
      </c>
      <c r="CF2592" s="166">
        <v>0</v>
      </c>
      <c r="CG2592" s="166">
        <v>0</v>
      </c>
      <c r="CH2592" s="166">
        <v>0</v>
      </c>
      <c r="CI2592" s="166">
        <v>0</v>
      </c>
      <c r="CJ2592" s="166">
        <v>0</v>
      </c>
      <c r="CK2592" s="166">
        <v>0</v>
      </c>
      <c r="CL2592" s="166">
        <v>0</v>
      </c>
      <c r="CM2592" s="166">
        <v>0</v>
      </c>
      <c r="CN2592" s="166">
        <v>0</v>
      </c>
      <c r="CO2592" s="166">
        <v>0</v>
      </c>
      <c r="CP2592" s="166">
        <v>0</v>
      </c>
      <c r="CQ2592" s="166">
        <v>0</v>
      </c>
      <c r="CR2592" s="166">
        <v>0</v>
      </c>
      <c r="CS2592" s="166">
        <v>0</v>
      </c>
      <c r="CT2592" s="166">
        <v>0</v>
      </c>
      <c r="CU2592" s="166">
        <v>0</v>
      </c>
      <c r="CV2592" s="166">
        <v>0</v>
      </c>
      <c r="CW2592" s="166">
        <v>0</v>
      </c>
      <c r="CX2592" s="166">
        <v>0</v>
      </c>
      <c r="CY2592" s="166">
        <v>0</v>
      </c>
      <c r="CZ2592" s="166">
        <v>0</v>
      </c>
    </row>
    <row r="2593" spans="1:104" x14ac:dyDescent="0.2">
      <c r="A2593" s="167" t="s">
        <v>1193</v>
      </c>
      <c r="B2593" s="166">
        <v>47721909.142923698</v>
      </c>
      <c r="C2593" s="166">
        <v>47721909.142923698</v>
      </c>
      <c r="D2593" s="166">
        <v>0</v>
      </c>
      <c r="E2593" s="166">
        <v>0</v>
      </c>
      <c r="F2593" s="166">
        <v>0</v>
      </c>
      <c r="G2593" s="166">
        <v>0</v>
      </c>
      <c r="H2593" s="166">
        <v>0</v>
      </c>
      <c r="I2593" s="166">
        <v>0</v>
      </c>
      <c r="J2593" s="166">
        <v>0</v>
      </c>
      <c r="K2593" s="166">
        <v>0</v>
      </c>
      <c r="L2593" s="166">
        <v>0</v>
      </c>
      <c r="M2593" s="166">
        <v>0</v>
      </c>
      <c r="N2593" s="166">
        <v>0</v>
      </c>
      <c r="O2593" s="166">
        <v>0</v>
      </c>
      <c r="P2593" s="166">
        <v>0</v>
      </c>
      <c r="Q2593" s="166">
        <v>0</v>
      </c>
      <c r="R2593" s="166">
        <v>0</v>
      </c>
      <c r="S2593" s="166">
        <v>0</v>
      </c>
      <c r="T2593" s="166">
        <v>0</v>
      </c>
      <c r="U2593" s="166">
        <v>0</v>
      </c>
      <c r="V2593" s="166">
        <v>0</v>
      </c>
      <c r="W2593" s="166">
        <v>0</v>
      </c>
      <c r="X2593" s="166">
        <v>0</v>
      </c>
      <c r="Y2593" s="166">
        <v>0</v>
      </c>
      <c r="Z2593" s="166">
        <v>0</v>
      </c>
      <c r="AA2593" s="166">
        <v>0</v>
      </c>
      <c r="AB2593" s="166">
        <v>0</v>
      </c>
      <c r="AC2593" s="166">
        <v>0</v>
      </c>
      <c r="AD2593" s="166">
        <v>0</v>
      </c>
      <c r="AE2593" s="166">
        <v>0</v>
      </c>
      <c r="AF2593" s="166">
        <v>0</v>
      </c>
      <c r="AG2593" s="166">
        <v>0</v>
      </c>
      <c r="AH2593" s="166">
        <v>0</v>
      </c>
      <c r="AI2593" s="166">
        <v>0</v>
      </c>
      <c r="AJ2593" s="166">
        <v>0</v>
      </c>
      <c r="AK2593" s="166">
        <v>0</v>
      </c>
      <c r="AL2593" s="166">
        <v>0</v>
      </c>
      <c r="AM2593" s="166">
        <v>0</v>
      </c>
      <c r="AN2593" s="166">
        <v>0</v>
      </c>
      <c r="AO2593" s="166">
        <v>0</v>
      </c>
      <c r="AP2593" s="166">
        <v>0</v>
      </c>
      <c r="AQ2593" s="166">
        <v>0</v>
      </c>
      <c r="AR2593" s="166">
        <v>0</v>
      </c>
      <c r="AS2593" s="166">
        <v>0</v>
      </c>
      <c r="AT2593" s="166">
        <v>0</v>
      </c>
      <c r="AU2593" s="166">
        <v>0</v>
      </c>
      <c r="AV2593" s="166">
        <v>0</v>
      </c>
      <c r="AW2593" s="166">
        <v>0</v>
      </c>
      <c r="AX2593" s="166">
        <v>0</v>
      </c>
      <c r="AY2593" s="166">
        <v>0</v>
      </c>
      <c r="AZ2593" s="166">
        <v>0</v>
      </c>
      <c r="BA2593" s="166">
        <v>0</v>
      </c>
      <c r="BB2593" s="166">
        <v>0</v>
      </c>
      <c r="BC2593" s="166">
        <v>0</v>
      </c>
      <c r="BD2593" s="166">
        <v>0</v>
      </c>
      <c r="BE2593" s="166">
        <v>0</v>
      </c>
      <c r="BF2593" s="166">
        <v>0</v>
      </c>
      <c r="BG2593" s="166">
        <v>0</v>
      </c>
      <c r="BH2593" s="166">
        <v>0</v>
      </c>
      <c r="BI2593" s="166">
        <v>0</v>
      </c>
      <c r="BJ2593" s="166">
        <v>0</v>
      </c>
      <c r="BK2593" s="166">
        <v>0</v>
      </c>
      <c r="BL2593" s="166">
        <v>0</v>
      </c>
      <c r="BM2593" s="166">
        <v>0</v>
      </c>
      <c r="BN2593" s="166">
        <v>0</v>
      </c>
      <c r="BO2593" s="166">
        <v>0</v>
      </c>
      <c r="BP2593" s="166">
        <v>0</v>
      </c>
      <c r="BQ2593" s="166">
        <v>0</v>
      </c>
      <c r="BR2593" s="166">
        <v>47721909.142923698</v>
      </c>
      <c r="BS2593" s="166">
        <v>47721909.142923698</v>
      </c>
      <c r="BT2593" s="168">
        <v>0</v>
      </c>
      <c r="BU2593" s="166">
        <v>6171279.47253899</v>
      </c>
      <c r="BV2593" s="166">
        <v>46184786.449430101</v>
      </c>
      <c r="BW2593" s="166">
        <v>0</v>
      </c>
      <c r="BX2593" s="166">
        <v>0</v>
      </c>
      <c r="BY2593" s="166">
        <v>0</v>
      </c>
      <c r="BZ2593" s="166">
        <v>0</v>
      </c>
      <c r="CA2593" s="166">
        <v>0</v>
      </c>
      <c r="CB2593" s="166">
        <v>0</v>
      </c>
      <c r="CC2593" s="166">
        <v>0</v>
      </c>
      <c r="CD2593" s="166">
        <v>0</v>
      </c>
      <c r="CE2593" s="166">
        <v>0</v>
      </c>
      <c r="CF2593" s="166">
        <v>0</v>
      </c>
      <c r="CG2593" s="166">
        <v>0</v>
      </c>
      <c r="CH2593" s="166">
        <v>0</v>
      </c>
      <c r="CI2593" s="166">
        <v>0</v>
      </c>
      <c r="CJ2593" s="166">
        <v>0</v>
      </c>
      <c r="CK2593" s="166">
        <v>0</v>
      </c>
      <c r="CL2593" s="166">
        <v>0</v>
      </c>
      <c r="CM2593" s="166">
        <v>0</v>
      </c>
      <c r="CN2593" s="166">
        <v>0</v>
      </c>
      <c r="CO2593" s="166">
        <v>0</v>
      </c>
      <c r="CP2593" s="166">
        <v>0</v>
      </c>
      <c r="CQ2593" s="166">
        <v>0</v>
      </c>
      <c r="CR2593" s="166">
        <v>0</v>
      </c>
      <c r="CS2593" s="166">
        <v>0</v>
      </c>
      <c r="CT2593" s="166">
        <v>0</v>
      </c>
      <c r="CU2593" s="166">
        <v>0</v>
      </c>
      <c r="CV2593" s="166">
        <v>0</v>
      </c>
      <c r="CW2593" s="166">
        <v>0</v>
      </c>
      <c r="CX2593" s="166">
        <v>0</v>
      </c>
      <c r="CY2593" s="166">
        <v>46184786.449430101</v>
      </c>
      <c r="CZ2593" s="166">
        <v>46184786.449430101</v>
      </c>
    </row>
    <row r="2594" spans="1:104" x14ac:dyDescent="0.2">
      <c r="A2594" s="167" t="s">
        <v>1194</v>
      </c>
    </row>
    <row r="2595" spans="1:104" x14ac:dyDescent="0.2">
      <c r="A2595" s="167" t="s">
        <v>441</v>
      </c>
      <c r="B2595" s="166">
        <v>0</v>
      </c>
      <c r="C2595" s="166">
        <v>0</v>
      </c>
      <c r="D2595" s="166">
        <v>0</v>
      </c>
      <c r="E2595" s="166">
        <v>0</v>
      </c>
      <c r="F2595" s="166">
        <v>0</v>
      </c>
      <c r="G2595" s="166">
        <v>0</v>
      </c>
      <c r="H2595" s="166">
        <v>0</v>
      </c>
      <c r="I2595" s="166">
        <v>0</v>
      </c>
      <c r="J2595" s="166">
        <v>0</v>
      </c>
      <c r="K2595" s="166">
        <v>0</v>
      </c>
      <c r="L2595" s="166">
        <v>0</v>
      </c>
      <c r="M2595" s="166">
        <v>0</v>
      </c>
      <c r="N2595" s="166">
        <v>0</v>
      </c>
      <c r="O2595" s="166">
        <v>0</v>
      </c>
      <c r="P2595" s="166">
        <v>0</v>
      </c>
      <c r="Q2595" s="166">
        <v>0</v>
      </c>
      <c r="R2595" s="166">
        <v>0</v>
      </c>
      <c r="S2595" s="166">
        <v>0</v>
      </c>
      <c r="T2595" s="166">
        <v>0</v>
      </c>
      <c r="U2595" s="166">
        <v>0</v>
      </c>
      <c r="V2595" s="166">
        <v>0</v>
      </c>
      <c r="W2595" s="166">
        <v>0</v>
      </c>
      <c r="X2595" s="166">
        <v>0</v>
      </c>
      <c r="Y2595" s="166">
        <v>0</v>
      </c>
      <c r="Z2595" s="166">
        <v>0</v>
      </c>
      <c r="AA2595" s="166">
        <v>0</v>
      </c>
      <c r="AB2595" s="166">
        <v>0</v>
      </c>
      <c r="AC2595" s="166">
        <v>0</v>
      </c>
      <c r="AD2595" s="166">
        <v>0</v>
      </c>
      <c r="AE2595" s="166">
        <v>0</v>
      </c>
      <c r="AF2595" s="166">
        <v>0</v>
      </c>
      <c r="AG2595" s="166">
        <v>0</v>
      </c>
      <c r="AH2595" s="166">
        <v>0</v>
      </c>
      <c r="AI2595" s="166">
        <v>0</v>
      </c>
      <c r="AJ2595" s="166">
        <v>0</v>
      </c>
      <c r="AK2595" s="166">
        <v>0</v>
      </c>
      <c r="AL2595" s="166">
        <v>0</v>
      </c>
      <c r="AM2595" s="166">
        <v>0</v>
      </c>
      <c r="AN2595" s="166">
        <v>0</v>
      </c>
      <c r="AO2595" s="166">
        <v>0</v>
      </c>
      <c r="AP2595" s="166">
        <v>0</v>
      </c>
      <c r="AQ2595" s="166">
        <v>0</v>
      </c>
      <c r="AR2595" s="166">
        <v>0</v>
      </c>
      <c r="AS2595" s="166">
        <v>0</v>
      </c>
      <c r="AT2595" s="166">
        <v>0</v>
      </c>
      <c r="AU2595" s="166">
        <v>0</v>
      </c>
      <c r="AV2595" s="166">
        <v>0</v>
      </c>
      <c r="AW2595" s="166">
        <v>0</v>
      </c>
      <c r="AX2595" s="166">
        <v>0</v>
      </c>
      <c r="AY2595" s="166">
        <v>0</v>
      </c>
      <c r="AZ2595" s="166">
        <v>0</v>
      </c>
      <c r="BA2595" s="166">
        <v>0</v>
      </c>
      <c r="BB2595" s="166">
        <v>0</v>
      </c>
      <c r="BC2595" s="166">
        <v>0</v>
      </c>
      <c r="BD2595" s="166">
        <v>0</v>
      </c>
      <c r="BE2595" s="166">
        <v>0</v>
      </c>
      <c r="BF2595" s="166">
        <v>0</v>
      </c>
      <c r="BG2595" s="166">
        <v>0</v>
      </c>
      <c r="BH2595" s="166">
        <v>0</v>
      </c>
      <c r="BI2595" s="166">
        <v>0</v>
      </c>
      <c r="BJ2595" s="166">
        <v>0</v>
      </c>
      <c r="BK2595" s="166">
        <v>0</v>
      </c>
      <c r="BL2595" s="166">
        <v>0</v>
      </c>
      <c r="BM2595" s="166">
        <v>0</v>
      </c>
      <c r="BN2595" s="166">
        <v>0</v>
      </c>
      <c r="BO2595" s="166">
        <v>0</v>
      </c>
      <c r="BP2595" s="166">
        <v>0</v>
      </c>
      <c r="BQ2595" s="166">
        <v>0</v>
      </c>
      <c r="BR2595" s="166">
        <v>0</v>
      </c>
      <c r="BS2595" s="166">
        <v>0</v>
      </c>
      <c r="BT2595" s="168">
        <v>0.96779000000000004</v>
      </c>
      <c r="BU2595" s="166">
        <v>0</v>
      </c>
      <c r="BV2595" s="166">
        <v>0</v>
      </c>
      <c r="BW2595" s="166">
        <v>0</v>
      </c>
      <c r="BX2595" s="166">
        <v>0</v>
      </c>
      <c r="BY2595" s="166">
        <v>0</v>
      </c>
      <c r="BZ2595" s="166">
        <v>0</v>
      </c>
      <c r="CA2595" s="166">
        <v>0</v>
      </c>
      <c r="CB2595" s="166">
        <v>0</v>
      </c>
      <c r="CC2595" s="166">
        <v>0</v>
      </c>
      <c r="CD2595" s="166">
        <v>0</v>
      </c>
      <c r="CE2595" s="166">
        <v>0</v>
      </c>
      <c r="CF2595" s="166">
        <v>0</v>
      </c>
      <c r="CG2595" s="166">
        <v>0</v>
      </c>
      <c r="CH2595" s="166">
        <v>0</v>
      </c>
      <c r="CI2595" s="166">
        <v>0</v>
      </c>
      <c r="CJ2595" s="166">
        <v>0</v>
      </c>
      <c r="CK2595" s="166">
        <v>0</v>
      </c>
      <c r="CL2595" s="166">
        <v>0</v>
      </c>
      <c r="CM2595" s="166">
        <v>0</v>
      </c>
      <c r="CN2595" s="166">
        <v>0</v>
      </c>
      <c r="CO2595" s="166">
        <v>0</v>
      </c>
      <c r="CP2595" s="166">
        <v>0</v>
      </c>
      <c r="CQ2595" s="166">
        <v>0</v>
      </c>
      <c r="CR2595" s="166">
        <v>0</v>
      </c>
      <c r="CS2595" s="166">
        <v>0</v>
      </c>
      <c r="CT2595" s="166">
        <v>0</v>
      </c>
      <c r="CU2595" s="166">
        <v>0</v>
      </c>
      <c r="CV2595" s="166">
        <v>0</v>
      </c>
      <c r="CW2595" s="166">
        <v>0</v>
      </c>
      <c r="CX2595" s="166">
        <v>0</v>
      </c>
      <c r="CY2595" s="166">
        <v>0</v>
      </c>
      <c r="CZ2595" s="166">
        <v>0</v>
      </c>
    </row>
    <row r="2596" spans="1:104" x14ac:dyDescent="0.2">
      <c r="A2596" s="167" t="s">
        <v>442</v>
      </c>
    </row>
    <row r="2597" spans="1:104" x14ac:dyDescent="0.2">
      <c r="A2597" s="167" t="s">
        <v>1195</v>
      </c>
      <c r="B2597" s="166">
        <v>-1230066.8</v>
      </c>
      <c r="C2597" s="166">
        <v>-1230066.8</v>
      </c>
      <c r="D2597" s="166">
        <v>0</v>
      </c>
      <c r="E2597" s="166">
        <v>0</v>
      </c>
      <c r="F2597" s="166">
        <v>0</v>
      </c>
      <c r="G2597" s="166">
        <v>0</v>
      </c>
      <c r="H2597" s="166">
        <v>0</v>
      </c>
      <c r="I2597" s="166">
        <v>0</v>
      </c>
      <c r="J2597" s="166">
        <v>0</v>
      </c>
      <c r="K2597" s="166">
        <v>0</v>
      </c>
      <c r="L2597" s="166">
        <v>0</v>
      </c>
      <c r="M2597" s="166">
        <v>0</v>
      </c>
      <c r="N2597" s="166">
        <v>0</v>
      </c>
      <c r="O2597" s="166">
        <v>0</v>
      </c>
      <c r="P2597" s="166">
        <v>0</v>
      </c>
      <c r="Q2597" s="166">
        <v>0</v>
      </c>
      <c r="R2597" s="166">
        <v>0</v>
      </c>
      <c r="S2597" s="166">
        <v>0</v>
      </c>
      <c r="T2597" s="166">
        <v>0</v>
      </c>
      <c r="U2597" s="166">
        <v>0</v>
      </c>
      <c r="V2597" s="166">
        <v>0</v>
      </c>
      <c r="W2597" s="166">
        <v>0</v>
      </c>
      <c r="X2597" s="166">
        <v>0</v>
      </c>
      <c r="Y2597" s="166">
        <v>0</v>
      </c>
      <c r="Z2597" s="166">
        <v>0</v>
      </c>
      <c r="AA2597" s="166">
        <v>0</v>
      </c>
      <c r="AB2597" s="166">
        <v>0</v>
      </c>
      <c r="AC2597" s="166">
        <v>0</v>
      </c>
      <c r="AD2597" s="166">
        <v>0</v>
      </c>
      <c r="AE2597" s="166">
        <v>0</v>
      </c>
      <c r="AF2597" s="166">
        <v>0</v>
      </c>
      <c r="AG2597" s="166">
        <v>0</v>
      </c>
      <c r="AH2597" s="166">
        <v>0</v>
      </c>
      <c r="AI2597" s="166">
        <v>0</v>
      </c>
      <c r="AJ2597" s="166">
        <v>0</v>
      </c>
      <c r="AK2597" s="166">
        <v>0</v>
      </c>
      <c r="AL2597" s="166">
        <v>0</v>
      </c>
      <c r="AM2597" s="166">
        <v>0</v>
      </c>
      <c r="AN2597" s="166">
        <v>0</v>
      </c>
      <c r="AO2597" s="166">
        <v>0</v>
      </c>
      <c r="AP2597" s="166">
        <v>0</v>
      </c>
      <c r="AQ2597" s="166">
        <v>0</v>
      </c>
      <c r="AR2597" s="166">
        <v>0</v>
      </c>
      <c r="AS2597" s="166">
        <v>0</v>
      </c>
      <c r="AT2597" s="166">
        <v>0</v>
      </c>
      <c r="AU2597" s="166">
        <v>0</v>
      </c>
      <c r="AV2597" s="166">
        <v>0</v>
      </c>
      <c r="AW2597" s="166">
        <v>0</v>
      </c>
      <c r="AX2597" s="166">
        <v>0</v>
      </c>
      <c r="AY2597" s="166">
        <v>0</v>
      </c>
      <c r="AZ2597" s="166">
        <v>0</v>
      </c>
      <c r="BA2597" s="166">
        <v>0</v>
      </c>
      <c r="BB2597" s="166">
        <v>0</v>
      </c>
      <c r="BC2597" s="166">
        <v>0</v>
      </c>
      <c r="BD2597" s="166">
        <v>0</v>
      </c>
      <c r="BE2597" s="166">
        <v>0</v>
      </c>
      <c r="BF2597" s="166">
        <v>0</v>
      </c>
      <c r="BG2597" s="166">
        <v>0</v>
      </c>
      <c r="BH2597" s="166">
        <v>0</v>
      </c>
      <c r="BI2597" s="166">
        <v>0</v>
      </c>
      <c r="BJ2597" s="166">
        <v>0</v>
      </c>
      <c r="BK2597" s="166">
        <v>0</v>
      </c>
      <c r="BL2597" s="166">
        <v>0</v>
      </c>
      <c r="BM2597" s="166">
        <v>0</v>
      </c>
      <c r="BN2597" s="166">
        <v>0</v>
      </c>
      <c r="BO2597" s="166">
        <v>0</v>
      </c>
      <c r="BP2597" s="166">
        <v>0</v>
      </c>
      <c r="BQ2597" s="166">
        <v>0</v>
      </c>
      <c r="BR2597" s="166">
        <v>-1230066.8</v>
      </c>
      <c r="BS2597" s="166">
        <v>-1230066.8</v>
      </c>
      <c r="BT2597" s="168">
        <v>1</v>
      </c>
      <c r="BU2597" s="166">
        <v>-667795.9</v>
      </c>
      <c r="BV2597" s="166">
        <v>-1230066.8</v>
      </c>
      <c r="BW2597" s="166">
        <v>0</v>
      </c>
      <c r="BX2597" s="166">
        <v>0</v>
      </c>
      <c r="BY2597" s="166">
        <v>0</v>
      </c>
      <c r="BZ2597" s="166">
        <v>0</v>
      </c>
      <c r="CA2597" s="166">
        <v>0</v>
      </c>
      <c r="CB2597" s="166">
        <v>0</v>
      </c>
      <c r="CC2597" s="166">
        <v>0</v>
      </c>
      <c r="CD2597" s="166">
        <v>0</v>
      </c>
      <c r="CE2597" s="166">
        <v>0</v>
      </c>
      <c r="CF2597" s="166">
        <v>0</v>
      </c>
      <c r="CG2597" s="166">
        <v>0</v>
      </c>
      <c r="CH2597" s="166">
        <v>0</v>
      </c>
      <c r="CI2597" s="166">
        <v>0</v>
      </c>
      <c r="CJ2597" s="166">
        <v>0</v>
      </c>
      <c r="CK2597" s="166">
        <v>0</v>
      </c>
      <c r="CL2597" s="166">
        <v>0</v>
      </c>
      <c r="CM2597" s="166">
        <v>0</v>
      </c>
      <c r="CN2597" s="166">
        <v>0</v>
      </c>
      <c r="CO2597" s="166">
        <v>0</v>
      </c>
      <c r="CP2597" s="166">
        <v>0</v>
      </c>
      <c r="CQ2597" s="166">
        <v>0</v>
      </c>
      <c r="CR2597" s="166">
        <v>0</v>
      </c>
      <c r="CS2597" s="166">
        <v>0</v>
      </c>
      <c r="CT2597" s="166">
        <v>0</v>
      </c>
      <c r="CU2597" s="166">
        <v>0</v>
      </c>
      <c r="CV2597" s="166">
        <v>0</v>
      </c>
      <c r="CW2597" s="166">
        <v>0</v>
      </c>
      <c r="CX2597" s="166">
        <v>0</v>
      </c>
      <c r="CY2597" s="166">
        <v>-1230066.8</v>
      </c>
      <c r="CZ2597" s="166">
        <v>-1230066.8</v>
      </c>
    </row>
    <row r="2598" spans="1:104" x14ac:dyDescent="0.2">
      <c r="A2598" s="167" t="s">
        <v>1196</v>
      </c>
      <c r="B2598" s="166">
        <v>0</v>
      </c>
      <c r="C2598" s="166">
        <v>0</v>
      </c>
      <c r="D2598" s="166">
        <v>0</v>
      </c>
      <c r="E2598" s="166">
        <v>0</v>
      </c>
      <c r="F2598" s="166">
        <v>0</v>
      </c>
      <c r="G2598" s="166">
        <v>0</v>
      </c>
      <c r="H2598" s="166">
        <v>0</v>
      </c>
      <c r="I2598" s="166">
        <v>0</v>
      </c>
      <c r="J2598" s="166">
        <v>0</v>
      </c>
      <c r="K2598" s="166">
        <v>0</v>
      </c>
      <c r="L2598" s="166">
        <v>0</v>
      </c>
      <c r="M2598" s="166">
        <v>0</v>
      </c>
      <c r="N2598" s="166">
        <v>0</v>
      </c>
      <c r="O2598" s="166">
        <v>0</v>
      </c>
      <c r="P2598" s="166">
        <v>0</v>
      </c>
      <c r="Q2598" s="166">
        <v>0</v>
      </c>
      <c r="R2598" s="166">
        <v>0</v>
      </c>
      <c r="S2598" s="166">
        <v>0</v>
      </c>
      <c r="T2598" s="166">
        <v>0</v>
      </c>
      <c r="U2598" s="166">
        <v>0</v>
      </c>
      <c r="V2598" s="166">
        <v>0</v>
      </c>
      <c r="W2598" s="166">
        <v>0</v>
      </c>
      <c r="X2598" s="166">
        <v>0</v>
      </c>
      <c r="Y2598" s="166">
        <v>0</v>
      </c>
      <c r="Z2598" s="166">
        <v>0</v>
      </c>
      <c r="AA2598" s="166">
        <v>0</v>
      </c>
      <c r="AB2598" s="166">
        <v>0</v>
      </c>
      <c r="AC2598" s="166">
        <v>0</v>
      </c>
      <c r="AD2598" s="166">
        <v>0</v>
      </c>
      <c r="AE2598" s="166">
        <v>0</v>
      </c>
      <c r="AF2598" s="166">
        <v>0</v>
      </c>
      <c r="AG2598" s="166">
        <v>0</v>
      </c>
      <c r="AH2598" s="166">
        <v>0</v>
      </c>
      <c r="AI2598" s="166">
        <v>0</v>
      </c>
      <c r="AJ2598" s="166">
        <v>0</v>
      </c>
      <c r="AK2598" s="166">
        <v>0</v>
      </c>
      <c r="AL2598" s="166">
        <v>0</v>
      </c>
      <c r="AM2598" s="166">
        <v>0</v>
      </c>
      <c r="AN2598" s="166">
        <v>0</v>
      </c>
      <c r="AO2598" s="166">
        <v>0</v>
      </c>
      <c r="AP2598" s="166">
        <v>0</v>
      </c>
      <c r="AQ2598" s="166">
        <v>0</v>
      </c>
      <c r="AR2598" s="166">
        <v>0</v>
      </c>
      <c r="AS2598" s="166">
        <v>0</v>
      </c>
      <c r="AT2598" s="166">
        <v>0</v>
      </c>
      <c r="AU2598" s="166">
        <v>0</v>
      </c>
      <c r="AV2598" s="166">
        <v>0</v>
      </c>
      <c r="AW2598" s="166">
        <v>0</v>
      </c>
      <c r="AX2598" s="166">
        <v>0</v>
      </c>
      <c r="AY2598" s="166">
        <v>0</v>
      </c>
      <c r="AZ2598" s="166">
        <v>0</v>
      </c>
      <c r="BA2598" s="166">
        <v>0</v>
      </c>
      <c r="BB2598" s="166">
        <v>0</v>
      </c>
      <c r="BC2598" s="166">
        <v>0</v>
      </c>
      <c r="BD2598" s="166">
        <v>0</v>
      </c>
      <c r="BE2598" s="166">
        <v>0</v>
      </c>
      <c r="BF2598" s="166">
        <v>0</v>
      </c>
      <c r="BG2598" s="166">
        <v>0</v>
      </c>
      <c r="BH2598" s="166">
        <v>0</v>
      </c>
      <c r="BI2598" s="166">
        <v>0</v>
      </c>
      <c r="BJ2598" s="166">
        <v>0</v>
      </c>
      <c r="BK2598" s="166">
        <v>0</v>
      </c>
      <c r="BL2598" s="166">
        <v>0</v>
      </c>
      <c r="BM2598" s="166">
        <v>0</v>
      </c>
      <c r="BN2598" s="166">
        <v>0</v>
      </c>
      <c r="BO2598" s="166">
        <v>0</v>
      </c>
      <c r="BP2598" s="166">
        <v>0</v>
      </c>
      <c r="BQ2598" s="166">
        <v>0</v>
      </c>
      <c r="BR2598" s="166">
        <v>0</v>
      </c>
      <c r="BS2598" s="166">
        <v>0</v>
      </c>
      <c r="BT2598" s="168">
        <v>0</v>
      </c>
      <c r="BU2598" s="166">
        <v>0</v>
      </c>
      <c r="BV2598" s="166">
        <v>0</v>
      </c>
      <c r="BW2598" s="166">
        <v>0</v>
      </c>
      <c r="BX2598" s="166">
        <v>0</v>
      </c>
      <c r="BY2598" s="166">
        <v>0</v>
      </c>
      <c r="BZ2598" s="166">
        <v>0</v>
      </c>
      <c r="CA2598" s="166">
        <v>0</v>
      </c>
      <c r="CB2598" s="166">
        <v>0</v>
      </c>
      <c r="CC2598" s="166">
        <v>0</v>
      </c>
      <c r="CD2598" s="166">
        <v>0</v>
      </c>
      <c r="CE2598" s="166">
        <v>0</v>
      </c>
      <c r="CF2598" s="166">
        <v>0</v>
      </c>
      <c r="CG2598" s="166">
        <v>0</v>
      </c>
      <c r="CH2598" s="166">
        <v>0</v>
      </c>
      <c r="CI2598" s="166">
        <v>0</v>
      </c>
      <c r="CJ2598" s="166">
        <v>0</v>
      </c>
      <c r="CK2598" s="166">
        <v>0</v>
      </c>
      <c r="CL2598" s="166">
        <v>0</v>
      </c>
      <c r="CM2598" s="166">
        <v>0</v>
      </c>
      <c r="CN2598" s="166">
        <v>0</v>
      </c>
      <c r="CO2598" s="166">
        <v>0</v>
      </c>
      <c r="CP2598" s="166">
        <v>0</v>
      </c>
      <c r="CQ2598" s="166">
        <v>0</v>
      </c>
      <c r="CR2598" s="166">
        <v>0</v>
      </c>
      <c r="CS2598" s="166">
        <v>0</v>
      </c>
      <c r="CT2598" s="166">
        <v>0</v>
      </c>
      <c r="CU2598" s="166">
        <v>0</v>
      </c>
      <c r="CV2598" s="166">
        <v>0</v>
      </c>
      <c r="CW2598" s="166">
        <v>0</v>
      </c>
      <c r="CX2598" s="166">
        <v>0</v>
      </c>
      <c r="CY2598" s="166">
        <v>0</v>
      </c>
      <c r="CZ2598" s="166">
        <v>0</v>
      </c>
    </row>
    <row r="2599" spans="1:104" x14ac:dyDescent="0.2">
      <c r="A2599" s="167" t="s">
        <v>445</v>
      </c>
      <c r="B2599" s="166">
        <v>0</v>
      </c>
      <c r="C2599" s="166">
        <v>0</v>
      </c>
      <c r="D2599" s="166">
        <v>0</v>
      </c>
      <c r="E2599" s="166">
        <v>0</v>
      </c>
      <c r="F2599" s="166">
        <v>0</v>
      </c>
      <c r="G2599" s="166">
        <v>0</v>
      </c>
      <c r="H2599" s="166">
        <v>0</v>
      </c>
      <c r="I2599" s="166">
        <v>0</v>
      </c>
      <c r="J2599" s="166">
        <v>0</v>
      </c>
      <c r="K2599" s="166">
        <v>0</v>
      </c>
      <c r="L2599" s="166">
        <v>0</v>
      </c>
      <c r="M2599" s="166">
        <v>0</v>
      </c>
      <c r="N2599" s="166">
        <v>0</v>
      </c>
      <c r="O2599" s="166">
        <v>0</v>
      </c>
      <c r="P2599" s="166">
        <v>0</v>
      </c>
      <c r="Q2599" s="166">
        <v>0</v>
      </c>
      <c r="R2599" s="166">
        <v>0</v>
      </c>
      <c r="S2599" s="166">
        <v>0</v>
      </c>
      <c r="T2599" s="166">
        <v>0</v>
      </c>
      <c r="U2599" s="166">
        <v>0</v>
      </c>
      <c r="V2599" s="166">
        <v>0</v>
      </c>
      <c r="W2599" s="166">
        <v>0</v>
      </c>
      <c r="X2599" s="166">
        <v>0</v>
      </c>
      <c r="Y2599" s="166">
        <v>0</v>
      </c>
      <c r="Z2599" s="166">
        <v>0</v>
      </c>
      <c r="AA2599" s="166">
        <v>0</v>
      </c>
      <c r="AB2599" s="166">
        <v>0</v>
      </c>
      <c r="AC2599" s="166">
        <v>0</v>
      </c>
      <c r="AD2599" s="166">
        <v>0</v>
      </c>
      <c r="AE2599" s="166">
        <v>0</v>
      </c>
      <c r="AF2599" s="166">
        <v>0</v>
      </c>
      <c r="AG2599" s="166">
        <v>0</v>
      </c>
      <c r="AH2599" s="166">
        <v>0</v>
      </c>
      <c r="AI2599" s="166">
        <v>0</v>
      </c>
      <c r="AJ2599" s="166">
        <v>0</v>
      </c>
      <c r="AK2599" s="166">
        <v>0</v>
      </c>
      <c r="AL2599" s="166">
        <v>0</v>
      </c>
      <c r="AM2599" s="166">
        <v>0</v>
      </c>
      <c r="AN2599" s="166">
        <v>0</v>
      </c>
      <c r="AO2599" s="166">
        <v>0</v>
      </c>
      <c r="AP2599" s="166">
        <v>0</v>
      </c>
      <c r="AQ2599" s="166">
        <v>0</v>
      </c>
      <c r="AR2599" s="166">
        <v>0</v>
      </c>
      <c r="AS2599" s="166">
        <v>0</v>
      </c>
      <c r="AT2599" s="166">
        <v>0</v>
      </c>
      <c r="AU2599" s="166">
        <v>0</v>
      </c>
      <c r="AV2599" s="166">
        <v>0</v>
      </c>
      <c r="AW2599" s="166">
        <v>0</v>
      </c>
      <c r="AX2599" s="166">
        <v>-4013023.0514417398</v>
      </c>
      <c r="AY2599" s="166">
        <v>0</v>
      </c>
      <c r="AZ2599" s="166">
        <v>0</v>
      </c>
      <c r="BA2599" s="166">
        <v>0</v>
      </c>
      <c r="BB2599" s="166">
        <v>0</v>
      </c>
      <c r="BC2599" s="166">
        <v>0</v>
      </c>
      <c r="BD2599" s="166">
        <v>0</v>
      </c>
      <c r="BE2599" s="166">
        <v>0</v>
      </c>
      <c r="BF2599" s="166">
        <v>0</v>
      </c>
      <c r="BG2599" s="166">
        <v>0</v>
      </c>
      <c r="BH2599" s="166">
        <v>0</v>
      </c>
      <c r="BI2599" s="166">
        <v>0</v>
      </c>
      <c r="BJ2599" s="166">
        <v>0</v>
      </c>
      <c r="BK2599" s="166">
        <v>0</v>
      </c>
      <c r="BL2599" s="166">
        <v>0</v>
      </c>
      <c r="BM2599" s="166">
        <v>0</v>
      </c>
      <c r="BN2599" s="166">
        <v>0</v>
      </c>
      <c r="BO2599" s="166">
        <v>-4013023.0514417398</v>
      </c>
      <c r="BP2599" s="166">
        <v>0</v>
      </c>
      <c r="BQ2599" s="166">
        <v>0</v>
      </c>
      <c r="BR2599" s="166">
        <v>0</v>
      </c>
      <c r="BS2599" s="166">
        <v>-4013023.0514417398</v>
      </c>
      <c r="BT2599" s="168">
        <v>1</v>
      </c>
      <c r="BU2599" s="166">
        <v>0</v>
      </c>
      <c r="BV2599" s="166">
        <v>0</v>
      </c>
      <c r="BW2599" s="166">
        <v>0</v>
      </c>
      <c r="BX2599" s="166">
        <v>0</v>
      </c>
      <c r="BY2599" s="166">
        <v>0</v>
      </c>
      <c r="BZ2599" s="166">
        <v>0</v>
      </c>
      <c r="CA2599" s="166">
        <v>0</v>
      </c>
      <c r="CB2599" s="166">
        <v>0</v>
      </c>
      <c r="CC2599" s="166">
        <v>0</v>
      </c>
      <c r="CD2599" s="166">
        <v>0</v>
      </c>
      <c r="CE2599" s="166">
        <v>0</v>
      </c>
      <c r="CF2599" s="166">
        <v>0</v>
      </c>
      <c r="CG2599" s="166">
        <v>0</v>
      </c>
      <c r="CH2599" s="166">
        <v>-4013023.0514417398</v>
      </c>
      <c r="CI2599" s="166">
        <v>0</v>
      </c>
      <c r="CJ2599" s="166">
        <v>0</v>
      </c>
      <c r="CK2599" s="166">
        <v>0</v>
      </c>
      <c r="CL2599" s="166">
        <v>0</v>
      </c>
      <c r="CM2599" s="166">
        <v>0</v>
      </c>
      <c r="CN2599" s="166">
        <v>0</v>
      </c>
      <c r="CO2599" s="166">
        <v>0</v>
      </c>
      <c r="CP2599" s="166">
        <v>0</v>
      </c>
      <c r="CQ2599" s="166">
        <v>0</v>
      </c>
      <c r="CR2599" s="166">
        <v>0</v>
      </c>
      <c r="CS2599" s="166">
        <v>0</v>
      </c>
      <c r="CT2599" s="166">
        <v>0</v>
      </c>
      <c r="CU2599" s="166">
        <v>0</v>
      </c>
      <c r="CV2599" s="166">
        <v>-4013023.0514417398</v>
      </c>
      <c r="CW2599" s="166">
        <v>0</v>
      </c>
      <c r="CX2599" s="166">
        <v>0</v>
      </c>
      <c r="CY2599" s="166">
        <v>-4013023.0514417398</v>
      </c>
      <c r="CZ2599" s="166">
        <v>-4013023.0514417398</v>
      </c>
    </row>
    <row r="2600" spans="1:104" x14ac:dyDescent="0.2">
      <c r="A2600" s="167" t="s">
        <v>1197</v>
      </c>
      <c r="B2600" s="166">
        <v>-1230066.8</v>
      </c>
      <c r="C2600" s="166">
        <v>-1230066.8</v>
      </c>
      <c r="D2600" s="166">
        <v>0</v>
      </c>
      <c r="E2600" s="166">
        <v>0</v>
      </c>
      <c r="F2600" s="166">
        <v>0</v>
      </c>
      <c r="G2600" s="166">
        <v>0</v>
      </c>
      <c r="H2600" s="166">
        <v>0</v>
      </c>
      <c r="I2600" s="166">
        <v>0</v>
      </c>
      <c r="J2600" s="166">
        <v>0</v>
      </c>
      <c r="K2600" s="166">
        <v>0</v>
      </c>
      <c r="L2600" s="166">
        <v>0</v>
      </c>
      <c r="M2600" s="166">
        <v>0</v>
      </c>
      <c r="N2600" s="166">
        <v>0</v>
      </c>
      <c r="O2600" s="166">
        <v>0</v>
      </c>
      <c r="P2600" s="166">
        <v>0</v>
      </c>
      <c r="Q2600" s="166">
        <v>0</v>
      </c>
      <c r="R2600" s="166">
        <v>0</v>
      </c>
      <c r="S2600" s="166">
        <v>0</v>
      </c>
      <c r="T2600" s="166">
        <v>0</v>
      </c>
      <c r="U2600" s="166">
        <v>0</v>
      </c>
      <c r="V2600" s="166">
        <v>0</v>
      </c>
      <c r="W2600" s="166">
        <v>0</v>
      </c>
      <c r="X2600" s="166">
        <v>0</v>
      </c>
      <c r="Y2600" s="166">
        <v>0</v>
      </c>
      <c r="Z2600" s="166">
        <v>0</v>
      </c>
      <c r="AA2600" s="166">
        <v>0</v>
      </c>
      <c r="AB2600" s="166">
        <v>0</v>
      </c>
      <c r="AC2600" s="166">
        <v>0</v>
      </c>
      <c r="AD2600" s="166">
        <v>0</v>
      </c>
      <c r="AE2600" s="166">
        <v>0</v>
      </c>
      <c r="AF2600" s="166">
        <v>0</v>
      </c>
      <c r="AG2600" s="166">
        <v>0</v>
      </c>
      <c r="AH2600" s="166">
        <v>0</v>
      </c>
      <c r="AI2600" s="166">
        <v>0</v>
      </c>
      <c r="AJ2600" s="166">
        <v>0</v>
      </c>
      <c r="AK2600" s="166">
        <v>0</v>
      </c>
      <c r="AL2600" s="166">
        <v>0</v>
      </c>
      <c r="AM2600" s="166">
        <v>0</v>
      </c>
      <c r="AN2600" s="166">
        <v>0</v>
      </c>
      <c r="AO2600" s="166">
        <v>0</v>
      </c>
      <c r="AP2600" s="166">
        <v>0</v>
      </c>
      <c r="AQ2600" s="166">
        <v>0</v>
      </c>
      <c r="AR2600" s="166">
        <v>0</v>
      </c>
      <c r="AS2600" s="166">
        <v>0</v>
      </c>
      <c r="AT2600" s="166">
        <v>0</v>
      </c>
      <c r="AU2600" s="166">
        <v>0</v>
      </c>
      <c r="AV2600" s="166">
        <v>0</v>
      </c>
      <c r="AW2600" s="166">
        <v>0</v>
      </c>
      <c r="AX2600" s="166">
        <v>-4013023.0514417398</v>
      </c>
      <c r="AY2600" s="166">
        <v>0</v>
      </c>
      <c r="AZ2600" s="166">
        <v>0</v>
      </c>
      <c r="BA2600" s="166">
        <v>0</v>
      </c>
      <c r="BB2600" s="166">
        <v>0</v>
      </c>
      <c r="BC2600" s="166">
        <v>0</v>
      </c>
      <c r="BD2600" s="166">
        <v>0</v>
      </c>
      <c r="BE2600" s="166">
        <v>0</v>
      </c>
      <c r="BF2600" s="166">
        <v>0</v>
      </c>
      <c r="BG2600" s="166">
        <v>0</v>
      </c>
      <c r="BH2600" s="166">
        <v>0</v>
      </c>
      <c r="BI2600" s="166">
        <v>0</v>
      </c>
      <c r="BJ2600" s="166">
        <v>0</v>
      </c>
      <c r="BK2600" s="166">
        <v>0</v>
      </c>
      <c r="BL2600" s="166">
        <v>0</v>
      </c>
      <c r="BM2600" s="166">
        <v>0</v>
      </c>
      <c r="BN2600" s="166">
        <v>0</v>
      </c>
      <c r="BO2600" s="166">
        <v>-4013023.0514417398</v>
      </c>
      <c r="BP2600" s="166">
        <v>0</v>
      </c>
      <c r="BQ2600" s="166">
        <v>0</v>
      </c>
      <c r="BR2600" s="166">
        <v>-1230066.8</v>
      </c>
      <c r="BS2600" s="166">
        <v>-5243089.8514417503</v>
      </c>
      <c r="BT2600" s="168">
        <v>0</v>
      </c>
      <c r="BU2600" s="166">
        <v>-667795.9</v>
      </c>
      <c r="BV2600" s="166">
        <v>-1230066.8</v>
      </c>
      <c r="BW2600" s="166">
        <v>0</v>
      </c>
      <c r="BX2600" s="166">
        <v>0</v>
      </c>
      <c r="BY2600" s="166">
        <v>0</v>
      </c>
      <c r="BZ2600" s="166">
        <v>0</v>
      </c>
      <c r="CA2600" s="166">
        <v>0</v>
      </c>
      <c r="CB2600" s="166">
        <v>0</v>
      </c>
      <c r="CC2600" s="166">
        <v>0</v>
      </c>
      <c r="CD2600" s="166">
        <v>0</v>
      </c>
      <c r="CE2600" s="166">
        <v>0</v>
      </c>
      <c r="CF2600" s="166">
        <v>0</v>
      </c>
      <c r="CG2600" s="166">
        <v>0</v>
      </c>
      <c r="CH2600" s="166">
        <v>-4013023.0514417398</v>
      </c>
      <c r="CI2600" s="166">
        <v>0</v>
      </c>
      <c r="CJ2600" s="166">
        <v>0</v>
      </c>
      <c r="CK2600" s="166">
        <v>0</v>
      </c>
      <c r="CL2600" s="166">
        <v>0</v>
      </c>
      <c r="CM2600" s="166">
        <v>0</v>
      </c>
      <c r="CN2600" s="166">
        <v>0</v>
      </c>
      <c r="CO2600" s="166">
        <v>0</v>
      </c>
      <c r="CP2600" s="166">
        <v>0</v>
      </c>
      <c r="CQ2600" s="166">
        <v>0</v>
      </c>
      <c r="CR2600" s="166">
        <v>0</v>
      </c>
      <c r="CS2600" s="166">
        <v>0</v>
      </c>
      <c r="CT2600" s="166">
        <v>0</v>
      </c>
      <c r="CU2600" s="166">
        <v>0</v>
      </c>
      <c r="CV2600" s="166">
        <v>-4013023.0514417398</v>
      </c>
      <c r="CW2600" s="166">
        <v>0</v>
      </c>
      <c r="CX2600" s="166">
        <v>0</v>
      </c>
      <c r="CY2600" s="166">
        <v>-5243089.8514417503</v>
      </c>
      <c r="CZ2600" s="166">
        <v>-5243089.8514417503</v>
      </c>
    </row>
    <row r="2601" spans="1:104" x14ac:dyDescent="0.2">
      <c r="A2601" s="167" t="s">
        <v>447</v>
      </c>
    </row>
    <row r="2602" spans="1:104" x14ac:dyDescent="0.2">
      <c r="A2602" s="167" t="s">
        <v>1198</v>
      </c>
      <c r="B2602" s="166">
        <v>-2238653.0299999998</v>
      </c>
      <c r="C2602" s="166">
        <v>-2238653.0299999998</v>
      </c>
      <c r="D2602" s="166">
        <v>0</v>
      </c>
      <c r="E2602" s="166">
        <v>0</v>
      </c>
      <c r="F2602" s="166">
        <v>0</v>
      </c>
      <c r="G2602" s="166">
        <v>0</v>
      </c>
      <c r="H2602" s="166">
        <v>0</v>
      </c>
      <c r="I2602" s="166">
        <v>0</v>
      </c>
      <c r="J2602" s="166">
        <v>0</v>
      </c>
      <c r="K2602" s="166">
        <v>0</v>
      </c>
      <c r="L2602" s="166">
        <v>0</v>
      </c>
      <c r="M2602" s="166">
        <v>0</v>
      </c>
      <c r="N2602" s="166">
        <v>0</v>
      </c>
      <c r="O2602" s="166">
        <v>0</v>
      </c>
      <c r="P2602" s="166">
        <v>0</v>
      </c>
      <c r="Q2602" s="166">
        <v>0</v>
      </c>
      <c r="R2602" s="166">
        <v>0</v>
      </c>
      <c r="S2602" s="166">
        <v>0</v>
      </c>
      <c r="T2602" s="166">
        <v>0</v>
      </c>
      <c r="U2602" s="166">
        <v>0</v>
      </c>
      <c r="V2602" s="166">
        <v>0</v>
      </c>
      <c r="W2602" s="166">
        <v>0</v>
      </c>
      <c r="X2602" s="166">
        <v>0</v>
      </c>
      <c r="Y2602" s="166">
        <v>0</v>
      </c>
      <c r="Z2602" s="166">
        <v>0</v>
      </c>
      <c r="AA2602" s="166">
        <v>0</v>
      </c>
      <c r="AB2602" s="166">
        <v>0</v>
      </c>
      <c r="AC2602" s="166">
        <v>0</v>
      </c>
      <c r="AD2602" s="166">
        <v>0</v>
      </c>
      <c r="AE2602" s="166">
        <v>0</v>
      </c>
      <c r="AF2602" s="166">
        <v>0</v>
      </c>
      <c r="AG2602" s="166">
        <v>0</v>
      </c>
      <c r="AH2602" s="166">
        <v>0</v>
      </c>
      <c r="AI2602" s="166">
        <v>0</v>
      </c>
      <c r="AJ2602" s="166">
        <v>0</v>
      </c>
      <c r="AK2602" s="166">
        <v>0</v>
      </c>
      <c r="AL2602" s="166">
        <v>0</v>
      </c>
      <c r="AM2602" s="166">
        <v>0</v>
      </c>
      <c r="AN2602" s="166">
        <v>0</v>
      </c>
      <c r="AO2602" s="166">
        <v>0</v>
      </c>
      <c r="AP2602" s="166">
        <v>0</v>
      </c>
      <c r="AQ2602" s="166">
        <v>0</v>
      </c>
      <c r="AR2602" s="166">
        <v>0</v>
      </c>
      <c r="AS2602" s="166">
        <v>0</v>
      </c>
      <c r="AT2602" s="166">
        <v>0</v>
      </c>
      <c r="AU2602" s="166">
        <v>0</v>
      </c>
      <c r="AV2602" s="166">
        <v>0</v>
      </c>
      <c r="AW2602" s="166">
        <v>0</v>
      </c>
      <c r="AX2602" s="166">
        <v>0</v>
      </c>
      <c r="AY2602" s="166">
        <v>0</v>
      </c>
      <c r="AZ2602" s="166">
        <v>0</v>
      </c>
      <c r="BA2602" s="166">
        <v>0</v>
      </c>
      <c r="BB2602" s="166">
        <v>0</v>
      </c>
      <c r="BC2602" s="166">
        <v>0</v>
      </c>
      <c r="BD2602" s="166">
        <v>0</v>
      </c>
      <c r="BE2602" s="166">
        <v>0</v>
      </c>
      <c r="BF2602" s="166">
        <v>0</v>
      </c>
      <c r="BG2602" s="166">
        <v>0</v>
      </c>
      <c r="BH2602" s="166">
        <v>0</v>
      </c>
      <c r="BI2602" s="166">
        <v>0</v>
      </c>
      <c r="BJ2602" s="166">
        <v>0</v>
      </c>
      <c r="BK2602" s="166">
        <v>0</v>
      </c>
      <c r="BL2602" s="166">
        <v>0</v>
      </c>
      <c r="BM2602" s="166">
        <v>0</v>
      </c>
      <c r="BN2602" s="166">
        <v>0</v>
      </c>
      <c r="BO2602" s="166">
        <v>0</v>
      </c>
      <c r="BP2602" s="166">
        <v>0</v>
      </c>
      <c r="BQ2602" s="166">
        <v>0</v>
      </c>
      <c r="BR2602" s="166">
        <v>-2238653.0299999998</v>
      </c>
      <c r="BS2602" s="166">
        <v>-2238653.0299999998</v>
      </c>
      <c r="BT2602" s="168">
        <v>0.96779000000000004</v>
      </c>
      <c r="BU2602" s="166">
        <v>-175482.54745839999</v>
      </c>
      <c r="BV2602" s="166">
        <v>-2166546.0159037001</v>
      </c>
      <c r="BW2602" s="166">
        <v>0</v>
      </c>
      <c r="BX2602" s="166">
        <v>0</v>
      </c>
      <c r="BY2602" s="166">
        <v>0</v>
      </c>
      <c r="BZ2602" s="166">
        <v>0</v>
      </c>
      <c r="CA2602" s="166">
        <v>0</v>
      </c>
      <c r="CB2602" s="166">
        <v>0</v>
      </c>
      <c r="CC2602" s="166">
        <v>0</v>
      </c>
      <c r="CD2602" s="166">
        <v>0</v>
      </c>
      <c r="CE2602" s="166">
        <v>0</v>
      </c>
      <c r="CF2602" s="166">
        <v>0</v>
      </c>
      <c r="CG2602" s="166">
        <v>0</v>
      </c>
      <c r="CH2602" s="166">
        <v>0</v>
      </c>
      <c r="CI2602" s="166">
        <v>0</v>
      </c>
      <c r="CJ2602" s="166">
        <v>0</v>
      </c>
      <c r="CK2602" s="166">
        <v>0</v>
      </c>
      <c r="CL2602" s="166">
        <v>0</v>
      </c>
      <c r="CM2602" s="166">
        <v>0</v>
      </c>
      <c r="CN2602" s="166">
        <v>0</v>
      </c>
      <c r="CO2602" s="166">
        <v>0</v>
      </c>
      <c r="CP2602" s="166">
        <v>0</v>
      </c>
      <c r="CQ2602" s="166">
        <v>0</v>
      </c>
      <c r="CR2602" s="166">
        <v>0</v>
      </c>
      <c r="CS2602" s="166">
        <v>0</v>
      </c>
      <c r="CT2602" s="166">
        <v>0</v>
      </c>
      <c r="CU2602" s="166">
        <v>0</v>
      </c>
      <c r="CV2602" s="166">
        <v>0</v>
      </c>
      <c r="CW2602" s="166">
        <v>0</v>
      </c>
      <c r="CX2602" s="166">
        <v>0</v>
      </c>
      <c r="CY2602" s="166">
        <v>-2166546.0159037001</v>
      </c>
      <c r="CZ2602" s="166">
        <v>-2166546.0159037001</v>
      </c>
    </row>
    <row r="2603" spans="1:104" x14ac:dyDescent="0.2">
      <c r="A2603" s="167" t="s">
        <v>449</v>
      </c>
    </row>
    <row r="2604" spans="1:104" x14ac:dyDescent="0.2">
      <c r="A2604" s="167" t="s">
        <v>1199</v>
      </c>
      <c r="B2604" s="166">
        <v>-17633403.179999899</v>
      </c>
      <c r="C2604" s="166">
        <v>-17633403.179999899</v>
      </c>
      <c r="D2604" s="166">
        <v>0</v>
      </c>
      <c r="E2604" s="166">
        <v>0</v>
      </c>
      <c r="F2604" s="166">
        <v>0</v>
      </c>
      <c r="G2604" s="166">
        <v>0</v>
      </c>
      <c r="H2604" s="166">
        <v>0</v>
      </c>
      <c r="I2604" s="166">
        <v>0</v>
      </c>
      <c r="J2604" s="166">
        <v>0</v>
      </c>
      <c r="K2604" s="166">
        <v>0</v>
      </c>
      <c r="L2604" s="166">
        <v>0</v>
      </c>
      <c r="M2604" s="166">
        <v>0</v>
      </c>
      <c r="N2604" s="166">
        <v>0</v>
      </c>
      <c r="O2604" s="166">
        <v>0</v>
      </c>
      <c r="P2604" s="166">
        <v>0</v>
      </c>
      <c r="Q2604" s="166">
        <v>0</v>
      </c>
      <c r="R2604" s="166">
        <v>0</v>
      </c>
      <c r="S2604" s="166">
        <v>0</v>
      </c>
      <c r="T2604" s="166">
        <v>0</v>
      </c>
      <c r="U2604" s="166">
        <v>0</v>
      </c>
      <c r="V2604" s="166">
        <v>0</v>
      </c>
      <c r="W2604" s="166">
        <v>0</v>
      </c>
      <c r="X2604" s="166">
        <v>0</v>
      </c>
      <c r="Y2604" s="166">
        <v>0</v>
      </c>
      <c r="Z2604" s="166">
        <v>0</v>
      </c>
      <c r="AA2604" s="166">
        <v>0</v>
      </c>
      <c r="AB2604" s="166">
        <v>0</v>
      </c>
      <c r="AC2604" s="166">
        <v>0</v>
      </c>
      <c r="AD2604" s="166">
        <v>0</v>
      </c>
      <c r="AE2604" s="166">
        <v>0</v>
      </c>
      <c r="AF2604" s="166">
        <v>0</v>
      </c>
      <c r="AG2604" s="166">
        <v>0</v>
      </c>
      <c r="AH2604" s="166">
        <v>0</v>
      </c>
      <c r="AI2604" s="166">
        <v>0</v>
      </c>
      <c r="AJ2604" s="166">
        <v>0</v>
      </c>
      <c r="AK2604" s="166">
        <v>0</v>
      </c>
      <c r="AL2604" s="166">
        <v>0</v>
      </c>
      <c r="AM2604" s="166">
        <v>0</v>
      </c>
      <c r="AN2604" s="166">
        <v>0</v>
      </c>
      <c r="AO2604" s="166">
        <v>0</v>
      </c>
      <c r="AP2604" s="166">
        <v>0</v>
      </c>
      <c r="AQ2604" s="166">
        <v>0</v>
      </c>
      <c r="AR2604" s="166">
        <v>0</v>
      </c>
      <c r="AS2604" s="166">
        <v>0</v>
      </c>
      <c r="AT2604" s="166">
        <v>0</v>
      </c>
      <c r="AU2604" s="166">
        <v>0</v>
      </c>
      <c r="AV2604" s="166">
        <v>0</v>
      </c>
      <c r="AW2604" s="166">
        <v>0</v>
      </c>
      <c r="AX2604" s="166">
        <v>0</v>
      </c>
      <c r="AY2604" s="166">
        <v>0</v>
      </c>
      <c r="AZ2604" s="166">
        <v>0</v>
      </c>
      <c r="BA2604" s="166">
        <v>0</v>
      </c>
      <c r="BB2604" s="166">
        <v>0</v>
      </c>
      <c r="BC2604" s="166">
        <v>0</v>
      </c>
      <c r="BD2604" s="166">
        <v>0</v>
      </c>
      <c r="BE2604" s="166">
        <v>0</v>
      </c>
      <c r="BF2604" s="166">
        <v>0</v>
      </c>
      <c r="BG2604" s="166">
        <v>0</v>
      </c>
      <c r="BH2604" s="166">
        <v>0</v>
      </c>
      <c r="BI2604" s="166">
        <v>0</v>
      </c>
      <c r="BJ2604" s="166">
        <v>0</v>
      </c>
      <c r="BK2604" s="166">
        <v>0</v>
      </c>
      <c r="BL2604" s="166">
        <v>0</v>
      </c>
      <c r="BM2604" s="166">
        <v>0</v>
      </c>
      <c r="BN2604" s="166">
        <v>0</v>
      </c>
      <c r="BO2604" s="166">
        <v>0</v>
      </c>
      <c r="BP2604" s="166">
        <v>0</v>
      </c>
      <c r="BQ2604" s="166">
        <v>0</v>
      </c>
      <c r="BR2604" s="166">
        <v>-17633403.179999899</v>
      </c>
      <c r="BS2604" s="166">
        <v>-17633403.179999899</v>
      </c>
      <c r="BT2604" s="168">
        <v>0.96779000000000004</v>
      </c>
      <c r="BU2604" s="166">
        <v>-1394474.6167565901</v>
      </c>
      <c r="BV2604" s="166">
        <v>-17065431.263572101</v>
      </c>
      <c r="BW2604" s="166">
        <v>0</v>
      </c>
      <c r="BX2604" s="166">
        <v>0</v>
      </c>
      <c r="BY2604" s="166">
        <v>0</v>
      </c>
      <c r="BZ2604" s="166">
        <v>0</v>
      </c>
      <c r="CA2604" s="166">
        <v>0</v>
      </c>
      <c r="CB2604" s="166">
        <v>0</v>
      </c>
      <c r="CC2604" s="166">
        <v>0</v>
      </c>
      <c r="CD2604" s="166">
        <v>0</v>
      </c>
      <c r="CE2604" s="166">
        <v>0</v>
      </c>
      <c r="CF2604" s="166">
        <v>0</v>
      </c>
      <c r="CG2604" s="166">
        <v>0</v>
      </c>
      <c r="CH2604" s="166">
        <v>0</v>
      </c>
      <c r="CI2604" s="166">
        <v>0</v>
      </c>
      <c r="CJ2604" s="166">
        <v>0</v>
      </c>
      <c r="CK2604" s="166">
        <v>0</v>
      </c>
      <c r="CL2604" s="166">
        <v>0</v>
      </c>
      <c r="CM2604" s="166">
        <v>0</v>
      </c>
      <c r="CN2604" s="166">
        <v>0</v>
      </c>
      <c r="CO2604" s="166">
        <v>0</v>
      </c>
      <c r="CP2604" s="166">
        <v>0</v>
      </c>
      <c r="CQ2604" s="166">
        <v>0</v>
      </c>
      <c r="CR2604" s="166">
        <v>0</v>
      </c>
      <c r="CS2604" s="166">
        <v>0</v>
      </c>
      <c r="CT2604" s="166">
        <v>0</v>
      </c>
      <c r="CU2604" s="166">
        <v>0</v>
      </c>
      <c r="CV2604" s="166">
        <v>0</v>
      </c>
      <c r="CW2604" s="166">
        <v>0</v>
      </c>
      <c r="CX2604" s="166">
        <v>0</v>
      </c>
      <c r="CY2604" s="166">
        <v>-17065431.263572101</v>
      </c>
      <c r="CZ2604" s="166">
        <v>-17065431.263572101</v>
      </c>
    </row>
    <row r="2605" spans="1:104" x14ac:dyDescent="0.2">
      <c r="A2605" s="167" t="s">
        <v>451</v>
      </c>
    </row>
    <row r="2606" spans="1:104" x14ac:dyDescent="0.2">
      <c r="A2606" s="167" t="s">
        <v>1200</v>
      </c>
      <c r="B2606" s="166">
        <v>24790644.890000001</v>
      </c>
      <c r="C2606" s="166">
        <v>24790644.890000001</v>
      </c>
      <c r="D2606" s="166">
        <v>0</v>
      </c>
      <c r="E2606" s="166">
        <v>0</v>
      </c>
      <c r="F2606" s="166">
        <v>0</v>
      </c>
      <c r="G2606" s="166">
        <v>0</v>
      </c>
      <c r="H2606" s="166">
        <v>0</v>
      </c>
      <c r="I2606" s="166">
        <v>0</v>
      </c>
      <c r="J2606" s="166">
        <v>0</v>
      </c>
      <c r="K2606" s="166">
        <v>0</v>
      </c>
      <c r="L2606" s="166">
        <v>0</v>
      </c>
      <c r="M2606" s="166">
        <v>0</v>
      </c>
      <c r="N2606" s="166">
        <v>0</v>
      </c>
      <c r="O2606" s="166">
        <v>0</v>
      </c>
      <c r="P2606" s="166">
        <v>0</v>
      </c>
      <c r="Q2606" s="166">
        <v>0</v>
      </c>
      <c r="R2606" s="166">
        <v>0</v>
      </c>
      <c r="S2606" s="166">
        <v>0</v>
      </c>
      <c r="T2606" s="166">
        <v>0</v>
      </c>
      <c r="U2606" s="166">
        <v>0</v>
      </c>
      <c r="V2606" s="166">
        <v>0</v>
      </c>
      <c r="W2606" s="166">
        <v>0</v>
      </c>
      <c r="X2606" s="166">
        <v>0</v>
      </c>
      <c r="Y2606" s="166">
        <v>0</v>
      </c>
      <c r="Z2606" s="166">
        <v>0</v>
      </c>
      <c r="AA2606" s="166">
        <v>0</v>
      </c>
      <c r="AB2606" s="166">
        <v>0</v>
      </c>
      <c r="AC2606" s="166">
        <v>0</v>
      </c>
      <c r="AD2606" s="166">
        <v>0</v>
      </c>
      <c r="AE2606" s="166">
        <v>0</v>
      </c>
      <c r="AF2606" s="166">
        <v>0</v>
      </c>
      <c r="AG2606" s="166">
        <v>0</v>
      </c>
      <c r="AH2606" s="166">
        <v>0</v>
      </c>
      <c r="AI2606" s="166">
        <v>0</v>
      </c>
      <c r="AJ2606" s="166">
        <v>0</v>
      </c>
      <c r="AK2606" s="166">
        <v>0</v>
      </c>
      <c r="AL2606" s="166">
        <v>0</v>
      </c>
      <c r="AM2606" s="166">
        <v>0</v>
      </c>
      <c r="AN2606" s="166">
        <v>0</v>
      </c>
      <c r="AO2606" s="166">
        <v>0</v>
      </c>
      <c r="AP2606" s="166">
        <v>0</v>
      </c>
      <c r="AQ2606" s="166">
        <v>0</v>
      </c>
      <c r="AR2606" s="166">
        <v>0</v>
      </c>
      <c r="AS2606" s="166">
        <v>0</v>
      </c>
      <c r="AT2606" s="166">
        <v>0</v>
      </c>
      <c r="AU2606" s="166">
        <v>0</v>
      </c>
      <c r="AV2606" s="166">
        <v>0</v>
      </c>
      <c r="AW2606" s="166">
        <v>0</v>
      </c>
      <c r="AX2606" s="166">
        <v>0</v>
      </c>
      <c r="AY2606" s="166">
        <v>0</v>
      </c>
      <c r="AZ2606" s="166">
        <v>0</v>
      </c>
      <c r="BA2606" s="166">
        <v>0</v>
      </c>
      <c r="BB2606" s="166">
        <v>0</v>
      </c>
      <c r="BC2606" s="166">
        <v>0</v>
      </c>
      <c r="BD2606" s="166">
        <v>0</v>
      </c>
      <c r="BE2606" s="166">
        <v>0</v>
      </c>
      <c r="BF2606" s="166">
        <v>0</v>
      </c>
      <c r="BG2606" s="166">
        <v>0</v>
      </c>
      <c r="BH2606" s="166">
        <v>0</v>
      </c>
      <c r="BI2606" s="166">
        <v>0</v>
      </c>
      <c r="BJ2606" s="166">
        <v>0</v>
      </c>
      <c r="BK2606" s="166">
        <v>0</v>
      </c>
      <c r="BL2606" s="166">
        <v>0</v>
      </c>
      <c r="BM2606" s="166">
        <v>0</v>
      </c>
      <c r="BN2606" s="166">
        <v>0</v>
      </c>
      <c r="BO2606" s="166">
        <v>0</v>
      </c>
      <c r="BP2606" s="166">
        <v>0</v>
      </c>
      <c r="BQ2606" s="166">
        <v>0</v>
      </c>
      <c r="BR2606" s="166">
        <v>24790644.890000001</v>
      </c>
      <c r="BS2606" s="166">
        <v>24790644.890000001</v>
      </c>
      <c r="BT2606" s="168">
        <v>0.96779000000000004</v>
      </c>
      <c r="BU2606" s="166">
        <v>2033161.29791</v>
      </c>
      <c r="BV2606" s="166">
        <v>23992138.218093101</v>
      </c>
      <c r="BW2606" s="166">
        <v>0</v>
      </c>
      <c r="BX2606" s="166">
        <v>0</v>
      </c>
      <c r="BY2606" s="166">
        <v>0</v>
      </c>
      <c r="BZ2606" s="166">
        <v>0</v>
      </c>
      <c r="CA2606" s="166">
        <v>0</v>
      </c>
      <c r="CB2606" s="166">
        <v>0</v>
      </c>
      <c r="CC2606" s="166">
        <v>0</v>
      </c>
      <c r="CD2606" s="166">
        <v>0</v>
      </c>
      <c r="CE2606" s="166">
        <v>0</v>
      </c>
      <c r="CF2606" s="166">
        <v>0</v>
      </c>
      <c r="CG2606" s="166">
        <v>0</v>
      </c>
      <c r="CH2606" s="166">
        <v>0</v>
      </c>
      <c r="CI2606" s="166">
        <v>0</v>
      </c>
      <c r="CJ2606" s="166">
        <v>0</v>
      </c>
      <c r="CK2606" s="166">
        <v>0</v>
      </c>
      <c r="CL2606" s="166">
        <v>0</v>
      </c>
      <c r="CM2606" s="166">
        <v>0</v>
      </c>
      <c r="CN2606" s="166">
        <v>0</v>
      </c>
      <c r="CO2606" s="166">
        <v>0</v>
      </c>
      <c r="CP2606" s="166">
        <v>0</v>
      </c>
      <c r="CQ2606" s="166">
        <v>0</v>
      </c>
      <c r="CR2606" s="166">
        <v>0</v>
      </c>
      <c r="CS2606" s="166">
        <v>0</v>
      </c>
      <c r="CT2606" s="166">
        <v>0</v>
      </c>
      <c r="CU2606" s="166">
        <v>0</v>
      </c>
      <c r="CV2606" s="166">
        <v>0</v>
      </c>
      <c r="CW2606" s="166">
        <v>0</v>
      </c>
      <c r="CX2606" s="166">
        <v>0</v>
      </c>
      <c r="CY2606" s="166">
        <v>23992138.218093101</v>
      </c>
      <c r="CZ2606" s="166">
        <v>23992138.218093101</v>
      </c>
    </row>
    <row r="2607" spans="1:104" x14ac:dyDescent="0.2">
      <c r="A2607" s="167" t="s">
        <v>453</v>
      </c>
    </row>
    <row r="2608" spans="1:104" x14ac:dyDescent="0.2">
      <c r="A2608" s="167" t="s">
        <v>1201</v>
      </c>
      <c r="B2608" s="166">
        <v>13385.219999999899</v>
      </c>
      <c r="C2608" s="166">
        <v>13385.219999999899</v>
      </c>
      <c r="D2608" s="166">
        <v>0</v>
      </c>
      <c r="E2608" s="166">
        <v>0</v>
      </c>
      <c r="F2608" s="166">
        <v>0</v>
      </c>
      <c r="G2608" s="166">
        <v>0</v>
      </c>
      <c r="H2608" s="166">
        <v>0</v>
      </c>
      <c r="I2608" s="166">
        <v>0</v>
      </c>
      <c r="J2608" s="166">
        <v>0</v>
      </c>
      <c r="K2608" s="166">
        <v>0</v>
      </c>
      <c r="L2608" s="166">
        <v>0</v>
      </c>
      <c r="M2608" s="166">
        <v>0</v>
      </c>
      <c r="N2608" s="166">
        <v>0</v>
      </c>
      <c r="O2608" s="166">
        <v>0</v>
      </c>
      <c r="P2608" s="166">
        <v>0</v>
      </c>
      <c r="Q2608" s="166">
        <v>0</v>
      </c>
      <c r="R2608" s="166">
        <v>0</v>
      </c>
      <c r="S2608" s="166">
        <v>0</v>
      </c>
      <c r="T2608" s="166">
        <v>0</v>
      </c>
      <c r="U2608" s="166">
        <v>0</v>
      </c>
      <c r="V2608" s="166">
        <v>0</v>
      </c>
      <c r="W2608" s="166">
        <v>0</v>
      </c>
      <c r="X2608" s="166">
        <v>0</v>
      </c>
      <c r="Y2608" s="166">
        <v>0</v>
      </c>
      <c r="Z2608" s="166">
        <v>0</v>
      </c>
      <c r="AA2608" s="166">
        <v>0</v>
      </c>
      <c r="AB2608" s="166">
        <v>0</v>
      </c>
      <c r="AC2608" s="166">
        <v>0</v>
      </c>
      <c r="AD2608" s="166">
        <v>0</v>
      </c>
      <c r="AE2608" s="166">
        <v>0</v>
      </c>
      <c r="AF2608" s="166">
        <v>0</v>
      </c>
      <c r="AG2608" s="166">
        <v>0</v>
      </c>
      <c r="AH2608" s="166">
        <v>0</v>
      </c>
      <c r="AI2608" s="166">
        <v>0</v>
      </c>
      <c r="AJ2608" s="166">
        <v>0</v>
      </c>
      <c r="AK2608" s="166">
        <v>0</v>
      </c>
      <c r="AL2608" s="166">
        <v>0</v>
      </c>
      <c r="AM2608" s="166">
        <v>0</v>
      </c>
      <c r="AN2608" s="166">
        <v>0</v>
      </c>
      <c r="AO2608" s="166">
        <v>0</v>
      </c>
      <c r="AP2608" s="166">
        <v>0</v>
      </c>
      <c r="AQ2608" s="166">
        <v>0</v>
      </c>
      <c r="AR2608" s="166">
        <v>0</v>
      </c>
      <c r="AS2608" s="166">
        <v>0</v>
      </c>
      <c r="AT2608" s="166">
        <v>0</v>
      </c>
      <c r="AU2608" s="166">
        <v>0</v>
      </c>
      <c r="AV2608" s="166">
        <v>0</v>
      </c>
      <c r="AW2608" s="166">
        <v>0</v>
      </c>
      <c r="AX2608" s="166">
        <v>0</v>
      </c>
      <c r="AY2608" s="166">
        <v>0</v>
      </c>
      <c r="AZ2608" s="166">
        <v>0</v>
      </c>
      <c r="BA2608" s="166">
        <v>0</v>
      </c>
      <c r="BB2608" s="166">
        <v>0</v>
      </c>
      <c r="BC2608" s="166">
        <v>0</v>
      </c>
      <c r="BD2608" s="166">
        <v>0</v>
      </c>
      <c r="BE2608" s="166">
        <v>0</v>
      </c>
      <c r="BF2608" s="166">
        <v>0</v>
      </c>
      <c r="BG2608" s="166">
        <v>0</v>
      </c>
      <c r="BH2608" s="166">
        <v>0</v>
      </c>
      <c r="BI2608" s="166">
        <v>0</v>
      </c>
      <c r="BJ2608" s="166">
        <v>0</v>
      </c>
      <c r="BK2608" s="166">
        <v>0</v>
      </c>
      <c r="BL2608" s="166">
        <v>0</v>
      </c>
      <c r="BM2608" s="166">
        <v>0</v>
      </c>
      <c r="BN2608" s="166">
        <v>0</v>
      </c>
      <c r="BO2608" s="166">
        <v>0</v>
      </c>
      <c r="BP2608" s="166">
        <v>0</v>
      </c>
      <c r="BQ2608" s="166">
        <v>0</v>
      </c>
      <c r="BR2608" s="166">
        <v>13385.219999999899</v>
      </c>
      <c r="BS2608" s="166">
        <v>13385.219999999899</v>
      </c>
      <c r="BT2608" s="168">
        <v>0.96779000000000004</v>
      </c>
      <c r="BU2608" s="166">
        <v>1253.8977577000001</v>
      </c>
      <c r="BV2608" s="166">
        <v>12954.0820637999</v>
      </c>
      <c r="BW2608" s="166">
        <v>0</v>
      </c>
      <c r="BX2608" s="166">
        <v>0</v>
      </c>
      <c r="BY2608" s="166">
        <v>0</v>
      </c>
      <c r="BZ2608" s="166">
        <v>0</v>
      </c>
      <c r="CA2608" s="166">
        <v>0</v>
      </c>
      <c r="CB2608" s="166">
        <v>0</v>
      </c>
      <c r="CC2608" s="166">
        <v>0</v>
      </c>
      <c r="CD2608" s="166">
        <v>0</v>
      </c>
      <c r="CE2608" s="166">
        <v>0</v>
      </c>
      <c r="CF2608" s="166">
        <v>0</v>
      </c>
      <c r="CG2608" s="166">
        <v>0</v>
      </c>
      <c r="CH2608" s="166">
        <v>0</v>
      </c>
      <c r="CI2608" s="166">
        <v>0</v>
      </c>
      <c r="CJ2608" s="166">
        <v>0</v>
      </c>
      <c r="CK2608" s="166">
        <v>0</v>
      </c>
      <c r="CL2608" s="166">
        <v>0</v>
      </c>
      <c r="CM2608" s="166">
        <v>0</v>
      </c>
      <c r="CN2608" s="166">
        <v>0</v>
      </c>
      <c r="CO2608" s="166">
        <v>0</v>
      </c>
      <c r="CP2608" s="166">
        <v>0</v>
      </c>
      <c r="CQ2608" s="166">
        <v>0</v>
      </c>
      <c r="CR2608" s="166">
        <v>0</v>
      </c>
      <c r="CS2608" s="166">
        <v>0</v>
      </c>
      <c r="CT2608" s="166">
        <v>0</v>
      </c>
      <c r="CU2608" s="166">
        <v>0</v>
      </c>
      <c r="CV2608" s="166">
        <v>0</v>
      </c>
      <c r="CW2608" s="166">
        <v>0</v>
      </c>
      <c r="CX2608" s="166">
        <v>0</v>
      </c>
      <c r="CY2608" s="166">
        <v>12954.0820637999</v>
      </c>
      <c r="CZ2608" s="166">
        <v>12954.0820637999</v>
      </c>
    </row>
    <row r="2609" spans="1:104" x14ac:dyDescent="0.2">
      <c r="A2609" s="167" t="s">
        <v>1202</v>
      </c>
      <c r="B2609" s="166">
        <v>210645736.32692301</v>
      </c>
      <c r="C2609" s="166">
        <v>210645736.32692301</v>
      </c>
      <c r="D2609" s="166">
        <v>0</v>
      </c>
      <c r="E2609" s="166">
        <v>0</v>
      </c>
      <c r="F2609" s="166">
        <v>0</v>
      </c>
      <c r="G2609" s="166">
        <v>0</v>
      </c>
      <c r="H2609" s="166">
        <v>0</v>
      </c>
      <c r="I2609" s="166">
        <v>0</v>
      </c>
      <c r="J2609" s="166">
        <v>0</v>
      </c>
      <c r="K2609" s="166">
        <v>0</v>
      </c>
      <c r="L2609" s="166">
        <v>0</v>
      </c>
      <c r="M2609" s="166">
        <v>0</v>
      </c>
      <c r="N2609" s="166">
        <v>0</v>
      </c>
      <c r="O2609" s="166">
        <v>0</v>
      </c>
      <c r="P2609" s="166">
        <v>0</v>
      </c>
      <c r="Q2609" s="166">
        <v>0</v>
      </c>
      <c r="R2609" s="166">
        <v>0</v>
      </c>
      <c r="S2609" s="166">
        <v>0</v>
      </c>
      <c r="T2609" s="166">
        <v>0</v>
      </c>
      <c r="U2609" s="166">
        <v>0</v>
      </c>
      <c r="V2609" s="166">
        <v>0</v>
      </c>
      <c r="W2609" s="166">
        <v>0</v>
      </c>
      <c r="X2609" s="166">
        <v>0</v>
      </c>
      <c r="Y2609" s="166">
        <v>0</v>
      </c>
      <c r="Z2609" s="166">
        <v>0</v>
      </c>
      <c r="AA2609" s="166">
        <v>0</v>
      </c>
      <c r="AB2609" s="166">
        <v>0</v>
      </c>
      <c r="AC2609" s="166">
        <v>0</v>
      </c>
      <c r="AD2609" s="166">
        <v>0</v>
      </c>
      <c r="AE2609" s="166">
        <v>0</v>
      </c>
      <c r="AF2609" s="166">
        <v>0</v>
      </c>
      <c r="AG2609" s="166">
        <v>0</v>
      </c>
      <c r="AH2609" s="166">
        <v>0</v>
      </c>
      <c r="AI2609" s="166">
        <v>0</v>
      </c>
      <c r="AJ2609" s="166">
        <v>0</v>
      </c>
      <c r="AK2609" s="166">
        <v>0</v>
      </c>
      <c r="AL2609" s="166">
        <v>0</v>
      </c>
      <c r="AM2609" s="166">
        <v>0</v>
      </c>
      <c r="AN2609" s="166">
        <v>0</v>
      </c>
      <c r="AO2609" s="166">
        <v>0</v>
      </c>
      <c r="AP2609" s="166">
        <v>0</v>
      </c>
      <c r="AQ2609" s="166">
        <v>0</v>
      </c>
      <c r="AR2609" s="166">
        <v>0</v>
      </c>
      <c r="AS2609" s="166">
        <v>0</v>
      </c>
      <c r="AT2609" s="166">
        <v>0</v>
      </c>
      <c r="AU2609" s="166">
        <v>0</v>
      </c>
      <c r="AV2609" s="166">
        <v>0</v>
      </c>
      <c r="AW2609" s="166">
        <v>0</v>
      </c>
      <c r="AX2609" s="166">
        <v>-4013023.0514417398</v>
      </c>
      <c r="AY2609" s="166">
        <v>0</v>
      </c>
      <c r="AZ2609" s="166">
        <v>0</v>
      </c>
      <c r="BA2609" s="166">
        <v>0</v>
      </c>
      <c r="BB2609" s="166">
        <v>0</v>
      </c>
      <c r="BC2609" s="166">
        <v>0</v>
      </c>
      <c r="BD2609" s="166">
        <v>0</v>
      </c>
      <c r="BE2609" s="166">
        <v>0</v>
      </c>
      <c r="BF2609" s="166">
        <v>0</v>
      </c>
      <c r="BG2609" s="166">
        <v>0</v>
      </c>
      <c r="BH2609" s="166">
        <v>0</v>
      </c>
      <c r="BI2609" s="166">
        <v>0</v>
      </c>
      <c r="BJ2609" s="166">
        <v>0</v>
      </c>
      <c r="BK2609" s="166">
        <v>0</v>
      </c>
      <c r="BL2609" s="166">
        <v>0</v>
      </c>
      <c r="BM2609" s="166">
        <v>0</v>
      </c>
      <c r="BN2609" s="166">
        <v>0</v>
      </c>
      <c r="BO2609" s="166">
        <v>-4013023.0514417398</v>
      </c>
      <c r="BP2609" s="166">
        <v>0</v>
      </c>
      <c r="BQ2609" s="166">
        <v>0</v>
      </c>
      <c r="BR2609" s="166">
        <v>210645736.32692301</v>
      </c>
      <c r="BS2609" s="166">
        <v>206632713.275482</v>
      </c>
      <c r="BT2609" s="168">
        <v>0</v>
      </c>
      <c r="BU2609" s="166">
        <v>11448975.4828013</v>
      </c>
      <c r="BV2609" s="166">
        <v>202723922.417261</v>
      </c>
      <c r="BW2609" s="166">
        <v>0</v>
      </c>
      <c r="BX2609" s="166">
        <v>0</v>
      </c>
      <c r="BY2609" s="166">
        <v>0</v>
      </c>
      <c r="BZ2609" s="166">
        <v>0</v>
      </c>
      <c r="CA2609" s="166">
        <v>0</v>
      </c>
      <c r="CB2609" s="166">
        <v>0</v>
      </c>
      <c r="CC2609" s="166">
        <v>0</v>
      </c>
      <c r="CD2609" s="166">
        <v>0</v>
      </c>
      <c r="CE2609" s="166">
        <v>0</v>
      </c>
      <c r="CF2609" s="166">
        <v>0</v>
      </c>
      <c r="CG2609" s="166">
        <v>0</v>
      </c>
      <c r="CH2609" s="166">
        <v>-4013023.0514417398</v>
      </c>
      <c r="CI2609" s="166">
        <v>0</v>
      </c>
      <c r="CJ2609" s="166">
        <v>0</v>
      </c>
      <c r="CK2609" s="166">
        <v>0</v>
      </c>
      <c r="CL2609" s="166">
        <v>0</v>
      </c>
      <c r="CM2609" s="166">
        <v>0</v>
      </c>
      <c r="CN2609" s="166">
        <v>0</v>
      </c>
      <c r="CO2609" s="166">
        <v>0</v>
      </c>
      <c r="CP2609" s="166">
        <v>0</v>
      </c>
      <c r="CQ2609" s="166">
        <v>0</v>
      </c>
      <c r="CR2609" s="166">
        <v>0</v>
      </c>
      <c r="CS2609" s="166">
        <v>0</v>
      </c>
      <c r="CT2609" s="166">
        <v>0</v>
      </c>
      <c r="CU2609" s="166">
        <v>0</v>
      </c>
      <c r="CV2609" s="166">
        <v>-4013023.0514417398</v>
      </c>
      <c r="CW2609" s="166">
        <v>0</v>
      </c>
      <c r="CX2609" s="166">
        <v>0</v>
      </c>
      <c r="CY2609" s="166">
        <v>198710899.36581901</v>
      </c>
      <c r="CZ2609" s="166">
        <v>198710899.36581901</v>
      </c>
    </row>
    <row r="2610" spans="1:104" x14ac:dyDescent="0.2">
      <c r="A2610" s="167" t="s">
        <v>455</v>
      </c>
    </row>
    <row r="2611" spans="1:104" x14ac:dyDescent="0.2">
      <c r="A2611" s="167" t="s">
        <v>1204</v>
      </c>
      <c r="B2611" s="166">
        <v>0</v>
      </c>
      <c r="C2611" s="166">
        <v>0</v>
      </c>
      <c r="D2611" s="166">
        <v>0</v>
      </c>
      <c r="E2611" s="166">
        <v>0</v>
      </c>
      <c r="F2611" s="166">
        <v>0</v>
      </c>
      <c r="G2611" s="166">
        <v>0</v>
      </c>
      <c r="H2611" s="166">
        <v>0</v>
      </c>
      <c r="I2611" s="166">
        <v>0</v>
      </c>
      <c r="J2611" s="166">
        <v>0</v>
      </c>
      <c r="K2611" s="166">
        <v>0</v>
      </c>
      <c r="L2611" s="166">
        <v>0</v>
      </c>
      <c r="M2611" s="166">
        <v>0</v>
      </c>
      <c r="N2611" s="166">
        <v>0</v>
      </c>
      <c r="O2611" s="166">
        <v>0</v>
      </c>
      <c r="P2611" s="166">
        <v>0</v>
      </c>
      <c r="Q2611" s="166">
        <v>0</v>
      </c>
      <c r="R2611" s="166">
        <v>0</v>
      </c>
      <c r="S2611" s="166">
        <v>0</v>
      </c>
      <c r="T2611" s="166">
        <v>0</v>
      </c>
      <c r="U2611" s="166">
        <v>0</v>
      </c>
      <c r="V2611" s="166">
        <v>0</v>
      </c>
      <c r="W2611" s="166">
        <v>0</v>
      </c>
      <c r="X2611" s="166">
        <v>0</v>
      </c>
      <c r="Y2611" s="166">
        <v>0</v>
      </c>
      <c r="Z2611" s="166">
        <v>0</v>
      </c>
      <c r="AA2611" s="166">
        <v>0</v>
      </c>
      <c r="AB2611" s="166">
        <v>0</v>
      </c>
      <c r="AC2611" s="166">
        <v>0</v>
      </c>
      <c r="AD2611" s="166">
        <v>0</v>
      </c>
      <c r="AE2611" s="166">
        <v>0</v>
      </c>
      <c r="AF2611" s="166">
        <v>0</v>
      </c>
      <c r="AG2611" s="166">
        <v>0</v>
      </c>
      <c r="AH2611" s="166">
        <v>0</v>
      </c>
      <c r="AI2611" s="166">
        <v>0</v>
      </c>
      <c r="AJ2611" s="166">
        <v>0</v>
      </c>
      <c r="AK2611" s="166">
        <v>0</v>
      </c>
      <c r="AL2611" s="166">
        <v>0</v>
      </c>
      <c r="AM2611" s="166">
        <v>0</v>
      </c>
      <c r="AN2611" s="166">
        <v>0</v>
      </c>
      <c r="AO2611" s="166">
        <v>0</v>
      </c>
      <c r="AP2611" s="166">
        <v>0</v>
      </c>
      <c r="AQ2611" s="166">
        <v>0</v>
      </c>
      <c r="AR2611" s="166">
        <v>0</v>
      </c>
      <c r="AS2611" s="166">
        <v>0</v>
      </c>
      <c r="AT2611" s="166">
        <v>0</v>
      </c>
      <c r="AU2611" s="166">
        <v>0</v>
      </c>
      <c r="AV2611" s="166">
        <v>0</v>
      </c>
      <c r="AW2611" s="166">
        <v>0</v>
      </c>
      <c r="AX2611" s="166">
        <v>0</v>
      </c>
      <c r="AY2611" s="166">
        <v>0</v>
      </c>
      <c r="AZ2611" s="166">
        <v>0</v>
      </c>
      <c r="BA2611" s="166">
        <v>0</v>
      </c>
      <c r="BB2611" s="166">
        <v>0</v>
      </c>
      <c r="BC2611" s="166">
        <v>0</v>
      </c>
      <c r="BD2611" s="166">
        <v>0</v>
      </c>
      <c r="BE2611" s="166">
        <v>0</v>
      </c>
      <c r="BF2611" s="166">
        <v>0</v>
      </c>
      <c r="BG2611" s="166">
        <v>0</v>
      </c>
      <c r="BH2611" s="166">
        <v>0</v>
      </c>
      <c r="BI2611" s="166">
        <v>0</v>
      </c>
      <c r="BJ2611" s="166">
        <v>0</v>
      </c>
      <c r="BK2611" s="166">
        <v>0</v>
      </c>
      <c r="BL2611" s="166">
        <v>0</v>
      </c>
      <c r="BM2611" s="166">
        <v>0</v>
      </c>
      <c r="BN2611" s="166">
        <v>0</v>
      </c>
      <c r="BO2611" s="166">
        <v>0</v>
      </c>
      <c r="BP2611" s="166">
        <v>0</v>
      </c>
      <c r="BQ2611" s="166">
        <v>0</v>
      </c>
      <c r="BR2611" s="166">
        <v>0</v>
      </c>
      <c r="BS2611" s="166">
        <v>0</v>
      </c>
      <c r="BT2611" s="168">
        <v>0.96779000000000004</v>
      </c>
      <c r="BU2611" s="166">
        <v>0</v>
      </c>
      <c r="BV2611" s="166">
        <v>0</v>
      </c>
      <c r="BW2611" s="166">
        <v>0</v>
      </c>
      <c r="BX2611" s="166">
        <v>0</v>
      </c>
      <c r="BY2611" s="166">
        <v>0</v>
      </c>
      <c r="BZ2611" s="166">
        <v>0</v>
      </c>
      <c r="CA2611" s="166">
        <v>0</v>
      </c>
      <c r="CB2611" s="166">
        <v>0</v>
      </c>
      <c r="CC2611" s="166">
        <v>0</v>
      </c>
      <c r="CD2611" s="166">
        <v>0</v>
      </c>
      <c r="CE2611" s="166">
        <v>0</v>
      </c>
      <c r="CF2611" s="166">
        <v>0</v>
      </c>
      <c r="CG2611" s="166">
        <v>0</v>
      </c>
      <c r="CH2611" s="166">
        <v>0</v>
      </c>
      <c r="CI2611" s="166">
        <v>0</v>
      </c>
      <c r="CJ2611" s="166">
        <v>0</v>
      </c>
      <c r="CK2611" s="166">
        <v>0</v>
      </c>
      <c r="CL2611" s="166">
        <v>0</v>
      </c>
      <c r="CM2611" s="166">
        <v>0</v>
      </c>
      <c r="CN2611" s="166">
        <v>0</v>
      </c>
      <c r="CO2611" s="166">
        <v>0</v>
      </c>
      <c r="CP2611" s="166">
        <v>0</v>
      </c>
      <c r="CQ2611" s="166">
        <v>0</v>
      </c>
      <c r="CR2611" s="166">
        <v>0</v>
      </c>
      <c r="CS2611" s="166">
        <v>0</v>
      </c>
      <c r="CT2611" s="166">
        <v>0</v>
      </c>
      <c r="CU2611" s="166">
        <v>0</v>
      </c>
      <c r="CV2611" s="166">
        <v>0</v>
      </c>
      <c r="CW2611" s="166">
        <v>0</v>
      </c>
      <c r="CX2611" s="166">
        <v>0</v>
      </c>
      <c r="CY2611" s="166">
        <v>0</v>
      </c>
      <c r="CZ2611" s="166">
        <v>0</v>
      </c>
    </row>
    <row r="2612" spans="1:104" x14ac:dyDescent="0.2">
      <c r="A2612" s="167" t="s">
        <v>457</v>
      </c>
    </row>
    <row r="2613" spans="1:104" x14ac:dyDescent="0.2">
      <c r="A2613" s="170" t="s">
        <v>458</v>
      </c>
      <c r="B2613" s="166">
        <v>754250968.56092298</v>
      </c>
      <c r="C2613" s="166">
        <v>754250968.56092298</v>
      </c>
      <c r="D2613" s="166">
        <v>0</v>
      </c>
      <c r="E2613" s="166">
        <v>0</v>
      </c>
      <c r="F2613" s="166">
        <v>0</v>
      </c>
      <c r="G2613" s="166">
        <v>0</v>
      </c>
      <c r="H2613" s="166">
        <v>0</v>
      </c>
      <c r="I2613" s="166">
        <v>0</v>
      </c>
      <c r="J2613" s="166">
        <v>0</v>
      </c>
      <c r="K2613" s="166">
        <v>0</v>
      </c>
      <c r="L2613" s="166">
        <v>0</v>
      </c>
      <c r="M2613" s="166">
        <v>0</v>
      </c>
      <c r="N2613" s="166">
        <v>0</v>
      </c>
      <c r="O2613" s="166">
        <v>0</v>
      </c>
      <c r="P2613" s="166">
        <v>0</v>
      </c>
      <c r="Q2613" s="166">
        <v>0</v>
      </c>
      <c r="R2613" s="166">
        <v>0</v>
      </c>
      <c r="S2613" s="166">
        <v>0</v>
      </c>
      <c r="T2613" s="166">
        <v>0</v>
      </c>
      <c r="U2613" s="166">
        <v>0</v>
      </c>
      <c r="V2613" s="166">
        <v>0</v>
      </c>
      <c r="W2613" s="166">
        <v>0</v>
      </c>
      <c r="X2613" s="166">
        <v>0</v>
      </c>
      <c r="Y2613" s="166">
        <v>0</v>
      </c>
      <c r="Z2613" s="166">
        <v>0</v>
      </c>
      <c r="AA2613" s="166">
        <v>0</v>
      </c>
      <c r="AB2613" s="166">
        <v>0</v>
      </c>
      <c r="AC2613" s="166">
        <v>0</v>
      </c>
      <c r="AD2613" s="166">
        <v>0</v>
      </c>
      <c r="AE2613" s="166">
        <v>0</v>
      </c>
      <c r="AF2613" s="166">
        <v>0</v>
      </c>
      <c r="AG2613" s="166">
        <v>0</v>
      </c>
      <c r="AH2613" s="166">
        <v>0</v>
      </c>
      <c r="AI2613" s="166">
        <v>0</v>
      </c>
      <c r="AJ2613" s="166">
        <v>0</v>
      </c>
      <c r="AK2613" s="166">
        <v>0</v>
      </c>
      <c r="AL2613" s="166">
        <v>0</v>
      </c>
      <c r="AM2613" s="166">
        <v>0</v>
      </c>
      <c r="AN2613" s="166">
        <v>0</v>
      </c>
      <c r="AO2613" s="166">
        <v>0</v>
      </c>
      <c r="AP2613" s="166">
        <v>0</v>
      </c>
      <c r="AQ2613" s="166">
        <v>0</v>
      </c>
      <c r="AR2613" s="166">
        <v>0</v>
      </c>
      <c r="AS2613" s="166">
        <v>0</v>
      </c>
      <c r="AT2613" s="166">
        <v>0</v>
      </c>
      <c r="AU2613" s="166">
        <v>0</v>
      </c>
      <c r="AV2613" s="166">
        <v>0</v>
      </c>
      <c r="AW2613" s="166">
        <v>0</v>
      </c>
      <c r="AX2613" s="166">
        <v>-4013023.0514417398</v>
      </c>
      <c r="AY2613" s="166">
        <v>0</v>
      </c>
      <c r="AZ2613" s="166">
        <v>0</v>
      </c>
      <c r="BA2613" s="166">
        <v>0</v>
      </c>
      <c r="BB2613" s="166">
        <v>0</v>
      </c>
      <c r="BC2613" s="166">
        <v>0</v>
      </c>
      <c r="BD2613" s="166">
        <v>0</v>
      </c>
      <c r="BE2613" s="166">
        <v>0</v>
      </c>
      <c r="BF2613" s="166">
        <v>0</v>
      </c>
      <c r="BG2613" s="166">
        <v>0</v>
      </c>
      <c r="BH2613" s="166">
        <v>0</v>
      </c>
      <c r="BI2613" s="166">
        <v>0</v>
      </c>
      <c r="BJ2613" s="166">
        <v>0</v>
      </c>
      <c r="BK2613" s="166">
        <v>0</v>
      </c>
      <c r="BL2613" s="166">
        <v>0</v>
      </c>
      <c r="BM2613" s="166">
        <v>0</v>
      </c>
      <c r="BN2613" s="166">
        <v>0</v>
      </c>
      <c r="BO2613" s="166">
        <v>-4013023.0514417398</v>
      </c>
      <c r="BP2613" s="166">
        <v>0</v>
      </c>
      <c r="BQ2613" s="166">
        <v>0</v>
      </c>
      <c r="BR2613" s="166">
        <v>754250968.56092298</v>
      </c>
      <c r="BS2613" s="166">
        <v>750237945.50948203</v>
      </c>
      <c r="BT2613" s="168">
        <v>0</v>
      </c>
      <c r="BU2613" s="166">
        <v>54891494.8994646</v>
      </c>
      <c r="BV2613" s="166">
        <v>735753483.55062997</v>
      </c>
      <c r="BW2613" s="166">
        <v>0</v>
      </c>
      <c r="BX2613" s="166">
        <v>0</v>
      </c>
      <c r="BY2613" s="166">
        <v>0</v>
      </c>
      <c r="BZ2613" s="166">
        <v>0</v>
      </c>
      <c r="CA2613" s="166">
        <v>0</v>
      </c>
      <c r="CB2613" s="166">
        <v>0</v>
      </c>
      <c r="CC2613" s="166">
        <v>0</v>
      </c>
      <c r="CD2613" s="166">
        <v>0</v>
      </c>
      <c r="CE2613" s="166">
        <v>0</v>
      </c>
      <c r="CF2613" s="166">
        <v>0</v>
      </c>
      <c r="CG2613" s="166">
        <v>0</v>
      </c>
      <c r="CH2613" s="166">
        <v>-4013023.0514417398</v>
      </c>
      <c r="CI2613" s="166">
        <v>0</v>
      </c>
      <c r="CJ2613" s="166">
        <v>0</v>
      </c>
      <c r="CK2613" s="166">
        <v>0</v>
      </c>
      <c r="CL2613" s="166">
        <v>0</v>
      </c>
      <c r="CM2613" s="166">
        <v>0</v>
      </c>
      <c r="CN2613" s="166">
        <v>0</v>
      </c>
      <c r="CO2613" s="166">
        <v>0</v>
      </c>
      <c r="CP2613" s="166">
        <v>0</v>
      </c>
      <c r="CQ2613" s="166">
        <v>0</v>
      </c>
      <c r="CR2613" s="166">
        <v>0</v>
      </c>
      <c r="CS2613" s="166">
        <v>0</v>
      </c>
      <c r="CT2613" s="166">
        <v>0</v>
      </c>
      <c r="CU2613" s="166">
        <v>0</v>
      </c>
      <c r="CV2613" s="166">
        <v>-4013023.0514417398</v>
      </c>
      <c r="CW2613" s="166">
        <v>0</v>
      </c>
      <c r="CX2613" s="166">
        <v>0</v>
      </c>
      <c r="CY2613" s="166">
        <v>731740460.49918795</v>
      </c>
      <c r="CZ2613" s="166">
        <v>731740460.49918795</v>
      </c>
    </row>
    <row r="2614" spans="1:104" x14ac:dyDescent="0.2">
      <c r="A2614" s="167" t="s">
        <v>459</v>
      </c>
    </row>
    <row r="2615" spans="1:104" x14ac:dyDescent="0.2">
      <c r="A2615" s="170" t="s">
        <v>460</v>
      </c>
    </row>
    <row r="2616" spans="1:104" x14ac:dyDescent="0.2">
      <c r="A2616" s="167" t="s">
        <v>461</v>
      </c>
      <c r="B2616" s="166">
        <v>16621178.51</v>
      </c>
      <c r="C2616" s="166">
        <v>16621178.51</v>
      </c>
      <c r="D2616" s="166">
        <v>0</v>
      </c>
      <c r="E2616" s="166">
        <v>0</v>
      </c>
      <c r="F2616" s="166">
        <v>0</v>
      </c>
      <c r="G2616" s="166">
        <v>0</v>
      </c>
      <c r="H2616" s="166">
        <v>0</v>
      </c>
      <c r="I2616" s="166">
        <v>0</v>
      </c>
      <c r="J2616" s="166">
        <v>0</v>
      </c>
      <c r="K2616" s="166">
        <v>0</v>
      </c>
      <c r="L2616" s="166">
        <v>0</v>
      </c>
      <c r="M2616" s="166">
        <v>0</v>
      </c>
      <c r="N2616" s="166">
        <v>0</v>
      </c>
      <c r="O2616" s="166">
        <v>0</v>
      </c>
      <c r="P2616" s="166">
        <v>0</v>
      </c>
      <c r="Q2616" s="166">
        <v>0</v>
      </c>
      <c r="R2616" s="166">
        <v>-16621178.51</v>
      </c>
      <c r="S2616" s="166">
        <v>0</v>
      </c>
      <c r="T2616" s="166">
        <v>0</v>
      </c>
      <c r="U2616" s="166">
        <v>0</v>
      </c>
      <c r="V2616" s="166">
        <v>0</v>
      </c>
      <c r="W2616" s="166">
        <v>0</v>
      </c>
      <c r="X2616" s="166">
        <v>0</v>
      </c>
      <c r="Y2616" s="166">
        <v>0</v>
      </c>
      <c r="Z2616" s="166">
        <v>0</v>
      </c>
      <c r="AA2616" s="166">
        <v>0</v>
      </c>
      <c r="AB2616" s="166">
        <v>0</v>
      </c>
      <c r="AC2616" s="166">
        <v>0</v>
      </c>
      <c r="AD2616" s="166">
        <v>0</v>
      </c>
      <c r="AE2616" s="166">
        <v>0</v>
      </c>
      <c r="AF2616" s="166">
        <v>0</v>
      </c>
      <c r="AG2616" s="166">
        <v>0</v>
      </c>
      <c r="AH2616" s="166">
        <v>0</v>
      </c>
      <c r="AI2616" s="166">
        <v>0</v>
      </c>
      <c r="AJ2616" s="166">
        <v>0</v>
      </c>
      <c r="AK2616" s="166">
        <v>0</v>
      </c>
      <c r="AL2616" s="166">
        <v>0</v>
      </c>
      <c r="AM2616" s="166">
        <v>0</v>
      </c>
      <c r="AN2616" s="166">
        <v>0</v>
      </c>
      <c r="AO2616" s="166">
        <v>0</v>
      </c>
      <c r="AP2616" s="166">
        <v>0</v>
      </c>
      <c r="AQ2616" s="166">
        <v>0</v>
      </c>
      <c r="AR2616" s="166">
        <v>0</v>
      </c>
      <c r="AS2616" s="166">
        <v>0</v>
      </c>
      <c r="AT2616" s="166">
        <v>0</v>
      </c>
      <c r="AU2616" s="166">
        <v>0</v>
      </c>
      <c r="AV2616" s="166">
        <v>0</v>
      </c>
      <c r="AW2616" s="166">
        <v>0</v>
      </c>
      <c r="AX2616" s="166">
        <v>0</v>
      </c>
      <c r="AY2616" s="166">
        <v>0</v>
      </c>
      <c r="AZ2616" s="166">
        <v>0</v>
      </c>
      <c r="BA2616" s="166">
        <v>0</v>
      </c>
      <c r="BB2616" s="166">
        <v>0</v>
      </c>
      <c r="BC2616" s="166">
        <v>0</v>
      </c>
      <c r="BD2616" s="166">
        <v>0</v>
      </c>
      <c r="BE2616" s="166">
        <v>0</v>
      </c>
      <c r="BF2616" s="166">
        <v>0</v>
      </c>
      <c r="BG2616" s="166">
        <v>-16621178.51</v>
      </c>
      <c r="BH2616" s="166">
        <v>0</v>
      </c>
      <c r="BI2616" s="166">
        <v>0</v>
      </c>
      <c r="BJ2616" s="166">
        <v>0</v>
      </c>
      <c r="BK2616" s="166">
        <v>0</v>
      </c>
      <c r="BL2616" s="166">
        <v>0</v>
      </c>
      <c r="BM2616" s="166">
        <v>0</v>
      </c>
      <c r="BN2616" s="166">
        <v>0</v>
      </c>
      <c r="BO2616" s="166">
        <v>0</v>
      </c>
      <c r="BP2616" s="166">
        <v>0</v>
      </c>
      <c r="BQ2616" s="166">
        <v>0</v>
      </c>
      <c r="BR2616" s="166">
        <v>16621178.51</v>
      </c>
      <c r="BS2616" s="166">
        <v>0</v>
      </c>
      <c r="BT2616" s="168">
        <v>1</v>
      </c>
      <c r="BU2616" s="166">
        <v>1164941.74</v>
      </c>
      <c r="BV2616" s="166">
        <v>16621178.51</v>
      </c>
      <c r="BW2616" s="166">
        <v>0</v>
      </c>
      <c r="BX2616" s="166">
        <v>0</v>
      </c>
      <c r="BY2616" s="166">
        <v>0</v>
      </c>
      <c r="BZ2616" s="166">
        <v>-16621178.51</v>
      </c>
      <c r="CA2616" s="166">
        <v>0</v>
      </c>
      <c r="CB2616" s="166">
        <v>0</v>
      </c>
      <c r="CC2616" s="166">
        <v>0</v>
      </c>
      <c r="CD2616" s="166">
        <v>0</v>
      </c>
      <c r="CE2616" s="166">
        <v>0</v>
      </c>
      <c r="CF2616" s="166">
        <v>0</v>
      </c>
      <c r="CG2616" s="166">
        <v>0</v>
      </c>
      <c r="CH2616" s="166">
        <v>0</v>
      </c>
      <c r="CI2616" s="166">
        <v>0</v>
      </c>
      <c r="CJ2616" s="166">
        <v>0</v>
      </c>
      <c r="CK2616" s="166">
        <v>0</v>
      </c>
      <c r="CL2616" s="166">
        <v>0</v>
      </c>
      <c r="CM2616" s="166">
        <v>0</v>
      </c>
      <c r="CN2616" s="166">
        <v>-16621178.51</v>
      </c>
      <c r="CO2616" s="166">
        <v>0</v>
      </c>
      <c r="CP2616" s="166">
        <v>0</v>
      </c>
      <c r="CQ2616" s="166">
        <v>0</v>
      </c>
      <c r="CR2616" s="166">
        <v>0</v>
      </c>
      <c r="CS2616" s="166">
        <v>0</v>
      </c>
      <c r="CT2616" s="166">
        <v>0</v>
      </c>
      <c r="CU2616" s="166">
        <v>0</v>
      </c>
      <c r="CV2616" s="166">
        <v>0</v>
      </c>
      <c r="CW2616" s="166">
        <v>0</v>
      </c>
      <c r="CX2616" s="166">
        <v>0</v>
      </c>
      <c r="CY2616" s="166">
        <v>0</v>
      </c>
      <c r="CZ2616" s="166">
        <v>0</v>
      </c>
    </row>
    <row r="2617" spans="1:104" x14ac:dyDescent="0.2">
      <c r="A2617" s="167" t="s">
        <v>462</v>
      </c>
    </row>
    <row r="2618" spans="1:104" x14ac:dyDescent="0.2">
      <c r="A2618" s="167" t="s">
        <v>463</v>
      </c>
      <c r="B2618" s="166">
        <v>3943629.58</v>
      </c>
      <c r="C2618" s="166">
        <v>3943629.58</v>
      </c>
      <c r="D2618" s="166">
        <v>0</v>
      </c>
      <c r="E2618" s="166">
        <v>0</v>
      </c>
      <c r="F2618" s="166">
        <v>0</v>
      </c>
      <c r="G2618" s="166">
        <v>0</v>
      </c>
      <c r="H2618" s="166">
        <v>0</v>
      </c>
      <c r="I2618" s="166">
        <v>0</v>
      </c>
      <c r="J2618" s="166">
        <v>0</v>
      </c>
      <c r="K2618" s="166">
        <v>0</v>
      </c>
      <c r="L2618" s="166">
        <v>0</v>
      </c>
      <c r="M2618" s="166">
        <v>0</v>
      </c>
      <c r="N2618" s="166">
        <v>0</v>
      </c>
      <c r="O2618" s="166">
        <v>0</v>
      </c>
      <c r="P2618" s="166">
        <v>0</v>
      </c>
      <c r="Q2618" s="166">
        <v>0</v>
      </c>
      <c r="R2618" s="166">
        <v>0</v>
      </c>
      <c r="S2618" s="166">
        <v>0</v>
      </c>
      <c r="T2618" s="166">
        <v>0</v>
      </c>
      <c r="U2618" s="166">
        <v>-3943629.58</v>
      </c>
      <c r="V2618" s="166">
        <v>0</v>
      </c>
      <c r="W2618" s="166">
        <v>0</v>
      </c>
      <c r="X2618" s="166">
        <v>0</v>
      </c>
      <c r="Y2618" s="166">
        <v>0</v>
      </c>
      <c r="Z2618" s="166">
        <v>0</v>
      </c>
      <c r="AA2618" s="166">
        <v>0</v>
      </c>
      <c r="AB2618" s="166">
        <v>0</v>
      </c>
      <c r="AC2618" s="166">
        <v>0</v>
      </c>
      <c r="AD2618" s="166">
        <v>0</v>
      </c>
      <c r="AE2618" s="166">
        <v>0</v>
      </c>
      <c r="AF2618" s="166">
        <v>0</v>
      </c>
      <c r="AG2618" s="166">
        <v>0</v>
      </c>
      <c r="AH2618" s="166">
        <v>0</v>
      </c>
      <c r="AI2618" s="166">
        <v>0</v>
      </c>
      <c r="AJ2618" s="166">
        <v>0</v>
      </c>
      <c r="AK2618" s="166">
        <v>0</v>
      </c>
      <c r="AL2618" s="166">
        <v>0</v>
      </c>
      <c r="AM2618" s="166">
        <v>0</v>
      </c>
      <c r="AN2618" s="166">
        <v>0</v>
      </c>
      <c r="AO2618" s="166">
        <v>0</v>
      </c>
      <c r="AP2618" s="166">
        <v>0</v>
      </c>
      <c r="AQ2618" s="166">
        <v>0</v>
      </c>
      <c r="AR2618" s="166">
        <v>0</v>
      </c>
      <c r="AS2618" s="166">
        <v>0</v>
      </c>
      <c r="AT2618" s="166">
        <v>0</v>
      </c>
      <c r="AU2618" s="166">
        <v>0</v>
      </c>
      <c r="AV2618" s="166">
        <v>0</v>
      </c>
      <c r="AW2618" s="166">
        <v>0</v>
      </c>
      <c r="AX2618" s="166">
        <v>0</v>
      </c>
      <c r="AY2618" s="166">
        <v>0</v>
      </c>
      <c r="AZ2618" s="166">
        <v>0</v>
      </c>
      <c r="BA2618" s="166">
        <v>0</v>
      </c>
      <c r="BB2618" s="166">
        <v>0</v>
      </c>
      <c r="BC2618" s="166">
        <v>0</v>
      </c>
      <c r="BD2618" s="166">
        <v>0</v>
      </c>
      <c r="BE2618" s="166">
        <v>0</v>
      </c>
      <c r="BF2618" s="166">
        <v>0</v>
      </c>
      <c r="BG2618" s="166">
        <v>0</v>
      </c>
      <c r="BH2618" s="166">
        <v>0</v>
      </c>
      <c r="BI2618" s="166">
        <v>-3943629.58</v>
      </c>
      <c r="BJ2618" s="166">
        <v>0</v>
      </c>
      <c r="BK2618" s="166">
        <v>0</v>
      </c>
      <c r="BL2618" s="166">
        <v>0</v>
      </c>
      <c r="BM2618" s="166">
        <v>0</v>
      </c>
      <c r="BN2618" s="166">
        <v>0</v>
      </c>
      <c r="BO2618" s="166">
        <v>0</v>
      </c>
      <c r="BP2618" s="166">
        <v>0</v>
      </c>
      <c r="BQ2618" s="166">
        <v>0</v>
      </c>
      <c r="BR2618" s="166">
        <v>3943629.58</v>
      </c>
      <c r="BS2618" s="166">
        <v>0</v>
      </c>
      <c r="BT2618" s="168">
        <v>0.99999812279077205</v>
      </c>
      <c r="BU2618" s="166">
        <v>224205.14911923499</v>
      </c>
      <c r="BV2618" s="166">
        <v>3943622.1769821602</v>
      </c>
      <c r="BW2618" s="166">
        <v>0</v>
      </c>
      <c r="BX2618" s="166">
        <v>0</v>
      </c>
      <c r="BY2618" s="166">
        <v>0</v>
      </c>
      <c r="BZ2618" s="166">
        <v>0</v>
      </c>
      <c r="CA2618" s="166">
        <v>0</v>
      </c>
      <c r="CB2618" s="166">
        <v>-3943622.1769821602</v>
      </c>
      <c r="CC2618" s="166">
        <v>0</v>
      </c>
      <c r="CD2618" s="166">
        <v>0</v>
      </c>
      <c r="CE2618" s="166">
        <v>0</v>
      </c>
      <c r="CF2618" s="166">
        <v>0</v>
      </c>
      <c r="CG2618" s="166">
        <v>0</v>
      </c>
      <c r="CH2618" s="166">
        <v>0</v>
      </c>
      <c r="CI2618" s="166">
        <v>0</v>
      </c>
      <c r="CJ2618" s="166">
        <v>0</v>
      </c>
      <c r="CK2618" s="166">
        <v>0</v>
      </c>
      <c r="CL2618" s="166">
        <v>0</v>
      </c>
      <c r="CM2618" s="166">
        <v>0</v>
      </c>
      <c r="CN2618" s="166">
        <v>0</v>
      </c>
      <c r="CO2618" s="166">
        <v>0</v>
      </c>
      <c r="CP2618" s="166">
        <v>-3943622.1769821602</v>
      </c>
      <c r="CQ2618" s="166">
        <v>0</v>
      </c>
      <c r="CR2618" s="166">
        <v>0</v>
      </c>
      <c r="CS2618" s="166">
        <v>0</v>
      </c>
      <c r="CT2618" s="166">
        <v>0</v>
      </c>
      <c r="CU2618" s="166">
        <v>0</v>
      </c>
      <c r="CV2618" s="166">
        <v>0</v>
      </c>
      <c r="CW2618" s="166">
        <v>0</v>
      </c>
      <c r="CX2618" s="166">
        <v>0</v>
      </c>
      <c r="CY2618" s="166">
        <v>0</v>
      </c>
      <c r="CZ2618" s="166">
        <v>0</v>
      </c>
    </row>
    <row r="2619" spans="1:104" x14ac:dyDescent="0.2">
      <c r="A2619" s="167" t="s">
        <v>464</v>
      </c>
      <c r="B2619" s="166">
        <v>7610510.7599999998</v>
      </c>
      <c r="C2619" s="166">
        <v>7610510.7599999998</v>
      </c>
      <c r="D2619" s="166">
        <v>0</v>
      </c>
      <c r="E2619" s="166">
        <v>0</v>
      </c>
      <c r="F2619" s="166">
        <v>0</v>
      </c>
      <c r="G2619" s="166">
        <v>0</v>
      </c>
      <c r="H2619" s="166">
        <v>0</v>
      </c>
      <c r="I2619" s="166">
        <v>0</v>
      </c>
      <c r="J2619" s="166">
        <v>0</v>
      </c>
      <c r="K2619" s="166">
        <v>0</v>
      </c>
      <c r="L2619" s="166">
        <v>0</v>
      </c>
      <c r="M2619" s="166">
        <v>0</v>
      </c>
      <c r="N2619" s="166">
        <v>0</v>
      </c>
      <c r="O2619" s="166">
        <v>0</v>
      </c>
      <c r="P2619" s="166">
        <v>0</v>
      </c>
      <c r="Q2619" s="166">
        <v>0</v>
      </c>
      <c r="R2619" s="166">
        <v>0</v>
      </c>
      <c r="S2619" s="166">
        <v>0</v>
      </c>
      <c r="T2619" s="166">
        <v>0</v>
      </c>
      <c r="U2619" s="166">
        <v>-7610510.7599999998</v>
      </c>
      <c r="V2619" s="166">
        <v>0</v>
      </c>
      <c r="W2619" s="166">
        <v>0</v>
      </c>
      <c r="X2619" s="166">
        <v>0</v>
      </c>
      <c r="Y2619" s="166">
        <v>0</v>
      </c>
      <c r="Z2619" s="166">
        <v>0</v>
      </c>
      <c r="AA2619" s="166">
        <v>0</v>
      </c>
      <c r="AB2619" s="166">
        <v>0</v>
      </c>
      <c r="AC2619" s="166">
        <v>0</v>
      </c>
      <c r="AD2619" s="166">
        <v>0</v>
      </c>
      <c r="AE2619" s="166">
        <v>0</v>
      </c>
      <c r="AF2619" s="166">
        <v>0</v>
      </c>
      <c r="AG2619" s="166">
        <v>0</v>
      </c>
      <c r="AH2619" s="166">
        <v>0</v>
      </c>
      <c r="AI2619" s="166">
        <v>0</v>
      </c>
      <c r="AJ2619" s="166">
        <v>0</v>
      </c>
      <c r="AK2619" s="166">
        <v>0</v>
      </c>
      <c r="AL2619" s="166">
        <v>0</v>
      </c>
      <c r="AM2619" s="166">
        <v>0</v>
      </c>
      <c r="AN2619" s="166">
        <v>0</v>
      </c>
      <c r="AO2619" s="166">
        <v>0</v>
      </c>
      <c r="AP2619" s="166">
        <v>0</v>
      </c>
      <c r="AQ2619" s="166">
        <v>0</v>
      </c>
      <c r="AR2619" s="166">
        <v>0</v>
      </c>
      <c r="AS2619" s="166">
        <v>0</v>
      </c>
      <c r="AT2619" s="166">
        <v>0</v>
      </c>
      <c r="AU2619" s="166">
        <v>0</v>
      </c>
      <c r="AV2619" s="166">
        <v>0</v>
      </c>
      <c r="AW2619" s="166">
        <v>0</v>
      </c>
      <c r="AX2619" s="166">
        <v>0</v>
      </c>
      <c r="AY2619" s="166">
        <v>0</v>
      </c>
      <c r="AZ2619" s="166">
        <v>0</v>
      </c>
      <c r="BA2619" s="166">
        <v>0</v>
      </c>
      <c r="BB2619" s="166">
        <v>0</v>
      </c>
      <c r="BC2619" s="166">
        <v>0</v>
      </c>
      <c r="BD2619" s="166">
        <v>0</v>
      </c>
      <c r="BE2619" s="166">
        <v>0</v>
      </c>
      <c r="BF2619" s="166">
        <v>0</v>
      </c>
      <c r="BG2619" s="166">
        <v>0</v>
      </c>
      <c r="BH2619" s="166">
        <v>0</v>
      </c>
      <c r="BI2619" s="166">
        <v>-7610510.7599999998</v>
      </c>
      <c r="BJ2619" s="166">
        <v>0</v>
      </c>
      <c r="BK2619" s="166">
        <v>0</v>
      </c>
      <c r="BL2619" s="166">
        <v>0</v>
      </c>
      <c r="BM2619" s="166">
        <v>0</v>
      </c>
      <c r="BN2619" s="166">
        <v>0</v>
      </c>
      <c r="BO2619" s="166">
        <v>0</v>
      </c>
      <c r="BP2619" s="166">
        <v>0</v>
      </c>
      <c r="BQ2619" s="166">
        <v>0</v>
      </c>
      <c r="BR2619" s="166">
        <v>7610510.7599999998</v>
      </c>
      <c r="BS2619" s="166">
        <v>0</v>
      </c>
      <c r="BT2619" s="168">
        <v>0.99999527731777005</v>
      </c>
      <c r="BU2619" s="166">
        <v>634205.88483299303</v>
      </c>
      <c r="BV2619" s="166">
        <v>7610474.8179760799</v>
      </c>
      <c r="BW2619" s="166">
        <v>0</v>
      </c>
      <c r="BX2619" s="166">
        <v>0</v>
      </c>
      <c r="BY2619" s="166">
        <v>0</v>
      </c>
      <c r="BZ2619" s="166">
        <v>0</v>
      </c>
      <c r="CA2619" s="166">
        <v>0</v>
      </c>
      <c r="CB2619" s="166">
        <v>-7610474.8179760799</v>
      </c>
      <c r="CC2619" s="166">
        <v>0</v>
      </c>
      <c r="CD2619" s="166">
        <v>0</v>
      </c>
      <c r="CE2619" s="166">
        <v>0</v>
      </c>
      <c r="CF2619" s="166">
        <v>0</v>
      </c>
      <c r="CG2619" s="166">
        <v>0</v>
      </c>
      <c r="CH2619" s="166">
        <v>0</v>
      </c>
      <c r="CI2619" s="166">
        <v>0</v>
      </c>
      <c r="CJ2619" s="166">
        <v>0</v>
      </c>
      <c r="CK2619" s="166">
        <v>0</v>
      </c>
      <c r="CL2619" s="166">
        <v>0</v>
      </c>
      <c r="CM2619" s="166">
        <v>0</v>
      </c>
      <c r="CN2619" s="166">
        <v>0</v>
      </c>
      <c r="CO2619" s="166">
        <v>0</v>
      </c>
      <c r="CP2619" s="166">
        <v>-7610474.8179760799</v>
      </c>
      <c r="CQ2619" s="166">
        <v>0</v>
      </c>
      <c r="CR2619" s="166">
        <v>0</v>
      </c>
      <c r="CS2619" s="166">
        <v>0</v>
      </c>
      <c r="CT2619" s="166">
        <v>0</v>
      </c>
      <c r="CU2619" s="166">
        <v>0</v>
      </c>
      <c r="CV2619" s="166">
        <v>0</v>
      </c>
      <c r="CW2619" s="166">
        <v>0</v>
      </c>
      <c r="CX2619" s="166">
        <v>0</v>
      </c>
      <c r="CY2619" s="166">
        <v>0</v>
      </c>
      <c r="CZ2619" s="166">
        <v>0</v>
      </c>
    </row>
    <row r="2620" spans="1:104" x14ac:dyDescent="0.2">
      <c r="A2620" s="167" t="s">
        <v>465</v>
      </c>
      <c r="B2620" s="166">
        <v>0</v>
      </c>
      <c r="C2620" s="166">
        <v>0</v>
      </c>
      <c r="D2620" s="166">
        <v>0</v>
      </c>
      <c r="E2620" s="166">
        <v>0</v>
      </c>
      <c r="F2620" s="166">
        <v>0</v>
      </c>
      <c r="G2620" s="166">
        <v>0</v>
      </c>
      <c r="H2620" s="166">
        <v>0</v>
      </c>
      <c r="I2620" s="166">
        <v>0</v>
      </c>
      <c r="J2620" s="166">
        <v>0</v>
      </c>
      <c r="K2620" s="166">
        <v>0</v>
      </c>
      <c r="L2620" s="166">
        <v>0</v>
      </c>
      <c r="M2620" s="166">
        <v>0</v>
      </c>
      <c r="N2620" s="166">
        <v>0</v>
      </c>
      <c r="O2620" s="166">
        <v>0</v>
      </c>
      <c r="P2620" s="166">
        <v>0</v>
      </c>
      <c r="Q2620" s="166">
        <v>0</v>
      </c>
      <c r="R2620" s="166">
        <v>0</v>
      </c>
      <c r="S2620" s="166">
        <v>0</v>
      </c>
      <c r="T2620" s="166">
        <v>0</v>
      </c>
      <c r="U2620" s="166">
        <v>0</v>
      </c>
      <c r="V2620" s="166">
        <v>0</v>
      </c>
      <c r="W2620" s="166">
        <v>0</v>
      </c>
      <c r="X2620" s="166">
        <v>0</v>
      </c>
      <c r="Y2620" s="166">
        <v>0</v>
      </c>
      <c r="Z2620" s="166">
        <v>0</v>
      </c>
      <c r="AA2620" s="166">
        <v>0</v>
      </c>
      <c r="AB2620" s="166">
        <v>0</v>
      </c>
      <c r="AC2620" s="166">
        <v>0</v>
      </c>
      <c r="AD2620" s="166">
        <v>0</v>
      </c>
      <c r="AE2620" s="166">
        <v>0</v>
      </c>
      <c r="AF2620" s="166">
        <v>0</v>
      </c>
      <c r="AG2620" s="166">
        <v>0</v>
      </c>
      <c r="AH2620" s="166">
        <v>0</v>
      </c>
      <c r="AI2620" s="166">
        <v>0</v>
      </c>
      <c r="AJ2620" s="166">
        <v>0</v>
      </c>
      <c r="AK2620" s="166">
        <v>0</v>
      </c>
      <c r="AL2620" s="166">
        <v>0</v>
      </c>
      <c r="AM2620" s="166">
        <v>0</v>
      </c>
      <c r="AN2620" s="166">
        <v>0</v>
      </c>
      <c r="AO2620" s="166">
        <v>0</v>
      </c>
      <c r="AP2620" s="166">
        <v>0</v>
      </c>
      <c r="AQ2620" s="166">
        <v>0</v>
      </c>
      <c r="AR2620" s="166">
        <v>0</v>
      </c>
      <c r="AS2620" s="166">
        <v>0</v>
      </c>
      <c r="AT2620" s="166">
        <v>0</v>
      </c>
      <c r="AU2620" s="166">
        <v>0</v>
      </c>
      <c r="AV2620" s="166">
        <v>0</v>
      </c>
      <c r="AW2620" s="166">
        <v>0</v>
      </c>
      <c r="AX2620" s="166">
        <v>0</v>
      </c>
      <c r="AY2620" s="166">
        <v>0</v>
      </c>
      <c r="AZ2620" s="166">
        <v>0</v>
      </c>
      <c r="BA2620" s="166">
        <v>0</v>
      </c>
      <c r="BB2620" s="166">
        <v>0</v>
      </c>
      <c r="BC2620" s="166">
        <v>0</v>
      </c>
      <c r="BD2620" s="166">
        <v>0</v>
      </c>
      <c r="BE2620" s="166">
        <v>0</v>
      </c>
      <c r="BF2620" s="166">
        <v>0</v>
      </c>
      <c r="BG2620" s="166">
        <v>0</v>
      </c>
      <c r="BH2620" s="166">
        <v>0</v>
      </c>
      <c r="BI2620" s="166">
        <v>0</v>
      </c>
      <c r="BJ2620" s="166">
        <v>0</v>
      </c>
      <c r="BK2620" s="166">
        <v>0</v>
      </c>
      <c r="BL2620" s="166">
        <v>0</v>
      </c>
      <c r="BM2620" s="166">
        <v>0</v>
      </c>
      <c r="BN2620" s="166">
        <v>0</v>
      </c>
      <c r="BO2620" s="166">
        <v>0</v>
      </c>
      <c r="BP2620" s="166">
        <v>0</v>
      </c>
      <c r="BQ2620" s="166">
        <v>0</v>
      </c>
      <c r="BR2620" s="166">
        <v>0</v>
      </c>
      <c r="BS2620" s="166">
        <v>0</v>
      </c>
      <c r="BT2620" s="168">
        <v>1</v>
      </c>
      <c r="BU2620" s="166">
        <v>0</v>
      </c>
      <c r="BV2620" s="166">
        <v>0</v>
      </c>
      <c r="BW2620" s="166">
        <v>0</v>
      </c>
      <c r="BX2620" s="166">
        <v>0</v>
      </c>
      <c r="BY2620" s="166">
        <v>0</v>
      </c>
      <c r="BZ2620" s="166">
        <v>0</v>
      </c>
      <c r="CA2620" s="166">
        <v>0</v>
      </c>
      <c r="CB2620" s="166">
        <v>0</v>
      </c>
      <c r="CC2620" s="166">
        <v>0</v>
      </c>
      <c r="CD2620" s="166">
        <v>0</v>
      </c>
      <c r="CE2620" s="166">
        <v>0</v>
      </c>
      <c r="CF2620" s="166">
        <v>0</v>
      </c>
      <c r="CG2620" s="166">
        <v>0</v>
      </c>
      <c r="CH2620" s="166">
        <v>0</v>
      </c>
      <c r="CI2620" s="166">
        <v>0</v>
      </c>
      <c r="CJ2620" s="166">
        <v>0</v>
      </c>
      <c r="CK2620" s="166">
        <v>0</v>
      </c>
      <c r="CL2620" s="166">
        <v>0</v>
      </c>
      <c r="CM2620" s="166">
        <v>0</v>
      </c>
      <c r="CN2620" s="166">
        <v>0</v>
      </c>
      <c r="CO2620" s="166">
        <v>0</v>
      </c>
      <c r="CP2620" s="166">
        <v>0</v>
      </c>
      <c r="CQ2620" s="166">
        <v>0</v>
      </c>
      <c r="CR2620" s="166">
        <v>0</v>
      </c>
      <c r="CS2620" s="166">
        <v>0</v>
      </c>
      <c r="CT2620" s="166">
        <v>0</v>
      </c>
      <c r="CU2620" s="166">
        <v>0</v>
      </c>
      <c r="CV2620" s="166">
        <v>0</v>
      </c>
      <c r="CW2620" s="166">
        <v>0</v>
      </c>
      <c r="CX2620" s="166">
        <v>0</v>
      </c>
      <c r="CY2620" s="166">
        <v>0</v>
      </c>
      <c r="CZ2620" s="166">
        <v>0</v>
      </c>
    </row>
    <row r="2621" spans="1:104" x14ac:dyDescent="0.2">
      <c r="A2621" s="167" t="s">
        <v>466</v>
      </c>
      <c r="B2621" s="166">
        <v>0</v>
      </c>
      <c r="C2621" s="166">
        <v>0</v>
      </c>
      <c r="D2621" s="166">
        <v>0</v>
      </c>
      <c r="E2621" s="166">
        <v>0</v>
      </c>
      <c r="F2621" s="166">
        <v>0</v>
      </c>
      <c r="G2621" s="166">
        <v>0</v>
      </c>
      <c r="H2621" s="166">
        <v>0</v>
      </c>
      <c r="I2621" s="166">
        <v>0</v>
      </c>
      <c r="J2621" s="166">
        <v>0</v>
      </c>
      <c r="K2621" s="166">
        <v>0</v>
      </c>
      <c r="L2621" s="166">
        <v>0</v>
      </c>
      <c r="M2621" s="166">
        <v>0</v>
      </c>
      <c r="N2621" s="166">
        <v>0</v>
      </c>
      <c r="O2621" s="166">
        <v>0</v>
      </c>
      <c r="P2621" s="166">
        <v>0</v>
      </c>
      <c r="Q2621" s="166">
        <v>0</v>
      </c>
      <c r="R2621" s="166">
        <v>0</v>
      </c>
      <c r="S2621" s="166">
        <v>0</v>
      </c>
      <c r="T2621" s="166">
        <v>0</v>
      </c>
      <c r="U2621" s="166">
        <v>0</v>
      </c>
      <c r="V2621" s="166">
        <v>0</v>
      </c>
      <c r="W2621" s="166">
        <v>0</v>
      </c>
      <c r="X2621" s="166">
        <v>0</v>
      </c>
      <c r="Y2621" s="166">
        <v>0</v>
      </c>
      <c r="Z2621" s="166">
        <v>0</v>
      </c>
      <c r="AA2621" s="166">
        <v>0</v>
      </c>
      <c r="AB2621" s="166">
        <v>0</v>
      </c>
      <c r="AC2621" s="166">
        <v>0</v>
      </c>
      <c r="AD2621" s="166">
        <v>0</v>
      </c>
      <c r="AE2621" s="166">
        <v>0</v>
      </c>
      <c r="AF2621" s="166">
        <v>0</v>
      </c>
      <c r="AG2621" s="166">
        <v>0</v>
      </c>
      <c r="AH2621" s="166">
        <v>0</v>
      </c>
      <c r="AI2621" s="166">
        <v>0</v>
      </c>
      <c r="AJ2621" s="166">
        <v>0</v>
      </c>
      <c r="AK2621" s="166">
        <v>0</v>
      </c>
      <c r="AL2621" s="166">
        <v>0</v>
      </c>
      <c r="AM2621" s="166">
        <v>0</v>
      </c>
      <c r="AN2621" s="166">
        <v>0</v>
      </c>
      <c r="AO2621" s="166">
        <v>0</v>
      </c>
      <c r="AP2621" s="166">
        <v>0</v>
      </c>
      <c r="AQ2621" s="166">
        <v>0</v>
      </c>
      <c r="AR2621" s="166">
        <v>0</v>
      </c>
      <c r="AS2621" s="166">
        <v>0</v>
      </c>
      <c r="AT2621" s="166">
        <v>0</v>
      </c>
      <c r="AU2621" s="166">
        <v>0</v>
      </c>
      <c r="AV2621" s="166">
        <v>0</v>
      </c>
      <c r="AW2621" s="166">
        <v>0</v>
      </c>
      <c r="AX2621" s="166">
        <v>0</v>
      </c>
      <c r="AY2621" s="166">
        <v>0</v>
      </c>
      <c r="AZ2621" s="166">
        <v>0</v>
      </c>
      <c r="BA2621" s="166">
        <v>0</v>
      </c>
      <c r="BB2621" s="166">
        <v>0</v>
      </c>
      <c r="BC2621" s="166">
        <v>0</v>
      </c>
      <c r="BD2621" s="166">
        <v>0</v>
      </c>
      <c r="BE2621" s="166">
        <v>0</v>
      </c>
      <c r="BF2621" s="166">
        <v>0</v>
      </c>
      <c r="BG2621" s="166">
        <v>0</v>
      </c>
      <c r="BH2621" s="166">
        <v>0</v>
      </c>
      <c r="BI2621" s="166">
        <v>0</v>
      </c>
      <c r="BJ2621" s="166">
        <v>0</v>
      </c>
      <c r="BK2621" s="166">
        <v>0</v>
      </c>
      <c r="BL2621" s="166">
        <v>0</v>
      </c>
      <c r="BM2621" s="166">
        <v>0</v>
      </c>
      <c r="BN2621" s="166">
        <v>0</v>
      </c>
      <c r="BO2621" s="166">
        <v>0</v>
      </c>
      <c r="BP2621" s="166">
        <v>0</v>
      </c>
      <c r="BQ2621" s="166">
        <v>0</v>
      </c>
      <c r="BR2621" s="166">
        <v>0</v>
      </c>
      <c r="BS2621" s="166">
        <v>0</v>
      </c>
      <c r="BT2621" s="168">
        <v>1</v>
      </c>
      <c r="BU2621" s="166">
        <v>0</v>
      </c>
      <c r="BV2621" s="166">
        <v>0</v>
      </c>
      <c r="BW2621" s="166">
        <v>0</v>
      </c>
      <c r="BX2621" s="166">
        <v>0</v>
      </c>
      <c r="BY2621" s="166">
        <v>0</v>
      </c>
      <c r="BZ2621" s="166">
        <v>0</v>
      </c>
      <c r="CA2621" s="166">
        <v>0</v>
      </c>
      <c r="CB2621" s="166">
        <v>0</v>
      </c>
      <c r="CC2621" s="166">
        <v>0</v>
      </c>
      <c r="CD2621" s="166">
        <v>0</v>
      </c>
      <c r="CE2621" s="166">
        <v>0</v>
      </c>
      <c r="CF2621" s="166">
        <v>0</v>
      </c>
      <c r="CG2621" s="166">
        <v>0</v>
      </c>
      <c r="CH2621" s="166">
        <v>0</v>
      </c>
      <c r="CI2621" s="166">
        <v>0</v>
      </c>
      <c r="CJ2621" s="166">
        <v>0</v>
      </c>
      <c r="CK2621" s="166">
        <v>0</v>
      </c>
      <c r="CL2621" s="166">
        <v>0</v>
      </c>
      <c r="CM2621" s="166">
        <v>0</v>
      </c>
      <c r="CN2621" s="166">
        <v>0</v>
      </c>
      <c r="CO2621" s="166">
        <v>0</v>
      </c>
      <c r="CP2621" s="166">
        <v>0</v>
      </c>
      <c r="CQ2621" s="166">
        <v>0</v>
      </c>
      <c r="CR2621" s="166">
        <v>0</v>
      </c>
      <c r="CS2621" s="166">
        <v>0</v>
      </c>
      <c r="CT2621" s="166">
        <v>0</v>
      </c>
      <c r="CU2621" s="166">
        <v>0</v>
      </c>
      <c r="CV2621" s="166">
        <v>0</v>
      </c>
      <c r="CW2621" s="166">
        <v>0</v>
      </c>
      <c r="CX2621" s="166">
        <v>0</v>
      </c>
      <c r="CY2621" s="166">
        <v>0</v>
      </c>
      <c r="CZ2621" s="166">
        <v>0</v>
      </c>
    </row>
    <row r="2622" spans="1:104" x14ac:dyDescent="0.2">
      <c r="A2622" s="170" t="s">
        <v>467</v>
      </c>
      <c r="B2622" s="166">
        <v>11554140.34</v>
      </c>
      <c r="C2622" s="166">
        <v>11554140.34</v>
      </c>
      <c r="D2622" s="166">
        <v>0</v>
      </c>
      <c r="E2622" s="166">
        <v>0</v>
      </c>
      <c r="F2622" s="166">
        <v>0</v>
      </c>
      <c r="G2622" s="166">
        <v>0</v>
      </c>
      <c r="H2622" s="166">
        <v>0</v>
      </c>
      <c r="I2622" s="166">
        <v>0</v>
      </c>
      <c r="J2622" s="166">
        <v>0</v>
      </c>
      <c r="K2622" s="166">
        <v>0</v>
      </c>
      <c r="L2622" s="166">
        <v>0</v>
      </c>
      <c r="M2622" s="166">
        <v>0</v>
      </c>
      <c r="N2622" s="166">
        <v>0</v>
      </c>
      <c r="O2622" s="166">
        <v>0</v>
      </c>
      <c r="P2622" s="166">
        <v>0</v>
      </c>
      <c r="Q2622" s="166">
        <v>0</v>
      </c>
      <c r="R2622" s="166">
        <v>0</v>
      </c>
      <c r="S2622" s="166">
        <v>0</v>
      </c>
      <c r="T2622" s="166">
        <v>0</v>
      </c>
      <c r="U2622" s="166">
        <v>-11554140.34</v>
      </c>
      <c r="V2622" s="166">
        <v>0</v>
      </c>
      <c r="W2622" s="166">
        <v>0</v>
      </c>
      <c r="X2622" s="166">
        <v>0</v>
      </c>
      <c r="Y2622" s="166">
        <v>0</v>
      </c>
      <c r="Z2622" s="166">
        <v>0</v>
      </c>
      <c r="AA2622" s="166">
        <v>0</v>
      </c>
      <c r="AB2622" s="166">
        <v>0</v>
      </c>
      <c r="AC2622" s="166">
        <v>0</v>
      </c>
      <c r="AD2622" s="166">
        <v>0</v>
      </c>
      <c r="AE2622" s="166">
        <v>0</v>
      </c>
      <c r="AF2622" s="166">
        <v>0</v>
      </c>
      <c r="AG2622" s="166">
        <v>0</v>
      </c>
      <c r="AH2622" s="166">
        <v>0</v>
      </c>
      <c r="AI2622" s="166">
        <v>0</v>
      </c>
      <c r="AJ2622" s="166">
        <v>0</v>
      </c>
      <c r="AK2622" s="166">
        <v>0</v>
      </c>
      <c r="AL2622" s="166">
        <v>0</v>
      </c>
      <c r="AM2622" s="166">
        <v>0</v>
      </c>
      <c r="AN2622" s="166">
        <v>0</v>
      </c>
      <c r="AO2622" s="166">
        <v>0</v>
      </c>
      <c r="AP2622" s="166">
        <v>0</v>
      </c>
      <c r="AQ2622" s="166">
        <v>0</v>
      </c>
      <c r="AR2622" s="166">
        <v>0</v>
      </c>
      <c r="AS2622" s="166">
        <v>0</v>
      </c>
      <c r="AT2622" s="166">
        <v>0</v>
      </c>
      <c r="AU2622" s="166">
        <v>0</v>
      </c>
      <c r="AV2622" s="166">
        <v>0</v>
      </c>
      <c r="AW2622" s="166">
        <v>0</v>
      </c>
      <c r="AX2622" s="166">
        <v>0</v>
      </c>
      <c r="AY2622" s="166">
        <v>0</v>
      </c>
      <c r="AZ2622" s="166">
        <v>0</v>
      </c>
      <c r="BA2622" s="166">
        <v>0</v>
      </c>
      <c r="BB2622" s="166">
        <v>0</v>
      </c>
      <c r="BC2622" s="166">
        <v>0</v>
      </c>
      <c r="BD2622" s="166">
        <v>0</v>
      </c>
      <c r="BE2622" s="166">
        <v>0</v>
      </c>
      <c r="BF2622" s="166">
        <v>0</v>
      </c>
      <c r="BG2622" s="166">
        <v>0</v>
      </c>
      <c r="BH2622" s="166">
        <v>0</v>
      </c>
      <c r="BI2622" s="166">
        <v>-11554140.34</v>
      </c>
      <c r="BJ2622" s="166">
        <v>0</v>
      </c>
      <c r="BK2622" s="166">
        <v>0</v>
      </c>
      <c r="BL2622" s="166">
        <v>0</v>
      </c>
      <c r="BM2622" s="166">
        <v>0</v>
      </c>
      <c r="BN2622" s="166">
        <v>0</v>
      </c>
      <c r="BO2622" s="166">
        <v>0</v>
      </c>
      <c r="BP2622" s="166">
        <v>0</v>
      </c>
      <c r="BQ2622" s="166">
        <v>0</v>
      </c>
      <c r="BR2622" s="166">
        <v>993072023.73784697</v>
      </c>
      <c r="BS2622" s="166">
        <v>0</v>
      </c>
      <c r="BT2622" s="168">
        <v>0</v>
      </c>
      <c r="BU2622" s="166">
        <v>858411.03395222698</v>
      </c>
      <c r="BV2622" s="166">
        <v>11554096.9949582</v>
      </c>
      <c r="BW2622" s="166">
        <v>0</v>
      </c>
      <c r="BX2622" s="166">
        <v>0</v>
      </c>
      <c r="BY2622" s="166">
        <v>0</v>
      </c>
      <c r="BZ2622" s="166">
        <v>0</v>
      </c>
      <c r="CA2622" s="166">
        <v>0</v>
      </c>
      <c r="CB2622" s="166">
        <v>-11554096.9949582</v>
      </c>
      <c r="CC2622" s="166">
        <v>0</v>
      </c>
      <c r="CD2622" s="166">
        <v>0</v>
      </c>
      <c r="CE2622" s="166">
        <v>0</v>
      </c>
      <c r="CF2622" s="166">
        <v>0</v>
      </c>
      <c r="CG2622" s="166">
        <v>0</v>
      </c>
      <c r="CH2622" s="166">
        <v>0</v>
      </c>
      <c r="CI2622" s="166">
        <v>0</v>
      </c>
      <c r="CJ2622" s="166">
        <v>0</v>
      </c>
      <c r="CK2622" s="166">
        <v>0</v>
      </c>
      <c r="CL2622" s="166">
        <v>0</v>
      </c>
      <c r="CM2622" s="166">
        <v>0</v>
      </c>
      <c r="CN2622" s="166">
        <v>0</v>
      </c>
      <c r="CO2622" s="166">
        <v>0</v>
      </c>
      <c r="CP2622" s="166">
        <v>-11554096.9949582</v>
      </c>
      <c r="CQ2622" s="166">
        <v>0</v>
      </c>
      <c r="CR2622" s="166">
        <v>0</v>
      </c>
      <c r="CS2622" s="166">
        <v>0</v>
      </c>
      <c r="CT2622" s="166">
        <v>0</v>
      </c>
      <c r="CU2622" s="166">
        <v>0</v>
      </c>
      <c r="CV2622" s="166">
        <v>0</v>
      </c>
      <c r="CW2622" s="166">
        <v>0</v>
      </c>
      <c r="CX2622" s="166">
        <v>0</v>
      </c>
      <c r="CY2622" s="166">
        <v>0</v>
      </c>
      <c r="CZ2622" s="166">
        <v>0</v>
      </c>
    </row>
    <row r="2623" spans="1:104" x14ac:dyDescent="0.2">
      <c r="A2623" s="167" t="s">
        <v>468</v>
      </c>
    </row>
    <row r="2624" spans="1:104" x14ac:dyDescent="0.2">
      <c r="A2624" s="167" t="s">
        <v>469</v>
      </c>
      <c r="B2624" s="166">
        <v>8836452.8399999999</v>
      </c>
      <c r="C2624" s="166">
        <v>8836452.8399999999</v>
      </c>
      <c r="D2624" s="166">
        <v>0</v>
      </c>
      <c r="E2624" s="166">
        <v>0</v>
      </c>
      <c r="F2624" s="166">
        <v>0</v>
      </c>
      <c r="G2624" s="166">
        <v>0</v>
      </c>
      <c r="H2624" s="166">
        <v>0</v>
      </c>
      <c r="I2624" s="166">
        <v>0</v>
      </c>
      <c r="J2624" s="166">
        <v>0</v>
      </c>
      <c r="K2624" s="166">
        <v>0</v>
      </c>
      <c r="L2624" s="166">
        <v>0</v>
      </c>
      <c r="M2624" s="166">
        <v>0</v>
      </c>
      <c r="N2624" s="166">
        <v>0</v>
      </c>
      <c r="O2624" s="166">
        <v>0</v>
      </c>
      <c r="P2624" s="166">
        <v>0</v>
      </c>
      <c r="Q2624" s="166">
        <v>0</v>
      </c>
      <c r="R2624" s="166">
        <v>0</v>
      </c>
      <c r="S2624" s="166">
        <v>0</v>
      </c>
      <c r="T2624" s="166">
        <v>0</v>
      </c>
      <c r="U2624" s="166">
        <v>0</v>
      </c>
      <c r="V2624" s="166">
        <v>0</v>
      </c>
      <c r="W2624" s="166">
        <v>0</v>
      </c>
      <c r="X2624" s="166">
        <v>0</v>
      </c>
      <c r="Y2624" s="166">
        <v>0</v>
      </c>
      <c r="Z2624" s="166">
        <v>0</v>
      </c>
      <c r="AA2624" s="166">
        <v>0</v>
      </c>
      <c r="AB2624" s="166">
        <v>0</v>
      </c>
      <c r="AC2624" s="166">
        <v>0</v>
      </c>
      <c r="AD2624" s="166">
        <v>0</v>
      </c>
      <c r="AE2624" s="166">
        <v>0</v>
      </c>
      <c r="AF2624" s="166">
        <v>0</v>
      </c>
      <c r="AG2624" s="166">
        <v>0</v>
      </c>
      <c r="AH2624" s="166">
        <v>0</v>
      </c>
      <c r="AI2624" s="166">
        <v>0</v>
      </c>
      <c r="AJ2624" s="166">
        <v>0</v>
      </c>
      <c r="AK2624" s="166">
        <v>0</v>
      </c>
      <c r="AL2624" s="166">
        <v>0</v>
      </c>
      <c r="AM2624" s="166">
        <v>0</v>
      </c>
      <c r="AN2624" s="166">
        <v>0</v>
      </c>
      <c r="AO2624" s="166">
        <v>0</v>
      </c>
      <c r="AP2624" s="166">
        <v>0</v>
      </c>
      <c r="AQ2624" s="166">
        <v>0</v>
      </c>
      <c r="AR2624" s="166">
        <v>0</v>
      </c>
      <c r="AS2624" s="166">
        <v>0</v>
      </c>
      <c r="AT2624" s="166">
        <v>0</v>
      </c>
      <c r="AU2624" s="166">
        <v>0</v>
      </c>
      <c r="AV2624" s="166">
        <v>0</v>
      </c>
      <c r="AW2624" s="166">
        <v>0</v>
      </c>
      <c r="AX2624" s="166">
        <v>0</v>
      </c>
      <c r="AY2624" s="166">
        <v>-8836452.8399999999</v>
      </c>
      <c r="AZ2624" s="166">
        <v>0</v>
      </c>
      <c r="BA2624" s="166">
        <v>0</v>
      </c>
      <c r="BB2624" s="166">
        <v>0</v>
      </c>
      <c r="BC2624" s="166">
        <v>0</v>
      </c>
      <c r="BD2624" s="166">
        <v>0</v>
      </c>
      <c r="BE2624" s="166">
        <v>0</v>
      </c>
      <c r="BF2624" s="166">
        <v>0</v>
      </c>
      <c r="BG2624" s="166">
        <v>0</v>
      </c>
      <c r="BH2624" s="166">
        <v>0</v>
      </c>
      <c r="BI2624" s="166">
        <v>0</v>
      </c>
      <c r="BJ2624" s="166">
        <v>0</v>
      </c>
      <c r="BK2624" s="166">
        <v>0</v>
      </c>
      <c r="BL2624" s="166">
        <v>0</v>
      </c>
      <c r="BM2624" s="166">
        <v>0</v>
      </c>
      <c r="BN2624" s="166">
        <v>0</v>
      </c>
      <c r="BO2624" s="166">
        <v>0</v>
      </c>
      <c r="BP2624" s="166">
        <v>-8836452.8399999999</v>
      </c>
      <c r="BQ2624" s="166">
        <v>0</v>
      </c>
      <c r="BR2624" s="166">
        <v>8836452.8399999999</v>
      </c>
      <c r="BS2624" s="166">
        <v>0</v>
      </c>
      <c r="BT2624" s="168">
        <v>0.70788236107156799</v>
      </c>
      <c r="BU2624" s="166">
        <v>521264.09165639698</v>
      </c>
      <c r="BV2624" s="166">
        <v>6255169.0998767698</v>
      </c>
      <c r="BW2624" s="166">
        <v>0</v>
      </c>
      <c r="BX2624" s="166">
        <v>0</v>
      </c>
      <c r="BY2624" s="166">
        <v>0</v>
      </c>
      <c r="BZ2624" s="166">
        <v>0</v>
      </c>
      <c r="CA2624" s="166">
        <v>0</v>
      </c>
      <c r="CB2624" s="166">
        <v>0</v>
      </c>
      <c r="CC2624" s="166">
        <v>0</v>
      </c>
      <c r="CD2624" s="166">
        <v>0</v>
      </c>
      <c r="CE2624" s="166">
        <v>0</v>
      </c>
      <c r="CF2624" s="166">
        <v>0</v>
      </c>
      <c r="CG2624" s="166">
        <v>0</v>
      </c>
      <c r="CH2624" s="166">
        <v>0</v>
      </c>
      <c r="CI2624" s="166">
        <v>-6255169.0998767698</v>
      </c>
      <c r="CJ2624" s="166">
        <v>0</v>
      </c>
      <c r="CK2624" s="166">
        <v>0</v>
      </c>
      <c r="CL2624" s="166">
        <v>0</v>
      </c>
      <c r="CM2624" s="166">
        <v>0</v>
      </c>
      <c r="CN2624" s="166">
        <v>0</v>
      </c>
      <c r="CO2624" s="166">
        <v>0</v>
      </c>
      <c r="CP2624" s="166">
        <v>0</v>
      </c>
      <c r="CQ2624" s="166">
        <v>0</v>
      </c>
      <c r="CR2624" s="166">
        <v>0</v>
      </c>
      <c r="CS2624" s="166">
        <v>0</v>
      </c>
      <c r="CT2624" s="166">
        <v>0</v>
      </c>
      <c r="CU2624" s="166">
        <v>0</v>
      </c>
      <c r="CV2624" s="166">
        <v>0</v>
      </c>
      <c r="CW2624" s="166">
        <v>-6255169.0998767698</v>
      </c>
      <c r="CX2624" s="166">
        <v>0</v>
      </c>
      <c r="CY2624" s="166">
        <v>0</v>
      </c>
      <c r="CZ2624" s="166">
        <v>0</v>
      </c>
    </row>
    <row r="2625" spans="1:104" x14ac:dyDescent="0.2">
      <c r="A2625" s="167" t="s">
        <v>470</v>
      </c>
      <c r="B2625" s="166">
        <v>50648786.280000001</v>
      </c>
      <c r="C2625" s="166">
        <v>50648786.280000001</v>
      </c>
      <c r="D2625" s="166">
        <v>0</v>
      </c>
      <c r="E2625" s="166">
        <v>0</v>
      </c>
      <c r="F2625" s="166">
        <v>0</v>
      </c>
      <c r="G2625" s="166">
        <v>0</v>
      </c>
      <c r="H2625" s="166">
        <v>0</v>
      </c>
      <c r="I2625" s="166">
        <v>0</v>
      </c>
      <c r="J2625" s="166">
        <v>0</v>
      </c>
      <c r="K2625" s="166">
        <v>0</v>
      </c>
      <c r="L2625" s="166">
        <v>0</v>
      </c>
      <c r="M2625" s="166">
        <v>0</v>
      </c>
      <c r="N2625" s="166">
        <v>0</v>
      </c>
      <c r="O2625" s="166">
        <v>0</v>
      </c>
      <c r="P2625" s="166">
        <v>0</v>
      </c>
      <c r="Q2625" s="166">
        <v>0</v>
      </c>
      <c r="R2625" s="166">
        <v>0</v>
      </c>
      <c r="S2625" s="166">
        <v>0</v>
      </c>
      <c r="T2625" s="166">
        <v>0</v>
      </c>
      <c r="U2625" s="166">
        <v>0</v>
      </c>
      <c r="V2625" s="166">
        <v>0</v>
      </c>
      <c r="W2625" s="166">
        <v>0</v>
      </c>
      <c r="X2625" s="166">
        <v>0</v>
      </c>
      <c r="Y2625" s="166">
        <v>0</v>
      </c>
      <c r="Z2625" s="166">
        <v>0</v>
      </c>
      <c r="AA2625" s="166">
        <v>0</v>
      </c>
      <c r="AB2625" s="166">
        <v>0</v>
      </c>
      <c r="AC2625" s="166">
        <v>0</v>
      </c>
      <c r="AD2625" s="166">
        <v>0</v>
      </c>
      <c r="AE2625" s="166">
        <v>0</v>
      </c>
      <c r="AF2625" s="166">
        <v>0</v>
      </c>
      <c r="AG2625" s="166">
        <v>0</v>
      </c>
      <c r="AH2625" s="166">
        <v>0</v>
      </c>
      <c r="AI2625" s="166">
        <v>0</v>
      </c>
      <c r="AJ2625" s="166">
        <v>0</v>
      </c>
      <c r="AK2625" s="166">
        <v>0</v>
      </c>
      <c r="AL2625" s="166">
        <v>0</v>
      </c>
      <c r="AM2625" s="166">
        <v>0</v>
      </c>
      <c r="AN2625" s="166">
        <v>0</v>
      </c>
      <c r="AO2625" s="166">
        <v>0</v>
      </c>
      <c r="AP2625" s="166">
        <v>0</v>
      </c>
      <c r="AQ2625" s="166">
        <v>0</v>
      </c>
      <c r="AR2625" s="166">
        <v>0</v>
      </c>
      <c r="AS2625" s="166">
        <v>0</v>
      </c>
      <c r="AT2625" s="166">
        <v>0</v>
      </c>
      <c r="AU2625" s="166">
        <v>0</v>
      </c>
      <c r="AV2625" s="166">
        <v>0</v>
      </c>
      <c r="AW2625" s="166">
        <v>0</v>
      </c>
      <c r="AX2625" s="166">
        <v>0</v>
      </c>
      <c r="AY2625" s="166">
        <v>-50648786.280000001</v>
      </c>
      <c r="AZ2625" s="166">
        <v>0</v>
      </c>
      <c r="BA2625" s="166">
        <v>0</v>
      </c>
      <c r="BB2625" s="166">
        <v>0</v>
      </c>
      <c r="BC2625" s="166">
        <v>0</v>
      </c>
      <c r="BD2625" s="166">
        <v>0</v>
      </c>
      <c r="BE2625" s="166">
        <v>0</v>
      </c>
      <c r="BF2625" s="166">
        <v>0</v>
      </c>
      <c r="BG2625" s="166">
        <v>0</v>
      </c>
      <c r="BH2625" s="166">
        <v>0</v>
      </c>
      <c r="BI2625" s="166">
        <v>0</v>
      </c>
      <c r="BJ2625" s="166">
        <v>0</v>
      </c>
      <c r="BK2625" s="166">
        <v>0</v>
      </c>
      <c r="BL2625" s="166">
        <v>0</v>
      </c>
      <c r="BM2625" s="166">
        <v>0</v>
      </c>
      <c r="BN2625" s="166">
        <v>0</v>
      </c>
      <c r="BO2625" s="166">
        <v>0</v>
      </c>
      <c r="BP2625" s="166">
        <v>-50648786.280000001</v>
      </c>
      <c r="BQ2625" s="166">
        <v>0</v>
      </c>
      <c r="BR2625" s="166">
        <v>50648786.280000001</v>
      </c>
      <c r="BS2625" s="166">
        <v>0</v>
      </c>
      <c r="BT2625" s="168">
        <v>1</v>
      </c>
      <c r="BU2625" s="166">
        <v>4220732.1900000004</v>
      </c>
      <c r="BV2625" s="166">
        <v>50648786.280000001</v>
      </c>
      <c r="BW2625" s="166">
        <v>0</v>
      </c>
      <c r="BX2625" s="166">
        <v>0</v>
      </c>
      <c r="BY2625" s="166">
        <v>0</v>
      </c>
      <c r="BZ2625" s="166">
        <v>0</v>
      </c>
      <c r="CA2625" s="166">
        <v>0</v>
      </c>
      <c r="CB2625" s="166">
        <v>0</v>
      </c>
      <c r="CC2625" s="166">
        <v>0</v>
      </c>
      <c r="CD2625" s="166">
        <v>0</v>
      </c>
      <c r="CE2625" s="166">
        <v>0</v>
      </c>
      <c r="CF2625" s="166">
        <v>0</v>
      </c>
      <c r="CG2625" s="166">
        <v>0</v>
      </c>
      <c r="CH2625" s="166">
        <v>0</v>
      </c>
      <c r="CI2625" s="166">
        <v>-50648786.280000001</v>
      </c>
      <c r="CJ2625" s="166">
        <v>0</v>
      </c>
      <c r="CK2625" s="166">
        <v>0</v>
      </c>
      <c r="CL2625" s="166">
        <v>0</v>
      </c>
      <c r="CM2625" s="166">
        <v>0</v>
      </c>
      <c r="CN2625" s="166">
        <v>0</v>
      </c>
      <c r="CO2625" s="166">
        <v>0</v>
      </c>
      <c r="CP2625" s="166">
        <v>0</v>
      </c>
      <c r="CQ2625" s="166">
        <v>0</v>
      </c>
      <c r="CR2625" s="166">
        <v>0</v>
      </c>
      <c r="CS2625" s="166">
        <v>0</v>
      </c>
      <c r="CT2625" s="166">
        <v>0</v>
      </c>
      <c r="CU2625" s="166">
        <v>0</v>
      </c>
      <c r="CV2625" s="166">
        <v>0</v>
      </c>
      <c r="CW2625" s="166">
        <v>-50648786.280000001</v>
      </c>
      <c r="CX2625" s="166">
        <v>0</v>
      </c>
      <c r="CY2625" s="166">
        <v>0</v>
      </c>
      <c r="CZ2625" s="166">
        <v>0</v>
      </c>
    </row>
    <row r="2626" spans="1:104" x14ac:dyDescent="0.2">
      <c r="A2626" s="170" t="s">
        <v>471</v>
      </c>
      <c r="B2626" s="166">
        <v>59485239.119999997</v>
      </c>
      <c r="C2626" s="166">
        <v>59485239.119999997</v>
      </c>
      <c r="D2626" s="166">
        <v>0</v>
      </c>
      <c r="E2626" s="166">
        <v>0</v>
      </c>
      <c r="F2626" s="166">
        <v>0</v>
      </c>
      <c r="G2626" s="166">
        <v>0</v>
      </c>
      <c r="H2626" s="166">
        <v>0</v>
      </c>
      <c r="I2626" s="166">
        <v>0</v>
      </c>
      <c r="J2626" s="166">
        <v>0</v>
      </c>
      <c r="K2626" s="166">
        <v>0</v>
      </c>
      <c r="L2626" s="166">
        <v>0</v>
      </c>
      <c r="M2626" s="166">
        <v>0</v>
      </c>
      <c r="N2626" s="166">
        <v>0</v>
      </c>
      <c r="O2626" s="166">
        <v>0</v>
      </c>
      <c r="P2626" s="166">
        <v>0</v>
      </c>
      <c r="Q2626" s="166">
        <v>0</v>
      </c>
      <c r="R2626" s="166">
        <v>0</v>
      </c>
      <c r="S2626" s="166">
        <v>0</v>
      </c>
      <c r="T2626" s="166">
        <v>0</v>
      </c>
      <c r="U2626" s="166">
        <v>0</v>
      </c>
      <c r="V2626" s="166">
        <v>0</v>
      </c>
      <c r="W2626" s="166">
        <v>0</v>
      </c>
      <c r="X2626" s="166">
        <v>0</v>
      </c>
      <c r="Y2626" s="166">
        <v>0</v>
      </c>
      <c r="Z2626" s="166">
        <v>0</v>
      </c>
      <c r="AA2626" s="166">
        <v>0</v>
      </c>
      <c r="AB2626" s="166">
        <v>0</v>
      </c>
      <c r="AC2626" s="166">
        <v>0</v>
      </c>
      <c r="AD2626" s="166">
        <v>0</v>
      </c>
      <c r="AE2626" s="166">
        <v>0</v>
      </c>
      <c r="AF2626" s="166">
        <v>0</v>
      </c>
      <c r="AG2626" s="166">
        <v>0</v>
      </c>
      <c r="AH2626" s="166">
        <v>0</v>
      </c>
      <c r="AI2626" s="166">
        <v>0</v>
      </c>
      <c r="AJ2626" s="166">
        <v>0</v>
      </c>
      <c r="AK2626" s="166">
        <v>0</v>
      </c>
      <c r="AL2626" s="166">
        <v>0</v>
      </c>
      <c r="AM2626" s="166">
        <v>0</v>
      </c>
      <c r="AN2626" s="166">
        <v>0</v>
      </c>
      <c r="AO2626" s="166">
        <v>0</v>
      </c>
      <c r="AP2626" s="166">
        <v>0</v>
      </c>
      <c r="AQ2626" s="166">
        <v>0</v>
      </c>
      <c r="AR2626" s="166">
        <v>0</v>
      </c>
      <c r="AS2626" s="166">
        <v>0</v>
      </c>
      <c r="AT2626" s="166">
        <v>0</v>
      </c>
      <c r="AU2626" s="166">
        <v>0</v>
      </c>
      <c r="AV2626" s="166">
        <v>0</v>
      </c>
      <c r="AW2626" s="166">
        <v>0</v>
      </c>
      <c r="AX2626" s="166">
        <v>0</v>
      </c>
      <c r="AY2626" s="166">
        <v>-59485239.119999997</v>
      </c>
      <c r="AZ2626" s="166">
        <v>0</v>
      </c>
      <c r="BA2626" s="166">
        <v>0</v>
      </c>
      <c r="BB2626" s="166">
        <v>0</v>
      </c>
      <c r="BC2626" s="166">
        <v>0</v>
      </c>
      <c r="BD2626" s="166">
        <v>0</v>
      </c>
      <c r="BE2626" s="166">
        <v>0</v>
      </c>
      <c r="BF2626" s="166">
        <v>0</v>
      </c>
      <c r="BG2626" s="166">
        <v>0</v>
      </c>
      <c r="BH2626" s="166">
        <v>0</v>
      </c>
      <c r="BI2626" s="166">
        <v>0</v>
      </c>
      <c r="BJ2626" s="166">
        <v>0</v>
      </c>
      <c r="BK2626" s="166">
        <v>0</v>
      </c>
      <c r="BL2626" s="166">
        <v>0</v>
      </c>
      <c r="BM2626" s="166">
        <v>0</v>
      </c>
      <c r="BN2626" s="166">
        <v>0</v>
      </c>
      <c r="BO2626" s="166">
        <v>0</v>
      </c>
      <c r="BP2626" s="166">
        <v>-59485239.119999997</v>
      </c>
      <c r="BQ2626" s="166">
        <v>0</v>
      </c>
      <c r="BR2626" s="166">
        <v>59485239.119999997</v>
      </c>
      <c r="BS2626" s="166">
        <v>0</v>
      </c>
      <c r="BT2626" s="168">
        <v>0</v>
      </c>
      <c r="BU2626" s="166">
        <v>4741996.2816563901</v>
      </c>
      <c r="BV2626" s="166">
        <v>56903955.379876703</v>
      </c>
      <c r="BW2626" s="166">
        <v>0</v>
      </c>
      <c r="BX2626" s="166">
        <v>0</v>
      </c>
      <c r="BY2626" s="166">
        <v>0</v>
      </c>
      <c r="BZ2626" s="166">
        <v>0</v>
      </c>
      <c r="CA2626" s="166">
        <v>0</v>
      </c>
      <c r="CB2626" s="166">
        <v>0</v>
      </c>
      <c r="CC2626" s="166">
        <v>0</v>
      </c>
      <c r="CD2626" s="166">
        <v>0</v>
      </c>
      <c r="CE2626" s="166">
        <v>0</v>
      </c>
      <c r="CF2626" s="166">
        <v>0</v>
      </c>
      <c r="CG2626" s="166">
        <v>0</v>
      </c>
      <c r="CH2626" s="166">
        <v>0</v>
      </c>
      <c r="CI2626" s="166">
        <v>-56903955.379876703</v>
      </c>
      <c r="CJ2626" s="166">
        <v>0</v>
      </c>
      <c r="CK2626" s="166">
        <v>0</v>
      </c>
      <c r="CL2626" s="166">
        <v>0</v>
      </c>
      <c r="CM2626" s="166">
        <v>0</v>
      </c>
      <c r="CN2626" s="166">
        <v>0</v>
      </c>
      <c r="CO2626" s="166">
        <v>0</v>
      </c>
      <c r="CP2626" s="166">
        <v>0</v>
      </c>
      <c r="CQ2626" s="166">
        <v>0</v>
      </c>
      <c r="CR2626" s="166">
        <v>0</v>
      </c>
      <c r="CS2626" s="166">
        <v>0</v>
      </c>
      <c r="CT2626" s="166">
        <v>0</v>
      </c>
      <c r="CU2626" s="166">
        <v>0</v>
      </c>
      <c r="CV2626" s="166">
        <v>0</v>
      </c>
      <c r="CW2626" s="166">
        <v>-56903955.379876703</v>
      </c>
      <c r="CX2626" s="166">
        <v>0</v>
      </c>
      <c r="CY2626" s="166">
        <v>0</v>
      </c>
      <c r="CZ2626" s="166">
        <v>0</v>
      </c>
    </row>
    <row r="2627" spans="1:104" x14ac:dyDescent="0.2">
      <c r="A2627" s="167" t="s">
        <v>472</v>
      </c>
    </row>
    <row r="2628" spans="1:104" x14ac:dyDescent="0.2">
      <c r="A2628" s="170" t="s">
        <v>473</v>
      </c>
      <c r="B2628" s="166">
        <v>841911526.53092301</v>
      </c>
      <c r="C2628" s="166">
        <v>841911526.53092301</v>
      </c>
      <c r="D2628" s="166">
        <v>0</v>
      </c>
      <c r="E2628" s="166">
        <v>0</v>
      </c>
      <c r="F2628" s="166">
        <v>0</v>
      </c>
      <c r="G2628" s="166">
        <v>0</v>
      </c>
      <c r="H2628" s="166">
        <v>0</v>
      </c>
      <c r="I2628" s="166">
        <v>0</v>
      </c>
      <c r="J2628" s="166">
        <v>0</v>
      </c>
      <c r="K2628" s="166">
        <v>0</v>
      </c>
      <c r="L2628" s="166">
        <v>0</v>
      </c>
      <c r="M2628" s="166">
        <v>0</v>
      </c>
      <c r="N2628" s="166">
        <v>0</v>
      </c>
      <c r="O2628" s="166">
        <v>0</v>
      </c>
      <c r="P2628" s="166">
        <v>0</v>
      </c>
      <c r="Q2628" s="166">
        <v>0</v>
      </c>
      <c r="R2628" s="166">
        <v>-16621178.51</v>
      </c>
      <c r="S2628" s="166">
        <v>0</v>
      </c>
      <c r="T2628" s="166">
        <v>0</v>
      </c>
      <c r="U2628" s="166">
        <v>-11554140.34</v>
      </c>
      <c r="V2628" s="166">
        <v>0</v>
      </c>
      <c r="W2628" s="166">
        <v>0</v>
      </c>
      <c r="X2628" s="166">
        <v>0</v>
      </c>
      <c r="Y2628" s="166">
        <v>0</v>
      </c>
      <c r="Z2628" s="166">
        <v>0</v>
      </c>
      <c r="AA2628" s="166">
        <v>0</v>
      </c>
      <c r="AB2628" s="166">
        <v>0</v>
      </c>
      <c r="AC2628" s="166">
        <v>0</v>
      </c>
      <c r="AD2628" s="166">
        <v>0</v>
      </c>
      <c r="AE2628" s="166">
        <v>0</v>
      </c>
      <c r="AF2628" s="166">
        <v>0</v>
      </c>
      <c r="AG2628" s="166">
        <v>0</v>
      </c>
      <c r="AH2628" s="166">
        <v>0</v>
      </c>
      <c r="AI2628" s="166">
        <v>0</v>
      </c>
      <c r="AJ2628" s="166">
        <v>0</v>
      </c>
      <c r="AK2628" s="166">
        <v>0</v>
      </c>
      <c r="AL2628" s="166">
        <v>0</v>
      </c>
      <c r="AM2628" s="166">
        <v>0</v>
      </c>
      <c r="AN2628" s="166">
        <v>0</v>
      </c>
      <c r="AO2628" s="166">
        <v>0</v>
      </c>
      <c r="AP2628" s="166">
        <v>0</v>
      </c>
      <c r="AQ2628" s="166">
        <v>0</v>
      </c>
      <c r="AR2628" s="166">
        <v>0</v>
      </c>
      <c r="AS2628" s="166">
        <v>0</v>
      </c>
      <c r="AT2628" s="166">
        <v>0</v>
      </c>
      <c r="AU2628" s="166">
        <v>0</v>
      </c>
      <c r="AV2628" s="166">
        <v>0</v>
      </c>
      <c r="AW2628" s="166">
        <v>0</v>
      </c>
      <c r="AX2628" s="166">
        <v>-4013023.0514417398</v>
      </c>
      <c r="AY2628" s="166">
        <v>-59485239.119999997</v>
      </c>
      <c r="AZ2628" s="166">
        <v>0</v>
      </c>
      <c r="BA2628" s="166">
        <v>0</v>
      </c>
      <c r="BB2628" s="166">
        <v>0</v>
      </c>
      <c r="BC2628" s="166">
        <v>0</v>
      </c>
      <c r="BD2628" s="166">
        <v>0</v>
      </c>
      <c r="BE2628" s="166">
        <v>0</v>
      </c>
      <c r="BF2628" s="166">
        <v>0</v>
      </c>
      <c r="BG2628" s="166">
        <v>-16621178.51</v>
      </c>
      <c r="BH2628" s="166">
        <v>0</v>
      </c>
      <c r="BI2628" s="166">
        <v>-11554140.34</v>
      </c>
      <c r="BJ2628" s="166">
        <v>0</v>
      </c>
      <c r="BK2628" s="166">
        <v>0</v>
      </c>
      <c r="BL2628" s="166">
        <v>0</v>
      </c>
      <c r="BM2628" s="166">
        <v>0</v>
      </c>
      <c r="BN2628" s="166">
        <v>0</v>
      </c>
      <c r="BO2628" s="166">
        <v>-4013023.0514417398</v>
      </c>
      <c r="BP2628" s="166">
        <v>-59485239.119999997</v>
      </c>
      <c r="BQ2628" s="166">
        <v>0</v>
      </c>
      <c r="BR2628" s="166">
        <v>841911526.53092301</v>
      </c>
      <c r="BS2628" s="166">
        <v>750237945.50948203</v>
      </c>
      <c r="BT2628" s="168">
        <v>0</v>
      </c>
      <c r="BU2628" s="166">
        <v>61656843.9550732</v>
      </c>
      <c r="BV2628" s="166">
        <v>820832714.43546498</v>
      </c>
      <c r="BW2628" s="166">
        <v>0</v>
      </c>
      <c r="BX2628" s="166">
        <v>0</v>
      </c>
      <c r="BY2628" s="166">
        <v>0</v>
      </c>
      <c r="BZ2628" s="166">
        <v>-16621178.51</v>
      </c>
      <c r="CA2628" s="166">
        <v>0</v>
      </c>
      <c r="CB2628" s="166">
        <v>-11554096.9949582</v>
      </c>
      <c r="CC2628" s="166">
        <v>0</v>
      </c>
      <c r="CD2628" s="166">
        <v>0</v>
      </c>
      <c r="CE2628" s="166">
        <v>0</v>
      </c>
      <c r="CF2628" s="166">
        <v>0</v>
      </c>
      <c r="CG2628" s="166">
        <v>0</v>
      </c>
      <c r="CH2628" s="166">
        <v>-4013023.0514417398</v>
      </c>
      <c r="CI2628" s="166">
        <v>-56903955.379876703</v>
      </c>
      <c r="CJ2628" s="166">
        <v>0</v>
      </c>
      <c r="CK2628" s="166">
        <v>0</v>
      </c>
      <c r="CL2628" s="166">
        <v>0</v>
      </c>
      <c r="CM2628" s="166">
        <v>0</v>
      </c>
      <c r="CN2628" s="166">
        <v>-16621178.51</v>
      </c>
      <c r="CO2628" s="166">
        <v>0</v>
      </c>
      <c r="CP2628" s="166">
        <v>-11554096.9949582</v>
      </c>
      <c r="CQ2628" s="166">
        <v>0</v>
      </c>
      <c r="CR2628" s="166">
        <v>0</v>
      </c>
      <c r="CS2628" s="166">
        <v>0</v>
      </c>
      <c r="CT2628" s="166">
        <v>0</v>
      </c>
      <c r="CU2628" s="166">
        <v>0</v>
      </c>
      <c r="CV2628" s="166">
        <v>-4013023.0514417398</v>
      </c>
      <c r="CW2628" s="166">
        <v>-56903955.379876703</v>
      </c>
      <c r="CX2628" s="166">
        <v>0</v>
      </c>
      <c r="CY2628" s="166">
        <v>731740460.49918795</v>
      </c>
      <c r="CZ2628" s="166">
        <v>731740460.49918795</v>
      </c>
    </row>
    <row r="2629" spans="1:104" x14ac:dyDescent="0.2">
      <c r="A2629" s="167" t="s">
        <v>474</v>
      </c>
    </row>
    <row r="2630" spans="1:104" x14ac:dyDescent="0.2">
      <c r="A2630" s="170" t="s">
        <v>475</v>
      </c>
    </row>
    <row r="2631" spans="1:104" x14ac:dyDescent="0.2">
      <c r="A2631" s="167" t="s">
        <v>476</v>
      </c>
      <c r="B2631" s="166">
        <v>0</v>
      </c>
      <c r="C2631" s="166">
        <v>0</v>
      </c>
      <c r="D2631" s="166">
        <v>0</v>
      </c>
      <c r="E2631" s="166">
        <v>0</v>
      </c>
      <c r="F2631" s="166">
        <v>0</v>
      </c>
      <c r="G2631" s="166">
        <v>0</v>
      </c>
      <c r="H2631" s="166">
        <v>0</v>
      </c>
      <c r="I2631" s="166">
        <v>0</v>
      </c>
      <c r="J2631" s="166">
        <v>5.88</v>
      </c>
      <c r="K2631" s="166">
        <v>0</v>
      </c>
      <c r="L2631" s="166">
        <v>0</v>
      </c>
      <c r="M2631" s="166">
        <v>0</v>
      </c>
      <c r="N2631" s="166">
        <v>0</v>
      </c>
      <c r="O2631" s="166">
        <v>0</v>
      </c>
      <c r="P2631" s="166">
        <v>0</v>
      </c>
      <c r="Q2631" s="166">
        <v>0</v>
      </c>
      <c r="R2631" s="166">
        <v>0</v>
      </c>
      <c r="S2631" s="166">
        <v>0</v>
      </c>
      <c r="T2631" s="166">
        <v>0</v>
      </c>
      <c r="U2631" s="166">
        <v>0</v>
      </c>
      <c r="V2631" s="166">
        <v>0</v>
      </c>
      <c r="W2631" s="166">
        <v>0</v>
      </c>
      <c r="X2631" s="166">
        <v>0</v>
      </c>
      <c r="Y2631" s="166">
        <v>0</v>
      </c>
      <c r="Z2631" s="166">
        <v>0</v>
      </c>
      <c r="AA2631" s="166">
        <v>0</v>
      </c>
      <c r="AB2631" s="166">
        <v>0</v>
      </c>
      <c r="AC2631" s="166">
        <v>0</v>
      </c>
      <c r="AD2631" s="166">
        <v>0</v>
      </c>
      <c r="AE2631" s="166">
        <v>0</v>
      </c>
      <c r="AF2631" s="166">
        <v>0</v>
      </c>
      <c r="AG2631" s="166">
        <v>0</v>
      </c>
      <c r="AH2631" s="166">
        <v>0</v>
      </c>
      <c r="AI2631" s="166">
        <v>0</v>
      </c>
      <c r="AJ2631" s="166">
        <v>0</v>
      </c>
      <c r="AK2631" s="166">
        <v>0</v>
      </c>
      <c r="AL2631" s="166">
        <v>0</v>
      </c>
      <c r="AM2631" s="166">
        <v>0</v>
      </c>
      <c r="AN2631" s="166">
        <v>0</v>
      </c>
      <c r="AO2631" s="166">
        <v>0</v>
      </c>
      <c r="AP2631" s="166">
        <v>0</v>
      </c>
      <c r="AQ2631" s="166">
        <v>0</v>
      </c>
      <c r="AR2631" s="166">
        <v>0</v>
      </c>
      <c r="AS2631" s="166">
        <v>0</v>
      </c>
      <c r="AT2631" s="166">
        <v>0</v>
      </c>
      <c r="AU2631" s="166">
        <v>0</v>
      </c>
      <c r="AV2631" s="166">
        <v>0</v>
      </c>
      <c r="AW2631" s="166">
        <v>0</v>
      </c>
      <c r="AX2631" s="166">
        <v>0</v>
      </c>
      <c r="AY2631" s="166">
        <v>0</v>
      </c>
      <c r="AZ2631" s="166">
        <v>0</v>
      </c>
      <c r="BA2631" s="166">
        <v>0</v>
      </c>
      <c r="BB2631" s="166">
        <v>0</v>
      </c>
      <c r="BC2631" s="166">
        <v>0</v>
      </c>
      <c r="BD2631" s="166">
        <v>0</v>
      </c>
      <c r="BE2631" s="166">
        <v>5.88</v>
      </c>
      <c r="BF2631" s="166">
        <v>0</v>
      </c>
      <c r="BG2631" s="166">
        <v>0</v>
      </c>
      <c r="BH2631" s="166">
        <v>0</v>
      </c>
      <c r="BI2631" s="166">
        <v>0</v>
      </c>
      <c r="BJ2631" s="166">
        <v>0</v>
      </c>
      <c r="BK2631" s="166">
        <v>0</v>
      </c>
      <c r="BL2631" s="166">
        <v>0</v>
      </c>
      <c r="BM2631" s="166">
        <v>0</v>
      </c>
      <c r="BN2631" s="166">
        <v>0</v>
      </c>
      <c r="BO2631" s="166">
        <v>0</v>
      </c>
      <c r="BP2631" s="166">
        <v>0</v>
      </c>
      <c r="BQ2631" s="166">
        <v>0</v>
      </c>
      <c r="BR2631" s="166">
        <v>0</v>
      </c>
      <c r="BS2631" s="166">
        <v>5.88</v>
      </c>
      <c r="BT2631" s="168">
        <v>0.96779000000000004</v>
      </c>
      <c r="BU2631" s="166">
        <v>0</v>
      </c>
      <c r="BV2631" s="166">
        <v>0</v>
      </c>
      <c r="BW2631" s="166">
        <v>0</v>
      </c>
      <c r="BX2631" s="166">
        <v>5.6906052000000003</v>
      </c>
      <c r="BY2631" s="166">
        <v>0</v>
      </c>
      <c r="BZ2631" s="166">
        <v>0</v>
      </c>
      <c r="CA2631" s="166">
        <v>0</v>
      </c>
      <c r="CB2631" s="166">
        <v>0</v>
      </c>
      <c r="CC2631" s="166">
        <v>0</v>
      </c>
      <c r="CD2631" s="166">
        <v>0</v>
      </c>
      <c r="CE2631" s="166">
        <v>0</v>
      </c>
      <c r="CF2631" s="166">
        <v>0</v>
      </c>
      <c r="CG2631" s="166">
        <v>0</v>
      </c>
      <c r="CH2631" s="166">
        <v>0</v>
      </c>
      <c r="CI2631" s="166">
        <v>0</v>
      </c>
      <c r="CJ2631" s="166">
        <v>0</v>
      </c>
      <c r="CK2631" s="166">
        <v>0</v>
      </c>
      <c r="CL2631" s="166">
        <v>5.6906052000000003</v>
      </c>
      <c r="CM2631" s="166">
        <v>0</v>
      </c>
      <c r="CN2631" s="166">
        <v>0</v>
      </c>
      <c r="CO2631" s="166">
        <v>0</v>
      </c>
      <c r="CP2631" s="166">
        <v>0</v>
      </c>
      <c r="CQ2631" s="166">
        <v>0</v>
      </c>
      <c r="CR2631" s="166">
        <v>0</v>
      </c>
      <c r="CS2631" s="166">
        <v>0</v>
      </c>
      <c r="CT2631" s="166">
        <v>0</v>
      </c>
      <c r="CU2631" s="166">
        <v>0</v>
      </c>
      <c r="CV2631" s="166">
        <v>0</v>
      </c>
      <c r="CW2631" s="166">
        <v>0</v>
      </c>
      <c r="CX2631" s="166">
        <v>0</v>
      </c>
      <c r="CY2631" s="166">
        <v>5.6906052000000003</v>
      </c>
      <c r="CZ2631" s="166">
        <v>5.6906052000000003</v>
      </c>
    </row>
    <row r="2632" spans="1:104" x14ac:dyDescent="0.2">
      <c r="A2632" s="167" t="s">
        <v>477</v>
      </c>
      <c r="B2632" s="166">
        <v>0</v>
      </c>
      <c r="C2632" s="166">
        <v>0</v>
      </c>
      <c r="D2632" s="166">
        <v>0</v>
      </c>
      <c r="E2632" s="166">
        <v>0</v>
      </c>
      <c r="F2632" s="166">
        <v>0</v>
      </c>
      <c r="G2632" s="166">
        <v>0</v>
      </c>
      <c r="H2632" s="166">
        <v>0</v>
      </c>
      <c r="I2632" s="166">
        <v>0</v>
      </c>
      <c r="J2632" s="166">
        <v>0</v>
      </c>
      <c r="K2632" s="166">
        <v>0</v>
      </c>
      <c r="L2632" s="166">
        <v>0</v>
      </c>
      <c r="M2632" s="166">
        <v>0</v>
      </c>
      <c r="N2632" s="166">
        <v>0</v>
      </c>
      <c r="O2632" s="166">
        <v>0</v>
      </c>
      <c r="P2632" s="166">
        <v>0</v>
      </c>
      <c r="Q2632" s="166">
        <v>0</v>
      </c>
      <c r="R2632" s="166">
        <v>0</v>
      </c>
      <c r="S2632" s="166">
        <v>0</v>
      </c>
      <c r="T2632" s="166">
        <v>0</v>
      </c>
      <c r="U2632" s="166">
        <v>0</v>
      </c>
      <c r="V2632" s="166">
        <v>0</v>
      </c>
      <c r="W2632" s="166">
        <v>0</v>
      </c>
      <c r="X2632" s="166">
        <v>0</v>
      </c>
      <c r="Y2632" s="166">
        <v>0</v>
      </c>
      <c r="Z2632" s="166">
        <v>0</v>
      </c>
      <c r="AA2632" s="166">
        <v>0</v>
      </c>
      <c r="AB2632" s="166">
        <v>0</v>
      </c>
      <c r="AC2632" s="166">
        <v>0</v>
      </c>
      <c r="AD2632" s="166">
        <v>0</v>
      </c>
      <c r="AE2632" s="166">
        <v>0</v>
      </c>
      <c r="AF2632" s="166">
        <v>0</v>
      </c>
      <c r="AG2632" s="166">
        <v>0</v>
      </c>
      <c r="AH2632" s="166">
        <v>0</v>
      </c>
      <c r="AI2632" s="166">
        <v>0</v>
      </c>
      <c r="AJ2632" s="166">
        <v>0</v>
      </c>
      <c r="AK2632" s="166">
        <v>0</v>
      </c>
      <c r="AL2632" s="166">
        <v>0</v>
      </c>
      <c r="AM2632" s="166">
        <v>0</v>
      </c>
      <c r="AN2632" s="166">
        <v>0</v>
      </c>
      <c r="AO2632" s="166">
        <v>0</v>
      </c>
      <c r="AP2632" s="166">
        <v>0</v>
      </c>
      <c r="AQ2632" s="166">
        <v>0</v>
      </c>
      <c r="AR2632" s="166">
        <v>-3269290.32</v>
      </c>
      <c r="AS2632" s="166">
        <v>0</v>
      </c>
      <c r="AT2632" s="166">
        <v>0</v>
      </c>
      <c r="AU2632" s="166">
        <v>0</v>
      </c>
      <c r="AV2632" s="166">
        <v>0</v>
      </c>
      <c r="AW2632" s="166">
        <v>0</v>
      </c>
      <c r="AX2632" s="166">
        <v>0</v>
      </c>
      <c r="AY2632" s="166">
        <v>0</v>
      </c>
      <c r="AZ2632" s="166">
        <v>0</v>
      </c>
      <c r="BA2632" s="166">
        <v>0</v>
      </c>
      <c r="BB2632" s="166">
        <v>0</v>
      </c>
      <c r="BC2632" s="166">
        <v>0</v>
      </c>
      <c r="BD2632" s="166">
        <v>0</v>
      </c>
      <c r="BE2632" s="166">
        <v>0</v>
      </c>
      <c r="BF2632" s="166">
        <v>0</v>
      </c>
      <c r="BG2632" s="166">
        <v>0</v>
      </c>
      <c r="BH2632" s="166">
        <v>0</v>
      </c>
      <c r="BI2632" s="166">
        <v>0</v>
      </c>
      <c r="BJ2632" s="166">
        <v>0</v>
      </c>
      <c r="BK2632" s="166">
        <v>0</v>
      </c>
      <c r="BL2632" s="166">
        <v>0</v>
      </c>
      <c r="BM2632" s="166">
        <v>0</v>
      </c>
      <c r="BN2632" s="166">
        <v>-3269290.32</v>
      </c>
      <c r="BO2632" s="166">
        <v>0</v>
      </c>
      <c r="BP2632" s="166">
        <v>0</v>
      </c>
      <c r="BQ2632" s="166">
        <v>0</v>
      </c>
      <c r="BR2632" s="166">
        <v>0</v>
      </c>
      <c r="BS2632" s="166">
        <v>-3269290.32</v>
      </c>
      <c r="BT2632" s="168">
        <v>0.96779000000000004</v>
      </c>
      <c r="BU2632" s="166">
        <v>0</v>
      </c>
      <c r="BV2632" s="166">
        <v>0</v>
      </c>
      <c r="BW2632" s="166">
        <v>0</v>
      </c>
      <c r="BX2632" s="166">
        <v>0</v>
      </c>
      <c r="BY2632" s="166">
        <v>0</v>
      </c>
      <c r="BZ2632" s="166">
        <v>0</v>
      </c>
      <c r="CA2632" s="166">
        <v>0</v>
      </c>
      <c r="CB2632" s="166">
        <v>0</v>
      </c>
      <c r="CC2632" s="166">
        <v>0</v>
      </c>
      <c r="CD2632" s="166">
        <v>0</v>
      </c>
      <c r="CE2632" s="166">
        <v>0</v>
      </c>
      <c r="CF2632" s="166">
        <v>0</v>
      </c>
      <c r="CG2632" s="166">
        <v>-3163986.4787928001</v>
      </c>
      <c r="CH2632" s="166">
        <v>0</v>
      </c>
      <c r="CI2632" s="166">
        <v>0</v>
      </c>
      <c r="CJ2632" s="166">
        <v>0</v>
      </c>
      <c r="CK2632" s="166">
        <v>0</v>
      </c>
      <c r="CL2632" s="166">
        <v>0</v>
      </c>
      <c r="CM2632" s="166">
        <v>0</v>
      </c>
      <c r="CN2632" s="166">
        <v>0</v>
      </c>
      <c r="CO2632" s="166">
        <v>0</v>
      </c>
      <c r="CP2632" s="166">
        <v>0</v>
      </c>
      <c r="CQ2632" s="166">
        <v>0</v>
      </c>
      <c r="CR2632" s="166">
        <v>0</v>
      </c>
      <c r="CS2632" s="166">
        <v>0</v>
      </c>
      <c r="CT2632" s="166">
        <v>0</v>
      </c>
      <c r="CU2632" s="166">
        <v>-3163986.4787928001</v>
      </c>
      <c r="CV2632" s="166">
        <v>0</v>
      </c>
      <c r="CW2632" s="166">
        <v>0</v>
      </c>
      <c r="CX2632" s="166">
        <v>0</v>
      </c>
      <c r="CY2632" s="166">
        <v>-3163986.4787928001</v>
      </c>
      <c r="CZ2632" s="166">
        <v>-3163986.4787928001</v>
      </c>
    </row>
    <row r="2633" spans="1:104" x14ac:dyDescent="0.2">
      <c r="A2633" s="167" t="s">
        <v>478</v>
      </c>
      <c r="B2633" s="166">
        <v>0</v>
      </c>
      <c r="C2633" s="166">
        <v>0</v>
      </c>
      <c r="D2633" s="166">
        <v>0</v>
      </c>
      <c r="E2633" s="166">
        <v>0</v>
      </c>
      <c r="F2633" s="166">
        <v>0</v>
      </c>
      <c r="G2633" s="166">
        <v>0</v>
      </c>
      <c r="H2633" s="166">
        <v>0</v>
      </c>
      <c r="I2633" s="166">
        <v>0</v>
      </c>
      <c r="J2633" s="166">
        <v>0</v>
      </c>
      <c r="K2633" s="166">
        <v>0</v>
      </c>
      <c r="L2633" s="166">
        <v>0</v>
      </c>
      <c r="M2633" s="166">
        <v>0</v>
      </c>
      <c r="N2633" s="166">
        <v>0</v>
      </c>
      <c r="O2633" s="166">
        <v>0</v>
      </c>
      <c r="P2633" s="166">
        <v>0</v>
      </c>
      <c r="Q2633" s="166">
        <v>0</v>
      </c>
      <c r="R2633" s="166">
        <v>0</v>
      </c>
      <c r="S2633" s="166">
        <v>0</v>
      </c>
      <c r="T2633" s="166">
        <v>0</v>
      </c>
      <c r="U2633" s="166">
        <v>0</v>
      </c>
      <c r="V2633" s="166">
        <v>0</v>
      </c>
      <c r="W2633" s="166">
        <v>0</v>
      </c>
      <c r="X2633" s="166">
        <v>0</v>
      </c>
      <c r="Y2633" s="166">
        <v>0</v>
      </c>
      <c r="Z2633" s="166">
        <v>0</v>
      </c>
      <c r="AA2633" s="166">
        <v>0</v>
      </c>
      <c r="AB2633" s="166">
        <v>0</v>
      </c>
      <c r="AC2633" s="166">
        <v>0</v>
      </c>
      <c r="AD2633" s="166">
        <v>0</v>
      </c>
      <c r="AE2633" s="166">
        <v>0</v>
      </c>
      <c r="AF2633" s="166">
        <v>0</v>
      </c>
      <c r="AG2633" s="166">
        <v>0</v>
      </c>
      <c r="AH2633" s="166">
        <v>0</v>
      </c>
      <c r="AI2633" s="166">
        <v>0</v>
      </c>
      <c r="AJ2633" s="166">
        <v>0</v>
      </c>
      <c r="AK2633" s="166">
        <v>0</v>
      </c>
      <c r="AL2633" s="166">
        <v>0</v>
      </c>
      <c r="AM2633" s="166">
        <v>0</v>
      </c>
      <c r="AN2633" s="166">
        <v>0</v>
      </c>
      <c r="AO2633" s="166">
        <v>0</v>
      </c>
      <c r="AP2633" s="166">
        <v>0</v>
      </c>
      <c r="AQ2633" s="166">
        <v>0</v>
      </c>
      <c r="AR2633" s="166">
        <v>0</v>
      </c>
      <c r="AS2633" s="166">
        <v>0</v>
      </c>
      <c r="AT2633" s="166">
        <v>0</v>
      </c>
      <c r="AU2633" s="166">
        <v>0</v>
      </c>
      <c r="AV2633" s="166">
        <v>0</v>
      </c>
      <c r="AW2633" s="166">
        <v>0</v>
      </c>
      <c r="AX2633" s="166">
        <v>0</v>
      </c>
      <c r="AY2633" s="166">
        <v>0</v>
      </c>
      <c r="AZ2633" s="166">
        <v>0</v>
      </c>
      <c r="BA2633" s="166">
        <v>0</v>
      </c>
      <c r="BB2633" s="166">
        <v>0</v>
      </c>
      <c r="BC2633" s="166">
        <v>0</v>
      </c>
      <c r="BD2633" s="166">
        <v>0</v>
      </c>
      <c r="BE2633" s="166">
        <v>0</v>
      </c>
      <c r="BF2633" s="166">
        <v>0</v>
      </c>
      <c r="BG2633" s="166">
        <v>0</v>
      </c>
      <c r="BH2633" s="166">
        <v>0</v>
      </c>
      <c r="BI2633" s="166">
        <v>0</v>
      </c>
      <c r="BJ2633" s="166">
        <v>0</v>
      </c>
      <c r="BK2633" s="166">
        <v>0</v>
      </c>
      <c r="BL2633" s="166">
        <v>0</v>
      </c>
      <c r="BM2633" s="166">
        <v>0</v>
      </c>
      <c r="BN2633" s="166">
        <v>0</v>
      </c>
      <c r="BO2633" s="166">
        <v>0</v>
      </c>
      <c r="BP2633" s="166">
        <v>0</v>
      </c>
      <c r="BQ2633" s="166">
        <v>0</v>
      </c>
      <c r="BR2633" s="166">
        <v>0</v>
      </c>
      <c r="BS2633" s="166">
        <v>0</v>
      </c>
      <c r="BT2633" s="168">
        <v>0.96779000000000004</v>
      </c>
      <c r="BU2633" s="166">
        <v>0</v>
      </c>
      <c r="BV2633" s="166">
        <v>0</v>
      </c>
      <c r="BW2633" s="166">
        <v>0</v>
      </c>
      <c r="BX2633" s="166">
        <v>0</v>
      </c>
      <c r="BY2633" s="166">
        <v>0</v>
      </c>
      <c r="BZ2633" s="166">
        <v>0</v>
      </c>
      <c r="CA2633" s="166">
        <v>0</v>
      </c>
      <c r="CB2633" s="166">
        <v>0</v>
      </c>
      <c r="CC2633" s="166">
        <v>0</v>
      </c>
      <c r="CD2633" s="166">
        <v>0</v>
      </c>
      <c r="CE2633" s="166">
        <v>0</v>
      </c>
      <c r="CF2633" s="166">
        <v>0</v>
      </c>
      <c r="CG2633" s="166">
        <v>0</v>
      </c>
      <c r="CH2633" s="166">
        <v>0</v>
      </c>
      <c r="CI2633" s="166">
        <v>0</v>
      </c>
      <c r="CJ2633" s="166">
        <v>0</v>
      </c>
      <c r="CK2633" s="166">
        <v>0</v>
      </c>
      <c r="CL2633" s="166">
        <v>0</v>
      </c>
      <c r="CM2633" s="166">
        <v>0</v>
      </c>
      <c r="CN2633" s="166">
        <v>0</v>
      </c>
      <c r="CO2633" s="166">
        <v>0</v>
      </c>
      <c r="CP2633" s="166">
        <v>0</v>
      </c>
      <c r="CQ2633" s="166">
        <v>0</v>
      </c>
      <c r="CR2633" s="166">
        <v>0</v>
      </c>
      <c r="CS2633" s="166">
        <v>0</v>
      </c>
      <c r="CT2633" s="166">
        <v>0</v>
      </c>
      <c r="CU2633" s="166">
        <v>0</v>
      </c>
      <c r="CV2633" s="166">
        <v>0</v>
      </c>
      <c r="CW2633" s="166">
        <v>0</v>
      </c>
      <c r="CX2633" s="166">
        <v>0</v>
      </c>
      <c r="CY2633" s="166">
        <v>0</v>
      </c>
      <c r="CZ2633" s="166">
        <v>0</v>
      </c>
    </row>
    <row r="2634" spans="1:104" x14ac:dyDescent="0.2">
      <c r="A2634" s="167" t="s">
        <v>479</v>
      </c>
      <c r="B2634" s="166">
        <v>0</v>
      </c>
      <c r="C2634" s="166">
        <v>0</v>
      </c>
      <c r="D2634" s="166">
        <v>0</v>
      </c>
      <c r="E2634" s="166">
        <v>0</v>
      </c>
      <c r="F2634" s="166">
        <v>0</v>
      </c>
      <c r="G2634" s="166">
        <v>0</v>
      </c>
      <c r="H2634" s="166">
        <v>0</v>
      </c>
      <c r="I2634" s="166">
        <v>0</v>
      </c>
      <c r="J2634" s="166">
        <v>0</v>
      </c>
      <c r="K2634" s="166">
        <v>0</v>
      </c>
      <c r="L2634" s="166">
        <v>0</v>
      </c>
      <c r="M2634" s="166">
        <v>0</v>
      </c>
      <c r="N2634" s="166">
        <v>0</v>
      </c>
      <c r="O2634" s="166">
        <v>0</v>
      </c>
      <c r="P2634" s="166">
        <v>0</v>
      </c>
      <c r="Q2634" s="166">
        <v>0</v>
      </c>
      <c r="R2634" s="166">
        <v>0</v>
      </c>
      <c r="S2634" s="166">
        <v>0</v>
      </c>
      <c r="T2634" s="166">
        <v>0</v>
      </c>
      <c r="U2634" s="166">
        <v>0</v>
      </c>
      <c r="V2634" s="166">
        <v>0</v>
      </c>
      <c r="W2634" s="166">
        <v>0</v>
      </c>
      <c r="X2634" s="166">
        <v>0</v>
      </c>
      <c r="Y2634" s="166">
        <v>0</v>
      </c>
      <c r="Z2634" s="166">
        <v>0</v>
      </c>
      <c r="AA2634" s="166">
        <v>0</v>
      </c>
      <c r="AB2634" s="166">
        <v>0</v>
      </c>
      <c r="AC2634" s="166">
        <v>0</v>
      </c>
      <c r="AD2634" s="166">
        <v>0</v>
      </c>
      <c r="AE2634" s="166">
        <v>0</v>
      </c>
      <c r="AF2634" s="166">
        <v>0</v>
      </c>
      <c r="AG2634" s="166">
        <v>0</v>
      </c>
      <c r="AH2634" s="166">
        <v>0</v>
      </c>
      <c r="AI2634" s="166">
        <v>0</v>
      </c>
      <c r="AJ2634" s="166">
        <v>0</v>
      </c>
      <c r="AK2634" s="166">
        <v>0</v>
      </c>
      <c r="AL2634" s="166">
        <v>0</v>
      </c>
      <c r="AM2634" s="166">
        <v>0</v>
      </c>
      <c r="AN2634" s="166">
        <v>0</v>
      </c>
      <c r="AO2634" s="166">
        <v>0</v>
      </c>
      <c r="AP2634" s="166">
        <v>0</v>
      </c>
      <c r="AQ2634" s="166">
        <v>0</v>
      </c>
      <c r="AR2634" s="166">
        <v>0</v>
      </c>
      <c r="AS2634" s="166">
        <v>0</v>
      </c>
      <c r="AT2634" s="166">
        <v>0</v>
      </c>
      <c r="AU2634" s="166">
        <v>0</v>
      </c>
      <c r="AV2634" s="166">
        <v>0</v>
      </c>
      <c r="AW2634" s="166">
        <v>0</v>
      </c>
      <c r="AX2634" s="166">
        <v>0</v>
      </c>
      <c r="AY2634" s="166">
        <v>0</v>
      </c>
      <c r="AZ2634" s="166">
        <v>0</v>
      </c>
      <c r="BA2634" s="166">
        <v>0</v>
      </c>
      <c r="BB2634" s="166">
        <v>0</v>
      </c>
      <c r="BC2634" s="166">
        <v>0</v>
      </c>
      <c r="BD2634" s="166">
        <v>0</v>
      </c>
      <c r="BE2634" s="166">
        <v>0</v>
      </c>
      <c r="BF2634" s="166">
        <v>0</v>
      </c>
      <c r="BG2634" s="166">
        <v>0</v>
      </c>
      <c r="BH2634" s="166">
        <v>0</v>
      </c>
      <c r="BI2634" s="166">
        <v>0</v>
      </c>
      <c r="BJ2634" s="166">
        <v>0</v>
      </c>
      <c r="BK2634" s="166">
        <v>0</v>
      </c>
      <c r="BL2634" s="166">
        <v>0</v>
      </c>
      <c r="BM2634" s="166">
        <v>0</v>
      </c>
      <c r="BN2634" s="166">
        <v>0</v>
      </c>
      <c r="BO2634" s="166">
        <v>0</v>
      </c>
      <c r="BP2634" s="166">
        <v>0</v>
      </c>
      <c r="BQ2634" s="166">
        <v>0</v>
      </c>
      <c r="BR2634" s="166">
        <v>0</v>
      </c>
      <c r="BS2634" s="166">
        <v>0</v>
      </c>
      <c r="BT2634" s="168">
        <v>0.96779000000000004</v>
      </c>
      <c r="BU2634" s="166">
        <v>0</v>
      </c>
      <c r="BV2634" s="166">
        <v>0</v>
      </c>
      <c r="BW2634" s="166">
        <v>0</v>
      </c>
      <c r="BX2634" s="166">
        <v>0</v>
      </c>
      <c r="BY2634" s="166">
        <v>0</v>
      </c>
      <c r="BZ2634" s="166">
        <v>0</v>
      </c>
      <c r="CA2634" s="166">
        <v>0</v>
      </c>
      <c r="CB2634" s="166">
        <v>0</v>
      </c>
      <c r="CC2634" s="166">
        <v>0</v>
      </c>
      <c r="CD2634" s="166">
        <v>0</v>
      </c>
      <c r="CE2634" s="166">
        <v>0</v>
      </c>
      <c r="CF2634" s="166">
        <v>0</v>
      </c>
      <c r="CG2634" s="166">
        <v>0</v>
      </c>
      <c r="CH2634" s="166">
        <v>0</v>
      </c>
      <c r="CI2634" s="166">
        <v>0</v>
      </c>
      <c r="CJ2634" s="166">
        <v>0</v>
      </c>
      <c r="CK2634" s="166">
        <v>0</v>
      </c>
      <c r="CL2634" s="166">
        <v>0</v>
      </c>
      <c r="CM2634" s="166">
        <v>0</v>
      </c>
      <c r="CN2634" s="166">
        <v>0</v>
      </c>
      <c r="CO2634" s="166">
        <v>0</v>
      </c>
      <c r="CP2634" s="166">
        <v>0</v>
      </c>
      <c r="CQ2634" s="166">
        <v>0</v>
      </c>
      <c r="CR2634" s="166">
        <v>0</v>
      </c>
      <c r="CS2634" s="166">
        <v>0</v>
      </c>
      <c r="CT2634" s="166">
        <v>0</v>
      </c>
      <c r="CU2634" s="166">
        <v>0</v>
      </c>
      <c r="CV2634" s="166">
        <v>0</v>
      </c>
      <c r="CW2634" s="166">
        <v>0</v>
      </c>
      <c r="CX2634" s="166">
        <v>0</v>
      </c>
      <c r="CY2634" s="166">
        <v>0</v>
      </c>
      <c r="CZ2634" s="166">
        <v>0</v>
      </c>
    </row>
    <row r="2635" spans="1:104" x14ac:dyDescent="0.2">
      <c r="A2635" s="167" t="s">
        <v>480</v>
      </c>
      <c r="B2635" s="166">
        <v>0</v>
      </c>
      <c r="C2635" s="166">
        <v>0</v>
      </c>
      <c r="D2635" s="166">
        <v>0</v>
      </c>
      <c r="E2635" s="166">
        <v>0</v>
      </c>
      <c r="F2635" s="166">
        <v>0</v>
      </c>
      <c r="G2635" s="166">
        <v>0</v>
      </c>
      <c r="H2635" s="166">
        <v>0</v>
      </c>
      <c r="I2635" s="166">
        <v>0</v>
      </c>
      <c r="J2635" s="166">
        <v>0</v>
      </c>
      <c r="K2635" s="166">
        <v>0</v>
      </c>
      <c r="L2635" s="166">
        <v>0</v>
      </c>
      <c r="M2635" s="166">
        <v>0</v>
      </c>
      <c r="N2635" s="166">
        <v>0</v>
      </c>
      <c r="O2635" s="166">
        <v>0</v>
      </c>
      <c r="P2635" s="166">
        <v>0</v>
      </c>
      <c r="Q2635" s="166">
        <v>0</v>
      </c>
      <c r="R2635" s="166">
        <v>0</v>
      </c>
      <c r="S2635" s="166">
        <v>0</v>
      </c>
      <c r="T2635" s="166">
        <v>0</v>
      </c>
      <c r="U2635" s="166">
        <v>0</v>
      </c>
      <c r="V2635" s="166">
        <v>0</v>
      </c>
      <c r="W2635" s="166">
        <v>0</v>
      </c>
      <c r="X2635" s="166">
        <v>0</v>
      </c>
      <c r="Y2635" s="166">
        <v>0</v>
      </c>
      <c r="Z2635" s="166">
        <v>0</v>
      </c>
      <c r="AA2635" s="166">
        <v>0</v>
      </c>
      <c r="AB2635" s="166">
        <v>0</v>
      </c>
      <c r="AC2635" s="166">
        <v>0</v>
      </c>
      <c r="AD2635" s="166">
        <v>0</v>
      </c>
      <c r="AE2635" s="166">
        <v>0</v>
      </c>
      <c r="AF2635" s="166">
        <v>0</v>
      </c>
      <c r="AG2635" s="166">
        <v>0</v>
      </c>
      <c r="AH2635" s="166">
        <v>0</v>
      </c>
      <c r="AI2635" s="166">
        <v>0</v>
      </c>
      <c r="AJ2635" s="166">
        <v>0</v>
      </c>
      <c r="AK2635" s="166">
        <v>0</v>
      </c>
      <c r="AL2635" s="166">
        <v>0</v>
      </c>
      <c r="AM2635" s="166">
        <v>0</v>
      </c>
      <c r="AN2635" s="166">
        <v>0</v>
      </c>
      <c r="AO2635" s="166">
        <v>0</v>
      </c>
      <c r="AP2635" s="166">
        <v>0</v>
      </c>
      <c r="AQ2635" s="166">
        <v>0</v>
      </c>
      <c r="AR2635" s="166">
        <v>0</v>
      </c>
      <c r="AS2635" s="166">
        <v>0</v>
      </c>
      <c r="AT2635" s="166">
        <v>0</v>
      </c>
      <c r="AU2635" s="166">
        <v>0</v>
      </c>
      <c r="AV2635" s="166">
        <v>0</v>
      </c>
      <c r="AW2635" s="166">
        <v>0</v>
      </c>
      <c r="AX2635" s="166">
        <v>0</v>
      </c>
      <c r="AY2635" s="166">
        <v>0</v>
      </c>
      <c r="AZ2635" s="166">
        <v>0</v>
      </c>
      <c r="BA2635" s="166">
        <v>0</v>
      </c>
      <c r="BB2635" s="166">
        <v>0</v>
      </c>
      <c r="BC2635" s="166">
        <v>0</v>
      </c>
      <c r="BD2635" s="166">
        <v>0</v>
      </c>
      <c r="BE2635" s="166">
        <v>0</v>
      </c>
      <c r="BF2635" s="166">
        <v>0</v>
      </c>
      <c r="BG2635" s="166">
        <v>0</v>
      </c>
      <c r="BH2635" s="166">
        <v>0</v>
      </c>
      <c r="BI2635" s="166">
        <v>0</v>
      </c>
      <c r="BJ2635" s="166">
        <v>0</v>
      </c>
      <c r="BK2635" s="166">
        <v>0</v>
      </c>
      <c r="BL2635" s="166">
        <v>0</v>
      </c>
      <c r="BM2635" s="166">
        <v>0</v>
      </c>
      <c r="BN2635" s="166">
        <v>0</v>
      </c>
      <c r="BO2635" s="166">
        <v>0</v>
      </c>
      <c r="BP2635" s="166">
        <v>0</v>
      </c>
      <c r="BQ2635" s="166">
        <v>0</v>
      </c>
      <c r="BR2635" s="166">
        <v>0</v>
      </c>
      <c r="BS2635" s="166">
        <v>0</v>
      </c>
      <c r="BT2635" s="168">
        <v>0.96779000000000004</v>
      </c>
      <c r="BU2635" s="166">
        <v>0</v>
      </c>
      <c r="BV2635" s="166">
        <v>0</v>
      </c>
      <c r="BW2635" s="166">
        <v>0</v>
      </c>
      <c r="BX2635" s="166">
        <v>0</v>
      </c>
      <c r="BY2635" s="166">
        <v>0</v>
      </c>
      <c r="BZ2635" s="166">
        <v>0</v>
      </c>
      <c r="CA2635" s="166">
        <v>0</v>
      </c>
      <c r="CB2635" s="166">
        <v>0</v>
      </c>
      <c r="CC2635" s="166">
        <v>0</v>
      </c>
      <c r="CD2635" s="166">
        <v>0</v>
      </c>
      <c r="CE2635" s="166">
        <v>0</v>
      </c>
      <c r="CF2635" s="166">
        <v>0</v>
      </c>
      <c r="CG2635" s="166">
        <v>0</v>
      </c>
      <c r="CH2635" s="166">
        <v>0</v>
      </c>
      <c r="CI2635" s="166">
        <v>0</v>
      </c>
      <c r="CJ2635" s="166">
        <v>0</v>
      </c>
      <c r="CK2635" s="166">
        <v>0</v>
      </c>
      <c r="CL2635" s="166">
        <v>0</v>
      </c>
      <c r="CM2635" s="166">
        <v>0</v>
      </c>
      <c r="CN2635" s="166">
        <v>0</v>
      </c>
      <c r="CO2635" s="166">
        <v>0</v>
      </c>
      <c r="CP2635" s="166">
        <v>0</v>
      </c>
      <c r="CQ2635" s="166">
        <v>0</v>
      </c>
      <c r="CR2635" s="166">
        <v>0</v>
      </c>
      <c r="CS2635" s="166">
        <v>0</v>
      </c>
      <c r="CT2635" s="166">
        <v>0</v>
      </c>
      <c r="CU2635" s="166">
        <v>0</v>
      </c>
      <c r="CV2635" s="166">
        <v>0</v>
      </c>
      <c r="CW2635" s="166">
        <v>0</v>
      </c>
      <c r="CX2635" s="166">
        <v>0</v>
      </c>
      <c r="CY2635" s="166">
        <v>0</v>
      </c>
      <c r="CZ2635" s="166">
        <v>0</v>
      </c>
    </row>
    <row r="2636" spans="1:104" x14ac:dyDescent="0.2">
      <c r="A2636" s="167" t="s">
        <v>481</v>
      </c>
      <c r="B2636" s="166">
        <v>0</v>
      </c>
      <c r="C2636" s="166">
        <v>0</v>
      </c>
      <c r="D2636" s="166">
        <v>0</v>
      </c>
      <c r="E2636" s="166">
        <v>0</v>
      </c>
      <c r="F2636" s="166">
        <v>0</v>
      </c>
      <c r="G2636" s="166">
        <v>0</v>
      </c>
      <c r="H2636" s="166">
        <v>0</v>
      </c>
      <c r="I2636" s="166">
        <v>0</v>
      </c>
      <c r="J2636" s="166">
        <v>0</v>
      </c>
      <c r="K2636" s="166">
        <v>0</v>
      </c>
      <c r="L2636" s="166">
        <v>0</v>
      </c>
      <c r="M2636" s="166">
        <v>0</v>
      </c>
      <c r="N2636" s="166">
        <v>0</v>
      </c>
      <c r="O2636" s="166">
        <v>0</v>
      </c>
      <c r="P2636" s="166">
        <v>0</v>
      </c>
      <c r="Q2636" s="166">
        <v>0</v>
      </c>
      <c r="R2636" s="166">
        <v>0</v>
      </c>
      <c r="S2636" s="166">
        <v>0</v>
      </c>
      <c r="T2636" s="166">
        <v>0</v>
      </c>
      <c r="U2636" s="166">
        <v>0</v>
      </c>
      <c r="V2636" s="166">
        <v>0</v>
      </c>
      <c r="W2636" s="166">
        <v>0</v>
      </c>
      <c r="X2636" s="166">
        <v>0</v>
      </c>
      <c r="Y2636" s="166">
        <v>0</v>
      </c>
      <c r="Z2636" s="166">
        <v>0</v>
      </c>
      <c r="AA2636" s="166">
        <v>0</v>
      </c>
      <c r="AB2636" s="166">
        <v>0</v>
      </c>
      <c r="AC2636" s="166">
        <v>0</v>
      </c>
      <c r="AD2636" s="166">
        <v>0</v>
      </c>
      <c r="AE2636" s="166">
        <v>0</v>
      </c>
      <c r="AF2636" s="166">
        <v>0</v>
      </c>
      <c r="AG2636" s="166">
        <v>0</v>
      </c>
      <c r="AH2636" s="166">
        <v>0</v>
      </c>
      <c r="AI2636" s="166">
        <v>0</v>
      </c>
      <c r="AJ2636" s="166">
        <v>0</v>
      </c>
      <c r="AK2636" s="166">
        <v>0</v>
      </c>
      <c r="AL2636" s="166">
        <v>0</v>
      </c>
      <c r="AM2636" s="166">
        <v>0</v>
      </c>
      <c r="AN2636" s="166">
        <v>0</v>
      </c>
      <c r="AO2636" s="166">
        <v>0</v>
      </c>
      <c r="AP2636" s="166">
        <v>0</v>
      </c>
      <c r="AQ2636" s="166">
        <v>0</v>
      </c>
      <c r="AR2636" s="166">
        <v>0</v>
      </c>
      <c r="AS2636" s="166">
        <v>0</v>
      </c>
      <c r="AT2636" s="166">
        <v>0</v>
      </c>
      <c r="AU2636" s="166">
        <v>0</v>
      </c>
      <c r="AV2636" s="166">
        <v>0</v>
      </c>
      <c r="AW2636" s="166">
        <v>0</v>
      </c>
      <c r="AX2636" s="166">
        <v>0</v>
      </c>
      <c r="AY2636" s="166">
        <v>0</v>
      </c>
      <c r="AZ2636" s="166">
        <v>0</v>
      </c>
      <c r="BA2636" s="166">
        <v>0</v>
      </c>
      <c r="BB2636" s="166">
        <v>0</v>
      </c>
      <c r="BC2636" s="166">
        <v>0</v>
      </c>
      <c r="BD2636" s="166">
        <v>0</v>
      </c>
      <c r="BE2636" s="166">
        <v>0</v>
      </c>
      <c r="BF2636" s="166">
        <v>0</v>
      </c>
      <c r="BG2636" s="166">
        <v>0</v>
      </c>
      <c r="BH2636" s="166">
        <v>0</v>
      </c>
      <c r="BI2636" s="166">
        <v>0</v>
      </c>
      <c r="BJ2636" s="166">
        <v>0</v>
      </c>
      <c r="BK2636" s="166">
        <v>0</v>
      </c>
      <c r="BL2636" s="166">
        <v>0</v>
      </c>
      <c r="BM2636" s="166">
        <v>0</v>
      </c>
      <c r="BN2636" s="166">
        <v>0</v>
      </c>
      <c r="BO2636" s="166">
        <v>0</v>
      </c>
      <c r="BP2636" s="166">
        <v>0</v>
      </c>
      <c r="BQ2636" s="166">
        <v>0</v>
      </c>
      <c r="BR2636" s="166">
        <v>0</v>
      </c>
      <c r="BS2636" s="166">
        <v>0</v>
      </c>
      <c r="BT2636" s="168">
        <v>0.96779000000000004</v>
      </c>
      <c r="BU2636" s="166">
        <v>0</v>
      </c>
      <c r="BV2636" s="166">
        <v>0</v>
      </c>
      <c r="BW2636" s="166">
        <v>0</v>
      </c>
      <c r="BX2636" s="166">
        <v>0</v>
      </c>
      <c r="BY2636" s="166">
        <v>0</v>
      </c>
      <c r="BZ2636" s="166">
        <v>0</v>
      </c>
      <c r="CA2636" s="166">
        <v>0</v>
      </c>
      <c r="CB2636" s="166">
        <v>0</v>
      </c>
      <c r="CC2636" s="166">
        <v>0</v>
      </c>
      <c r="CD2636" s="166">
        <v>0</v>
      </c>
      <c r="CE2636" s="166">
        <v>0</v>
      </c>
      <c r="CF2636" s="166">
        <v>0</v>
      </c>
      <c r="CG2636" s="166">
        <v>0</v>
      </c>
      <c r="CH2636" s="166">
        <v>0</v>
      </c>
      <c r="CI2636" s="166">
        <v>0</v>
      </c>
      <c r="CJ2636" s="166">
        <v>0</v>
      </c>
      <c r="CK2636" s="166">
        <v>0</v>
      </c>
      <c r="CL2636" s="166">
        <v>0</v>
      </c>
      <c r="CM2636" s="166">
        <v>0</v>
      </c>
      <c r="CN2636" s="166">
        <v>0</v>
      </c>
      <c r="CO2636" s="166">
        <v>0</v>
      </c>
      <c r="CP2636" s="166">
        <v>0</v>
      </c>
      <c r="CQ2636" s="166">
        <v>0</v>
      </c>
      <c r="CR2636" s="166">
        <v>0</v>
      </c>
      <c r="CS2636" s="166">
        <v>0</v>
      </c>
      <c r="CT2636" s="166">
        <v>0</v>
      </c>
      <c r="CU2636" s="166">
        <v>0</v>
      </c>
      <c r="CV2636" s="166">
        <v>0</v>
      </c>
      <c r="CW2636" s="166">
        <v>0</v>
      </c>
      <c r="CX2636" s="166">
        <v>0</v>
      </c>
      <c r="CY2636" s="166">
        <v>0</v>
      </c>
      <c r="CZ2636" s="166">
        <v>0</v>
      </c>
    </row>
    <row r="2637" spans="1:104" x14ac:dyDescent="0.2">
      <c r="A2637" s="167" t="s">
        <v>482</v>
      </c>
      <c r="B2637" s="166">
        <v>0</v>
      </c>
      <c r="C2637" s="166">
        <v>0</v>
      </c>
      <c r="D2637" s="166">
        <v>0</v>
      </c>
      <c r="E2637" s="166">
        <v>0</v>
      </c>
      <c r="F2637" s="166">
        <v>0</v>
      </c>
      <c r="G2637" s="166">
        <v>0</v>
      </c>
      <c r="H2637" s="166">
        <v>0</v>
      </c>
      <c r="I2637" s="166">
        <v>0</v>
      </c>
      <c r="J2637" s="166">
        <v>0</v>
      </c>
      <c r="K2637" s="166">
        <v>0</v>
      </c>
      <c r="L2637" s="166">
        <v>0</v>
      </c>
      <c r="M2637" s="166">
        <v>0</v>
      </c>
      <c r="N2637" s="166">
        <v>0</v>
      </c>
      <c r="O2637" s="166">
        <v>0</v>
      </c>
      <c r="P2637" s="166">
        <v>0</v>
      </c>
      <c r="Q2637" s="166">
        <v>0</v>
      </c>
      <c r="R2637" s="166">
        <v>0</v>
      </c>
      <c r="S2637" s="166">
        <v>0</v>
      </c>
      <c r="T2637" s="166">
        <v>0</v>
      </c>
      <c r="U2637" s="166">
        <v>0</v>
      </c>
      <c r="V2637" s="166">
        <v>0</v>
      </c>
      <c r="W2637" s="166">
        <v>0</v>
      </c>
      <c r="X2637" s="166">
        <v>0</v>
      </c>
      <c r="Y2637" s="166">
        <v>0</v>
      </c>
      <c r="Z2637" s="166">
        <v>0</v>
      </c>
      <c r="AA2637" s="166">
        <v>0</v>
      </c>
      <c r="AB2637" s="166">
        <v>0</v>
      </c>
      <c r="AC2637" s="166">
        <v>0</v>
      </c>
      <c r="AD2637" s="166">
        <v>0</v>
      </c>
      <c r="AE2637" s="166">
        <v>0</v>
      </c>
      <c r="AF2637" s="166">
        <v>0</v>
      </c>
      <c r="AG2637" s="166">
        <v>0</v>
      </c>
      <c r="AH2637" s="166">
        <v>0</v>
      </c>
      <c r="AI2637" s="166">
        <v>0</v>
      </c>
      <c r="AJ2637" s="166">
        <v>0</v>
      </c>
      <c r="AK2637" s="166">
        <v>0</v>
      </c>
      <c r="AL2637" s="166">
        <v>0</v>
      </c>
      <c r="AM2637" s="166">
        <v>0</v>
      </c>
      <c r="AN2637" s="166">
        <v>0</v>
      </c>
      <c r="AO2637" s="166">
        <v>0</v>
      </c>
      <c r="AP2637" s="166">
        <v>0</v>
      </c>
      <c r="AQ2637" s="166">
        <v>0</v>
      </c>
      <c r="AR2637" s="166">
        <v>0</v>
      </c>
      <c r="AS2637" s="166">
        <v>0</v>
      </c>
      <c r="AT2637" s="166">
        <v>0</v>
      </c>
      <c r="AU2637" s="166">
        <v>0</v>
      </c>
      <c r="AV2637" s="166">
        <v>0</v>
      </c>
      <c r="AW2637" s="166">
        <v>0</v>
      </c>
      <c r="AX2637" s="166">
        <v>0</v>
      </c>
      <c r="AY2637" s="166">
        <v>0</v>
      </c>
      <c r="AZ2637" s="166">
        <v>0</v>
      </c>
      <c r="BA2637" s="166">
        <v>0</v>
      </c>
      <c r="BB2637" s="166">
        <v>0</v>
      </c>
      <c r="BC2637" s="166">
        <v>0</v>
      </c>
      <c r="BD2637" s="166">
        <v>0</v>
      </c>
      <c r="BE2637" s="166">
        <v>0</v>
      </c>
      <c r="BF2637" s="166">
        <v>0</v>
      </c>
      <c r="BG2637" s="166">
        <v>0</v>
      </c>
      <c r="BH2637" s="166">
        <v>0</v>
      </c>
      <c r="BI2637" s="166">
        <v>0</v>
      </c>
      <c r="BJ2637" s="166">
        <v>0</v>
      </c>
      <c r="BK2637" s="166">
        <v>0</v>
      </c>
      <c r="BL2637" s="166">
        <v>0</v>
      </c>
      <c r="BM2637" s="166">
        <v>0</v>
      </c>
      <c r="BN2637" s="166">
        <v>0</v>
      </c>
      <c r="BO2637" s="166">
        <v>0</v>
      </c>
      <c r="BP2637" s="166">
        <v>0</v>
      </c>
      <c r="BQ2637" s="166">
        <v>0</v>
      </c>
      <c r="BR2637" s="166">
        <v>0</v>
      </c>
      <c r="BS2637" s="166">
        <v>0</v>
      </c>
      <c r="BT2637" s="168">
        <v>0.96779000000000004</v>
      </c>
      <c r="BU2637" s="166">
        <v>0</v>
      </c>
      <c r="BV2637" s="166">
        <v>0</v>
      </c>
      <c r="BW2637" s="166">
        <v>0</v>
      </c>
      <c r="BX2637" s="166">
        <v>0</v>
      </c>
      <c r="BY2637" s="166">
        <v>0</v>
      </c>
      <c r="BZ2637" s="166">
        <v>0</v>
      </c>
      <c r="CA2637" s="166">
        <v>0</v>
      </c>
      <c r="CB2637" s="166">
        <v>0</v>
      </c>
      <c r="CC2637" s="166">
        <v>0</v>
      </c>
      <c r="CD2637" s="166">
        <v>0</v>
      </c>
      <c r="CE2637" s="166">
        <v>0</v>
      </c>
      <c r="CF2637" s="166">
        <v>0</v>
      </c>
      <c r="CG2637" s="166">
        <v>0</v>
      </c>
      <c r="CH2637" s="166">
        <v>0</v>
      </c>
      <c r="CI2637" s="166">
        <v>0</v>
      </c>
      <c r="CJ2637" s="166">
        <v>0</v>
      </c>
      <c r="CK2637" s="166">
        <v>0</v>
      </c>
      <c r="CL2637" s="166">
        <v>0</v>
      </c>
      <c r="CM2637" s="166">
        <v>0</v>
      </c>
      <c r="CN2637" s="166">
        <v>0</v>
      </c>
      <c r="CO2637" s="166">
        <v>0</v>
      </c>
      <c r="CP2637" s="166">
        <v>0</v>
      </c>
      <c r="CQ2637" s="166">
        <v>0</v>
      </c>
      <c r="CR2637" s="166">
        <v>0</v>
      </c>
      <c r="CS2637" s="166">
        <v>0</v>
      </c>
      <c r="CT2637" s="166">
        <v>0</v>
      </c>
      <c r="CU2637" s="166">
        <v>0</v>
      </c>
      <c r="CV2637" s="166">
        <v>0</v>
      </c>
      <c r="CW2637" s="166">
        <v>0</v>
      </c>
      <c r="CX2637" s="166">
        <v>0</v>
      </c>
      <c r="CY2637" s="166">
        <v>0</v>
      </c>
      <c r="CZ2637" s="166">
        <v>0</v>
      </c>
    </row>
    <row r="2638" spans="1:104" x14ac:dyDescent="0.2">
      <c r="A2638" s="170" t="s">
        <v>483</v>
      </c>
      <c r="B2638" s="166">
        <v>0</v>
      </c>
      <c r="C2638" s="166">
        <v>0</v>
      </c>
      <c r="D2638" s="166">
        <v>0</v>
      </c>
      <c r="E2638" s="166">
        <v>0</v>
      </c>
      <c r="F2638" s="166">
        <v>0</v>
      </c>
      <c r="G2638" s="166">
        <v>0</v>
      </c>
      <c r="H2638" s="166">
        <v>0</v>
      </c>
      <c r="I2638" s="166">
        <v>0</v>
      </c>
      <c r="J2638" s="166">
        <v>5.88</v>
      </c>
      <c r="K2638" s="166">
        <v>0</v>
      </c>
      <c r="L2638" s="166">
        <v>0</v>
      </c>
      <c r="M2638" s="166">
        <v>0</v>
      </c>
      <c r="N2638" s="166">
        <v>0</v>
      </c>
      <c r="O2638" s="166">
        <v>0</v>
      </c>
      <c r="P2638" s="166">
        <v>0</v>
      </c>
      <c r="Q2638" s="166">
        <v>0</v>
      </c>
      <c r="R2638" s="166">
        <v>0</v>
      </c>
      <c r="S2638" s="166">
        <v>0</v>
      </c>
      <c r="T2638" s="166">
        <v>0</v>
      </c>
      <c r="U2638" s="166">
        <v>0</v>
      </c>
      <c r="V2638" s="166">
        <v>0</v>
      </c>
      <c r="W2638" s="166">
        <v>0</v>
      </c>
      <c r="X2638" s="166">
        <v>0</v>
      </c>
      <c r="Y2638" s="166">
        <v>0</v>
      </c>
      <c r="Z2638" s="166">
        <v>0</v>
      </c>
      <c r="AA2638" s="166">
        <v>0</v>
      </c>
      <c r="AB2638" s="166">
        <v>0</v>
      </c>
      <c r="AC2638" s="166">
        <v>0</v>
      </c>
      <c r="AD2638" s="166">
        <v>0</v>
      </c>
      <c r="AE2638" s="166">
        <v>0</v>
      </c>
      <c r="AF2638" s="166">
        <v>0</v>
      </c>
      <c r="AG2638" s="166">
        <v>0</v>
      </c>
      <c r="AH2638" s="166">
        <v>0</v>
      </c>
      <c r="AI2638" s="166">
        <v>0</v>
      </c>
      <c r="AJ2638" s="166">
        <v>0</v>
      </c>
      <c r="AK2638" s="166">
        <v>0</v>
      </c>
      <c r="AL2638" s="166">
        <v>0</v>
      </c>
      <c r="AM2638" s="166">
        <v>0</v>
      </c>
      <c r="AN2638" s="166">
        <v>0</v>
      </c>
      <c r="AO2638" s="166">
        <v>0</v>
      </c>
      <c r="AP2638" s="166">
        <v>0</v>
      </c>
      <c r="AQ2638" s="166">
        <v>0</v>
      </c>
      <c r="AR2638" s="166">
        <v>-3269290.32</v>
      </c>
      <c r="AS2638" s="166">
        <v>0</v>
      </c>
      <c r="AT2638" s="166">
        <v>0</v>
      </c>
      <c r="AU2638" s="166">
        <v>0</v>
      </c>
      <c r="AV2638" s="166">
        <v>0</v>
      </c>
      <c r="AW2638" s="166">
        <v>0</v>
      </c>
      <c r="AX2638" s="166">
        <v>0</v>
      </c>
      <c r="AY2638" s="166">
        <v>0</v>
      </c>
      <c r="AZ2638" s="166">
        <v>0</v>
      </c>
      <c r="BA2638" s="166">
        <v>0</v>
      </c>
      <c r="BB2638" s="166">
        <v>0</v>
      </c>
      <c r="BC2638" s="166">
        <v>0</v>
      </c>
      <c r="BD2638" s="166">
        <v>0</v>
      </c>
      <c r="BE2638" s="166">
        <v>5.88</v>
      </c>
      <c r="BF2638" s="166">
        <v>0</v>
      </c>
      <c r="BG2638" s="166">
        <v>0</v>
      </c>
      <c r="BH2638" s="166">
        <v>0</v>
      </c>
      <c r="BI2638" s="166">
        <v>0</v>
      </c>
      <c r="BJ2638" s="166">
        <v>0</v>
      </c>
      <c r="BK2638" s="166">
        <v>0</v>
      </c>
      <c r="BL2638" s="166">
        <v>0</v>
      </c>
      <c r="BM2638" s="166">
        <v>0</v>
      </c>
      <c r="BN2638" s="166">
        <v>-3269290.32</v>
      </c>
      <c r="BO2638" s="166">
        <v>0</v>
      </c>
      <c r="BP2638" s="166">
        <v>0</v>
      </c>
      <c r="BQ2638" s="166">
        <v>0</v>
      </c>
      <c r="BR2638" s="166">
        <v>0</v>
      </c>
      <c r="BS2638" s="166">
        <v>-3269284.44</v>
      </c>
      <c r="BT2638" s="168">
        <v>0</v>
      </c>
      <c r="BU2638" s="166">
        <v>0</v>
      </c>
      <c r="BV2638" s="166">
        <v>0</v>
      </c>
      <c r="BW2638" s="166">
        <v>0</v>
      </c>
      <c r="BX2638" s="166">
        <v>5.6906052000000003</v>
      </c>
      <c r="BY2638" s="166">
        <v>0</v>
      </c>
      <c r="BZ2638" s="166">
        <v>0</v>
      </c>
      <c r="CA2638" s="166">
        <v>0</v>
      </c>
      <c r="CB2638" s="166">
        <v>0</v>
      </c>
      <c r="CC2638" s="166">
        <v>0</v>
      </c>
      <c r="CD2638" s="166">
        <v>0</v>
      </c>
      <c r="CE2638" s="166">
        <v>0</v>
      </c>
      <c r="CF2638" s="166">
        <v>0</v>
      </c>
      <c r="CG2638" s="166">
        <v>-3163986.4787928001</v>
      </c>
      <c r="CH2638" s="166">
        <v>0</v>
      </c>
      <c r="CI2638" s="166">
        <v>0</v>
      </c>
      <c r="CJ2638" s="166">
        <v>0</v>
      </c>
      <c r="CK2638" s="166">
        <v>0</v>
      </c>
      <c r="CL2638" s="166">
        <v>5.6906052000000003</v>
      </c>
      <c r="CM2638" s="166">
        <v>0</v>
      </c>
      <c r="CN2638" s="166">
        <v>0</v>
      </c>
      <c r="CO2638" s="166">
        <v>0</v>
      </c>
      <c r="CP2638" s="166">
        <v>0</v>
      </c>
      <c r="CQ2638" s="166">
        <v>0</v>
      </c>
      <c r="CR2638" s="166">
        <v>0</v>
      </c>
      <c r="CS2638" s="166">
        <v>0</v>
      </c>
      <c r="CT2638" s="166">
        <v>0</v>
      </c>
      <c r="CU2638" s="166">
        <v>-3163986.4787928001</v>
      </c>
      <c r="CV2638" s="166">
        <v>0</v>
      </c>
      <c r="CW2638" s="166">
        <v>0</v>
      </c>
      <c r="CX2638" s="166">
        <v>0</v>
      </c>
      <c r="CY2638" s="166">
        <v>-3163980.7881876002</v>
      </c>
      <c r="CZ2638" s="166">
        <v>-3163980.7881876002</v>
      </c>
    </row>
    <row r="2639" spans="1:104" x14ac:dyDescent="0.2">
      <c r="A2639" s="167" t="s">
        <v>484</v>
      </c>
    </row>
    <row r="2640" spans="1:104" x14ac:dyDescent="0.2">
      <c r="A2640" s="170" t="s">
        <v>485</v>
      </c>
      <c r="B2640" s="166">
        <v>841911526.53092301</v>
      </c>
      <c r="C2640" s="166">
        <v>841911526.53092301</v>
      </c>
      <c r="D2640" s="166">
        <v>0</v>
      </c>
      <c r="E2640" s="166">
        <v>0</v>
      </c>
      <c r="F2640" s="166">
        <v>0</v>
      </c>
      <c r="G2640" s="166">
        <v>0</v>
      </c>
      <c r="H2640" s="166">
        <v>0</v>
      </c>
      <c r="I2640" s="166">
        <v>0</v>
      </c>
      <c r="J2640" s="166">
        <v>5.88</v>
      </c>
      <c r="K2640" s="166">
        <v>0</v>
      </c>
      <c r="L2640" s="166">
        <v>0</v>
      </c>
      <c r="M2640" s="166">
        <v>0</v>
      </c>
      <c r="N2640" s="166">
        <v>0</v>
      </c>
      <c r="O2640" s="166">
        <v>0</v>
      </c>
      <c r="P2640" s="166">
        <v>0</v>
      </c>
      <c r="Q2640" s="166">
        <v>0</v>
      </c>
      <c r="R2640" s="166">
        <v>-16621178.51</v>
      </c>
      <c r="S2640" s="166">
        <v>0</v>
      </c>
      <c r="T2640" s="166">
        <v>0</v>
      </c>
      <c r="U2640" s="166">
        <v>-11554140.34</v>
      </c>
      <c r="V2640" s="166">
        <v>0</v>
      </c>
      <c r="W2640" s="166">
        <v>0</v>
      </c>
      <c r="X2640" s="166">
        <v>0</v>
      </c>
      <c r="Y2640" s="166">
        <v>0</v>
      </c>
      <c r="Z2640" s="166">
        <v>0</v>
      </c>
      <c r="AA2640" s="166">
        <v>0</v>
      </c>
      <c r="AB2640" s="166">
        <v>0</v>
      </c>
      <c r="AC2640" s="166">
        <v>0</v>
      </c>
      <c r="AD2640" s="166">
        <v>0</v>
      </c>
      <c r="AE2640" s="166">
        <v>0</v>
      </c>
      <c r="AF2640" s="166">
        <v>0</v>
      </c>
      <c r="AG2640" s="166">
        <v>0</v>
      </c>
      <c r="AH2640" s="166">
        <v>0</v>
      </c>
      <c r="AI2640" s="166">
        <v>0</v>
      </c>
      <c r="AJ2640" s="166">
        <v>0</v>
      </c>
      <c r="AK2640" s="166">
        <v>0</v>
      </c>
      <c r="AL2640" s="166">
        <v>0</v>
      </c>
      <c r="AM2640" s="166">
        <v>0</v>
      </c>
      <c r="AN2640" s="166">
        <v>0</v>
      </c>
      <c r="AO2640" s="166">
        <v>0</v>
      </c>
      <c r="AP2640" s="166">
        <v>0</v>
      </c>
      <c r="AQ2640" s="166">
        <v>0</v>
      </c>
      <c r="AR2640" s="166">
        <v>-3269290.32</v>
      </c>
      <c r="AS2640" s="166">
        <v>0</v>
      </c>
      <c r="AT2640" s="166">
        <v>0</v>
      </c>
      <c r="AU2640" s="166">
        <v>0</v>
      </c>
      <c r="AV2640" s="166">
        <v>0</v>
      </c>
      <c r="AW2640" s="166">
        <v>0</v>
      </c>
      <c r="AX2640" s="166">
        <v>-4013023.0514417398</v>
      </c>
      <c r="AY2640" s="166">
        <v>-59485239.119999997</v>
      </c>
      <c r="AZ2640" s="166">
        <v>0</v>
      </c>
      <c r="BA2640" s="166">
        <v>0</v>
      </c>
      <c r="BB2640" s="166">
        <v>0</v>
      </c>
      <c r="BC2640" s="166">
        <v>0</v>
      </c>
      <c r="BD2640" s="166">
        <v>0</v>
      </c>
      <c r="BE2640" s="166">
        <v>5.88</v>
      </c>
      <c r="BF2640" s="166">
        <v>0</v>
      </c>
      <c r="BG2640" s="166">
        <v>-16621178.51</v>
      </c>
      <c r="BH2640" s="166">
        <v>0</v>
      </c>
      <c r="BI2640" s="166">
        <v>-11554140.34</v>
      </c>
      <c r="BJ2640" s="166">
        <v>0</v>
      </c>
      <c r="BK2640" s="166">
        <v>0</v>
      </c>
      <c r="BL2640" s="166">
        <v>0</v>
      </c>
      <c r="BM2640" s="166">
        <v>0</v>
      </c>
      <c r="BN2640" s="166">
        <v>-3269290.32</v>
      </c>
      <c r="BO2640" s="166">
        <v>-4013023.0514417398</v>
      </c>
      <c r="BP2640" s="166">
        <v>-59485239.119999997</v>
      </c>
      <c r="BQ2640" s="166">
        <v>0</v>
      </c>
      <c r="BR2640" s="166">
        <v>841911526.53092301</v>
      </c>
      <c r="BS2640" s="166">
        <v>746968661.06948197</v>
      </c>
      <c r="BT2640" s="168">
        <v>0</v>
      </c>
      <c r="BU2640" s="166">
        <v>61656843.9550732</v>
      </c>
      <c r="BV2640" s="166">
        <v>820832714.43546498</v>
      </c>
      <c r="BW2640" s="166">
        <v>0</v>
      </c>
      <c r="BX2640" s="166">
        <v>5.6906052000000003</v>
      </c>
      <c r="BY2640" s="166">
        <v>0</v>
      </c>
      <c r="BZ2640" s="166">
        <v>-16621178.51</v>
      </c>
      <c r="CA2640" s="166">
        <v>0</v>
      </c>
      <c r="CB2640" s="166">
        <v>-11554096.9949582</v>
      </c>
      <c r="CC2640" s="166">
        <v>0</v>
      </c>
      <c r="CD2640" s="166">
        <v>0</v>
      </c>
      <c r="CE2640" s="166">
        <v>0</v>
      </c>
      <c r="CF2640" s="166">
        <v>0</v>
      </c>
      <c r="CG2640" s="166">
        <v>-3163986.4787928001</v>
      </c>
      <c r="CH2640" s="166">
        <v>-4013023.0514417398</v>
      </c>
      <c r="CI2640" s="166">
        <v>-56903955.379876703</v>
      </c>
      <c r="CJ2640" s="166">
        <v>0</v>
      </c>
      <c r="CK2640" s="166">
        <v>0</v>
      </c>
      <c r="CL2640" s="166">
        <v>5.6906052000000003</v>
      </c>
      <c r="CM2640" s="166">
        <v>0</v>
      </c>
      <c r="CN2640" s="166">
        <v>-16621178.51</v>
      </c>
      <c r="CO2640" s="166">
        <v>0</v>
      </c>
      <c r="CP2640" s="166">
        <v>-11554096.9949582</v>
      </c>
      <c r="CQ2640" s="166">
        <v>0</v>
      </c>
      <c r="CR2640" s="166">
        <v>0</v>
      </c>
      <c r="CS2640" s="166">
        <v>0</v>
      </c>
      <c r="CT2640" s="166">
        <v>0</v>
      </c>
      <c r="CU2640" s="166">
        <v>-3163986.4787928001</v>
      </c>
      <c r="CV2640" s="166">
        <v>-4013023.0514417398</v>
      </c>
      <c r="CW2640" s="166">
        <v>-56903955.379876703</v>
      </c>
      <c r="CX2640" s="166">
        <v>0</v>
      </c>
      <c r="CY2640" s="166">
        <v>728576479.71100104</v>
      </c>
      <c r="CZ2640" s="166">
        <v>728576479.71099997</v>
      </c>
    </row>
    <row r="2641" spans="1:104" x14ac:dyDescent="0.2">
      <c r="A2641" s="167" t="s">
        <v>486</v>
      </c>
    </row>
    <row r="2642" spans="1:104" x14ac:dyDescent="0.2">
      <c r="A2642" s="170" t="s">
        <v>487</v>
      </c>
    </row>
    <row r="2643" spans="1:104" x14ac:dyDescent="0.2">
      <c r="A2643" s="170" t="s">
        <v>488</v>
      </c>
    </row>
    <row r="2644" spans="1:104" x14ac:dyDescent="0.2">
      <c r="A2644" s="167" t="s">
        <v>489</v>
      </c>
      <c r="B2644" s="166">
        <v>-8.1854523159563492E-9</v>
      </c>
      <c r="C2644" s="166">
        <v>-8.1854523159563492E-9</v>
      </c>
      <c r="D2644" s="166">
        <v>0</v>
      </c>
      <c r="E2644" s="166">
        <v>0</v>
      </c>
      <c r="F2644" s="166">
        <v>0</v>
      </c>
      <c r="G2644" s="166">
        <v>8.1854523159563492E-9</v>
      </c>
      <c r="H2644" s="166">
        <v>0</v>
      </c>
      <c r="I2644" s="166">
        <v>0</v>
      </c>
      <c r="J2644" s="166">
        <v>0</v>
      </c>
      <c r="K2644" s="166">
        <v>0</v>
      </c>
      <c r="L2644" s="166">
        <v>0</v>
      </c>
      <c r="M2644" s="166">
        <v>0</v>
      </c>
      <c r="N2644" s="166">
        <v>0</v>
      </c>
      <c r="O2644" s="166">
        <v>0</v>
      </c>
      <c r="P2644" s="166">
        <v>0</v>
      </c>
      <c r="Q2644" s="166">
        <v>0</v>
      </c>
      <c r="R2644" s="166">
        <v>0</v>
      </c>
      <c r="S2644" s="166">
        <v>0</v>
      </c>
      <c r="T2644" s="166">
        <v>0</v>
      </c>
      <c r="U2644" s="166">
        <v>0</v>
      </c>
      <c r="V2644" s="166">
        <v>0</v>
      </c>
      <c r="W2644" s="166">
        <v>0</v>
      </c>
      <c r="X2644" s="166">
        <v>0</v>
      </c>
      <c r="Y2644" s="166">
        <v>0</v>
      </c>
      <c r="Z2644" s="166">
        <v>0</v>
      </c>
      <c r="AA2644" s="166">
        <v>0</v>
      </c>
      <c r="AB2644" s="166">
        <v>0</v>
      </c>
      <c r="AC2644" s="166">
        <v>0</v>
      </c>
      <c r="AD2644" s="166">
        <v>0</v>
      </c>
      <c r="AE2644" s="166">
        <v>0</v>
      </c>
      <c r="AF2644" s="166">
        <v>0</v>
      </c>
      <c r="AG2644" s="166">
        <v>0</v>
      </c>
      <c r="AH2644" s="166">
        <v>0</v>
      </c>
      <c r="AI2644" s="166">
        <v>0</v>
      </c>
      <c r="AJ2644" s="166">
        <v>0</v>
      </c>
      <c r="AK2644" s="166">
        <v>0</v>
      </c>
      <c r="AL2644" s="166">
        <v>0</v>
      </c>
      <c r="AM2644" s="166">
        <v>0</v>
      </c>
      <c r="AN2644" s="166">
        <v>0</v>
      </c>
      <c r="AO2644" s="166">
        <v>0</v>
      </c>
      <c r="AP2644" s="166">
        <v>0</v>
      </c>
      <c r="AQ2644" s="166">
        <v>0</v>
      </c>
      <c r="AR2644" s="166">
        <v>0</v>
      </c>
      <c r="AS2644" s="166">
        <v>0</v>
      </c>
      <c r="AT2644" s="166">
        <v>0</v>
      </c>
      <c r="AU2644" s="166">
        <v>0</v>
      </c>
      <c r="AV2644" s="166">
        <v>0</v>
      </c>
      <c r="AW2644" s="166">
        <v>0</v>
      </c>
      <c r="AX2644" s="166">
        <v>0</v>
      </c>
      <c r="AY2644" s="166">
        <v>0</v>
      </c>
      <c r="AZ2644" s="166">
        <v>0</v>
      </c>
      <c r="BA2644" s="166">
        <v>0</v>
      </c>
      <c r="BB2644" s="166">
        <v>0</v>
      </c>
      <c r="BC2644" s="166">
        <v>0</v>
      </c>
      <c r="BD2644" s="166">
        <v>8.1854523159563492E-9</v>
      </c>
      <c r="BE2644" s="166">
        <v>0</v>
      </c>
      <c r="BF2644" s="166">
        <v>0</v>
      </c>
      <c r="BG2644" s="166">
        <v>0</v>
      </c>
      <c r="BH2644" s="166">
        <v>0</v>
      </c>
      <c r="BI2644" s="166">
        <v>0</v>
      </c>
      <c r="BJ2644" s="166">
        <v>0</v>
      </c>
      <c r="BK2644" s="166">
        <v>0</v>
      </c>
      <c r="BL2644" s="166">
        <v>0</v>
      </c>
      <c r="BM2644" s="166">
        <v>0</v>
      </c>
      <c r="BN2644" s="166">
        <v>0</v>
      </c>
      <c r="BO2644" s="166">
        <v>0</v>
      </c>
      <c r="BP2644" s="166">
        <v>0</v>
      </c>
      <c r="BQ2644" s="166">
        <v>0</v>
      </c>
      <c r="BR2644" s="166">
        <v>-8.1854523159563492E-9</v>
      </c>
      <c r="BS2644" s="166">
        <v>0</v>
      </c>
      <c r="BT2644" s="168">
        <v>1</v>
      </c>
      <c r="BU2644" s="166">
        <v>861123.46728196205</v>
      </c>
      <c r="BV2644" s="166">
        <v>-8.1854523159563492E-9</v>
      </c>
      <c r="BW2644" s="166">
        <v>8.1854523159563492E-9</v>
      </c>
      <c r="BX2644" s="166">
        <v>0</v>
      </c>
      <c r="BY2644" s="166">
        <v>0</v>
      </c>
      <c r="BZ2644" s="166">
        <v>0</v>
      </c>
      <c r="CA2644" s="166">
        <v>0</v>
      </c>
      <c r="CB2644" s="166">
        <v>0</v>
      </c>
      <c r="CC2644" s="166">
        <v>0</v>
      </c>
      <c r="CD2644" s="166">
        <v>0</v>
      </c>
      <c r="CE2644" s="166">
        <v>0</v>
      </c>
      <c r="CF2644" s="166">
        <v>0</v>
      </c>
      <c r="CG2644" s="166">
        <v>0</v>
      </c>
      <c r="CH2644" s="166">
        <v>0</v>
      </c>
      <c r="CI2644" s="166">
        <v>0</v>
      </c>
      <c r="CJ2644" s="166">
        <v>0</v>
      </c>
      <c r="CK2644" s="166">
        <v>8.1854523159563492E-9</v>
      </c>
      <c r="CL2644" s="166">
        <v>0</v>
      </c>
      <c r="CM2644" s="166">
        <v>0</v>
      </c>
      <c r="CN2644" s="166">
        <v>0</v>
      </c>
      <c r="CO2644" s="166">
        <v>0</v>
      </c>
      <c r="CP2644" s="166">
        <v>0</v>
      </c>
      <c r="CQ2644" s="166">
        <v>0</v>
      </c>
      <c r="CR2644" s="166">
        <v>0</v>
      </c>
      <c r="CS2644" s="166">
        <v>0</v>
      </c>
      <c r="CT2644" s="166">
        <v>0</v>
      </c>
      <c r="CU2644" s="166">
        <v>0</v>
      </c>
      <c r="CV2644" s="166">
        <v>0</v>
      </c>
      <c r="CW2644" s="166">
        <v>0</v>
      </c>
      <c r="CX2644" s="166">
        <v>0</v>
      </c>
      <c r="CY2644" s="166">
        <v>0</v>
      </c>
      <c r="CZ2644" s="166">
        <v>0</v>
      </c>
    </row>
    <row r="2645" spans="1:104" x14ac:dyDescent="0.2">
      <c r="A2645" s="167" t="s">
        <v>1205</v>
      </c>
      <c r="B2645" s="166">
        <v>12564645.76</v>
      </c>
      <c r="C2645" s="166">
        <v>12564645.76</v>
      </c>
      <c r="D2645" s="166">
        <v>0</v>
      </c>
      <c r="E2645" s="166">
        <v>0</v>
      </c>
      <c r="F2645" s="166">
        <v>0</v>
      </c>
      <c r="G2645" s="166">
        <v>-12564645.76</v>
      </c>
      <c r="H2645" s="166">
        <v>0</v>
      </c>
      <c r="I2645" s="166">
        <v>0</v>
      </c>
      <c r="J2645" s="166">
        <v>0</v>
      </c>
      <c r="K2645" s="166">
        <v>0</v>
      </c>
      <c r="L2645" s="166">
        <v>0</v>
      </c>
      <c r="M2645" s="166">
        <v>0</v>
      </c>
      <c r="N2645" s="166">
        <v>0</v>
      </c>
      <c r="O2645" s="166">
        <v>0</v>
      </c>
      <c r="P2645" s="166">
        <v>0</v>
      </c>
      <c r="Q2645" s="166">
        <v>0</v>
      </c>
      <c r="R2645" s="166">
        <v>0</v>
      </c>
      <c r="S2645" s="166">
        <v>0</v>
      </c>
      <c r="T2645" s="166">
        <v>0</v>
      </c>
      <c r="U2645" s="166">
        <v>0</v>
      </c>
      <c r="V2645" s="166">
        <v>0</v>
      </c>
      <c r="W2645" s="166">
        <v>0</v>
      </c>
      <c r="X2645" s="166">
        <v>0</v>
      </c>
      <c r="Y2645" s="166">
        <v>0</v>
      </c>
      <c r="Z2645" s="166">
        <v>0</v>
      </c>
      <c r="AA2645" s="166">
        <v>0</v>
      </c>
      <c r="AB2645" s="166">
        <v>0</v>
      </c>
      <c r="AC2645" s="166">
        <v>0</v>
      </c>
      <c r="AD2645" s="166">
        <v>0</v>
      </c>
      <c r="AE2645" s="166">
        <v>0</v>
      </c>
      <c r="AF2645" s="166">
        <v>0</v>
      </c>
      <c r="AG2645" s="166">
        <v>0</v>
      </c>
      <c r="AH2645" s="166">
        <v>0</v>
      </c>
      <c r="AI2645" s="166">
        <v>0</v>
      </c>
      <c r="AJ2645" s="166">
        <v>0</v>
      </c>
      <c r="AK2645" s="166">
        <v>0</v>
      </c>
      <c r="AL2645" s="166">
        <v>0</v>
      </c>
      <c r="AM2645" s="166">
        <v>0</v>
      </c>
      <c r="AN2645" s="166">
        <v>0</v>
      </c>
      <c r="AO2645" s="166">
        <v>0</v>
      </c>
      <c r="AP2645" s="166">
        <v>0</v>
      </c>
      <c r="AQ2645" s="166">
        <v>0</v>
      </c>
      <c r="AR2645" s="166">
        <v>0</v>
      </c>
      <c r="AS2645" s="166">
        <v>0</v>
      </c>
      <c r="AT2645" s="166">
        <v>0</v>
      </c>
      <c r="AU2645" s="166">
        <v>0</v>
      </c>
      <c r="AV2645" s="166">
        <v>0</v>
      </c>
      <c r="AW2645" s="166">
        <v>0</v>
      </c>
      <c r="AX2645" s="166">
        <v>0</v>
      </c>
      <c r="AY2645" s="166">
        <v>0</v>
      </c>
      <c r="AZ2645" s="166">
        <v>0</v>
      </c>
      <c r="BA2645" s="166">
        <v>0</v>
      </c>
      <c r="BB2645" s="166">
        <v>0</v>
      </c>
      <c r="BC2645" s="166">
        <v>0</v>
      </c>
      <c r="BD2645" s="166">
        <v>-12564645.76</v>
      </c>
      <c r="BE2645" s="166">
        <v>0</v>
      </c>
      <c r="BF2645" s="166">
        <v>0</v>
      </c>
      <c r="BG2645" s="166">
        <v>0</v>
      </c>
      <c r="BH2645" s="166">
        <v>0</v>
      </c>
      <c r="BI2645" s="166">
        <v>0</v>
      </c>
      <c r="BJ2645" s="166">
        <v>0</v>
      </c>
      <c r="BK2645" s="166">
        <v>0</v>
      </c>
      <c r="BL2645" s="166">
        <v>0</v>
      </c>
      <c r="BM2645" s="166">
        <v>0</v>
      </c>
      <c r="BN2645" s="166">
        <v>0</v>
      </c>
      <c r="BO2645" s="166">
        <v>0</v>
      </c>
      <c r="BP2645" s="166">
        <v>0</v>
      </c>
      <c r="BQ2645" s="166">
        <v>0</v>
      </c>
      <c r="BR2645" s="166">
        <v>12564645.76</v>
      </c>
      <c r="BS2645" s="166">
        <v>0</v>
      </c>
      <c r="BT2645" s="168">
        <v>0.93681563000000001</v>
      </c>
      <c r="BU2645" s="166">
        <v>0</v>
      </c>
      <c r="BV2645" s="166">
        <v>11770756.533381199</v>
      </c>
      <c r="BW2645" s="166">
        <v>-11770756.533381199</v>
      </c>
      <c r="BX2645" s="166">
        <v>0</v>
      </c>
      <c r="BY2645" s="166">
        <v>0</v>
      </c>
      <c r="BZ2645" s="166">
        <v>0</v>
      </c>
      <c r="CA2645" s="166">
        <v>0</v>
      </c>
      <c r="CB2645" s="166">
        <v>0</v>
      </c>
      <c r="CC2645" s="166">
        <v>0</v>
      </c>
      <c r="CD2645" s="166">
        <v>0</v>
      </c>
      <c r="CE2645" s="166">
        <v>0</v>
      </c>
      <c r="CF2645" s="166">
        <v>0</v>
      </c>
      <c r="CG2645" s="166">
        <v>0</v>
      </c>
      <c r="CH2645" s="166">
        <v>0</v>
      </c>
      <c r="CI2645" s="166">
        <v>0</v>
      </c>
      <c r="CJ2645" s="166">
        <v>0</v>
      </c>
      <c r="CK2645" s="166">
        <v>-11770756.533381199</v>
      </c>
      <c r="CL2645" s="166">
        <v>0</v>
      </c>
      <c r="CM2645" s="166">
        <v>0</v>
      </c>
      <c r="CN2645" s="166">
        <v>0</v>
      </c>
      <c r="CO2645" s="166">
        <v>0</v>
      </c>
      <c r="CP2645" s="166">
        <v>0</v>
      </c>
      <c r="CQ2645" s="166">
        <v>0</v>
      </c>
      <c r="CR2645" s="166">
        <v>0</v>
      </c>
      <c r="CS2645" s="166">
        <v>0</v>
      </c>
      <c r="CT2645" s="166">
        <v>0</v>
      </c>
      <c r="CU2645" s="166">
        <v>0</v>
      </c>
      <c r="CV2645" s="166">
        <v>0</v>
      </c>
      <c r="CW2645" s="166">
        <v>0</v>
      </c>
      <c r="CX2645" s="166">
        <v>0</v>
      </c>
      <c r="CY2645" s="166">
        <v>0</v>
      </c>
      <c r="CZ2645" s="166">
        <v>0</v>
      </c>
    </row>
    <row r="2646" spans="1:104" x14ac:dyDescent="0.2">
      <c r="A2646" s="167" t="s">
        <v>491</v>
      </c>
      <c r="B2646" s="166">
        <v>12564645.759999899</v>
      </c>
      <c r="C2646" s="166">
        <v>12564645.759999899</v>
      </c>
      <c r="D2646" s="166">
        <v>0</v>
      </c>
      <c r="E2646" s="166">
        <v>0</v>
      </c>
      <c r="F2646" s="166">
        <v>0</v>
      </c>
      <c r="G2646" s="166">
        <v>-12564645.759999899</v>
      </c>
      <c r="H2646" s="166">
        <v>0</v>
      </c>
      <c r="I2646" s="166">
        <v>0</v>
      </c>
      <c r="J2646" s="166">
        <v>0</v>
      </c>
      <c r="K2646" s="166">
        <v>0</v>
      </c>
      <c r="L2646" s="166">
        <v>0</v>
      </c>
      <c r="M2646" s="166">
        <v>0</v>
      </c>
      <c r="N2646" s="166">
        <v>0</v>
      </c>
      <c r="O2646" s="166">
        <v>0</v>
      </c>
      <c r="P2646" s="166">
        <v>0</v>
      </c>
      <c r="Q2646" s="166">
        <v>0</v>
      </c>
      <c r="R2646" s="166">
        <v>0</v>
      </c>
      <c r="S2646" s="166">
        <v>0</v>
      </c>
      <c r="T2646" s="166">
        <v>0</v>
      </c>
      <c r="U2646" s="166">
        <v>0</v>
      </c>
      <c r="V2646" s="166">
        <v>0</v>
      </c>
      <c r="W2646" s="166">
        <v>0</v>
      </c>
      <c r="X2646" s="166">
        <v>0</v>
      </c>
      <c r="Y2646" s="166">
        <v>0</v>
      </c>
      <c r="Z2646" s="166">
        <v>0</v>
      </c>
      <c r="AA2646" s="166">
        <v>0</v>
      </c>
      <c r="AB2646" s="166">
        <v>0</v>
      </c>
      <c r="AC2646" s="166">
        <v>0</v>
      </c>
      <c r="AD2646" s="166">
        <v>0</v>
      </c>
      <c r="AE2646" s="166">
        <v>0</v>
      </c>
      <c r="AF2646" s="166">
        <v>0</v>
      </c>
      <c r="AG2646" s="166">
        <v>0</v>
      </c>
      <c r="AH2646" s="166">
        <v>0</v>
      </c>
      <c r="AI2646" s="166">
        <v>0</v>
      </c>
      <c r="AJ2646" s="166">
        <v>0</v>
      </c>
      <c r="AK2646" s="166">
        <v>0</v>
      </c>
      <c r="AL2646" s="166">
        <v>0</v>
      </c>
      <c r="AM2646" s="166">
        <v>0</v>
      </c>
      <c r="AN2646" s="166">
        <v>0</v>
      </c>
      <c r="AO2646" s="166">
        <v>0</v>
      </c>
      <c r="AP2646" s="166">
        <v>0</v>
      </c>
      <c r="AQ2646" s="166">
        <v>0</v>
      </c>
      <c r="AR2646" s="166">
        <v>0</v>
      </c>
      <c r="AS2646" s="166">
        <v>0</v>
      </c>
      <c r="AT2646" s="166">
        <v>0</v>
      </c>
      <c r="AU2646" s="166">
        <v>0</v>
      </c>
      <c r="AV2646" s="166">
        <v>0</v>
      </c>
      <c r="AW2646" s="166">
        <v>0</v>
      </c>
      <c r="AX2646" s="166">
        <v>0</v>
      </c>
      <c r="AY2646" s="166">
        <v>0</v>
      </c>
      <c r="AZ2646" s="166">
        <v>0</v>
      </c>
      <c r="BA2646" s="166">
        <v>0</v>
      </c>
      <c r="BB2646" s="166">
        <v>0</v>
      </c>
      <c r="BC2646" s="166">
        <v>0</v>
      </c>
      <c r="BD2646" s="166">
        <v>-12564645.759999899</v>
      </c>
      <c r="BE2646" s="166">
        <v>0</v>
      </c>
      <c r="BF2646" s="166">
        <v>0</v>
      </c>
      <c r="BG2646" s="166">
        <v>0</v>
      </c>
      <c r="BH2646" s="166">
        <v>0</v>
      </c>
      <c r="BI2646" s="166">
        <v>0</v>
      </c>
      <c r="BJ2646" s="166">
        <v>0</v>
      </c>
      <c r="BK2646" s="166">
        <v>0</v>
      </c>
      <c r="BL2646" s="166">
        <v>0</v>
      </c>
      <c r="BM2646" s="166">
        <v>0</v>
      </c>
      <c r="BN2646" s="166">
        <v>0</v>
      </c>
      <c r="BO2646" s="166">
        <v>0</v>
      </c>
      <c r="BP2646" s="166">
        <v>0</v>
      </c>
      <c r="BQ2646" s="166">
        <v>0</v>
      </c>
      <c r="BR2646" s="166">
        <v>12564645.759999899</v>
      </c>
      <c r="BS2646" s="166">
        <v>0</v>
      </c>
      <c r="BT2646" s="166">
        <v>0</v>
      </c>
      <c r="BU2646" s="166">
        <v>861123.46728196205</v>
      </c>
      <c r="BV2646" s="166">
        <v>11770756.533381199</v>
      </c>
      <c r="BW2646" s="166">
        <v>-11770756.533381199</v>
      </c>
      <c r="BX2646" s="166">
        <v>0</v>
      </c>
      <c r="BY2646" s="166">
        <v>0</v>
      </c>
      <c r="BZ2646" s="166">
        <v>0</v>
      </c>
      <c r="CA2646" s="166">
        <v>0</v>
      </c>
      <c r="CB2646" s="166">
        <v>0</v>
      </c>
      <c r="CC2646" s="166">
        <v>0</v>
      </c>
      <c r="CD2646" s="166">
        <v>0</v>
      </c>
      <c r="CE2646" s="166">
        <v>0</v>
      </c>
      <c r="CF2646" s="166">
        <v>0</v>
      </c>
      <c r="CG2646" s="166">
        <v>0</v>
      </c>
      <c r="CH2646" s="166">
        <v>0</v>
      </c>
      <c r="CI2646" s="166">
        <v>0</v>
      </c>
      <c r="CJ2646" s="166">
        <v>0</v>
      </c>
      <c r="CK2646" s="166">
        <v>-11770756.533381199</v>
      </c>
      <c r="CL2646" s="166">
        <v>0</v>
      </c>
      <c r="CM2646" s="166">
        <v>0</v>
      </c>
      <c r="CN2646" s="166">
        <v>0</v>
      </c>
      <c r="CO2646" s="166">
        <v>0</v>
      </c>
      <c r="CP2646" s="166">
        <v>0</v>
      </c>
      <c r="CQ2646" s="166">
        <v>0</v>
      </c>
      <c r="CR2646" s="166">
        <v>0</v>
      </c>
      <c r="CS2646" s="166">
        <v>0</v>
      </c>
      <c r="CT2646" s="166">
        <v>0</v>
      </c>
      <c r="CU2646" s="166">
        <v>0</v>
      </c>
      <c r="CV2646" s="166">
        <v>0</v>
      </c>
      <c r="CW2646" s="166">
        <v>0</v>
      </c>
      <c r="CX2646" s="166">
        <v>0</v>
      </c>
      <c r="CY2646" s="166">
        <v>0</v>
      </c>
      <c r="CZ2646" s="166">
        <v>0</v>
      </c>
    </row>
    <row r="2647" spans="1:104" x14ac:dyDescent="0.2">
      <c r="A2647" s="167" t="s">
        <v>492</v>
      </c>
    </row>
    <row r="2648" spans="1:104" x14ac:dyDescent="0.2">
      <c r="A2648" s="170" t="s">
        <v>493</v>
      </c>
    </row>
    <row r="2649" spans="1:104" x14ac:dyDescent="0.2">
      <c r="A2649" s="167" t="s">
        <v>494</v>
      </c>
      <c r="B2649" s="166">
        <v>5439447.04614083</v>
      </c>
      <c r="C2649" s="166">
        <v>5439447.04614083</v>
      </c>
      <c r="D2649" s="166">
        <v>0</v>
      </c>
      <c r="E2649" s="166">
        <v>0</v>
      </c>
      <c r="F2649" s="166">
        <v>0</v>
      </c>
      <c r="G2649" s="166">
        <v>0</v>
      </c>
      <c r="H2649" s="166">
        <v>0</v>
      </c>
      <c r="I2649" s="166">
        <v>0</v>
      </c>
      <c r="J2649" s="166">
        <v>0</v>
      </c>
      <c r="K2649" s="166">
        <v>0</v>
      </c>
      <c r="L2649" s="166">
        <v>0</v>
      </c>
      <c r="M2649" s="166">
        <v>0</v>
      </c>
      <c r="N2649" s="166">
        <v>0</v>
      </c>
      <c r="O2649" s="166">
        <v>0</v>
      </c>
      <c r="P2649" s="166">
        <v>0</v>
      </c>
      <c r="Q2649" s="166">
        <v>0</v>
      </c>
      <c r="R2649" s="166">
        <v>0</v>
      </c>
      <c r="S2649" s="166">
        <v>0</v>
      </c>
      <c r="T2649" s="166">
        <v>0</v>
      </c>
      <c r="U2649" s="166">
        <v>0</v>
      </c>
      <c r="V2649" s="166">
        <v>0</v>
      </c>
      <c r="W2649" s="166">
        <v>0</v>
      </c>
      <c r="X2649" s="166">
        <v>0</v>
      </c>
      <c r="Y2649" s="166">
        <v>0</v>
      </c>
      <c r="Z2649" s="166">
        <v>0</v>
      </c>
      <c r="AA2649" s="166">
        <v>0</v>
      </c>
      <c r="AB2649" s="166">
        <v>-5439447.04614083</v>
      </c>
      <c r="AC2649" s="166">
        <v>0</v>
      </c>
      <c r="AD2649" s="166">
        <v>0</v>
      </c>
      <c r="AE2649" s="166">
        <v>0</v>
      </c>
      <c r="AF2649" s="166">
        <v>0</v>
      </c>
      <c r="AG2649" s="166">
        <v>0</v>
      </c>
      <c r="AH2649" s="166">
        <v>0</v>
      </c>
      <c r="AI2649" s="166">
        <v>0</v>
      </c>
      <c r="AJ2649" s="166">
        <v>0</v>
      </c>
      <c r="AK2649" s="166">
        <v>0</v>
      </c>
      <c r="AL2649" s="166">
        <v>0</v>
      </c>
      <c r="AM2649" s="166">
        <v>0</v>
      </c>
      <c r="AN2649" s="166">
        <v>0</v>
      </c>
      <c r="AO2649" s="166">
        <v>0</v>
      </c>
      <c r="AP2649" s="166">
        <v>0</v>
      </c>
      <c r="AQ2649" s="166">
        <v>0</v>
      </c>
      <c r="AR2649" s="166">
        <v>0</v>
      </c>
      <c r="AS2649" s="166">
        <v>0</v>
      </c>
      <c r="AT2649" s="166">
        <v>0</v>
      </c>
      <c r="AU2649" s="166">
        <v>0</v>
      </c>
      <c r="AV2649" s="166">
        <v>0</v>
      </c>
      <c r="AW2649" s="166">
        <v>0</v>
      </c>
      <c r="AX2649" s="166">
        <v>0</v>
      </c>
      <c r="AY2649" s="166">
        <v>0</v>
      </c>
      <c r="AZ2649" s="166">
        <v>0</v>
      </c>
      <c r="BA2649" s="166">
        <v>0</v>
      </c>
      <c r="BB2649" s="166">
        <v>0</v>
      </c>
      <c r="BC2649" s="166">
        <v>0</v>
      </c>
      <c r="BD2649" s="166">
        <v>0</v>
      </c>
      <c r="BE2649" s="166">
        <v>0</v>
      </c>
      <c r="BF2649" s="166">
        <v>0</v>
      </c>
      <c r="BG2649" s="166">
        <v>0</v>
      </c>
      <c r="BH2649" s="166">
        <v>0</v>
      </c>
      <c r="BI2649" s="166">
        <v>0</v>
      </c>
      <c r="BJ2649" s="166">
        <v>-5439447.04614083</v>
      </c>
      <c r="BK2649" s="166">
        <v>0</v>
      </c>
      <c r="BL2649" s="166">
        <v>0</v>
      </c>
      <c r="BM2649" s="166">
        <v>0</v>
      </c>
      <c r="BN2649" s="166">
        <v>0</v>
      </c>
      <c r="BO2649" s="166">
        <v>0</v>
      </c>
      <c r="BP2649" s="166">
        <v>0</v>
      </c>
      <c r="BQ2649" s="166">
        <v>0</v>
      </c>
      <c r="BR2649" s="166">
        <v>5439447.04614083</v>
      </c>
      <c r="BS2649" s="166">
        <v>0</v>
      </c>
      <c r="BT2649" s="168">
        <v>0</v>
      </c>
      <c r="BU2649" s="166">
        <v>0</v>
      </c>
      <c r="BV2649" s="166">
        <v>0</v>
      </c>
      <c r="BW2649" s="166">
        <v>0</v>
      </c>
      <c r="BX2649" s="166">
        <v>0</v>
      </c>
      <c r="BY2649" s="166">
        <v>0</v>
      </c>
      <c r="BZ2649" s="166">
        <v>0</v>
      </c>
      <c r="CA2649" s="166">
        <v>0</v>
      </c>
      <c r="CB2649" s="166">
        <v>0</v>
      </c>
      <c r="CC2649" s="166">
        <v>0</v>
      </c>
      <c r="CD2649" s="166">
        <v>0</v>
      </c>
      <c r="CE2649" s="166">
        <v>0</v>
      </c>
      <c r="CF2649" s="166">
        <v>0</v>
      </c>
      <c r="CG2649" s="166">
        <v>0</v>
      </c>
      <c r="CH2649" s="166">
        <v>0</v>
      </c>
      <c r="CI2649" s="166">
        <v>0</v>
      </c>
      <c r="CJ2649" s="166">
        <v>0</v>
      </c>
      <c r="CK2649" s="166">
        <v>0</v>
      </c>
      <c r="CL2649" s="166">
        <v>0</v>
      </c>
      <c r="CM2649" s="166">
        <v>0</v>
      </c>
      <c r="CN2649" s="166">
        <v>0</v>
      </c>
      <c r="CO2649" s="166">
        <v>0</v>
      </c>
      <c r="CP2649" s="166">
        <v>0</v>
      </c>
      <c r="CQ2649" s="166">
        <v>0</v>
      </c>
      <c r="CR2649" s="166">
        <v>0</v>
      </c>
      <c r="CS2649" s="166">
        <v>0</v>
      </c>
      <c r="CT2649" s="166">
        <v>0</v>
      </c>
      <c r="CU2649" s="166">
        <v>0</v>
      </c>
      <c r="CV2649" s="166">
        <v>0</v>
      </c>
      <c r="CW2649" s="166">
        <v>0</v>
      </c>
      <c r="CX2649" s="166">
        <v>0</v>
      </c>
      <c r="CY2649" s="166">
        <v>0</v>
      </c>
      <c r="CZ2649" s="166">
        <v>0</v>
      </c>
    </row>
    <row r="2650" spans="1:104" x14ac:dyDescent="0.2">
      <c r="A2650" s="167" t="s">
        <v>1206</v>
      </c>
      <c r="B2650" s="166">
        <v>1620987167.8131101</v>
      </c>
      <c r="C2650" s="166">
        <v>1620987167.8131101</v>
      </c>
      <c r="D2650" s="166">
        <v>0</v>
      </c>
      <c r="E2650" s="166">
        <v>0</v>
      </c>
      <c r="F2650" s="166">
        <v>0</v>
      </c>
      <c r="G2650" s="166">
        <v>0</v>
      </c>
      <c r="H2650" s="166">
        <v>0</v>
      </c>
      <c r="I2650" s="166">
        <v>0</v>
      </c>
      <c r="J2650" s="166">
        <v>0</v>
      </c>
      <c r="K2650" s="166">
        <v>0</v>
      </c>
      <c r="L2650" s="166">
        <v>0</v>
      </c>
      <c r="M2650" s="166">
        <v>0</v>
      </c>
      <c r="N2650" s="166">
        <v>0</v>
      </c>
      <c r="O2650" s="166">
        <v>0</v>
      </c>
      <c r="P2650" s="166">
        <v>0</v>
      </c>
      <c r="Q2650" s="166">
        <v>0</v>
      </c>
      <c r="R2650" s="166">
        <v>0</v>
      </c>
      <c r="S2650" s="166">
        <v>0</v>
      </c>
      <c r="T2650" s="166">
        <v>0</v>
      </c>
      <c r="U2650" s="166">
        <v>0</v>
      </c>
      <c r="V2650" s="166">
        <v>0</v>
      </c>
      <c r="W2650" s="166">
        <v>0</v>
      </c>
      <c r="X2650" s="166">
        <v>0</v>
      </c>
      <c r="Y2650" s="166">
        <v>0</v>
      </c>
      <c r="Z2650" s="166">
        <v>0</v>
      </c>
      <c r="AA2650" s="166">
        <v>0</v>
      </c>
      <c r="AB2650" s="166">
        <v>-1620987167.8131101</v>
      </c>
      <c r="AC2650" s="166">
        <v>0</v>
      </c>
      <c r="AD2650" s="166">
        <v>0</v>
      </c>
      <c r="AE2650" s="166">
        <v>0</v>
      </c>
      <c r="AF2650" s="166">
        <v>0</v>
      </c>
      <c r="AG2650" s="166">
        <v>0</v>
      </c>
      <c r="AH2650" s="166">
        <v>0</v>
      </c>
      <c r="AI2650" s="166">
        <v>0</v>
      </c>
      <c r="AJ2650" s="166">
        <v>0</v>
      </c>
      <c r="AK2650" s="166">
        <v>0</v>
      </c>
      <c r="AL2650" s="166">
        <v>0</v>
      </c>
      <c r="AM2650" s="166">
        <v>0</v>
      </c>
      <c r="AN2650" s="166">
        <v>0</v>
      </c>
      <c r="AO2650" s="166">
        <v>0</v>
      </c>
      <c r="AP2650" s="166">
        <v>0</v>
      </c>
      <c r="AQ2650" s="166">
        <v>0</v>
      </c>
      <c r="AR2650" s="166">
        <v>0</v>
      </c>
      <c r="AS2650" s="166">
        <v>0</v>
      </c>
      <c r="AT2650" s="166">
        <v>0</v>
      </c>
      <c r="AU2650" s="166">
        <v>0</v>
      </c>
      <c r="AV2650" s="166">
        <v>0</v>
      </c>
      <c r="AW2650" s="166">
        <v>0</v>
      </c>
      <c r="AX2650" s="166">
        <v>0</v>
      </c>
      <c r="AY2650" s="166">
        <v>0</v>
      </c>
      <c r="AZ2650" s="166">
        <v>0</v>
      </c>
      <c r="BA2650" s="166">
        <v>0</v>
      </c>
      <c r="BB2650" s="166">
        <v>0</v>
      </c>
      <c r="BC2650" s="166">
        <v>0</v>
      </c>
      <c r="BD2650" s="166">
        <v>0</v>
      </c>
      <c r="BE2650" s="166">
        <v>0</v>
      </c>
      <c r="BF2650" s="166">
        <v>0</v>
      </c>
      <c r="BG2650" s="166">
        <v>0</v>
      </c>
      <c r="BH2650" s="166">
        <v>0</v>
      </c>
      <c r="BI2650" s="166">
        <v>0</v>
      </c>
      <c r="BJ2650" s="166">
        <v>-1620987167.8131101</v>
      </c>
      <c r="BK2650" s="166">
        <v>0</v>
      </c>
      <c r="BL2650" s="166">
        <v>0</v>
      </c>
      <c r="BM2650" s="166">
        <v>0</v>
      </c>
      <c r="BN2650" s="166">
        <v>0</v>
      </c>
      <c r="BO2650" s="166">
        <v>0</v>
      </c>
      <c r="BP2650" s="166">
        <v>0</v>
      </c>
      <c r="BQ2650" s="166">
        <v>0</v>
      </c>
      <c r="BR2650" s="166">
        <v>1620987167.8131101</v>
      </c>
      <c r="BS2650" s="166">
        <v>0</v>
      </c>
      <c r="BT2650" s="168">
        <v>0.99958048999999904</v>
      </c>
      <c r="BU2650" s="166">
        <v>123556511.186974</v>
      </c>
      <c r="BV2650" s="166">
        <v>1620307147.48634</v>
      </c>
      <c r="BW2650" s="166">
        <v>0</v>
      </c>
      <c r="BX2650" s="166">
        <v>0</v>
      </c>
      <c r="BY2650" s="166">
        <v>0</v>
      </c>
      <c r="BZ2650" s="166">
        <v>0</v>
      </c>
      <c r="CA2650" s="166">
        <v>0</v>
      </c>
      <c r="CB2650" s="166">
        <v>0</v>
      </c>
      <c r="CC2650" s="166">
        <v>-1620307147.48634</v>
      </c>
      <c r="CD2650" s="166">
        <v>0</v>
      </c>
      <c r="CE2650" s="166">
        <v>0</v>
      </c>
      <c r="CF2650" s="166">
        <v>0</v>
      </c>
      <c r="CG2650" s="166">
        <v>0</v>
      </c>
      <c r="CH2650" s="166">
        <v>0</v>
      </c>
      <c r="CI2650" s="166">
        <v>0</v>
      </c>
      <c r="CJ2650" s="166">
        <v>0</v>
      </c>
      <c r="CK2650" s="166">
        <v>0</v>
      </c>
      <c r="CL2650" s="166">
        <v>0</v>
      </c>
      <c r="CM2650" s="166">
        <v>0</v>
      </c>
      <c r="CN2650" s="166">
        <v>0</v>
      </c>
      <c r="CO2650" s="166">
        <v>0</v>
      </c>
      <c r="CP2650" s="166">
        <v>0</v>
      </c>
      <c r="CQ2650" s="166">
        <v>-1620307147.48634</v>
      </c>
      <c r="CR2650" s="166">
        <v>0</v>
      </c>
      <c r="CS2650" s="166">
        <v>0</v>
      </c>
      <c r="CT2650" s="166">
        <v>0</v>
      </c>
      <c r="CU2650" s="166">
        <v>0</v>
      </c>
      <c r="CV2650" s="166">
        <v>0</v>
      </c>
      <c r="CW2650" s="166">
        <v>0</v>
      </c>
      <c r="CX2650" s="166">
        <v>0</v>
      </c>
      <c r="CY2650" s="166">
        <v>0</v>
      </c>
      <c r="CZ2650" s="166">
        <v>0</v>
      </c>
    </row>
    <row r="2651" spans="1:104" x14ac:dyDescent="0.2">
      <c r="A2651" s="167" t="s">
        <v>496</v>
      </c>
      <c r="B2651" s="166">
        <v>0</v>
      </c>
      <c r="C2651" s="166">
        <v>0</v>
      </c>
      <c r="D2651" s="166">
        <v>0</v>
      </c>
      <c r="E2651" s="166">
        <v>0</v>
      </c>
      <c r="F2651" s="166">
        <v>0</v>
      </c>
      <c r="G2651" s="166">
        <v>0</v>
      </c>
      <c r="H2651" s="166">
        <v>0</v>
      </c>
      <c r="I2651" s="166">
        <v>0</v>
      </c>
      <c r="J2651" s="166">
        <v>0</v>
      </c>
      <c r="K2651" s="166">
        <v>0</v>
      </c>
      <c r="L2651" s="166">
        <v>0</v>
      </c>
      <c r="M2651" s="166">
        <v>0</v>
      </c>
      <c r="N2651" s="166">
        <v>0</v>
      </c>
      <c r="O2651" s="166">
        <v>0</v>
      </c>
      <c r="P2651" s="166">
        <v>0</v>
      </c>
      <c r="Q2651" s="166">
        <v>0</v>
      </c>
      <c r="R2651" s="166">
        <v>0</v>
      </c>
      <c r="S2651" s="166">
        <v>0</v>
      </c>
      <c r="T2651" s="166">
        <v>0</v>
      </c>
      <c r="U2651" s="166">
        <v>0</v>
      </c>
      <c r="V2651" s="166">
        <v>0</v>
      </c>
      <c r="W2651" s="166">
        <v>0</v>
      </c>
      <c r="X2651" s="166">
        <v>0</v>
      </c>
      <c r="Y2651" s="166">
        <v>0</v>
      </c>
      <c r="Z2651" s="166">
        <v>0</v>
      </c>
      <c r="AA2651" s="166">
        <v>0</v>
      </c>
      <c r="AB2651" s="166">
        <v>0</v>
      </c>
      <c r="AC2651" s="166">
        <v>0</v>
      </c>
      <c r="AD2651" s="166">
        <v>0</v>
      </c>
      <c r="AE2651" s="166">
        <v>0</v>
      </c>
      <c r="AF2651" s="166">
        <v>0</v>
      </c>
      <c r="AG2651" s="166">
        <v>0</v>
      </c>
      <c r="AH2651" s="166">
        <v>0</v>
      </c>
      <c r="AI2651" s="166">
        <v>0</v>
      </c>
      <c r="AJ2651" s="166">
        <v>0</v>
      </c>
      <c r="AK2651" s="166">
        <v>0</v>
      </c>
      <c r="AL2651" s="166">
        <v>0</v>
      </c>
      <c r="AM2651" s="166">
        <v>0</v>
      </c>
      <c r="AN2651" s="166">
        <v>0</v>
      </c>
      <c r="AO2651" s="166">
        <v>0</v>
      </c>
      <c r="AP2651" s="166">
        <v>0</v>
      </c>
      <c r="AQ2651" s="166">
        <v>0</v>
      </c>
      <c r="AR2651" s="166">
        <v>0</v>
      </c>
      <c r="AS2651" s="166">
        <v>0</v>
      </c>
      <c r="AT2651" s="166">
        <v>0</v>
      </c>
      <c r="AU2651" s="166">
        <v>0</v>
      </c>
      <c r="AV2651" s="166">
        <v>0</v>
      </c>
      <c r="AW2651" s="166">
        <v>0</v>
      </c>
      <c r="AX2651" s="166">
        <v>0</v>
      </c>
      <c r="AY2651" s="166">
        <v>0</v>
      </c>
      <c r="AZ2651" s="166">
        <v>0</v>
      </c>
      <c r="BA2651" s="166">
        <v>0</v>
      </c>
      <c r="BB2651" s="166">
        <v>0</v>
      </c>
      <c r="BC2651" s="166">
        <v>0</v>
      </c>
      <c r="BD2651" s="166">
        <v>0</v>
      </c>
      <c r="BE2651" s="166">
        <v>0</v>
      </c>
      <c r="BF2651" s="166">
        <v>0</v>
      </c>
      <c r="BG2651" s="166">
        <v>0</v>
      </c>
      <c r="BH2651" s="166">
        <v>0</v>
      </c>
      <c r="BI2651" s="166">
        <v>0</v>
      </c>
      <c r="BJ2651" s="166">
        <v>0</v>
      </c>
      <c r="BK2651" s="166">
        <v>0</v>
      </c>
      <c r="BL2651" s="166">
        <v>0</v>
      </c>
      <c r="BM2651" s="166">
        <v>0</v>
      </c>
      <c r="BN2651" s="166">
        <v>0</v>
      </c>
      <c r="BO2651" s="166">
        <v>0</v>
      </c>
      <c r="BP2651" s="166">
        <v>0</v>
      </c>
      <c r="BQ2651" s="166">
        <v>0</v>
      </c>
      <c r="BR2651" s="166">
        <v>0</v>
      </c>
      <c r="BS2651" s="166">
        <v>0</v>
      </c>
      <c r="BT2651" s="168">
        <v>0.99958048999999904</v>
      </c>
      <c r="BU2651" s="166">
        <v>0</v>
      </c>
      <c r="BV2651" s="166">
        <v>0</v>
      </c>
      <c r="BW2651" s="166">
        <v>0</v>
      </c>
      <c r="BX2651" s="166">
        <v>0</v>
      </c>
      <c r="BY2651" s="166">
        <v>0</v>
      </c>
      <c r="BZ2651" s="166">
        <v>0</v>
      </c>
      <c r="CA2651" s="166">
        <v>0</v>
      </c>
      <c r="CB2651" s="166">
        <v>0</v>
      </c>
      <c r="CC2651" s="166">
        <v>0</v>
      </c>
      <c r="CD2651" s="166">
        <v>0</v>
      </c>
      <c r="CE2651" s="166">
        <v>0</v>
      </c>
      <c r="CF2651" s="166">
        <v>0</v>
      </c>
      <c r="CG2651" s="166">
        <v>0</v>
      </c>
      <c r="CH2651" s="166">
        <v>0</v>
      </c>
      <c r="CI2651" s="166">
        <v>0</v>
      </c>
      <c r="CJ2651" s="166">
        <v>0</v>
      </c>
      <c r="CK2651" s="166">
        <v>0</v>
      </c>
      <c r="CL2651" s="166">
        <v>0</v>
      </c>
      <c r="CM2651" s="166">
        <v>0</v>
      </c>
      <c r="CN2651" s="166">
        <v>0</v>
      </c>
      <c r="CO2651" s="166">
        <v>0</v>
      </c>
      <c r="CP2651" s="166">
        <v>0</v>
      </c>
      <c r="CQ2651" s="166">
        <v>0</v>
      </c>
      <c r="CR2651" s="166">
        <v>0</v>
      </c>
      <c r="CS2651" s="166">
        <v>0</v>
      </c>
      <c r="CT2651" s="166">
        <v>0</v>
      </c>
      <c r="CU2651" s="166">
        <v>0</v>
      </c>
      <c r="CV2651" s="166">
        <v>0</v>
      </c>
      <c r="CW2651" s="166">
        <v>0</v>
      </c>
      <c r="CX2651" s="166">
        <v>0</v>
      </c>
      <c r="CY2651" s="166">
        <v>0</v>
      </c>
      <c r="CZ2651" s="166">
        <v>0</v>
      </c>
    </row>
    <row r="2652" spans="1:104" x14ac:dyDescent="0.2">
      <c r="A2652" s="170" t="s">
        <v>497</v>
      </c>
      <c r="B2652" s="166">
        <v>1638991260.6192501</v>
      </c>
      <c r="C2652" s="166">
        <v>1638991260.6192501</v>
      </c>
      <c r="D2652" s="166">
        <v>0</v>
      </c>
      <c r="E2652" s="166">
        <v>0</v>
      </c>
      <c r="F2652" s="166">
        <v>0</v>
      </c>
      <c r="G2652" s="166">
        <v>-12564645.759999899</v>
      </c>
      <c r="H2652" s="166">
        <v>0</v>
      </c>
      <c r="I2652" s="166">
        <v>0</v>
      </c>
      <c r="J2652" s="166">
        <v>0</v>
      </c>
      <c r="K2652" s="166">
        <v>0</v>
      </c>
      <c r="L2652" s="166">
        <v>0</v>
      </c>
      <c r="M2652" s="166">
        <v>0</v>
      </c>
      <c r="N2652" s="166">
        <v>0</v>
      </c>
      <c r="O2652" s="166">
        <v>0</v>
      </c>
      <c r="P2652" s="166">
        <v>0</v>
      </c>
      <c r="Q2652" s="166">
        <v>0</v>
      </c>
      <c r="R2652" s="166">
        <v>0</v>
      </c>
      <c r="S2652" s="166">
        <v>0</v>
      </c>
      <c r="T2652" s="166">
        <v>0</v>
      </c>
      <c r="U2652" s="166">
        <v>0</v>
      </c>
      <c r="V2652" s="166">
        <v>0</v>
      </c>
      <c r="W2652" s="166">
        <v>0</v>
      </c>
      <c r="X2652" s="166">
        <v>0</v>
      </c>
      <c r="Y2652" s="166">
        <v>0</v>
      </c>
      <c r="Z2652" s="166">
        <v>0</v>
      </c>
      <c r="AA2652" s="166">
        <v>0</v>
      </c>
      <c r="AB2652" s="166">
        <v>-1626426614.8592501</v>
      </c>
      <c r="AC2652" s="166">
        <v>0</v>
      </c>
      <c r="AD2652" s="166">
        <v>0</v>
      </c>
      <c r="AE2652" s="166">
        <v>0</v>
      </c>
      <c r="AF2652" s="166">
        <v>0</v>
      </c>
      <c r="AG2652" s="166">
        <v>0</v>
      </c>
      <c r="AH2652" s="166">
        <v>0</v>
      </c>
      <c r="AI2652" s="166">
        <v>0</v>
      </c>
      <c r="AJ2652" s="166">
        <v>0</v>
      </c>
      <c r="AK2652" s="166">
        <v>0</v>
      </c>
      <c r="AL2652" s="166">
        <v>0</v>
      </c>
      <c r="AM2652" s="166">
        <v>0</v>
      </c>
      <c r="AN2652" s="166">
        <v>0</v>
      </c>
      <c r="AO2652" s="166">
        <v>0</v>
      </c>
      <c r="AP2652" s="166">
        <v>0</v>
      </c>
      <c r="AQ2652" s="166">
        <v>0</v>
      </c>
      <c r="AR2652" s="166">
        <v>0</v>
      </c>
      <c r="AS2652" s="166">
        <v>0</v>
      </c>
      <c r="AT2652" s="166">
        <v>0</v>
      </c>
      <c r="AU2652" s="166">
        <v>0</v>
      </c>
      <c r="AV2652" s="166">
        <v>0</v>
      </c>
      <c r="AW2652" s="166">
        <v>0</v>
      </c>
      <c r="AX2652" s="166">
        <v>0</v>
      </c>
      <c r="AY2652" s="166">
        <v>0</v>
      </c>
      <c r="AZ2652" s="166">
        <v>0</v>
      </c>
      <c r="BA2652" s="166">
        <v>0</v>
      </c>
      <c r="BB2652" s="166">
        <v>0</v>
      </c>
      <c r="BC2652" s="166">
        <v>0</v>
      </c>
      <c r="BD2652" s="166">
        <v>-12564645.759999899</v>
      </c>
      <c r="BE2652" s="166">
        <v>0</v>
      </c>
      <c r="BF2652" s="166">
        <v>0</v>
      </c>
      <c r="BG2652" s="166">
        <v>0</v>
      </c>
      <c r="BH2652" s="166">
        <v>0</v>
      </c>
      <c r="BI2652" s="166">
        <v>0</v>
      </c>
      <c r="BJ2652" s="166">
        <v>-1626426614.8592501</v>
      </c>
      <c r="BK2652" s="166">
        <v>0</v>
      </c>
      <c r="BL2652" s="166">
        <v>0</v>
      </c>
      <c r="BM2652" s="166">
        <v>0</v>
      </c>
      <c r="BN2652" s="166">
        <v>0</v>
      </c>
      <c r="BO2652" s="166">
        <v>0</v>
      </c>
      <c r="BP2652" s="166">
        <v>0</v>
      </c>
      <c r="BQ2652" s="166">
        <v>0</v>
      </c>
      <c r="BR2652" s="166">
        <v>1638991260.6192501</v>
      </c>
      <c r="BS2652" s="166">
        <v>0</v>
      </c>
      <c r="BT2652" s="168">
        <v>0</v>
      </c>
      <c r="BU2652" s="166">
        <v>124417634.654256</v>
      </c>
      <c r="BV2652" s="166">
        <v>1632077904.0197201</v>
      </c>
      <c r="BW2652" s="166">
        <v>-11770756.533381199</v>
      </c>
      <c r="BX2652" s="166">
        <v>0</v>
      </c>
      <c r="BY2652" s="166">
        <v>0</v>
      </c>
      <c r="BZ2652" s="166">
        <v>0</v>
      </c>
      <c r="CA2652" s="166">
        <v>0</v>
      </c>
      <c r="CB2652" s="166">
        <v>0</v>
      </c>
      <c r="CC2652" s="166">
        <v>-1620307147.48634</v>
      </c>
      <c r="CD2652" s="166">
        <v>0</v>
      </c>
      <c r="CE2652" s="166">
        <v>0</v>
      </c>
      <c r="CF2652" s="166">
        <v>0</v>
      </c>
      <c r="CG2652" s="166">
        <v>0</v>
      </c>
      <c r="CH2652" s="166">
        <v>0</v>
      </c>
      <c r="CI2652" s="166">
        <v>0</v>
      </c>
      <c r="CJ2652" s="166">
        <v>0</v>
      </c>
      <c r="CK2652" s="166">
        <v>-11770756.533381199</v>
      </c>
      <c r="CL2652" s="166">
        <v>0</v>
      </c>
      <c r="CM2652" s="166">
        <v>0</v>
      </c>
      <c r="CN2652" s="166">
        <v>0</v>
      </c>
      <c r="CO2652" s="166">
        <v>0</v>
      </c>
      <c r="CP2652" s="166">
        <v>0</v>
      </c>
      <c r="CQ2652" s="166">
        <v>-1620307147.48634</v>
      </c>
      <c r="CR2652" s="166">
        <v>0</v>
      </c>
      <c r="CS2652" s="166">
        <v>0</v>
      </c>
      <c r="CT2652" s="166">
        <v>0</v>
      </c>
      <c r="CU2652" s="166">
        <v>0</v>
      </c>
      <c r="CV2652" s="166">
        <v>0</v>
      </c>
      <c r="CW2652" s="166">
        <v>0</v>
      </c>
      <c r="CX2652" s="166">
        <v>0</v>
      </c>
      <c r="CY2652" s="166">
        <v>0</v>
      </c>
      <c r="CZ2652" s="166">
        <v>0</v>
      </c>
    </row>
    <row r="2653" spans="1:104" x14ac:dyDescent="0.2">
      <c r="A2653" s="167" t="s">
        <v>498</v>
      </c>
    </row>
    <row r="2654" spans="1:104" x14ac:dyDescent="0.2">
      <c r="A2654" s="170" t="s">
        <v>499</v>
      </c>
      <c r="B2654" s="166">
        <v>1726651818.5892501</v>
      </c>
      <c r="C2654" s="166">
        <v>1726651818.5892501</v>
      </c>
      <c r="D2654" s="166">
        <v>0</v>
      </c>
      <c r="E2654" s="166">
        <v>0</v>
      </c>
      <c r="F2654" s="166">
        <v>0</v>
      </c>
      <c r="G2654" s="166">
        <v>-12564645.759999899</v>
      </c>
      <c r="H2654" s="166">
        <v>0</v>
      </c>
      <c r="I2654" s="166">
        <v>0</v>
      </c>
      <c r="J2654" s="166">
        <v>0</v>
      </c>
      <c r="K2654" s="166">
        <v>0</v>
      </c>
      <c r="L2654" s="166">
        <v>0</v>
      </c>
      <c r="M2654" s="166">
        <v>0</v>
      </c>
      <c r="N2654" s="166">
        <v>0</v>
      </c>
      <c r="O2654" s="166">
        <v>0</v>
      </c>
      <c r="P2654" s="166">
        <v>0</v>
      </c>
      <c r="Q2654" s="166">
        <v>0</v>
      </c>
      <c r="R2654" s="166">
        <v>-16621178.51</v>
      </c>
      <c r="S2654" s="166">
        <v>0</v>
      </c>
      <c r="T2654" s="166">
        <v>0</v>
      </c>
      <c r="U2654" s="166">
        <v>-11554140.34</v>
      </c>
      <c r="V2654" s="166">
        <v>0</v>
      </c>
      <c r="W2654" s="166">
        <v>0</v>
      </c>
      <c r="X2654" s="166">
        <v>0</v>
      </c>
      <c r="Y2654" s="166">
        <v>0</v>
      </c>
      <c r="Z2654" s="166">
        <v>0</v>
      </c>
      <c r="AA2654" s="166">
        <v>0</v>
      </c>
      <c r="AB2654" s="166">
        <v>-1626426614.8592501</v>
      </c>
      <c r="AC2654" s="166">
        <v>0</v>
      </c>
      <c r="AD2654" s="166">
        <v>0</v>
      </c>
      <c r="AE2654" s="166">
        <v>0</v>
      </c>
      <c r="AF2654" s="166">
        <v>0</v>
      </c>
      <c r="AG2654" s="166">
        <v>0</v>
      </c>
      <c r="AH2654" s="166">
        <v>0</v>
      </c>
      <c r="AI2654" s="166">
        <v>0</v>
      </c>
      <c r="AJ2654" s="166">
        <v>0</v>
      </c>
      <c r="AK2654" s="166">
        <v>0</v>
      </c>
      <c r="AL2654" s="166">
        <v>0</v>
      </c>
      <c r="AM2654" s="166">
        <v>0</v>
      </c>
      <c r="AN2654" s="166">
        <v>0</v>
      </c>
      <c r="AO2654" s="166">
        <v>0</v>
      </c>
      <c r="AP2654" s="166">
        <v>0</v>
      </c>
      <c r="AQ2654" s="166">
        <v>0</v>
      </c>
      <c r="AR2654" s="166">
        <v>0</v>
      </c>
      <c r="AS2654" s="166">
        <v>0</v>
      </c>
      <c r="AT2654" s="166">
        <v>0</v>
      </c>
      <c r="AU2654" s="166">
        <v>0</v>
      </c>
      <c r="AV2654" s="166">
        <v>0</v>
      </c>
      <c r="AW2654" s="166">
        <v>0</v>
      </c>
      <c r="AX2654" s="166">
        <v>0</v>
      </c>
      <c r="AY2654" s="166">
        <v>-59485239.119999997</v>
      </c>
      <c r="AZ2654" s="166">
        <v>0</v>
      </c>
      <c r="BA2654" s="166">
        <v>0</v>
      </c>
      <c r="BB2654" s="166">
        <v>0</v>
      </c>
      <c r="BC2654" s="166">
        <v>0</v>
      </c>
      <c r="BD2654" s="166">
        <v>-12564645.759999899</v>
      </c>
      <c r="BE2654" s="166">
        <v>0</v>
      </c>
      <c r="BF2654" s="166">
        <v>0</v>
      </c>
      <c r="BG2654" s="166">
        <v>-16621178.51</v>
      </c>
      <c r="BH2654" s="166">
        <v>0</v>
      </c>
      <c r="BI2654" s="166">
        <v>-11554140.34</v>
      </c>
      <c r="BJ2654" s="166">
        <v>-1626426614.8592501</v>
      </c>
      <c r="BK2654" s="166">
        <v>0</v>
      </c>
      <c r="BL2654" s="166">
        <v>0</v>
      </c>
      <c r="BM2654" s="166">
        <v>0</v>
      </c>
      <c r="BN2654" s="166">
        <v>0</v>
      </c>
      <c r="BO2654" s="166">
        <v>0</v>
      </c>
      <c r="BP2654" s="166">
        <v>-59485239.119999997</v>
      </c>
      <c r="BQ2654" s="166">
        <v>0</v>
      </c>
      <c r="BR2654" s="166">
        <v>1726651818.5892501</v>
      </c>
      <c r="BS2654" s="166">
        <v>0</v>
      </c>
      <c r="BT2654" s="168">
        <v>0</v>
      </c>
      <c r="BU2654" s="166">
        <v>131182983.70986401</v>
      </c>
      <c r="BV2654" s="166">
        <v>1717157134.9045601</v>
      </c>
      <c r="BW2654" s="166">
        <v>-11770756.533381199</v>
      </c>
      <c r="BX2654" s="166">
        <v>0</v>
      </c>
      <c r="BY2654" s="166">
        <v>0</v>
      </c>
      <c r="BZ2654" s="166">
        <v>-16621178.51</v>
      </c>
      <c r="CA2654" s="166">
        <v>0</v>
      </c>
      <c r="CB2654" s="166">
        <v>-11554096.9949582</v>
      </c>
      <c r="CC2654" s="166">
        <v>-1620307147.48634</v>
      </c>
      <c r="CD2654" s="166">
        <v>0</v>
      </c>
      <c r="CE2654" s="166">
        <v>0</v>
      </c>
      <c r="CF2654" s="166">
        <v>0</v>
      </c>
      <c r="CG2654" s="166">
        <v>0</v>
      </c>
      <c r="CH2654" s="166">
        <v>0</v>
      </c>
      <c r="CI2654" s="166">
        <v>-56903955.379876703</v>
      </c>
      <c r="CJ2654" s="166">
        <v>0</v>
      </c>
      <c r="CK2654" s="166">
        <v>-11770756.533381199</v>
      </c>
      <c r="CL2654" s="166">
        <v>0</v>
      </c>
      <c r="CM2654" s="166">
        <v>0</v>
      </c>
      <c r="CN2654" s="166">
        <v>-16621178.51</v>
      </c>
      <c r="CO2654" s="166">
        <v>0</v>
      </c>
      <c r="CP2654" s="166">
        <v>-11554096.9949582</v>
      </c>
      <c r="CQ2654" s="166">
        <v>-1620307147.48634</v>
      </c>
      <c r="CR2654" s="166">
        <v>0</v>
      </c>
      <c r="CS2654" s="166">
        <v>0</v>
      </c>
      <c r="CT2654" s="166">
        <v>0</v>
      </c>
      <c r="CU2654" s="166">
        <v>0</v>
      </c>
      <c r="CV2654" s="166">
        <v>0</v>
      </c>
      <c r="CW2654" s="166">
        <v>-56903955.379876703</v>
      </c>
      <c r="CX2654" s="166">
        <v>0</v>
      </c>
      <c r="CY2654" s="166">
        <v>0</v>
      </c>
      <c r="CZ2654" s="166">
        <v>0</v>
      </c>
    </row>
    <row r="2655" spans="1:104" x14ac:dyDescent="0.2">
      <c r="A2655" s="167" t="s">
        <v>500</v>
      </c>
    </row>
    <row r="2656" spans="1:104" x14ac:dyDescent="0.2">
      <c r="A2656" s="170" t="s">
        <v>501</v>
      </c>
    </row>
    <row r="2657" spans="1:104" x14ac:dyDescent="0.2">
      <c r="A2657" s="167" t="s">
        <v>502</v>
      </c>
      <c r="B2657" s="166">
        <v>279592191.31999999</v>
      </c>
      <c r="C2657" s="166">
        <v>279592191.31999999</v>
      </c>
      <c r="D2657" s="166">
        <v>0</v>
      </c>
      <c r="E2657" s="166">
        <v>0</v>
      </c>
      <c r="F2657" s="166">
        <v>0</v>
      </c>
      <c r="G2657" s="166">
        <v>0</v>
      </c>
      <c r="H2657" s="166">
        <v>0</v>
      </c>
      <c r="I2657" s="166">
        <v>0</v>
      </c>
      <c r="J2657" s="166">
        <v>0</v>
      </c>
      <c r="K2657" s="166">
        <v>0</v>
      </c>
      <c r="L2657" s="166">
        <v>0</v>
      </c>
      <c r="M2657" s="166">
        <v>0</v>
      </c>
      <c r="N2657" s="166">
        <v>0</v>
      </c>
      <c r="O2657" s="166">
        <v>0</v>
      </c>
      <c r="P2657" s="166">
        <v>0</v>
      </c>
      <c r="Q2657" s="166">
        <v>0</v>
      </c>
      <c r="R2657" s="166">
        <v>0</v>
      </c>
      <c r="S2657" s="166">
        <v>0</v>
      </c>
      <c r="T2657" s="166">
        <v>0</v>
      </c>
      <c r="U2657" s="166">
        <v>0</v>
      </c>
      <c r="V2657" s="166">
        <v>0</v>
      </c>
      <c r="W2657" s="166">
        <v>0</v>
      </c>
      <c r="X2657" s="166">
        <v>0</v>
      </c>
      <c r="Y2657" s="166">
        <v>0</v>
      </c>
      <c r="Z2657" s="166">
        <v>0</v>
      </c>
      <c r="AA2657" s="166">
        <v>0</v>
      </c>
      <c r="AB2657" s="166">
        <v>0</v>
      </c>
      <c r="AC2657" s="166">
        <v>0</v>
      </c>
      <c r="AD2657" s="166">
        <v>0</v>
      </c>
      <c r="AE2657" s="166">
        <v>0</v>
      </c>
      <c r="AF2657" s="166">
        <v>0</v>
      </c>
      <c r="AG2657" s="166">
        <v>0</v>
      </c>
      <c r="AH2657" s="166">
        <v>0</v>
      </c>
      <c r="AI2657" s="166">
        <v>0</v>
      </c>
      <c r="AJ2657" s="166">
        <v>0</v>
      </c>
      <c r="AK2657" s="166">
        <v>0</v>
      </c>
      <c r="AL2657" s="166">
        <v>0</v>
      </c>
      <c r="AM2657" s="166">
        <v>0</v>
      </c>
      <c r="AN2657" s="166">
        <v>0</v>
      </c>
      <c r="AO2657" s="166">
        <v>0</v>
      </c>
      <c r="AP2657" s="166">
        <v>0</v>
      </c>
      <c r="AQ2657" s="166">
        <v>0</v>
      </c>
      <c r="AR2657" s="166">
        <v>0</v>
      </c>
      <c r="AS2657" s="166">
        <v>0</v>
      </c>
      <c r="AT2657" s="166">
        <v>0</v>
      </c>
      <c r="AU2657" s="166">
        <v>0</v>
      </c>
      <c r="AV2657" s="166">
        <v>0</v>
      </c>
      <c r="AW2657" s="166">
        <v>0</v>
      </c>
      <c r="AX2657" s="166">
        <v>0</v>
      </c>
      <c r="AY2657" s="166">
        <v>0</v>
      </c>
      <c r="AZ2657" s="166">
        <v>0</v>
      </c>
      <c r="BA2657" s="166">
        <v>0</v>
      </c>
      <c r="BB2657" s="166">
        <v>0</v>
      </c>
      <c r="BC2657" s="166">
        <v>0</v>
      </c>
      <c r="BD2657" s="166">
        <v>0</v>
      </c>
      <c r="BE2657" s="166">
        <v>0</v>
      </c>
      <c r="BF2657" s="166">
        <v>0</v>
      </c>
      <c r="BG2657" s="166">
        <v>0</v>
      </c>
      <c r="BH2657" s="166">
        <v>0</v>
      </c>
      <c r="BI2657" s="166">
        <v>0</v>
      </c>
      <c r="BJ2657" s="166">
        <v>0</v>
      </c>
      <c r="BK2657" s="166">
        <v>0</v>
      </c>
      <c r="BL2657" s="166">
        <v>0</v>
      </c>
      <c r="BM2657" s="166">
        <v>0</v>
      </c>
      <c r="BN2657" s="166">
        <v>0</v>
      </c>
      <c r="BO2657" s="166">
        <v>0</v>
      </c>
      <c r="BP2657" s="166">
        <v>0</v>
      </c>
      <c r="BQ2657" s="166">
        <v>0</v>
      </c>
      <c r="BR2657" s="166">
        <v>279592191.31999999</v>
      </c>
      <c r="BS2657" s="166">
        <v>279592191.31999999</v>
      </c>
      <c r="BT2657" s="168">
        <v>0</v>
      </c>
      <c r="BU2657" s="166">
        <v>21126249.718283001</v>
      </c>
      <c r="BV2657" s="166">
        <v>278168512.73586202</v>
      </c>
      <c r="BW2657" s="166">
        <v>0</v>
      </c>
      <c r="BX2657" s="166">
        <v>0</v>
      </c>
      <c r="BY2657" s="166">
        <v>0</v>
      </c>
      <c r="BZ2657" s="166">
        <v>0</v>
      </c>
      <c r="CA2657" s="166">
        <v>0</v>
      </c>
      <c r="CB2657" s="166">
        <v>0</v>
      </c>
      <c r="CC2657" s="166">
        <v>0</v>
      </c>
      <c r="CD2657" s="166">
        <v>0</v>
      </c>
      <c r="CE2657" s="166">
        <v>0</v>
      </c>
      <c r="CF2657" s="166">
        <v>0</v>
      </c>
      <c r="CG2657" s="166">
        <v>0</v>
      </c>
      <c r="CH2657" s="166">
        <v>0</v>
      </c>
      <c r="CI2657" s="166">
        <v>0</v>
      </c>
      <c r="CJ2657" s="166">
        <v>0</v>
      </c>
      <c r="CK2657" s="166">
        <v>0</v>
      </c>
      <c r="CL2657" s="166">
        <v>0</v>
      </c>
      <c r="CM2657" s="166">
        <v>0</v>
      </c>
      <c r="CN2657" s="166">
        <v>0</v>
      </c>
      <c r="CO2657" s="166">
        <v>0</v>
      </c>
      <c r="CP2657" s="166">
        <v>0</v>
      </c>
      <c r="CQ2657" s="166">
        <v>0</v>
      </c>
      <c r="CR2657" s="166">
        <v>0</v>
      </c>
      <c r="CS2657" s="166">
        <v>0</v>
      </c>
      <c r="CT2657" s="166">
        <v>0</v>
      </c>
      <c r="CU2657" s="166">
        <v>0</v>
      </c>
      <c r="CV2657" s="166">
        <v>0</v>
      </c>
      <c r="CW2657" s="166">
        <v>0</v>
      </c>
      <c r="CX2657" s="166">
        <v>0</v>
      </c>
      <c r="CY2657" s="166">
        <v>278168512.73586202</v>
      </c>
      <c r="CZ2657" s="166">
        <v>278168512.73586202</v>
      </c>
    </row>
    <row r="2658" spans="1:104" x14ac:dyDescent="0.2">
      <c r="A2658" s="167" t="s">
        <v>503</v>
      </c>
      <c r="B2658" s="166">
        <v>31557882.5499999</v>
      </c>
      <c r="C2658" s="166">
        <v>31557882.5499999</v>
      </c>
      <c r="D2658" s="166">
        <v>0</v>
      </c>
      <c r="E2658" s="166">
        <v>0</v>
      </c>
      <c r="F2658" s="166">
        <v>0</v>
      </c>
      <c r="G2658" s="166">
        <v>0</v>
      </c>
      <c r="H2658" s="166">
        <v>0</v>
      </c>
      <c r="I2658" s="166">
        <v>0</v>
      </c>
      <c r="J2658" s="166">
        <v>0</v>
      </c>
      <c r="K2658" s="166">
        <v>0</v>
      </c>
      <c r="L2658" s="166">
        <v>0</v>
      </c>
      <c r="M2658" s="166">
        <v>0</v>
      </c>
      <c r="N2658" s="166">
        <v>0</v>
      </c>
      <c r="O2658" s="166">
        <v>0</v>
      </c>
      <c r="P2658" s="166">
        <v>0</v>
      </c>
      <c r="Q2658" s="166">
        <v>0</v>
      </c>
      <c r="R2658" s="166">
        <v>0</v>
      </c>
      <c r="S2658" s="166">
        <v>0</v>
      </c>
      <c r="T2658" s="166">
        <v>0</v>
      </c>
      <c r="U2658" s="166">
        <v>0</v>
      </c>
      <c r="V2658" s="166">
        <v>0</v>
      </c>
      <c r="W2658" s="166">
        <v>0</v>
      </c>
      <c r="X2658" s="166">
        <v>0</v>
      </c>
      <c r="Y2658" s="166">
        <v>0</v>
      </c>
      <c r="Z2658" s="166">
        <v>0</v>
      </c>
      <c r="AA2658" s="166">
        <v>0</v>
      </c>
      <c r="AB2658" s="166">
        <v>0</v>
      </c>
      <c r="AC2658" s="166">
        <v>0</v>
      </c>
      <c r="AD2658" s="166">
        <v>0</v>
      </c>
      <c r="AE2658" s="166">
        <v>0</v>
      </c>
      <c r="AF2658" s="166">
        <v>0</v>
      </c>
      <c r="AG2658" s="166">
        <v>0</v>
      </c>
      <c r="AH2658" s="166">
        <v>0</v>
      </c>
      <c r="AI2658" s="166">
        <v>0</v>
      </c>
      <c r="AJ2658" s="166">
        <v>0</v>
      </c>
      <c r="AK2658" s="166">
        <v>0</v>
      </c>
      <c r="AL2658" s="166">
        <v>0</v>
      </c>
      <c r="AM2658" s="166">
        <v>0</v>
      </c>
      <c r="AN2658" s="166">
        <v>0</v>
      </c>
      <c r="AO2658" s="166">
        <v>0</v>
      </c>
      <c r="AP2658" s="166">
        <v>0</v>
      </c>
      <c r="AQ2658" s="166">
        <v>0</v>
      </c>
      <c r="AR2658" s="166">
        <v>0</v>
      </c>
      <c r="AS2658" s="166">
        <v>0</v>
      </c>
      <c r="AT2658" s="166">
        <v>0</v>
      </c>
      <c r="AU2658" s="166">
        <v>0</v>
      </c>
      <c r="AV2658" s="166">
        <v>0</v>
      </c>
      <c r="AW2658" s="166">
        <v>0</v>
      </c>
      <c r="AX2658" s="166">
        <v>0</v>
      </c>
      <c r="AY2658" s="166">
        <v>0</v>
      </c>
      <c r="AZ2658" s="166">
        <v>0</v>
      </c>
      <c r="BA2658" s="166">
        <v>0</v>
      </c>
      <c r="BB2658" s="166">
        <v>0</v>
      </c>
      <c r="BC2658" s="166">
        <v>0</v>
      </c>
      <c r="BD2658" s="166">
        <v>0</v>
      </c>
      <c r="BE2658" s="166">
        <v>0</v>
      </c>
      <c r="BF2658" s="166">
        <v>0</v>
      </c>
      <c r="BG2658" s="166">
        <v>0</v>
      </c>
      <c r="BH2658" s="166">
        <v>0</v>
      </c>
      <c r="BI2658" s="166">
        <v>0</v>
      </c>
      <c r="BJ2658" s="166">
        <v>0</v>
      </c>
      <c r="BK2658" s="166">
        <v>0</v>
      </c>
      <c r="BL2658" s="166">
        <v>0</v>
      </c>
      <c r="BM2658" s="166">
        <v>0</v>
      </c>
      <c r="BN2658" s="166">
        <v>0</v>
      </c>
      <c r="BO2658" s="166">
        <v>0</v>
      </c>
      <c r="BP2658" s="166">
        <v>0</v>
      </c>
      <c r="BQ2658" s="166">
        <v>0</v>
      </c>
      <c r="BR2658" s="166">
        <v>31557882.5499999</v>
      </c>
      <c r="BS2658" s="166">
        <v>31557882.5499999</v>
      </c>
      <c r="BT2658" s="168">
        <v>0</v>
      </c>
      <c r="BU2658" s="166">
        <v>2081842.5508308001</v>
      </c>
      <c r="BV2658" s="166">
        <v>22487527.2369886</v>
      </c>
      <c r="BW2658" s="166">
        <v>0</v>
      </c>
      <c r="BX2658" s="166">
        <v>0</v>
      </c>
      <c r="BY2658" s="166">
        <v>0</v>
      </c>
      <c r="BZ2658" s="166">
        <v>0</v>
      </c>
      <c r="CA2658" s="166">
        <v>0</v>
      </c>
      <c r="CB2658" s="166">
        <v>0</v>
      </c>
      <c r="CC2658" s="166">
        <v>0</v>
      </c>
      <c r="CD2658" s="166">
        <v>0</v>
      </c>
      <c r="CE2658" s="166">
        <v>0</v>
      </c>
      <c r="CF2658" s="166">
        <v>0</v>
      </c>
      <c r="CG2658" s="166">
        <v>0</v>
      </c>
      <c r="CH2658" s="166">
        <v>0</v>
      </c>
      <c r="CI2658" s="166">
        <v>0</v>
      </c>
      <c r="CJ2658" s="166">
        <v>0</v>
      </c>
      <c r="CK2658" s="166">
        <v>0</v>
      </c>
      <c r="CL2658" s="166">
        <v>0</v>
      </c>
      <c r="CM2658" s="166">
        <v>0</v>
      </c>
      <c r="CN2658" s="166">
        <v>0</v>
      </c>
      <c r="CO2658" s="166">
        <v>0</v>
      </c>
      <c r="CP2658" s="166">
        <v>0</v>
      </c>
      <c r="CQ2658" s="166">
        <v>0</v>
      </c>
      <c r="CR2658" s="166">
        <v>0</v>
      </c>
      <c r="CS2658" s="166">
        <v>0</v>
      </c>
      <c r="CT2658" s="166">
        <v>0</v>
      </c>
      <c r="CU2658" s="166">
        <v>0</v>
      </c>
      <c r="CV2658" s="166">
        <v>0</v>
      </c>
      <c r="CW2658" s="166">
        <v>0</v>
      </c>
      <c r="CX2658" s="166">
        <v>0</v>
      </c>
      <c r="CY2658" s="166">
        <v>22487527.2369886</v>
      </c>
      <c r="CZ2658" s="166">
        <v>22487527.2369886</v>
      </c>
    </row>
    <row r="2659" spans="1:104" x14ac:dyDescent="0.2">
      <c r="A2659" s="167" t="s">
        <v>504</v>
      </c>
      <c r="B2659" s="166">
        <v>118439124.37</v>
      </c>
      <c r="C2659" s="166">
        <v>118439124.37</v>
      </c>
      <c r="D2659" s="166">
        <v>0</v>
      </c>
      <c r="E2659" s="166">
        <v>0</v>
      </c>
      <c r="F2659" s="166">
        <v>0</v>
      </c>
      <c r="G2659" s="166">
        <v>0</v>
      </c>
      <c r="H2659" s="166">
        <v>0</v>
      </c>
      <c r="I2659" s="166">
        <v>0</v>
      </c>
      <c r="J2659" s="166">
        <v>0</v>
      </c>
      <c r="K2659" s="166">
        <v>0</v>
      </c>
      <c r="L2659" s="166">
        <v>0</v>
      </c>
      <c r="M2659" s="166">
        <v>0</v>
      </c>
      <c r="N2659" s="166">
        <v>0</v>
      </c>
      <c r="O2659" s="166">
        <v>0</v>
      </c>
      <c r="P2659" s="166">
        <v>0</v>
      </c>
      <c r="Q2659" s="166">
        <v>0</v>
      </c>
      <c r="R2659" s="166">
        <v>0</v>
      </c>
      <c r="S2659" s="166">
        <v>0</v>
      </c>
      <c r="T2659" s="166">
        <v>0</v>
      </c>
      <c r="U2659" s="166">
        <v>0</v>
      </c>
      <c r="V2659" s="166">
        <v>0</v>
      </c>
      <c r="W2659" s="166">
        <v>0</v>
      </c>
      <c r="X2659" s="166">
        <v>0</v>
      </c>
      <c r="Y2659" s="166">
        <v>0</v>
      </c>
      <c r="Z2659" s="166">
        <v>0</v>
      </c>
      <c r="AA2659" s="166">
        <v>0</v>
      </c>
      <c r="AB2659" s="166">
        <v>0</v>
      </c>
      <c r="AC2659" s="166">
        <v>0</v>
      </c>
      <c r="AD2659" s="166">
        <v>0</v>
      </c>
      <c r="AE2659" s="166">
        <v>0</v>
      </c>
      <c r="AF2659" s="166">
        <v>0</v>
      </c>
      <c r="AG2659" s="166">
        <v>0</v>
      </c>
      <c r="AH2659" s="166">
        <v>0</v>
      </c>
      <c r="AI2659" s="166">
        <v>0</v>
      </c>
      <c r="AJ2659" s="166">
        <v>0</v>
      </c>
      <c r="AK2659" s="166">
        <v>0</v>
      </c>
      <c r="AL2659" s="166">
        <v>0</v>
      </c>
      <c r="AM2659" s="166">
        <v>0</v>
      </c>
      <c r="AN2659" s="166">
        <v>0</v>
      </c>
      <c r="AO2659" s="166">
        <v>0</v>
      </c>
      <c r="AP2659" s="166">
        <v>0</v>
      </c>
      <c r="AQ2659" s="166">
        <v>0</v>
      </c>
      <c r="AR2659" s="166">
        <v>0</v>
      </c>
      <c r="AS2659" s="166">
        <v>0</v>
      </c>
      <c r="AT2659" s="166">
        <v>0</v>
      </c>
      <c r="AU2659" s="166">
        <v>0</v>
      </c>
      <c r="AV2659" s="166">
        <v>0</v>
      </c>
      <c r="AW2659" s="166">
        <v>0</v>
      </c>
      <c r="AX2659" s="166">
        <v>0</v>
      </c>
      <c r="AY2659" s="166">
        <v>0</v>
      </c>
      <c r="AZ2659" s="166">
        <v>0</v>
      </c>
      <c r="BA2659" s="166">
        <v>0</v>
      </c>
      <c r="BB2659" s="166">
        <v>0</v>
      </c>
      <c r="BC2659" s="166">
        <v>0</v>
      </c>
      <c r="BD2659" s="166">
        <v>0</v>
      </c>
      <c r="BE2659" s="166">
        <v>0</v>
      </c>
      <c r="BF2659" s="166">
        <v>0</v>
      </c>
      <c r="BG2659" s="166">
        <v>0</v>
      </c>
      <c r="BH2659" s="166">
        <v>0</v>
      </c>
      <c r="BI2659" s="166">
        <v>0</v>
      </c>
      <c r="BJ2659" s="166">
        <v>0</v>
      </c>
      <c r="BK2659" s="166">
        <v>0</v>
      </c>
      <c r="BL2659" s="166">
        <v>0</v>
      </c>
      <c r="BM2659" s="166">
        <v>0</v>
      </c>
      <c r="BN2659" s="166">
        <v>0</v>
      </c>
      <c r="BO2659" s="166">
        <v>0</v>
      </c>
      <c r="BP2659" s="166">
        <v>0</v>
      </c>
      <c r="BQ2659" s="166">
        <v>0</v>
      </c>
      <c r="BR2659" s="166">
        <v>118439124.37</v>
      </c>
      <c r="BS2659" s="166">
        <v>118439124.37</v>
      </c>
      <c r="BT2659" s="168">
        <v>0</v>
      </c>
      <c r="BU2659" s="166">
        <v>10552747.168287599</v>
      </c>
      <c r="BV2659" s="166">
        <v>118367685.249837</v>
      </c>
      <c r="BW2659" s="166">
        <v>0</v>
      </c>
      <c r="BX2659" s="166">
        <v>0</v>
      </c>
      <c r="BY2659" s="166">
        <v>0</v>
      </c>
      <c r="BZ2659" s="166">
        <v>0</v>
      </c>
      <c r="CA2659" s="166">
        <v>0</v>
      </c>
      <c r="CB2659" s="166">
        <v>0</v>
      </c>
      <c r="CC2659" s="166">
        <v>0</v>
      </c>
      <c r="CD2659" s="166">
        <v>0</v>
      </c>
      <c r="CE2659" s="166">
        <v>0</v>
      </c>
      <c r="CF2659" s="166">
        <v>0</v>
      </c>
      <c r="CG2659" s="166">
        <v>0</v>
      </c>
      <c r="CH2659" s="166">
        <v>0</v>
      </c>
      <c r="CI2659" s="166">
        <v>0</v>
      </c>
      <c r="CJ2659" s="166">
        <v>0</v>
      </c>
      <c r="CK2659" s="166">
        <v>0</v>
      </c>
      <c r="CL2659" s="166">
        <v>0</v>
      </c>
      <c r="CM2659" s="166">
        <v>0</v>
      </c>
      <c r="CN2659" s="166">
        <v>0</v>
      </c>
      <c r="CO2659" s="166">
        <v>0</v>
      </c>
      <c r="CP2659" s="166">
        <v>0</v>
      </c>
      <c r="CQ2659" s="166">
        <v>0</v>
      </c>
      <c r="CR2659" s="166">
        <v>0</v>
      </c>
      <c r="CS2659" s="166">
        <v>0</v>
      </c>
      <c r="CT2659" s="166">
        <v>0</v>
      </c>
      <c r="CU2659" s="166">
        <v>0</v>
      </c>
      <c r="CV2659" s="166">
        <v>0</v>
      </c>
      <c r="CW2659" s="166">
        <v>0</v>
      </c>
      <c r="CX2659" s="166">
        <v>0</v>
      </c>
      <c r="CY2659" s="166">
        <v>118367685.249837</v>
      </c>
      <c r="CZ2659" s="166">
        <v>118367685.249837</v>
      </c>
    </row>
    <row r="2660" spans="1:104" x14ac:dyDescent="0.2">
      <c r="A2660" s="167" t="s">
        <v>505</v>
      </c>
      <c r="B2660" s="166">
        <v>94014941.313999996</v>
      </c>
      <c r="C2660" s="166">
        <v>94014941.313999996</v>
      </c>
      <c r="D2660" s="166">
        <v>0</v>
      </c>
      <c r="E2660" s="166">
        <v>0</v>
      </c>
      <c r="F2660" s="166">
        <v>0</v>
      </c>
      <c r="G2660" s="166">
        <v>0</v>
      </c>
      <c r="H2660" s="166">
        <v>0</v>
      </c>
      <c r="I2660" s="166">
        <v>0</v>
      </c>
      <c r="J2660" s="166">
        <v>0</v>
      </c>
      <c r="K2660" s="166">
        <v>0</v>
      </c>
      <c r="L2660" s="166">
        <v>0</v>
      </c>
      <c r="M2660" s="166">
        <v>0</v>
      </c>
      <c r="N2660" s="166">
        <v>0</v>
      </c>
      <c r="O2660" s="166">
        <v>0</v>
      </c>
      <c r="P2660" s="166">
        <v>0</v>
      </c>
      <c r="Q2660" s="166">
        <v>0</v>
      </c>
      <c r="R2660" s="166">
        <v>0</v>
      </c>
      <c r="S2660" s="166">
        <v>0</v>
      </c>
      <c r="T2660" s="166">
        <v>0</v>
      </c>
      <c r="U2660" s="166">
        <v>0</v>
      </c>
      <c r="V2660" s="166">
        <v>0</v>
      </c>
      <c r="W2660" s="166">
        <v>0</v>
      </c>
      <c r="X2660" s="166">
        <v>0</v>
      </c>
      <c r="Y2660" s="166">
        <v>0</v>
      </c>
      <c r="Z2660" s="166">
        <v>0</v>
      </c>
      <c r="AA2660" s="166">
        <v>0</v>
      </c>
      <c r="AB2660" s="166">
        <v>0</v>
      </c>
      <c r="AC2660" s="166">
        <v>0</v>
      </c>
      <c r="AD2660" s="166">
        <v>0</v>
      </c>
      <c r="AE2660" s="166">
        <v>0</v>
      </c>
      <c r="AF2660" s="166">
        <v>0</v>
      </c>
      <c r="AG2660" s="166">
        <v>0</v>
      </c>
      <c r="AH2660" s="166">
        <v>0</v>
      </c>
      <c r="AI2660" s="166">
        <v>0</v>
      </c>
      <c r="AJ2660" s="166">
        <v>0</v>
      </c>
      <c r="AK2660" s="166">
        <v>0</v>
      </c>
      <c r="AL2660" s="166">
        <v>0</v>
      </c>
      <c r="AM2660" s="166">
        <v>0</v>
      </c>
      <c r="AN2660" s="166">
        <v>0</v>
      </c>
      <c r="AO2660" s="166">
        <v>0</v>
      </c>
      <c r="AP2660" s="166">
        <v>0</v>
      </c>
      <c r="AQ2660" s="166">
        <v>0</v>
      </c>
      <c r="AR2660" s="166">
        <v>0</v>
      </c>
      <c r="AS2660" s="166">
        <v>0</v>
      </c>
      <c r="AT2660" s="166">
        <v>0</v>
      </c>
      <c r="AU2660" s="166">
        <v>0</v>
      </c>
      <c r="AV2660" s="166">
        <v>0</v>
      </c>
      <c r="AW2660" s="166">
        <v>0</v>
      </c>
      <c r="AX2660" s="166">
        <v>0</v>
      </c>
      <c r="AY2660" s="166">
        <v>0</v>
      </c>
      <c r="AZ2660" s="166">
        <v>0</v>
      </c>
      <c r="BA2660" s="166">
        <v>0</v>
      </c>
      <c r="BB2660" s="166">
        <v>0</v>
      </c>
      <c r="BC2660" s="166">
        <v>0</v>
      </c>
      <c r="BD2660" s="166">
        <v>0</v>
      </c>
      <c r="BE2660" s="166">
        <v>0</v>
      </c>
      <c r="BF2660" s="166">
        <v>0</v>
      </c>
      <c r="BG2660" s="166">
        <v>0</v>
      </c>
      <c r="BH2660" s="166">
        <v>0</v>
      </c>
      <c r="BI2660" s="166">
        <v>0</v>
      </c>
      <c r="BJ2660" s="166">
        <v>0</v>
      </c>
      <c r="BK2660" s="166">
        <v>0</v>
      </c>
      <c r="BL2660" s="166">
        <v>0</v>
      </c>
      <c r="BM2660" s="166">
        <v>0</v>
      </c>
      <c r="BN2660" s="166">
        <v>0</v>
      </c>
      <c r="BO2660" s="166">
        <v>0</v>
      </c>
      <c r="BP2660" s="166">
        <v>0</v>
      </c>
      <c r="BQ2660" s="166">
        <v>0</v>
      </c>
      <c r="BR2660" s="166">
        <v>94014941.313999996</v>
      </c>
      <c r="BS2660" s="166">
        <v>94014941.313999996</v>
      </c>
      <c r="BT2660" s="168">
        <v>0</v>
      </c>
      <c r="BU2660" s="166">
        <v>8146746.6792618297</v>
      </c>
      <c r="BV2660" s="166">
        <v>94004743.230680704</v>
      </c>
      <c r="BW2660" s="166">
        <v>0</v>
      </c>
      <c r="BX2660" s="166">
        <v>0</v>
      </c>
      <c r="BY2660" s="166">
        <v>0</v>
      </c>
      <c r="BZ2660" s="166">
        <v>0</v>
      </c>
      <c r="CA2660" s="166">
        <v>0</v>
      </c>
      <c r="CB2660" s="166">
        <v>0</v>
      </c>
      <c r="CC2660" s="166">
        <v>0</v>
      </c>
      <c r="CD2660" s="166">
        <v>0</v>
      </c>
      <c r="CE2660" s="166">
        <v>0</v>
      </c>
      <c r="CF2660" s="166">
        <v>0</v>
      </c>
      <c r="CG2660" s="166">
        <v>0</v>
      </c>
      <c r="CH2660" s="166">
        <v>0</v>
      </c>
      <c r="CI2660" s="166">
        <v>0</v>
      </c>
      <c r="CJ2660" s="166">
        <v>0</v>
      </c>
      <c r="CK2660" s="166">
        <v>0</v>
      </c>
      <c r="CL2660" s="166">
        <v>0</v>
      </c>
      <c r="CM2660" s="166">
        <v>0</v>
      </c>
      <c r="CN2660" s="166">
        <v>0</v>
      </c>
      <c r="CO2660" s="166">
        <v>0</v>
      </c>
      <c r="CP2660" s="166">
        <v>0</v>
      </c>
      <c r="CQ2660" s="166">
        <v>0</v>
      </c>
      <c r="CR2660" s="166">
        <v>0</v>
      </c>
      <c r="CS2660" s="166">
        <v>0</v>
      </c>
      <c r="CT2660" s="166">
        <v>0</v>
      </c>
      <c r="CU2660" s="166">
        <v>0</v>
      </c>
      <c r="CV2660" s="166">
        <v>0</v>
      </c>
      <c r="CW2660" s="166">
        <v>0</v>
      </c>
      <c r="CX2660" s="166">
        <v>0</v>
      </c>
      <c r="CY2660" s="166">
        <v>94004743.230680704</v>
      </c>
      <c r="CZ2660" s="166">
        <v>94004743.230680704</v>
      </c>
    </row>
    <row r="2661" spans="1:104" x14ac:dyDescent="0.2">
      <c r="A2661" s="167" t="s">
        <v>506</v>
      </c>
      <c r="B2661" s="166">
        <v>10493572.1299999</v>
      </c>
      <c r="C2661" s="166">
        <v>10493572.1299999</v>
      </c>
      <c r="D2661" s="166">
        <v>0</v>
      </c>
      <c r="E2661" s="166">
        <v>0</v>
      </c>
      <c r="F2661" s="166">
        <v>0</v>
      </c>
      <c r="G2661" s="166">
        <v>0</v>
      </c>
      <c r="H2661" s="166">
        <v>0</v>
      </c>
      <c r="I2661" s="166">
        <v>0</v>
      </c>
      <c r="J2661" s="166">
        <v>0</v>
      </c>
      <c r="K2661" s="166">
        <v>0</v>
      </c>
      <c r="L2661" s="166">
        <v>0</v>
      </c>
      <c r="M2661" s="166">
        <v>0</v>
      </c>
      <c r="N2661" s="166">
        <v>0</v>
      </c>
      <c r="O2661" s="166">
        <v>0</v>
      </c>
      <c r="P2661" s="166">
        <v>0</v>
      </c>
      <c r="Q2661" s="166">
        <v>0</v>
      </c>
      <c r="R2661" s="166">
        <v>0</v>
      </c>
      <c r="S2661" s="166">
        <v>0</v>
      </c>
      <c r="T2661" s="166">
        <v>0</v>
      </c>
      <c r="U2661" s="166">
        <v>0</v>
      </c>
      <c r="V2661" s="166">
        <v>0</v>
      </c>
      <c r="W2661" s="166">
        <v>0</v>
      </c>
      <c r="X2661" s="166">
        <v>0</v>
      </c>
      <c r="Y2661" s="166">
        <v>0</v>
      </c>
      <c r="Z2661" s="166">
        <v>0</v>
      </c>
      <c r="AA2661" s="166">
        <v>0</v>
      </c>
      <c r="AB2661" s="166">
        <v>0</v>
      </c>
      <c r="AC2661" s="166">
        <v>0</v>
      </c>
      <c r="AD2661" s="166">
        <v>0</v>
      </c>
      <c r="AE2661" s="166">
        <v>0</v>
      </c>
      <c r="AF2661" s="166">
        <v>0</v>
      </c>
      <c r="AG2661" s="166">
        <v>0</v>
      </c>
      <c r="AH2661" s="166">
        <v>0</v>
      </c>
      <c r="AI2661" s="166">
        <v>0</v>
      </c>
      <c r="AJ2661" s="166">
        <v>0</v>
      </c>
      <c r="AK2661" s="166">
        <v>0</v>
      </c>
      <c r="AL2661" s="166">
        <v>0</v>
      </c>
      <c r="AM2661" s="166">
        <v>0</v>
      </c>
      <c r="AN2661" s="166">
        <v>0</v>
      </c>
      <c r="AO2661" s="166">
        <v>0</v>
      </c>
      <c r="AP2661" s="166">
        <v>0</v>
      </c>
      <c r="AQ2661" s="166">
        <v>0</v>
      </c>
      <c r="AR2661" s="166">
        <v>0</v>
      </c>
      <c r="AS2661" s="166">
        <v>0</v>
      </c>
      <c r="AT2661" s="166">
        <v>0</v>
      </c>
      <c r="AU2661" s="166">
        <v>0</v>
      </c>
      <c r="AV2661" s="166">
        <v>0</v>
      </c>
      <c r="AW2661" s="166">
        <v>0</v>
      </c>
      <c r="AX2661" s="166">
        <v>0</v>
      </c>
      <c r="AY2661" s="166">
        <v>0</v>
      </c>
      <c r="AZ2661" s="166">
        <v>0</v>
      </c>
      <c r="BA2661" s="166">
        <v>0</v>
      </c>
      <c r="BB2661" s="166">
        <v>0</v>
      </c>
      <c r="BC2661" s="166">
        <v>0</v>
      </c>
      <c r="BD2661" s="166">
        <v>0</v>
      </c>
      <c r="BE2661" s="166">
        <v>0</v>
      </c>
      <c r="BF2661" s="166">
        <v>0</v>
      </c>
      <c r="BG2661" s="166">
        <v>0</v>
      </c>
      <c r="BH2661" s="166">
        <v>0</v>
      </c>
      <c r="BI2661" s="166">
        <v>0</v>
      </c>
      <c r="BJ2661" s="166">
        <v>0</v>
      </c>
      <c r="BK2661" s="166">
        <v>0</v>
      </c>
      <c r="BL2661" s="166">
        <v>0</v>
      </c>
      <c r="BM2661" s="166">
        <v>0</v>
      </c>
      <c r="BN2661" s="166">
        <v>0</v>
      </c>
      <c r="BO2661" s="166">
        <v>0</v>
      </c>
      <c r="BP2661" s="166">
        <v>0</v>
      </c>
      <c r="BQ2661" s="166">
        <v>0</v>
      </c>
      <c r="BR2661" s="166">
        <v>10493572.1299999</v>
      </c>
      <c r="BS2661" s="166">
        <v>10493572.1299999</v>
      </c>
      <c r="BT2661" s="168">
        <v>0</v>
      </c>
      <c r="BU2661" s="166">
        <v>787683.10999999905</v>
      </c>
      <c r="BV2661" s="166">
        <v>10493572.1299999</v>
      </c>
      <c r="BW2661" s="166">
        <v>0</v>
      </c>
      <c r="BX2661" s="166">
        <v>0</v>
      </c>
      <c r="BY2661" s="166">
        <v>0</v>
      </c>
      <c r="BZ2661" s="166">
        <v>0</v>
      </c>
      <c r="CA2661" s="166">
        <v>0</v>
      </c>
      <c r="CB2661" s="166">
        <v>0</v>
      </c>
      <c r="CC2661" s="166">
        <v>0</v>
      </c>
      <c r="CD2661" s="166">
        <v>0</v>
      </c>
      <c r="CE2661" s="166">
        <v>0</v>
      </c>
      <c r="CF2661" s="166">
        <v>0</v>
      </c>
      <c r="CG2661" s="166">
        <v>0</v>
      </c>
      <c r="CH2661" s="166">
        <v>0</v>
      </c>
      <c r="CI2661" s="166">
        <v>0</v>
      </c>
      <c r="CJ2661" s="166">
        <v>0</v>
      </c>
      <c r="CK2661" s="166">
        <v>0</v>
      </c>
      <c r="CL2661" s="166">
        <v>0</v>
      </c>
      <c r="CM2661" s="166">
        <v>0</v>
      </c>
      <c r="CN2661" s="166">
        <v>0</v>
      </c>
      <c r="CO2661" s="166">
        <v>0</v>
      </c>
      <c r="CP2661" s="166">
        <v>0</v>
      </c>
      <c r="CQ2661" s="166">
        <v>0</v>
      </c>
      <c r="CR2661" s="166">
        <v>0</v>
      </c>
      <c r="CS2661" s="166">
        <v>0</v>
      </c>
      <c r="CT2661" s="166">
        <v>0</v>
      </c>
      <c r="CU2661" s="166">
        <v>0</v>
      </c>
      <c r="CV2661" s="166">
        <v>0</v>
      </c>
      <c r="CW2661" s="166">
        <v>0</v>
      </c>
      <c r="CX2661" s="166">
        <v>0</v>
      </c>
      <c r="CY2661" s="166">
        <v>10493572.1299999</v>
      </c>
      <c r="CZ2661" s="166">
        <v>10493572.1299999</v>
      </c>
    </row>
    <row r="2662" spans="1:104" x14ac:dyDescent="0.2">
      <c r="A2662" s="167" t="s">
        <v>507</v>
      </c>
      <c r="B2662" s="166">
        <v>9507520.5500000007</v>
      </c>
      <c r="C2662" s="166">
        <v>9507520.5500000007</v>
      </c>
      <c r="D2662" s="166">
        <v>0</v>
      </c>
      <c r="E2662" s="166">
        <v>0</v>
      </c>
      <c r="F2662" s="166">
        <v>0</v>
      </c>
      <c r="G2662" s="166">
        <v>0</v>
      </c>
      <c r="H2662" s="166">
        <v>0</v>
      </c>
      <c r="I2662" s="166">
        <v>0</v>
      </c>
      <c r="J2662" s="166">
        <v>0</v>
      </c>
      <c r="K2662" s="166">
        <v>0</v>
      </c>
      <c r="L2662" s="166">
        <v>0</v>
      </c>
      <c r="M2662" s="166">
        <v>0</v>
      </c>
      <c r="N2662" s="166">
        <v>0</v>
      </c>
      <c r="O2662" s="166">
        <v>0</v>
      </c>
      <c r="P2662" s="166">
        <v>0</v>
      </c>
      <c r="Q2662" s="166">
        <v>0</v>
      </c>
      <c r="R2662" s="166">
        <v>0</v>
      </c>
      <c r="S2662" s="166">
        <v>0</v>
      </c>
      <c r="T2662" s="166">
        <v>0</v>
      </c>
      <c r="U2662" s="166">
        <v>0</v>
      </c>
      <c r="V2662" s="166">
        <v>0</v>
      </c>
      <c r="W2662" s="166">
        <v>0</v>
      </c>
      <c r="X2662" s="166">
        <v>0</v>
      </c>
      <c r="Y2662" s="166">
        <v>0</v>
      </c>
      <c r="Z2662" s="166">
        <v>0</v>
      </c>
      <c r="AA2662" s="166">
        <v>0</v>
      </c>
      <c r="AB2662" s="166">
        <v>0</v>
      </c>
      <c r="AC2662" s="166">
        <v>0</v>
      </c>
      <c r="AD2662" s="166">
        <v>0</v>
      </c>
      <c r="AE2662" s="166">
        <v>0</v>
      </c>
      <c r="AF2662" s="166">
        <v>0</v>
      </c>
      <c r="AG2662" s="166">
        <v>0</v>
      </c>
      <c r="AH2662" s="166">
        <v>0</v>
      </c>
      <c r="AI2662" s="166">
        <v>0</v>
      </c>
      <c r="AJ2662" s="166">
        <v>0</v>
      </c>
      <c r="AK2662" s="166">
        <v>0</v>
      </c>
      <c r="AL2662" s="166">
        <v>0</v>
      </c>
      <c r="AM2662" s="166">
        <v>0</v>
      </c>
      <c r="AN2662" s="166">
        <v>0</v>
      </c>
      <c r="AO2662" s="166">
        <v>0</v>
      </c>
      <c r="AP2662" s="166">
        <v>0</v>
      </c>
      <c r="AQ2662" s="166">
        <v>0</v>
      </c>
      <c r="AR2662" s="166">
        <v>0</v>
      </c>
      <c r="AS2662" s="166">
        <v>0</v>
      </c>
      <c r="AT2662" s="166">
        <v>0</v>
      </c>
      <c r="AU2662" s="166">
        <v>0</v>
      </c>
      <c r="AV2662" s="166">
        <v>0</v>
      </c>
      <c r="AW2662" s="166">
        <v>0</v>
      </c>
      <c r="AX2662" s="166">
        <v>0</v>
      </c>
      <c r="AY2662" s="166">
        <v>0</v>
      </c>
      <c r="AZ2662" s="166">
        <v>0</v>
      </c>
      <c r="BA2662" s="166">
        <v>0</v>
      </c>
      <c r="BB2662" s="166">
        <v>0</v>
      </c>
      <c r="BC2662" s="166">
        <v>0</v>
      </c>
      <c r="BD2662" s="166">
        <v>0</v>
      </c>
      <c r="BE2662" s="166">
        <v>0</v>
      </c>
      <c r="BF2662" s="166">
        <v>0</v>
      </c>
      <c r="BG2662" s="166">
        <v>0</v>
      </c>
      <c r="BH2662" s="166">
        <v>0</v>
      </c>
      <c r="BI2662" s="166">
        <v>0</v>
      </c>
      <c r="BJ2662" s="166">
        <v>0</v>
      </c>
      <c r="BK2662" s="166">
        <v>0</v>
      </c>
      <c r="BL2662" s="166">
        <v>0</v>
      </c>
      <c r="BM2662" s="166">
        <v>0</v>
      </c>
      <c r="BN2662" s="166">
        <v>0</v>
      </c>
      <c r="BO2662" s="166">
        <v>0</v>
      </c>
      <c r="BP2662" s="166">
        <v>0</v>
      </c>
      <c r="BQ2662" s="166">
        <v>0</v>
      </c>
      <c r="BR2662" s="166">
        <v>9507520.5500000007</v>
      </c>
      <c r="BS2662" s="166">
        <v>9507520.5499999896</v>
      </c>
      <c r="BT2662" s="168">
        <v>0</v>
      </c>
      <c r="BU2662" s="166">
        <v>747250.18999999901</v>
      </c>
      <c r="BV2662" s="166">
        <v>9507520.5500000007</v>
      </c>
      <c r="BW2662" s="166">
        <v>0</v>
      </c>
      <c r="BX2662" s="166">
        <v>0</v>
      </c>
      <c r="BY2662" s="166">
        <v>0</v>
      </c>
      <c r="BZ2662" s="166">
        <v>0</v>
      </c>
      <c r="CA2662" s="166">
        <v>0</v>
      </c>
      <c r="CB2662" s="166">
        <v>0</v>
      </c>
      <c r="CC2662" s="166">
        <v>0</v>
      </c>
      <c r="CD2662" s="166">
        <v>0</v>
      </c>
      <c r="CE2662" s="166">
        <v>0</v>
      </c>
      <c r="CF2662" s="166">
        <v>0</v>
      </c>
      <c r="CG2662" s="166">
        <v>0</v>
      </c>
      <c r="CH2662" s="166">
        <v>0</v>
      </c>
      <c r="CI2662" s="166">
        <v>0</v>
      </c>
      <c r="CJ2662" s="166">
        <v>0</v>
      </c>
      <c r="CK2662" s="166">
        <v>0</v>
      </c>
      <c r="CL2662" s="166">
        <v>0</v>
      </c>
      <c r="CM2662" s="166">
        <v>0</v>
      </c>
      <c r="CN2662" s="166">
        <v>0</v>
      </c>
      <c r="CO2662" s="166">
        <v>0</v>
      </c>
      <c r="CP2662" s="166">
        <v>0</v>
      </c>
      <c r="CQ2662" s="166">
        <v>0</v>
      </c>
      <c r="CR2662" s="166">
        <v>0</v>
      </c>
      <c r="CS2662" s="166">
        <v>0</v>
      </c>
      <c r="CT2662" s="166">
        <v>0</v>
      </c>
      <c r="CU2662" s="166">
        <v>0</v>
      </c>
      <c r="CV2662" s="166">
        <v>0</v>
      </c>
      <c r="CW2662" s="166">
        <v>0</v>
      </c>
      <c r="CX2662" s="166">
        <v>0</v>
      </c>
      <c r="CY2662" s="166">
        <v>9507520.5500000007</v>
      </c>
      <c r="CZ2662" s="166">
        <v>9507520.5500000007</v>
      </c>
    </row>
    <row r="2663" spans="1:104" x14ac:dyDescent="0.2">
      <c r="A2663" s="167" t="s">
        <v>1207</v>
      </c>
      <c r="B2663" s="166">
        <v>210645736.32692301</v>
      </c>
      <c r="C2663" s="166">
        <v>210645736.32692301</v>
      </c>
      <c r="D2663" s="166">
        <v>0</v>
      </c>
      <c r="E2663" s="166">
        <v>0</v>
      </c>
      <c r="F2663" s="166">
        <v>0</v>
      </c>
      <c r="G2663" s="166">
        <v>0</v>
      </c>
      <c r="H2663" s="166">
        <v>0</v>
      </c>
      <c r="I2663" s="166">
        <v>0</v>
      </c>
      <c r="J2663" s="166">
        <v>0</v>
      </c>
      <c r="K2663" s="166">
        <v>0</v>
      </c>
      <c r="L2663" s="166">
        <v>0</v>
      </c>
      <c r="M2663" s="166">
        <v>0</v>
      </c>
      <c r="N2663" s="166">
        <v>0</v>
      </c>
      <c r="O2663" s="166">
        <v>0</v>
      </c>
      <c r="P2663" s="166">
        <v>0</v>
      </c>
      <c r="Q2663" s="166">
        <v>0</v>
      </c>
      <c r="R2663" s="166">
        <v>0</v>
      </c>
      <c r="S2663" s="166">
        <v>0</v>
      </c>
      <c r="T2663" s="166">
        <v>0</v>
      </c>
      <c r="U2663" s="166">
        <v>0</v>
      </c>
      <c r="V2663" s="166">
        <v>0</v>
      </c>
      <c r="W2663" s="166">
        <v>0</v>
      </c>
      <c r="X2663" s="166">
        <v>0</v>
      </c>
      <c r="Y2663" s="166">
        <v>0</v>
      </c>
      <c r="Z2663" s="166">
        <v>0</v>
      </c>
      <c r="AA2663" s="166">
        <v>0</v>
      </c>
      <c r="AB2663" s="166">
        <v>0</v>
      </c>
      <c r="AC2663" s="166">
        <v>0</v>
      </c>
      <c r="AD2663" s="166">
        <v>0</v>
      </c>
      <c r="AE2663" s="166">
        <v>0</v>
      </c>
      <c r="AF2663" s="166">
        <v>0</v>
      </c>
      <c r="AG2663" s="166">
        <v>0</v>
      </c>
      <c r="AH2663" s="166">
        <v>0</v>
      </c>
      <c r="AI2663" s="166">
        <v>0</v>
      </c>
      <c r="AJ2663" s="166">
        <v>0</v>
      </c>
      <c r="AK2663" s="166">
        <v>0</v>
      </c>
      <c r="AL2663" s="166">
        <v>0</v>
      </c>
      <c r="AM2663" s="166">
        <v>0</v>
      </c>
      <c r="AN2663" s="166">
        <v>0</v>
      </c>
      <c r="AO2663" s="166">
        <v>0</v>
      </c>
      <c r="AP2663" s="166">
        <v>0</v>
      </c>
      <c r="AQ2663" s="166">
        <v>0</v>
      </c>
      <c r="AR2663" s="166">
        <v>0</v>
      </c>
      <c r="AS2663" s="166">
        <v>0</v>
      </c>
      <c r="AT2663" s="166">
        <v>0</v>
      </c>
      <c r="AU2663" s="166">
        <v>0</v>
      </c>
      <c r="AV2663" s="166">
        <v>0</v>
      </c>
      <c r="AW2663" s="166">
        <v>0</v>
      </c>
      <c r="AX2663" s="166">
        <v>-4013023.0514417398</v>
      </c>
      <c r="AY2663" s="166">
        <v>0</v>
      </c>
      <c r="AZ2663" s="166">
        <v>0</v>
      </c>
      <c r="BA2663" s="166">
        <v>0</v>
      </c>
      <c r="BB2663" s="166">
        <v>0</v>
      </c>
      <c r="BC2663" s="166">
        <v>0</v>
      </c>
      <c r="BD2663" s="166">
        <v>0</v>
      </c>
      <c r="BE2663" s="166">
        <v>0</v>
      </c>
      <c r="BF2663" s="166">
        <v>0</v>
      </c>
      <c r="BG2663" s="166">
        <v>0</v>
      </c>
      <c r="BH2663" s="166">
        <v>0</v>
      </c>
      <c r="BI2663" s="166">
        <v>0</v>
      </c>
      <c r="BJ2663" s="166">
        <v>0</v>
      </c>
      <c r="BK2663" s="166">
        <v>0</v>
      </c>
      <c r="BL2663" s="166">
        <v>0</v>
      </c>
      <c r="BM2663" s="166">
        <v>0</v>
      </c>
      <c r="BN2663" s="166">
        <v>0</v>
      </c>
      <c r="BO2663" s="166">
        <v>-4013023.0514417398</v>
      </c>
      <c r="BP2663" s="166">
        <v>0</v>
      </c>
      <c r="BQ2663" s="166">
        <v>0</v>
      </c>
      <c r="BR2663" s="166">
        <v>210645736.32692301</v>
      </c>
      <c r="BS2663" s="166">
        <v>206632713.275482</v>
      </c>
      <c r="BT2663" s="168">
        <v>0</v>
      </c>
      <c r="BU2663" s="166">
        <v>11448975.4828013</v>
      </c>
      <c r="BV2663" s="166">
        <v>202723922.417261</v>
      </c>
      <c r="BW2663" s="166">
        <v>0</v>
      </c>
      <c r="BX2663" s="166">
        <v>0</v>
      </c>
      <c r="BY2663" s="166">
        <v>0</v>
      </c>
      <c r="BZ2663" s="166">
        <v>0</v>
      </c>
      <c r="CA2663" s="166">
        <v>0</v>
      </c>
      <c r="CB2663" s="166">
        <v>0</v>
      </c>
      <c r="CC2663" s="166">
        <v>0</v>
      </c>
      <c r="CD2663" s="166">
        <v>0</v>
      </c>
      <c r="CE2663" s="166">
        <v>0</v>
      </c>
      <c r="CF2663" s="166">
        <v>0</v>
      </c>
      <c r="CG2663" s="166">
        <v>0</v>
      </c>
      <c r="CH2663" s="166">
        <v>-4013023.0514417398</v>
      </c>
      <c r="CI2663" s="166">
        <v>0</v>
      </c>
      <c r="CJ2663" s="166">
        <v>0</v>
      </c>
      <c r="CK2663" s="166">
        <v>0</v>
      </c>
      <c r="CL2663" s="166">
        <v>0</v>
      </c>
      <c r="CM2663" s="166">
        <v>0</v>
      </c>
      <c r="CN2663" s="166">
        <v>0</v>
      </c>
      <c r="CO2663" s="166">
        <v>0</v>
      </c>
      <c r="CP2663" s="166">
        <v>0</v>
      </c>
      <c r="CQ2663" s="166">
        <v>0</v>
      </c>
      <c r="CR2663" s="166">
        <v>0</v>
      </c>
      <c r="CS2663" s="166">
        <v>0</v>
      </c>
      <c r="CT2663" s="166">
        <v>0</v>
      </c>
      <c r="CU2663" s="166">
        <v>0</v>
      </c>
      <c r="CV2663" s="166">
        <v>-4013023.0514417398</v>
      </c>
      <c r="CW2663" s="166">
        <v>0</v>
      </c>
      <c r="CX2663" s="166">
        <v>0</v>
      </c>
      <c r="CY2663" s="166">
        <v>198710899.36581901</v>
      </c>
      <c r="CZ2663" s="166">
        <v>198710899.36581901</v>
      </c>
    </row>
    <row r="2664" spans="1:104" x14ac:dyDescent="0.2">
      <c r="A2664" s="170" t="s">
        <v>509</v>
      </c>
      <c r="B2664" s="166">
        <v>754250968.56092298</v>
      </c>
      <c r="C2664" s="166">
        <v>754250968.56092298</v>
      </c>
      <c r="D2664" s="166">
        <v>0</v>
      </c>
      <c r="E2664" s="166">
        <v>0</v>
      </c>
      <c r="F2664" s="166">
        <v>0</v>
      </c>
      <c r="G2664" s="166">
        <v>0</v>
      </c>
      <c r="H2664" s="166">
        <v>0</v>
      </c>
      <c r="I2664" s="166">
        <v>0</v>
      </c>
      <c r="J2664" s="166">
        <v>0</v>
      </c>
      <c r="K2664" s="166">
        <v>0</v>
      </c>
      <c r="L2664" s="166">
        <v>0</v>
      </c>
      <c r="M2664" s="166">
        <v>0</v>
      </c>
      <c r="N2664" s="166">
        <v>0</v>
      </c>
      <c r="O2664" s="166">
        <v>0</v>
      </c>
      <c r="P2664" s="166">
        <v>0</v>
      </c>
      <c r="Q2664" s="166">
        <v>0</v>
      </c>
      <c r="R2664" s="166">
        <v>0</v>
      </c>
      <c r="S2664" s="166">
        <v>0</v>
      </c>
      <c r="T2664" s="166">
        <v>0</v>
      </c>
      <c r="U2664" s="166">
        <v>0</v>
      </c>
      <c r="V2664" s="166">
        <v>0</v>
      </c>
      <c r="W2664" s="166">
        <v>0</v>
      </c>
      <c r="X2664" s="166">
        <v>0</v>
      </c>
      <c r="Y2664" s="166">
        <v>0</v>
      </c>
      <c r="Z2664" s="166">
        <v>0</v>
      </c>
      <c r="AA2664" s="166">
        <v>0</v>
      </c>
      <c r="AB2664" s="166">
        <v>0</v>
      </c>
      <c r="AC2664" s="166">
        <v>0</v>
      </c>
      <c r="AD2664" s="166">
        <v>0</v>
      </c>
      <c r="AE2664" s="166">
        <v>0</v>
      </c>
      <c r="AF2664" s="166">
        <v>0</v>
      </c>
      <c r="AG2664" s="166">
        <v>0</v>
      </c>
      <c r="AH2664" s="166">
        <v>0</v>
      </c>
      <c r="AI2664" s="166">
        <v>0</v>
      </c>
      <c r="AJ2664" s="166">
        <v>0</v>
      </c>
      <c r="AK2664" s="166">
        <v>0</v>
      </c>
      <c r="AL2664" s="166">
        <v>0</v>
      </c>
      <c r="AM2664" s="166">
        <v>0</v>
      </c>
      <c r="AN2664" s="166">
        <v>0</v>
      </c>
      <c r="AO2664" s="166">
        <v>0</v>
      </c>
      <c r="AP2664" s="166">
        <v>0</v>
      </c>
      <c r="AQ2664" s="166">
        <v>0</v>
      </c>
      <c r="AR2664" s="166">
        <v>0</v>
      </c>
      <c r="AS2664" s="166">
        <v>0</v>
      </c>
      <c r="AT2664" s="166">
        <v>0</v>
      </c>
      <c r="AU2664" s="166">
        <v>0</v>
      </c>
      <c r="AV2664" s="166">
        <v>0</v>
      </c>
      <c r="AW2664" s="166">
        <v>0</v>
      </c>
      <c r="AX2664" s="166">
        <v>-4013023.0514417398</v>
      </c>
      <c r="AY2664" s="166">
        <v>0</v>
      </c>
      <c r="AZ2664" s="166">
        <v>0</v>
      </c>
      <c r="BA2664" s="166">
        <v>0</v>
      </c>
      <c r="BB2664" s="166">
        <v>0</v>
      </c>
      <c r="BC2664" s="166">
        <v>0</v>
      </c>
      <c r="BD2664" s="166">
        <v>0</v>
      </c>
      <c r="BE2664" s="166">
        <v>0</v>
      </c>
      <c r="BF2664" s="166">
        <v>0</v>
      </c>
      <c r="BG2664" s="166">
        <v>0</v>
      </c>
      <c r="BH2664" s="166">
        <v>0</v>
      </c>
      <c r="BI2664" s="166">
        <v>0</v>
      </c>
      <c r="BJ2664" s="166">
        <v>0</v>
      </c>
      <c r="BK2664" s="166">
        <v>0</v>
      </c>
      <c r="BL2664" s="166">
        <v>0</v>
      </c>
      <c r="BM2664" s="166">
        <v>0</v>
      </c>
      <c r="BN2664" s="166">
        <v>0</v>
      </c>
      <c r="BO2664" s="166">
        <v>-4013023.0514417398</v>
      </c>
      <c r="BP2664" s="166">
        <v>0</v>
      </c>
      <c r="BQ2664" s="166">
        <v>0</v>
      </c>
      <c r="BR2664" s="166">
        <v>754250968.56092298</v>
      </c>
      <c r="BS2664" s="166">
        <v>750237945.50948203</v>
      </c>
      <c r="BT2664" s="168">
        <v>0</v>
      </c>
      <c r="BU2664" s="166">
        <v>54891494.8994646</v>
      </c>
      <c r="BV2664" s="166">
        <v>735753483.55062997</v>
      </c>
      <c r="BW2664" s="166">
        <v>0</v>
      </c>
      <c r="BX2664" s="166">
        <v>0</v>
      </c>
      <c r="BY2664" s="166">
        <v>0</v>
      </c>
      <c r="BZ2664" s="166">
        <v>0</v>
      </c>
      <c r="CA2664" s="166">
        <v>0</v>
      </c>
      <c r="CB2664" s="166">
        <v>0</v>
      </c>
      <c r="CC2664" s="166">
        <v>0</v>
      </c>
      <c r="CD2664" s="166">
        <v>0</v>
      </c>
      <c r="CE2664" s="166">
        <v>0</v>
      </c>
      <c r="CF2664" s="166">
        <v>0</v>
      </c>
      <c r="CG2664" s="166">
        <v>0</v>
      </c>
      <c r="CH2664" s="166">
        <v>-4013023.0514417398</v>
      </c>
      <c r="CI2664" s="166">
        <v>0</v>
      </c>
      <c r="CJ2664" s="166">
        <v>0</v>
      </c>
      <c r="CK2664" s="166">
        <v>0</v>
      </c>
      <c r="CL2664" s="166">
        <v>0</v>
      </c>
      <c r="CM2664" s="166">
        <v>0</v>
      </c>
      <c r="CN2664" s="166">
        <v>0</v>
      </c>
      <c r="CO2664" s="166">
        <v>0</v>
      </c>
      <c r="CP2664" s="166">
        <v>0</v>
      </c>
      <c r="CQ2664" s="166">
        <v>0</v>
      </c>
      <c r="CR2664" s="166">
        <v>0</v>
      </c>
      <c r="CS2664" s="166">
        <v>0</v>
      </c>
      <c r="CT2664" s="166">
        <v>0</v>
      </c>
      <c r="CU2664" s="166">
        <v>0</v>
      </c>
      <c r="CV2664" s="166">
        <v>-4013023.0514417398</v>
      </c>
      <c r="CW2664" s="166">
        <v>0</v>
      </c>
      <c r="CX2664" s="166">
        <v>0</v>
      </c>
      <c r="CY2664" s="166">
        <v>731740460.49918795</v>
      </c>
      <c r="CZ2664" s="166">
        <v>731740460.49918795</v>
      </c>
    </row>
    <row r="2665" spans="1:104" x14ac:dyDescent="0.2">
      <c r="A2665" s="167" t="s">
        <v>510</v>
      </c>
      <c r="B2665" s="166">
        <v>1726651818.5892501</v>
      </c>
      <c r="C2665" s="166">
        <v>1726651818.5892501</v>
      </c>
      <c r="D2665" s="166">
        <v>0</v>
      </c>
      <c r="E2665" s="166">
        <v>0</v>
      </c>
      <c r="F2665" s="166">
        <v>0</v>
      </c>
      <c r="G2665" s="166">
        <v>-12564645.759999899</v>
      </c>
      <c r="H2665" s="166">
        <v>0</v>
      </c>
      <c r="I2665" s="166">
        <v>0</v>
      </c>
      <c r="J2665" s="166">
        <v>0</v>
      </c>
      <c r="K2665" s="166">
        <v>0</v>
      </c>
      <c r="L2665" s="166">
        <v>0</v>
      </c>
      <c r="M2665" s="166">
        <v>0</v>
      </c>
      <c r="N2665" s="166">
        <v>0</v>
      </c>
      <c r="O2665" s="166">
        <v>0</v>
      </c>
      <c r="P2665" s="166">
        <v>0</v>
      </c>
      <c r="Q2665" s="166">
        <v>0</v>
      </c>
      <c r="R2665" s="166">
        <v>-16621178.51</v>
      </c>
      <c r="S2665" s="166">
        <v>0</v>
      </c>
      <c r="T2665" s="166">
        <v>0</v>
      </c>
      <c r="U2665" s="166">
        <v>-11554140.34</v>
      </c>
      <c r="V2665" s="166">
        <v>0</v>
      </c>
      <c r="W2665" s="166">
        <v>0</v>
      </c>
      <c r="X2665" s="166">
        <v>0</v>
      </c>
      <c r="Y2665" s="166">
        <v>0</v>
      </c>
      <c r="Z2665" s="166">
        <v>0</v>
      </c>
      <c r="AA2665" s="166">
        <v>0</v>
      </c>
      <c r="AB2665" s="166">
        <v>-1626426614.8592501</v>
      </c>
      <c r="AC2665" s="166">
        <v>0</v>
      </c>
      <c r="AD2665" s="166">
        <v>0</v>
      </c>
      <c r="AE2665" s="166">
        <v>0</v>
      </c>
      <c r="AF2665" s="166">
        <v>0</v>
      </c>
      <c r="AG2665" s="166">
        <v>0</v>
      </c>
      <c r="AH2665" s="166">
        <v>0</v>
      </c>
      <c r="AI2665" s="166">
        <v>0</v>
      </c>
      <c r="AJ2665" s="166">
        <v>0</v>
      </c>
      <c r="AK2665" s="166">
        <v>0</v>
      </c>
      <c r="AL2665" s="166">
        <v>0</v>
      </c>
      <c r="AM2665" s="166">
        <v>0</v>
      </c>
      <c r="AN2665" s="166">
        <v>0</v>
      </c>
      <c r="AO2665" s="166">
        <v>0</v>
      </c>
      <c r="AP2665" s="166">
        <v>0</v>
      </c>
      <c r="AQ2665" s="166">
        <v>0</v>
      </c>
      <c r="AR2665" s="166">
        <v>0</v>
      </c>
      <c r="AS2665" s="166">
        <v>0</v>
      </c>
      <c r="AT2665" s="166">
        <v>0</v>
      </c>
      <c r="AU2665" s="166">
        <v>0</v>
      </c>
      <c r="AV2665" s="166">
        <v>0</v>
      </c>
      <c r="AW2665" s="166">
        <v>0</v>
      </c>
      <c r="AX2665" s="166">
        <v>0</v>
      </c>
      <c r="AY2665" s="166">
        <v>-59485239.119999997</v>
      </c>
      <c r="AZ2665" s="166">
        <v>0</v>
      </c>
      <c r="BA2665" s="166">
        <v>0</v>
      </c>
      <c r="BB2665" s="166">
        <v>0</v>
      </c>
      <c r="BC2665" s="166">
        <v>0</v>
      </c>
      <c r="BD2665" s="166">
        <v>-12564645.759999899</v>
      </c>
      <c r="BE2665" s="166">
        <v>0</v>
      </c>
      <c r="BF2665" s="166">
        <v>0</v>
      </c>
      <c r="BG2665" s="166">
        <v>-16621178.51</v>
      </c>
      <c r="BH2665" s="166">
        <v>0</v>
      </c>
      <c r="BI2665" s="166">
        <v>-11554140.34</v>
      </c>
      <c r="BJ2665" s="166">
        <v>-1626426614.8592501</v>
      </c>
      <c r="BK2665" s="166">
        <v>0</v>
      </c>
      <c r="BL2665" s="166">
        <v>0</v>
      </c>
      <c r="BM2665" s="166">
        <v>0</v>
      </c>
      <c r="BN2665" s="166">
        <v>0</v>
      </c>
      <c r="BO2665" s="166">
        <v>0</v>
      </c>
      <c r="BP2665" s="166">
        <v>-59485239.119999997</v>
      </c>
      <c r="BQ2665" s="166">
        <v>0</v>
      </c>
      <c r="BR2665" s="166">
        <v>1726651818.5892501</v>
      </c>
      <c r="BS2665" s="166">
        <v>0</v>
      </c>
      <c r="BT2665" s="168">
        <v>0</v>
      </c>
      <c r="BU2665" s="166">
        <v>131182983.70986401</v>
      </c>
      <c r="BV2665" s="166">
        <v>1717157134.9045601</v>
      </c>
      <c r="BW2665" s="166">
        <v>-11770756.533381199</v>
      </c>
      <c r="BX2665" s="166">
        <v>0</v>
      </c>
      <c r="BY2665" s="166">
        <v>0</v>
      </c>
      <c r="BZ2665" s="166">
        <v>-16621178.51</v>
      </c>
      <c r="CA2665" s="166">
        <v>0</v>
      </c>
      <c r="CB2665" s="166">
        <v>-11554096.9949582</v>
      </c>
      <c r="CC2665" s="166">
        <v>-1620307147.48634</v>
      </c>
      <c r="CD2665" s="166">
        <v>0</v>
      </c>
      <c r="CE2665" s="166">
        <v>0</v>
      </c>
      <c r="CF2665" s="166">
        <v>0</v>
      </c>
      <c r="CG2665" s="166">
        <v>0</v>
      </c>
      <c r="CH2665" s="166">
        <v>0</v>
      </c>
      <c r="CI2665" s="166">
        <v>-56903955.379876703</v>
      </c>
      <c r="CJ2665" s="166">
        <v>0</v>
      </c>
      <c r="CK2665" s="166">
        <v>-11770756.533381199</v>
      </c>
      <c r="CL2665" s="166">
        <v>0</v>
      </c>
      <c r="CM2665" s="166">
        <v>0</v>
      </c>
      <c r="CN2665" s="166">
        <v>-16621178.51</v>
      </c>
      <c r="CO2665" s="166">
        <v>0</v>
      </c>
      <c r="CP2665" s="166">
        <v>-11554096.9949582</v>
      </c>
      <c r="CQ2665" s="166">
        <v>-1620307147.48634</v>
      </c>
      <c r="CR2665" s="166">
        <v>0</v>
      </c>
      <c r="CS2665" s="166">
        <v>0</v>
      </c>
      <c r="CT2665" s="166">
        <v>0</v>
      </c>
      <c r="CU2665" s="166">
        <v>0</v>
      </c>
      <c r="CV2665" s="166">
        <v>0</v>
      </c>
      <c r="CW2665" s="166">
        <v>-56903955.379876703</v>
      </c>
      <c r="CX2665" s="166">
        <v>0</v>
      </c>
      <c r="CY2665" s="166">
        <v>0</v>
      </c>
      <c r="CZ2665" s="166">
        <v>0</v>
      </c>
    </row>
    <row r="2666" spans="1:104" x14ac:dyDescent="0.2">
      <c r="A2666" s="170" t="s">
        <v>511</v>
      </c>
      <c r="B2666" s="166">
        <v>2480902787.1501698</v>
      </c>
      <c r="C2666" s="166">
        <v>2480902787.1501698</v>
      </c>
      <c r="D2666" s="166">
        <v>0</v>
      </c>
      <c r="E2666" s="166">
        <v>0</v>
      </c>
      <c r="F2666" s="166">
        <v>0</v>
      </c>
      <c r="G2666" s="166">
        <v>-12564645.759999899</v>
      </c>
      <c r="H2666" s="166">
        <v>0</v>
      </c>
      <c r="I2666" s="166">
        <v>0</v>
      </c>
      <c r="J2666" s="166">
        <v>0</v>
      </c>
      <c r="K2666" s="166">
        <v>0</v>
      </c>
      <c r="L2666" s="166">
        <v>0</v>
      </c>
      <c r="M2666" s="166">
        <v>0</v>
      </c>
      <c r="N2666" s="166">
        <v>0</v>
      </c>
      <c r="O2666" s="166">
        <v>0</v>
      </c>
      <c r="P2666" s="166">
        <v>0</v>
      </c>
      <c r="Q2666" s="166">
        <v>0</v>
      </c>
      <c r="R2666" s="166">
        <v>-16621178.51</v>
      </c>
      <c r="S2666" s="166">
        <v>0</v>
      </c>
      <c r="T2666" s="166">
        <v>0</v>
      </c>
      <c r="U2666" s="166">
        <v>-11554140.34</v>
      </c>
      <c r="V2666" s="166">
        <v>0</v>
      </c>
      <c r="W2666" s="166">
        <v>0</v>
      </c>
      <c r="X2666" s="166">
        <v>0</v>
      </c>
      <c r="Y2666" s="166">
        <v>0</v>
      </c>
      <c r="Z2666" s="166">
        <v>0</v>
      </c>
      <c r="AA2666" s="166">
        <v>0</v>
      </c>
      <c r="AB2666" s="166">
        <v>-1626426614.8592501</v>
      </c>
      <c r="AC2666" s="166">
        <v>0</v>
      </c>
      <c r="AD2666" s="166">
        <v>0</v>
      </c>
      <c r="AE2666" s="166">
        <v>0</v>
      </c>
      <c r="AF2666" s="166">
        <v>0</v>
      </c>
      <c r="AG2666" s="166">
        <v>0</v>
      </c>
      <c r="AH2666" s="166">
        <v>0</v>
      </c>
      <c r="AI2666" s="166">
        <v>0</v>
      </c>
      <c r="AJ2666" s="166">
        <v>0</v>
      </c>
      <c r="AK2666" s="166">
        <v>0</v>
      </c>
      <c r="AL2666" s="166">
        <v>0</v>
      </c>
      <c r="AM2666" s="166">
        <v>0</v>
      </c>
      <c r="AN2666" s="166">
        <v>0</v>
      </c>
      <c r="AO2666" s="166">
        <v>0</v>
      </c>
      <c r="AP2666" s="166">
        <v>0</v>
      </c>
      <c r="AQ2666" s="166">
        <v>0</v>
      </c>
      <c r="AR2666" s="166">
        <v>0</v>
      </c>
      <c r="AS2666" s="166">
        <v>0</v>
      </c>
      <c r="AT2666" s="166">
        <v>0</v>
      </c>
      <c r="AU2666" s="166">
        <v>0</v>
      </c>
      <c r="AV2666" s="166">
        <v>0</v>
      </c>
      <c r="AW2666" s="166">
        <v>0</v>
      </c>
      <c r="AX2666" s="166">
        <v>-4013023.0514417398</v>
      </c>
      <c r="AY2666" s="166">
        <v>-59485239.119999997</v>
      </c>
      <c r="AZ2666" s="166">
        <v>0</v>
      </c>
      <c r="BA2666" s="166">
        <v>0</v>
      </c>
      <c r="BB2666" s="166">
        <v>0</v>
      </c>
      <c r="BC2666" s="166">
        <v>0</v>
      </c>
      <c r="BD2666" s="166">
        <v>-12564645.759999899</v>
      </c>
      <c r="BE2666" s="166">
        <v>0</v>
      </c>
      <c r="BF2666" s="166">
        <v>0</v>
      </c>
      <c r="BG2666" s="166">
        <v>-16621178.51</v>
      </c>
      <c r="BH2666" s="166">
        <v>0</v>
      </c>
      <c r="BI2666" s="166">
        <v>-11554140.34</v>
      </c>
      <c r="BJ2666" s="166">
        <v>-1626426614.8592501</v>
      </c>
      <c r="BK2666" s="166">
        <v>0</v>
      </c>
      <c r="BL2666" s="166">
        <v>0</v>
      </c>
      <c r="BM2666" s="166">
        <v>0</v>
      </c>
      <c r="BN2666" s="166">
        <v>0</v>
      </c>
      <c r="BO2666" s="166">
        <v>-4013023.0514417398</v>
      </c>
      <c r="BP2666" s="166">
        <v>-59485239.119999997</v>
      </c>
      <c r="BQ2666" s="166">
        <v>0</v>
      </c>
      <c r="BR2666" s="166">
        <v>2480902787.1501698</v>
      </c>
      <c r="BS2666" s="166">
        <v>750237945.50948203</v>
      </c>
      <c r="BT2666" s="168">
        <v>0</v>
      </c>
      <c r="BU2666" s="166">
        <v>186074478.60932899</v>
      </c>
      <c r="BV2666" s="166">
        <v>2452910618.4551902</v>
      </c>
      <c r="BW2666" s="166">
        <v>0</v>
      </c>
      <c r="BX2666" s="166">
        <v>0</v>
      </c>
      <c r="BY2666" s="166">
        <v>0</v>
      </c>
      <c r="BZ2666" s="166">
        <v>0</v>
      </c>
      <c r="CA2666" s="166">
        <v>0</v>
      </c>
      <c r="CB2666" s="166">
        <v>0</v>
      </c>
      <c r="CC2666" s="166">
        <v>0</v>
      </c>
      <c r="CD2666" s="166">
        <v>0</v>
      </c>
      <c r="CE2666" s="166">
        <v>0</v>
      </c>
      <c r="CF2666" s="166">
        <v>0</v>
      </c>
      <c r="CG2666" s="166">
        <v>0</v>
      </c>
      <c r="CH2666" s="166">
        <v>-4013023.0514417398</v>
      </c>
      <c r="CI2666" s="166">
        <v>0</v>
      </c>
      <c r="CJ2666" s="166">
        <v>0</v>
      </c>
      <c r="CK2666" s="166">
        <v>0</v>
      </c>
      <c r="CL2666" s="166">
        <v>0</v>
      </c>
      <c r="CM2666" s="166">
        <v>0</v>
      </c>
      <c r="CN2666" s="166">
        <v>0</v>
      </c>
      <c r="CO2666" s="166">
        <v>0</v>
      </c>
      <c r="CP2666" s="166">
        <v>0</v>
      </c>
      <c r="CQ2666" s="166">
        <v>0</v>
      </c>
      <c r="CR2666" s="166">
        <v>0</v>
      </c>
      <c r="CS2666" s="166">
        <v>0</v>
      </c>
      <c r="CT2666" s="166">
        <v>0</v>
      </c>
      <c r="CU2666" s="166">
        <v>0</v>
      </c>
      <c r="CV2666" s="166">
        <v>-4013023.0514417398</v>
      </c>
      <c r="CW2666" s="166">
        <v>0</v>
      </c>
      <c r="CX2666" s="166">
        <v>0</v>
      </c>
      <c r="CY2666" s="166">
        <v>731740460.49918795</v>
      </c>
      <c r="CZ2666" s="166">
        <v>731740460.49918795</v>
      </c>
    </row>
    <row r="2667" spans="1:104" x14ac:dyDescent="0.2">
      <c r="A2667" s="167" t="s">
        <v>512</v>
      </c>
    </row>
    <row r="2668" spans="1:104" x14ac:dyDescent="0.2">
      <c r="A2668" s="170" t="s">
        <v>513</v>
      </c>
    </row>
    <row r="2669" spans="1:104" x14ac:dyDescent="0.2">
      <c r="A2669" s="167" t="s">
        <v>514</v>
      </c>
      <c r="B2669" s="166">
        <v>2480902787.1501698</v>
      </c>
      <c r="C2669" s="166">
        <v>2480902787.1501698</v>
      </c>
      <c r="D2669" s="166">
        <v>0</v>
      </c>
      <c r="E2669" s="166">
        <v>0</v>
      </c>
      <c r="F2669" s="166">
        <v>0</v>
      </c>
      <c r="G2669" s="166">
        <v>0</v>
      </c>
      <c r="H2669" s="166">
        <v>0</v>
      </c>
      <c r="I2669" s="166">
        <v>0</v>
      </c>
      <c r="J2669" s="166">
        <v>0</v>
      </c>
      <c r="K2669" s="166">
        <v>0</v>
      </c>
      <c r="L2669" s="166">
        <v>0</v>
      </c>
      <c r="M2669" s="166">
        <v>0</v>
      </c>
      <c r="N2669" s="166">
        <v>0</v>
      </c>
      <c r="O2669" s="166">
        <v>0</v>
      </c>
      <c r="P2669" s="166">
        <v>0</v>
      </c>
      <c r="Q2669" s="166">
        <v>0</v>
      </c>
      <c r="R2669" s="166">
        <v>0</v>
      </c>
      <c r="S2669" s="166">
        <v>0</v>
      </c>
      <c r="T2669" s="166">
        <v>0</v>
      </c>
      <c r="U2669" s="166">
        <v>0</v>
      </c>
      <c r="V2669" s="166">
        <v>0</v>
      </c>
      <c r="W2669" s="166">
        <v>0</v>
      </c>
      <c r="X2669" s="166">
        <v>0</v>
      </c>
      <c r="Y2669" s="166">
        <v>0</v>
      </c>
      <c r="Z2669" s="166">
        <v>0</v>
      </c>
      <c r="AA2669" s="166">
        <v>0</v>
      </c>
      <c r="AB2669" s="166">
        <v>0</v>
      </c>
      <c r="AC2669" s="166">
        <v>0</v>
      </c>
      <c r="AD2669" s="166">
        <v>0</v>
      </c>
      <c r="AE2669" s="166">
        <v>0</v>
      </c>
      <c r="AF2669" s="166">
        <v>0</v>
      </c>
      <c r="AG2669" s="166">
        <v>0</v>
      </c>
      <c r="AH2669" s="166">
        <v>0</v>
      </c>
      <c r="AI2669" s="166">
        <v>0</v>
      </c>
      <c r="AJ2669" s="166">
        <v>0</v>
      </c>
      <c r="AK2669" s="166">
        <v>0</v>
      </c>
      <c r="AL2669" s="166">
        <v>0</v>
      </c>
      <c r="AM2669" s="166">
        <v>0</v>
      </c>
      <c r="AN2669" s="166">
        <v>0</v>
      </c>
      <c r="AO2669" s="166">
        <v>0</v>
      </c>
      <c r="AP2669" s="166">
        <v>0</v>
      </c>
      <c r="AQ2669" s="166">
        <v>0</v>
      </c>
      <c r="AR2669" s="166">
        <v>0</v>
      </c>
      <c r="AS2669" s="166">
        <v>0</v>
      </c>
      <c r="AT2669" s="166">
        <v>0</v>
      </c>
      <c r="AU2669" s="166">
        <v>0</v>
      </c>
      <c r="AV2669" s="166">
        <v>0</v>
      </c>
      <c r="AW2669" s="166">
        <v>0</v>
      </c>
      <c r="AX2669" s="166">
        <v>0</v>
      </c>
      <c r="AY2669" s="166">
        <v>0</v>
      </c>
      <c r="AZ2669" s="166">
        <v>0</v>
      </c>
      <c r="BA2669" s="166">
        <v>0</v>
      </c>
      <c r="BB2669" s="166">
        <v>0</v>
      </c>
      <c r="BC2669" s="166">
        <v>0</v>
      </c>
      <c r="BD2669" s="166">
        <v>0</v>
      </c>
      <c r="BE2669" s="166">
        <v>0</v>
      </c>
      <c r="BF2669" s="166">
        <v>0</v>
      </c>
      <c r="BG2669" s="166">
        <v>0</v>
      </c>
      <c r="BH2669" s="166">
        <v>0</v>
      </c>
      <c r="BI2669" s="166">
        <v>0</v>
      </c>
      <c r="BJ2669" s="166">
        <v>0</v>
      </c>
      <c r="BK2669" s="166">
        <v>0</v>
      </c>
      <c r="BL2669" s="166">
        <v>0</v>
      </c>
      <c r="BM2669" s="166">
        <v>0</v>
      </c>
      <c r="BN2669" s="166">
        <v>0</v>
      </c>
      <c r="BO2669" s="166">
        <v>0</v>
      </c>
      <c r="BP2669" s="166">
        <v>0</v>
      </c>
      <c r="BQ2669" s="166">
        <v>0</v>
      </c>
      <c r="BR2669" s="166">
        <v>2480902787.1501698</v>
      </c>
      <c r="BS2669" s="166">
        <v>2480902787.1501698</v>
      </c>
      <c r="BT2669" s="168">
        <v>0</v>
      </c>
      <c r="BU2669" s="166">
        <v>0</v>
      </c>
      <c r="BV2669" s="166">
        <v>0</v>
      </c>
      <c r="BW2669" s="166">
        <v>0</v>
      </c>
      <c r="BX2669" s="166">
        <v>0</v>
      </c>
      <c r="BY2669" s="166">
        <v>0</v>
      </c>
      <c r="BZ2669" s="166">
        <v>0</v>
      </c>
      <c r="CA2669" s="166">
        <v>0</v>
      </c>
      <c r="CB2669" s="166">
        <v>0</v>
      </c>
      <c r="CC2669" s="166">
        <v>0</v>
      </c>
      <c r="CD2669" s="166">
        <v>0</v>
      </c>
      <c r="CE2669" s="166">
        <v>0</v>
      </c>
      <c r="CF2669" s="166">
        <v>0</v>
      </c>
      <c r="CG2669" s="166">
        <v>0</v>
      </c>
      <c r="CH2669" s="166">
        <v>0</v>
      </c>
      <c r="CI2669" s="166">
        <v>0</v>
      </c>
      <c r="CJ2669" s="166">
        <v>0</v>
      </c>
      <c r="CK2669" s="166">
        <v>0</v>
      </c>
      <c r="CL2669" s="166">
        <v>0</v>
      </c>
      <c r="CM2669" s="166">
        <v>0</v>
      </c>
      <c r="CN2669" s="166">
        <v>0</v>
      </c>
      <c r="CO2669" s="166">
        <v>0</v>
      </c>
      <c r="CP2669" s="166">
        <v>0</v>
      </c>
      <c r="CQ2669" s="166">
        <v>0</v>
      </c>
      <c r="CR2669" s="166">
        <v>0</v>
      </c>
      <c r="CS2669" s="166">
        <v>0</v>
      </c>
      <c r="CT2669" s="166">
        <v>0</v>
      </c>
      <c r="CU2669" s="166">
        <v>0</v>
      </c>
      <c r="CV2669" s="166">
        <v>0</v>
      </c>
      <c r="CW2669" s="166">
        <v>0</v>
      </c>
      <c r="CX2669" s="166">
        <v>0</v>
      </c>
      <c r="CY2669" s="166">
        <v>0</v>
      </c>
      <c r="CZ2669" s="166">
        <v>0</v>
      </c>
    </row>
    <row r="2670" spans="1:104" x14ac:dyDescent="0.2">
      <c r="A2670" s="167" t="s">
        <v>515</v>
      </c>
      <c r="B2670" s="166">
        <v>1638991260.6192501</v>
      </c>
      <c r="C2670" s="166">
        <v>1638991260.6192501</v>
      </c>
      <c r="D2670" s="166">
        <v>0</v>
      </c>
      <c r="E2670" s="166">
        <v>0</v>
      </c>
      <c r="F2670" s="166">
        <v>0</v>
      </c>
      <c r="G2670" s="166">
        <v>0</v>
      </c>
      <c r="H2670" s="166">
        <v>0</v>
      </c>
      <c r="I2670" s="166">
        <v>0</v>
      </c>
      <c r="J2670" s="166">
        <v>0</v>
      </c>
      <c r="K2670" s="166">
        <v>0</v>
      </c>
      <c r="L2670" s="166">
        <v>0</v>
      </c>
      <c r="M2670" s="166">
        <v>0</v>
      </c>
      <c r="N2670" s="166">
        <v>0</v>
      </c>
      <c r="O2670" s="166">
        <v>0</v>
      </c>
      <c r="P2670" s="166">
        <v>0</v>
      </c>
      <c r="Q2670" s="166">
        <v>0</v>
      </c>
      <c r="R2670" s="166">
        <v>0</v>
      </c>
      <c r="S2670" s="166">
        <v>0</v>
      </c>
      <c r="T2670" s="166">
        <v>0</v>
      </c>
      <c r="U2670" s="166">
        <v>0</v>
      </c>
      <c r="V2670" s="166">
        <v>0</v>
      </c>
      <c r="W2670" s="166">
        <v>0</v>
      </c>
      <c r="X2670" s="166">
        <v>0</v>
      </c>
      <c r="Y2670" s="166">
        <v>0</v>
      </c>
      <c r="Z2670" s="166">
        <v>0</v>
      </c>
      <c r="AA2670" s="166">
        <v>0</v>
      </c>
      <c r="AB2670" s="166">
        <v>0</v>
      </c>
      <c r="AC2670" s="166">
        <v>0</v>
      </c>
      <c r="AD2670" s="166">
        <v>0</v>
      </c>
      <c r="AE2670" s="166">
        <v>0</v>
      </c>
      <c r="AF2670" s="166">
        <v>0</v>
      </c>
      <c r="AG2670" s="166">
        <v>0</v>
      </c>
      <c r="AH2670" s="166">
        <v>0</v>
      </c>
      <c r="AI2670" s="166">
        <v>0</v>
      </c>
      <c r="AJ2670" s="166">
        <v>0</v>
      </c>
      <c r="AK2670" s="166">
        <v>0</v>
      </c>
      <c r="AL2670" s="166">
        <v>0</v>
      </c>
      <c r="AM2670" s="166">
        <v>0</v>
      </c>
      <c r="AN2670" s="166">
        <v>0</v>
      </c>
      <c r="AO2670" s="166">
        <v>0</v>
      </c>
      <c r="AP2670" s="166">
        <v>0</v>
      </c>
      <c r="AQ2670" s="166">
        <v>0</v>
      </c>
      <c r="AR2670" s="166">
        <v>0</v>
      </c>
      <c r="AS2670" s="166">
        <v>0</v>
      </c>
      <c r="AT2670" s="166">
        <v>0</v>
      </c>
      <c r="AU2670" s="166">
        <v>0</v>
      </c>
      <c r="AV2670" s="166">
        <v>0</v>
      </c>
      <c r="AW2670" s="166">
        <v>0</v>
      </c>
      <c r="AX2670" s="166">
        <v>0</v>
      </c>
      <c r="AY2670" s="166">
        <v>0</v>
      </c>
      <c r="AZ2670" s="166">
        <v>0</v>
      </c>
      <c r="BA2670" s="166">
        <v>0</v>
      </c>
      <c r="BB2670" s="166">
        <v>0</v>
      </c>
      <c r="BC2670" s="166">
        <v>0</v>
      </c>
      <c r="BD2670" s="166">
        <v>0</v>
      </c>
      <c r="BE2670" s="166">
        <v>0</v>
      </c>
      <c r="BF2670" s="166">
        <v>0</v>
      </c>
      <c r="BG2670" s="166">
        <v>0</v>
      </c>
      <c r="BH2670" s="166">
        <v>0</v>
      </c>
      <c r="BI2670" s="166">
        <v>0</v>
      </c>
      <c r="BJ2670" s="166">
        <v>0</v>
      </c>
      <c r="BK2670" s="166">
        <v>0</v>
      </c>
      <c r="BL2670" s="166">
        <v>0</v>
      </c>
      <c r="BM2670" s="166">
        <v>0</v>
      </c>
      <c r="BN2670" s="166">
        <v>0</v>
      </c>
      <c r="BO2670" s="166">
        <v>0</v>
      </c>
      <c r="BP2670" s="166">
        <v>0</v>
      </c>
      <c r="BQ2670" s="166">
        <v>0</v>
      </c>
      <c r="BR2670" s="166">
        <v>1638991260.6192501</v>
      </c>
      <c r="BS2670" s="166">
        <v>1638991260.6192501</v>
      </c>
      <c r="BT2670" s="168">
        <v>0</v>
      </c>
      <c r="BU2670" s="166">
        <v>0</v>
      </c>
      <c r="BV2670" s="166">
        <v>0</v>
      </c>
      <c r="BW2670" s="166">
        <v>0</v>
      </c>
      <c r="BX2670" s="166">
        <v>0</v>
      </c>
      <c r="BY2670" s="166">
        <v>0</v>
      </c>
      <c r="BZ2670" s="166">
        <v>0</v>
      </c>
      <c r="CA2670" s="166">
        <v>0</v>
      </c>
      <c r="CB2670" s="166">
        <v>0</v>
      </c>
      <c r="CC2670" s="166">
        <v>0</v>
      </c>
      <c r="CD2670" s="166">
        <v>0</v>
      </c>
      <c r="CE2670" s="166">
        <v>0</v>
      </c>
      <c r="CF2670" s="166">
        <v>0</v>
      </c>
      <c r="CG2670" s="166">
        <v>0</v>
      </c>
      <c r="CH2670" s="166">
        <v>0</v>
      </c>
      <c r="CI2670" s="166">
        <v>0</v>
      </c>
      <c r="CJ2670" s="166">
        <v>0</v>
      </c>
      <c r="CK2670" s="166">
        <v>0</v>
      </c>
      <c r="CL2670" s="166">
        <v>0</v>
      </c>
      <c r="CM2670" s="166">
        <v>0</v>
      </c>
      <c r="CN2670" s="166">
        <v>0</v>
      </c>
      <c r="CO2670" s="166">
        <v>0</v>
      </c>
      <c r="CP2670" s="166">
        <v>0</v>
      </c>
      <c r="CQ2670" s="166">
        <v>0</v>
      </c>
      <c r="CR2670" s="166">
        <v>0</v>
      </c>
      <c r="CS2670" s="166">
        <v>0</v>
      </c>
      <c r="CT2670" s="166">
        <v>0</v>
      </c>
      <c r="CU2670" s="166">
        <v>0</v>
      </c>
      <c r="CV2670" s="166">
        <v>0</v>
      </c>
      <c r="CW2670" s="166">
        <v>0</v>
      </c>
      <c r="CX2670" s="166">
        <v>0</v>
      </c>
      <c r="CY2670" s="166">
        <v>0</v>
      </c>
      <c r="CZ2670" s="166">
        <v>0</v>
      </c>
    </row>
    <row r="2671" spans="1:104" x14ac:dyDescent="0.2">
      <c r="A2671" s="167" t="s">
        <v>516</v>
      </c>
      <c r="B2671" s="166">
        <v>841911526.53092396</v>
      </c>
      <c r="C2671" s="166">
        <v>841911526.53092396</v>
      </c>
      <c r="D2671" s="166">
        <v>0</v>
      </c>
      <c r="E2671" s="166">
        <v>0</v>
      </c>
      <c r="F2671" s="166">
        <v>0</v>
      </c>
      <c r="G2671" s="166">
        <v>0</v>
      </c>
      <c r="H2671" s="166">
        <v>0</v>
      </c>
      <c r="I2671" s="166">
        <v>0</v>
      </c>
      <c r="J2671" s="166">
        <v>0</v>
      </c>
      <c r="K2671" s="166">
        <v>0</v>
      </c>
      <c r="L2671" s="166">
        <v>0</v>
      </c>
      <c r="M2671" s="166">
        <v>0</v>
      </c>
      <c r="N2671" s="166">
        <v>0</v>
      </c>
      <c r="O2671" s="166">
        <v>0</v>
      </c>
      <c r="P2671" s="166">
        <v>0</v>
      </c>
      <c r="Q2671" s="166">
        <v>0</v>
      </c>
      <c r="R2671" s="166">
        <v>0</v>
      </c>
      <c r="S2671" s="166">
        <v>0</v>
      </c>
      <c r="T2671" s="166">
        <v>0</v>
      </c>
      <c r="U2671" s="166">
        <v>0</v>
      </c>
      <c r="V2671" s="166">
        <v>0</v>
      </c>
      <c r="W2671" s="166">
        <v>0</v>
      </c>
      <c r="X2671" s="166">
        <v>0</v>
      </c>
      <c r="Y2671" s="166">
        <v>0</v>
      </c>
      <c r="Z2671" s="166">
        <v>0</v>
      </c>
      <c r="AA2671" s="166">
        <v>0</v>
      </c>
      <c r="AB2671" s="166">
        <v>0</v>
      </c>
      <c r="AC2671" s="166">
        <v>0</v>
      </c>
      <c r="AD2671" s="166">
        <v>0</v>
      </c>
      <c r="AE2671" s="166">
        <v>0</v>
      </c>
      <c r="AF2671" s="166">
        <v>0</v>
      </c>
      <c r="AG2671" s="166">
        <v>0</v>
      </c>
      <c r="AH2671" s="166">
        <v>0</v>
      </c>
      <c r="AI2671" s="166">
        <v>0</v>
      </c>
      <c r="AJ2671" s="166">
        <v>0</v>
      </c>
      <c r="AK2671" s="166">
        <v>0</v>
      </c>
      <c r="AL2671" s="166">
        <v>0</v>
      </c>
      <c r="AM2671" s="166">
        <v>0</v>
      </c>
      <c r="AN2671" s="166">
        <v>0</v>
      </c>
      <c r="AO2671" s="166">
        <v>0</v>
      </c>
      <c r="AP2671" s="166">
        <v>0</v>
      </c>
      <c r="AQ2671" s="166">
        <v>0</v>
      </c>
      <c r="AR2671" s="166">
        <v>0</v>
      </c>
      <c r="AS2671" s="166">
        <v>0</v>
      </c>
      <c r="AT2671" s="166">
        <v>0</v>
      </c>
      <c r="AU2671" s="166">
        <v>0</v>
      </c>
      <c r="AV2671" s="166">
        <v>0</v>
      </c>
      <c r="AW2671" s="166">
        <v>0</v>
      </c>
      <c r="AX2671" s="166">
        <v>0</v>
      </c>
      <c r="AY2671" s="166">
        <v>0</v>
      </c>
      <c r="AZ2671" s="166">
        <v>0</v>
      </c>
      <c r="BA2671" s="166">
        <v>0</v>
      </c>
      <c r="BB2671" s="166">
        <v>0</v>
      </c>
      <c r="BC2671" s="166">
        <v>0</v>
      </c>
      <c r="BD2671" s="166">
        <v>0</v>
      </c>
      <c r="BE2671" s="166">
        <v>0</v>
      </c>
      <c r="BF2671" s="166">
        <v>0</v>
      </c>
      <c r="BG2671" s="166">
        <v>0</v>
      </c>
      <c r="BH2671" s="166">
        <v>0</v>
      </c>
      <c r="BI2671" s="166">
        <v>0</v>
      </c>
      <c r="BJ2671" s="166">
        <v>0</v>
      </c>
      <c r="BK2671" s="166">
        <v>0</v>
      </c>
      <c r="BL2671" s="166">
        <v>0</v>
      </c>
      <c r="BM2671" s="166">
        <v>0</v>
      </c>
      <c r="BN2671" s="166">
        <v>0</v>
      </c>
      <c r="BO2671" s="166">
        <v>0</v>
      </c>
      <c r="BP2671" s="166">
        <v>0</v>
      </c>
      <c r="BQ2671" s="166">
        <v>0</v>
      </c>
      <c r="BR2671" s="166">
        <v>841911526.53092396</v>
      </c>
      <c r="BS2671" s="166">
        <v>841911526.53092396</v>
      </c>
      <c r="BT2671" s="168">
        <v>0</v>
      </c>
      <c r="BU2671" s="166">
        <v>0</v>
      </c>
      <c r="BV2671" s="166">
        <v>0</v>
      </c>
      <c r="BW2671" s="166">
        <v>0</v>
      </c>
      <c r="BX2671" s="166">
        <v>0</v>
      </c>
      <c r="BY2671" s="166">
        <v>0</v>
      </c>
      <c r="BZ2671" s="166">
        <v>0</v>
      </c>
      <c r="CA2671" s="166">
        <v>0</v>
      </c>
      <c r="CB2671" s="166">
        <v>0</v>
      </c>
      <c r="CC2671" s="166">
        <v>0</v>
      </c>
      <c r="CD2671" s="166">
        <v>0</v>
      </c>
      <c r="CE2671" s="166">
        <v>0</v>
      </c>
      <c r="CF2671" s="166">
        <v>0</v>
      </c>
      <c r="CG2671" s="166">
        <v>0</v>
      </c>
      <c r="CH2671" s="166">
        <v>0</v>
      </c>
      <c r="CI2671" s="166">
        <v>0</v>
      </c>
      <c r="CJ2671" s="166">
        <v>0</v>
      </c>
      <c r="CK2671" s="166">
        <v>0</v>
      </c>
      <c r="CL2671" s="166">
        <v>0</v>
      </c>
      <c r="CM2671" s="166">
        <v>0</v>
      </c>
      <c r="CN2671" s="166">
        <v>0</v>
      </c>
      <c r="CO2671" s="166">
        <v>0</v>
      </c>
      <c r="CP2671" s="166">
        <v>0</v>
      </c>
      <c r="CQ2671" s="166">
        <v>0</v>
      </c>
      <c r="CR2671" s="166">
        <v>0</v>
      </c>
      <c r="CS2671" s="166">
        <v>0</v>
      </c>
      <c r="CT2671" s="166">
        <v>0</v>
      </c>
      <c r="CU2671" s="166">
        <v>0</v>
      </c>
      <c r="CV2671" s="166">
        <v>0</v>
      </c>
      <c r="CW2671" s="166">
        <v>0</v>
      </c>
      <c r="CX2671" s="166">
        <v>0</v>
      </c>
      <c r="CY2671" s="166">
        <v>0</v>
      </c>
      <c r="CZ2671" s="166">
        <v>0</v>
      </c>
    </row>
    <row r="2672" spans="1:104" x14ac:dyDescent="0.2">
      <c r="A2672" s="167" t="s">
        <v>517</v>
      </c>
      <c r="B2672" s="166">
        <v>0</v>
      </c>
      <c r="C2672" s="166">
        <v>0</v>
      </c>
      <c r="D2672" s="166">
        <v>0</v>
      </c>
      <c r="E2672" s="166">
        <v>0</v>
      </c>
      <c r="F2672" s="166">
        <v>0</v>
      </c>
      <c r="G2672" s="166">
        <v>0</v>
      </c>
      <c r="H2672" s="166">
        <v>0</v>
      </c>
      <c r="I2672" s="166">
        <v>0</v>
      </c>
      <c r="J2672" s="166">
        <v>0</v>
      </c>
      <c r="K2672" s="166">
        <v>0</v>
      </c>
      <c r="L2672" s="166">
        <v>0</v>
      </c>
      <c r="M2672" s="166">
        <v>0</v>
      </c>
      <c r="N2672" s="166">
        <v>0</v>
      </c>
      <c r="O2672" s="166">
        <v>0</v>
      </c>
      <c r="P2672" s="166">
        <v>0</v>
      </c>
      <c r="Q2672" s="166">
        <v>0</v>
      </c>
      <c r="R2672" s="166">
        <v>0</v>
      </c>
      <c r="S2672" s="166">
        <v>0</v>
      </c>
      <c r="T2672" s="166">
        <v>0</v>
      </c>
      <c r="U2672" s="166">
        <v>0</v>
      </c>
      <c r="V2672" s="166">
        <v>0</v>
      </c>
      <c r="W2672" s="166">
        <v>0</v>
      </c>
      <c r="X2672" s="166">
        <v>0</v>
      </c>
      <c r="Y2672" s="166">
        <v>0</v>
      </c>
      <c r="Z2672" s="166">
        <v>0</v>
      </c>
      <c r="AA2672" s="166">
        <v>0</v>
      </c>
      <c r="AB2672" s="166">
        <v>0</v>
      </c>
      <c r="AC2672" s="166">
        <v>0</v>
      </c>
      <c r="AD2672" s="166">
        <v>0</v>
      </c>
      <c r="AE2672" s="166">
        <v>0</v>
      </c>
      <c r="AF2672" s="166">
        <v>0</v>
      </c>
      <c r="AG2672" s="166">
        <v>0</v>
      </c>
      <c r="AH2672" s="166">
        <v>0</v>
      </c>
      <c r="AI2672" s="166">
        <v>0</v>
      </c>
      <c r="AJ2672" s="166">
        <v>0</v>
      </c>
      <c r="AK2672" s="166">
        <v>0</v>
      </c>
      <c r="AL2672" s="166">
        <v>0</v>
      </c>
      <c r="AM2672" s="166">
        <v>0</v>
      </c>
      <c r="AN2672" s="166">
        <v>0</v>
      </c>
      <c r="AO2672" s="166">
        <v>0</v>
      </c>
      <c r="AP2672" s="166">
        <v>0</v>
      </c>
      <c r="AQ2672" s="166">
        <v>0</v>
      </c>
      <c r="AR2672" s="166">
        <v>0</v>
      </c>
      <c r="AS2672" s="166">
        <v>0</v>
      </c>
      <c r="AT2672" s="166">
        <v>0</v>
      </c>
      <c r="AU2672" s="166">
        <v>0</v>
      </c>
      <c r="AV2672" s="166">
        <v>0</v>
      </c>
      <c r="AW2672" s="166">
        <v>0</v>
      </c>
      <c r="AX2672" s="166">
        <v>0</v>
      </c>
      <c r="AY2672" s="166">
        <v>0</v>
      </c>
      <c r="AZ2672" s="166">
        <v>0</v>
      </c>
      <c r="BA2672" s="166">
        <v>0</v>
      </c>
      <c r="BB2672" s="166">
        <v>0</v>
      </c>
      <c r="BC2672" s="166">
        <v>0</v>
      </c>
      <c r="BD2672" s="166">
        <v>0</v>
      </c>
      <c r="BE2672" s="166">
        <v>0</v>
      </c>
      <c r="BF2672" s="166">
        <v>0</v>
      </c>
      <c r="BG2672" s="166">
        <v>0</v>
      </c>
      <c r="BH2672" s="166">
        <v>0</v>
      </c>
      <c r="BI2672" s="166">
        <v>0</v>
      </c>
      <c r="BJ2672" s="166">
        <v>0</v>
      </c>
      <c r="BK2672" s="166">
        <v>0</v>
      </c>
      <c r="BL2672" s="166">
        <v>0</v>
      </c>
      <c r="BM2672" s="166">
        <v>0</v>
      </c>
      <c r="BN2672" s="166">
        <v>0</v>
      </c>
      <c r="BO2672" s="166">
        <v>0</v>
      </c>
      <c r="BP2672" s="166">
        <v>0</v>
      </c>
      <c r="BQ2672" s="166">
        <v>0</v>
      </c>
      <c r="BR2672" s="166">
        <v>0</v>
      </c>
      <c r="BS2672" s="166">
        <v>0</v>
      </c>
      <c r="BT2672" s="168">
        <v>0</v>
      </c>
      <c r="BU2672" s="166">
        <v>0</v>
      </c>
      <c r="BV2672" s="166">
        <v>0</v>
      </c>
      <c r="BW2672" s="166">
        <v>0</v>
      </c>
      <c r="BX2672" s="166">
        <v>0</v>
      </c>
      <c r="BY2672" s="166">
        <v>0</v>
      </c>
      <c r="BZ2672" s="166">
        <v>0</v>
      </c>
      <c r="CA2672" s="166">
        <v>0</v>
      </c>
      <c r="CB2672" s="166">
        <v>0</v>
      </c>
      <c r="CC2672" s="166">
        <v>0</v>
      </c>
      <c r="CD2672" s="166">
        <v>0</v>
      </c>
      <c r="CE2672" s="166">
        <v>0</v>
      </c>
      <c r="CF2672" s="166">
        <v>0</v>
      </c>
      <c r="CG2672" s="166">
        <v>0</v>
      </c>
      <c r="CH2672" s="166">
        <v>0</v>
      </c>
      <c r="CI2672" s="166">
        <v>0</v>
      </c>
      <c r="CJ2672" s="166">
        <v>0</v>
      </c>
      <c r="CK2672" s="166">
        <v>0</v>
      </c>
      <c r="CL2672" s="166">
        <v>0</v>
      </c>
      <c r="CM2672" s="166">
        <v>0</v>
      </c>
      <c r="CN2672" s="166">
        <v>0</v>
      </c>
      <c r="CO2672" s="166">
        <v>0</v>
      </c>
      <c r="CP2672" s="166">
        <v>0</v>
      </c>
      <c r="CQ2672" s="166">
        <v>0</v>
      </c>
      <c r="CR2672" s="166">
        <v>0</v>
      </c>
      <c r="CS2672" s="166">
        <v>0</v>
      </c>
      <c r="CT2672" s="166">
        <v>0</v>
      </c>
      <c r="CU2672" s="166">
        <v>0</v>
      </c>
      <c r="CV2672" s="166">
        <v>0</v>
      </c>
      <c r="CW2672" s="166">
        <v>0</v>
      </c>
      <c r="CX2672" s="166">
        <v>0</v>
      </c>
      <c r="CY2672" s="166">
        <v>0</v>
      </c>
      <c r="CZ2672" s="166">
        <v>0</v>
      </c>
    </row>
    <row r="2673" spans="1:104" x14ac:dyDescent="0.2">
      <c r="A2673" s="167" t="s">
        <v>518</v>
      </c>
      <c r="B2673" s="166">
        <v>0</v>
      </c>
      <c r="C2673" s="166">
        <v>0</v>
      </c>
      <c r="D2673" s="166">
        <v>0</v>
      </c>
      <c r="E2673" s="166">
        <v>0</v>
      </c>
      <c r="F2673" s="166">
        <v>0</v>
      </c>
      <c r="G2673" s="166">
        <v>0</v>
      </c>
      <c r="H2673" s="166">
        <v>0</v>
      </c>
      <c r="I2673" s="166">
        <v>0</v>
      </c>
      <c r="J2673" s="166">
        <v>0</v>
      </c>
      <c r="K2673" s="166">
        <v>0</v>
      </c>
      <c r="L2673" s="166">
        <v>0</v>
      </c>
      <c r="M2673" s="166">
        <v>0</v>
      </c>
      <c r="N2673" s="166">
        <v>0</v>
      </c>
      <c r="O2673" s="166">
        <v>0</v>
      </c>
      <c r="P2673" s="166">
        <v>0</v>
      </c>
      <c r="Q2673" s="166">
        <v>0</v>
      </c>
      <c r="R2673" s="166">
        <v>0</v>
      </c>
      <c r="S2673" s="166">
        <v>0</v>
      </c>
      <c r="T2673" s="166">
        <v>0</v>
      </c>
      <c r="U2673" s="166">
        <v>0</v>
      </c>
      <c r="V2673" s="166">
        <v>0</v>
      </c>
      <c r="W2673" s="166">
        <v>0</v>
      </c>
      <c r="X2673" s="166">
        <v>0</v>
      </c>
      <c r="Y2673" s="166">
        <v>0</v>
      </c>
      <c r="Z2673" s="166">
        <v>0</v>
      </c>
      <c r="AA2673" s="166">
        <v>0</v>
      </c>
      <c r="AB2673" s="166">
        <v>0</v>
      </c>
      <c r="AC2673" s="166">
        <v>0</v>
      </c>
      <c r="AD2673" s="166">
        <v>0</v>
      </c>
      <c r="AE2673" s="166">
        <v>0</v>
      </c>
      <c r="AF2673" s="166">
        <v>0</v>
      </c>
      <c r="AG2673" s="166">
        <v>0</v>
      </c>
      <c r="AH2673" s="166">
        <v>0</v>
      </c>
      <c r="AI2673" s="166">
        <v>0</v>
      </c>
      <c r="AJ2673" s="166">
        <v>0</v>
      </c>
      <c r="AK2673" s="166">
        <v>0</v>
      </c>
      <c r="AL2673" s="166">
        <v>0</v>
      </c>
      <c r="AM2673" s="166">
        <v>0</v>
      </c>
      <c r="AN2673" s="166">
        <v>0</v>
      </c>
      <c r="AO2673" s="166">
        <v>0</v>
      </c>
      <c r="AP2673" s="166">
        <v>0</v>
      </c>
      <c r="AQ2673" s="166">
        <v>0</v>
      </c>
      <c r="AR2673" s="166">
        <v>0</v>
      </c>
      <c r="AS2673" s="166">
        <v>0</v>
      </c>
      <c r="AT2673" s="166">
        <v>0</v>
      </c>
      <c r="AU2673" s="166">
        <v>0</v>
      </c>
      <c r="AV2673" s="166">
        <v>0</v>
      </c>
      <c r="AW2673" s="166">
        <v>0</v>
      </c>
      <c r="AX2673" s="166">
        <v>0</v>
      </c>
      <c r="AY2673" s="166">
        <v>0</v>
      </c>
      <c r="AZ2673" s="166">
        <v>0</v>
      </c>
      <c r="BA2673" s="166">
        <v>0</v>
      </c>
      <c r="BB2673" s="166">
        <v>0</v>
      </c>
      <c r="BC2673" s="166">
        <v>0</v>
      </c>
      <c r="BD2673" s="166">
        <v>0</v>
      </c>
      <c r="BE2673" s="166">
        <v>0</v>
      </c>
      <c r="BF2673" s="166">
        <v>0</v>
      </c>
      <c r="BG2673" s="166">
        <v>0</v>
      </c>
      <c r="BH2673" s="166">
        <v>0</v>
      </c>
      <c r="BI2673" s="166">
        <v>0</v>
      </c>
      <c r="BJ2673" s="166">
        <v>0</v>
      </c>
      <c r="BK2673" s="166">
        <v>0</v>
      </c>
      <c r="BL2673" s="166">
        <v>0</v>
      </c>
      <c r="BM2673" s="166">
        <v>0</v>
      </c>
      <c r="BN2673" s="166">
        <v>0</v>
      </c>
      <c r="BO2673" s="166">
        <v>0</v>
      </c>
      <c r="BP2673" s="166">
        <v>0</v>
      </c>
      <c r="BQ2673" s="166">
        <v>0</v>
      </c>
      <c r="BR2673" s="166">
        <v>0</v>
      </c>
      <c r="BS2673" s="166">
        <v>0</v>
      </c>
      <c r="BT2673" s="168">
        <v>0</v>
      </c>
      <c r="BU2673" s="166">
        <v>0</v>
      </c>
      <c r="BV2673" s="166">
        <v>0</v>
      </c>
      <c r="BW2673" s="166">
        <v>0</v>
      </c>
      <c r="BX2673" s="166">
        <v>0</v>
      </c>
      <c r="BY2673" s="166">
        <v>0</v>
      </c>
      <c r="BZ2673" s="166">
        <v>0</v>
      </c>
      <c r="CA2673" s="166">
        <v>0</v>
      </c>
      <c r="CB2673" s="166">
        <v>0</v>
      </c>
      <c r="CC2673" s="166">
        <v>0</v>
      </c>
      <c r="CD2673" s="166">
        <v>0</v>
      </c>
      <c r="CE2673" s="166">
        <v>0</v>
      </c>
      <c r="CF2673" s="166">
        <v>0</v>
      </c>
      <c r="CG2673" s="166">
        <v>0</v>
      </c>
      <c r="CH2673" s="166">
        <v>0</v>
      </c>
      <c r="CI2673" s="166">
        <v>0</v>
      </c>
      <c r="CJ2673" s="166">
        <v>0</v>
      </c>
      <c r="CK2673" s="166">
        <v>0</v>
      </c>
      <c r="CL2673" s="166">
        <v>0</v>
      </c>
      <c r="CM2673" s="166">
        <v>0</v>
      </c>
      <c r="CN2673" s="166">
        <v>0</v>
      </c>
      <c r="CO2673" s="166">
        <v>0</v>
      </c>
      <c r="CP2673" s="166">
        <v>0</v>
      </c>
      <c r="CQ2673" s="166">
        <v>0</v>
      </c>
      <c r="CR2673" s="166">
        <v>0</v>
      </c>
      <c r="CS2673" s="166">
        <v>0</v>
      </c>
      <c r="CT2673" s="166">
        <v>0</v>
      </c>
      <c r="CU2673" s="166">
        <v>0</v>
      </c>
      <c r="CV2673" s="166">
        <v>0</v>
      </c>
      <c r="CW2673" s="166">
        <v>0</v>
      </c>
      <c r="CX2673" s="166">
        <v>0</v>
      </c>
      <c r="CY2673" s="166">
        <v>0</v>
      </c>
      <c r="CZ2673" s="166">
        <v>0</v>
      </c>
    </row>
    <row r="2674" spans="1:104" x14ac:dyDescent="0.2">
      <c r="A2674" s="167" t="s">
        <v>519</v>
      </c>
      <c r="B2674" s="166">
        <v>841911526.53092301</v>
      </c>
      <c r="C2674" s="166">
        <v>841911526.53092301</v>
      </c>
      <c r="D2674" s="166">
        <v>0</v>
      </c>
      <c r="E2674" s="166">
        <v>0</v>
      </c>
      <c r="F2674" s="166">
        <v>0</v>
      </c>
      <c r="G2674" s="166">
        <v>0</v>
      </c>
      <c r="H2674" s="166">
        <v>0</v>
      </c>
      <c r="I2674" s="166">
        <v>0</v>
      </c>
      <c r="J2674" s="166">
        <v>0</v>
      </c>
      <c r="K2674" s="166">
        <v>0</v>
      </c>
      <c r="L2674" s="166">
        <v>0</v>
      </c>
      <c r="M2674" s="166">
        <v>0</v>
      </c>
      <c r="N2674" s="166">
        <v>0</v>
      </c>
      <c r="O2674" s="166">
        <v>0</v>
      </c>
      <c r="P2674" s="166">
        <v>0</v>
      </c>
      <c r="Q2674" s="166">
        <v>0</v>
      </c>
      <c r="R2674" s="166">
        <v>0</v>
      </c>
      <c r="S2674" s="166">
        <v>0</v>
      </c>
      <c r="T2674" s="166">
        <v>0</v>
      </c>
      <c r="U2674" s="166">
        <v>0</v>
      </c>
      <c r="V2674" s="166">
        <v>0</v>
      </c>
      <c r="W2674" s="166">
        <v>0</v>
      </c>
      <c r="X2674" s="166">
        <v>0</v>
      </c>
      <c r="Y2674" s="166">
        <v>0</v>
      </c>
      <c r="Z2674" s="166">
        <v>0</v>
      </c>
      <c r="AA2674" s="166">
        <v>0</v>
      </c>
      <c r="AB2674" s="166">
        <v>0</v>
      </c>
      <c r="AC2674" s="166">
        <v>0</v>
      </c>
      <c r="AD2674" s="166">
        <v>0</v>
      </c>
      <c r="AE2674" s="166">
        <v>0</v>
      </c>
      <c r="AF2674" s="166">
        <v>0</v>
      </c>
      <c r="AG2674" s="166">
        <v>0</v>
      </c>
      <c r="AH2674" s="166">
        <v>0</v>
      </c>
      <c r="AI2674" s="166">
        <v>0</v>
      </c>
      <c r="AJ2674" s="166">
        <v>0</v>
      </c>
      <c r="AK2674" s="166">
        <v>0</v>
      </c>
      <c r="AL2674" s="166">
        <v>0</v>
      </c>
      <c r="AM2674" s="166">
        <v>0</v>
      </c>
      <c r="AN2674" s="166">
        <v>0</v>
      </c>
      <c r="AO2674" s="166">
        <v>0</v>
      </c>
      <c r="AP2674" s="166">
        <v>0</v>
      </c>
      <c r="AQ2674" s="166">
        <v>0</v>
      </c>
      <c r="AR2674" s="166">
        <v>0</v>
      </c>
      <c r="AS2674" s="166">
        <v>0</v>
      </c>
      <c r="AT2674" s="166">
        <v>0</v>
      </c>
      <c r="AU2674" s="166">
        <v>0</v>
      </c>
      <c r="AV2674" s="166">
        <v>0</v>
      </c>
      <c r="AW2674" s="166">
        <v>0</v>
      </c>
      <c r="AX2674" s="166">
        <v>0</v>
      </c>
      <c r="AY2674" s="166">
        <v>0</v>
      </c>
      <c r="AZ2674" s="166">
        <v>0</v>
      </c>
      <c r="BA2674" s="166">
        <v>0</v>
      </c>
      <c r="BB2674" s="166">
        <v>0</v>
      </c>
      <c r="BC2674" s="166">
        <v>0</v>
      </c>
      <c r="BD2674" s="166">
        <v>0</v>
      </c>
      <c r="BE2674" s="166">
        <v>0</v>
      </c>
      <c r="BF2674" s="166">
        <v>0</v>
      </c>
      <c r="BG2674" s="166">
        <v>0</v>
      </c>
      <c r="BH2674" s="166">
        <v>0</v>
      </c>
      <c r="BI2674" s="166">
        <v>0</v>
      </c>
      <c r="BJ2674" s="166">
        <v>0</v>
      </c>
      <c r="BK2674" s="166">
        <v>0</v>
      </c>
      <c r="BL2674" s="166">
        <v>0</v>
      </c>
      <c r="BM2674" s="166">
        <v>0</v>
      </c>
      <c r="BN2674" s="166">
        <v>0</v>
      </c>
      <c r="BO2674" s="166">
        <v>0</v>
      </c>
      <c r="BP2674" s="166">
        <v>0</v>
      </c>
      <c r="BQ2674" s="166">
        <v>0</v>
      </c>
      <c r="BR2674" s="166">
        <v>841911526.53092301</v>
      </c>
      <c r="BS2674" s="166">
        <v>841911526.53092301</v>
      </c>
      <c r="BT2674" s="168">
        <v>0</v>
      </c>
      <c r="BU2674" s="166">
        <v>0</v>
      </c>
      <c r="BV2674" s="166">
        <v>0</v>
      </c>
      <c r="BW2674" s="166">
        <v>0</v>
      </c>
      <c r="BX2674" s="166">
        <v>0</v>
      </c>
      <c r="BY2674" s="166">
        <v>0</v>
      </c>
      <c r="BZ2674" s="166">
        <v>0</v>
      </c>
      <c r="CA2674" s="166">
        <v>0</v>
      </c>
      <c r="CB2674" s="166">
        <v>0</v>
      </c>
      <c r="CC2674" s="166">
        <v>0</v>
      </c>
      <c r="CD2674" s="166">
        <v>0</v>
      </c>
      <c r="CE2674" s="166">
        <v>0</v>
      </c>
      <c r="CF2674" s="166">
        <v>0</v>
      </c>
      <c r="CG2674" s="166">
        <v>0</v>
      </c>
      <c r="CH2674" s="166">
        <v>0</v>
      </c>
      <c r="CI2674" s="166">
        <v>0</v>
      </c>
      <c r="CJ2674" s="166">
        <v>0</v>
      </c>
      <c r="CK2674" s="166">
        <v>0</v>
      </c>
      <c r="CL2674" s="166">
        <v>0</v>
      </c>
      <c r="CM2674" s="166">
        <v>0</v>
      </c>
      <c r="CN2674" s="166">
        <v>0</v>
      </c>
      <c r="CO2674" s="166">
        <v>0</v>
      </c>
      <c r="CP2674" s="166">
        <v>0</v>
      </c>
      <c r="CQ2674" s="166">
        <v>0</v>
      </c>
      <c r="CR2674" s="166">
        <v>0</v>
      </c>
      <c r="CS2674" s="166">
        <v>0</v>
      </c>
      <c r="CT2674" s="166">
        <v>0</v>
      </c>
      <c r="CU2674" s="166">
        <v>0</v>
      </c>
      <c r="CV2674" s="166">
        <v>0</v>
      </c>
      <c r="CW2674" s="166">
        <v>0</v>
      </c>
      <c r="CX2674" s="166">
        <v>0</v>
      </c>
      <c r="CY2674" s="166">
        <v>0</v>
      </c>
      <c r="CZ2674" s="166">
        <v>0</v>
      </c>
    </row>
    <row r="2675" spans="1:104" x14ac:dyDescent="0.2">
      <c r="A2675" s="167" t="s">
        <v>520</v>
      </c>
      <c r="B2675" s="166">
        <v>9.4587448984384497E-8</v>
      </c>
      <c r="C2675" s="166">
        <v>9.4587448984384497E-8</v>
      </c>
      <c r="D2675" s="166">
        <v>0</v>
      </c>
      <c r="E2675" s="166">
        <v>0</v>
      </c>
      <c r="F2675" s="166">
        <v>0</v>
      </c>
      <c r="G2675" s="166">
        <v>0</v>
      </c>
      <c r="H2675" s="166">
        <v>0</v>
      </c>
      <c r="I2675" s="166">
        <v>0</v>
      </c>
      <c r="J2675" s="166">
        <v>0</v>
      </c>
      <c r="K2675" s="166">
        <v>0</v>
      </c>
      <c r="L2675" s="166">
        <v>0</v>
      </c>
      <c r="M2675" s="166">
        <v>0</v>
      </c>
      <c r="N2675" s="166">
        <v>0</v>
      </c>
      <c r="O2675" s="166">
        <v>0</v>
      </c>
      <c r="P2675" s="166">
        <v>0</v>
      </c>
      <c r="Q2675" s="166">
        <v>0</v>
      </c>
      <c r="R2675" s="166">
        <v>0</v>
      </c>
      <c r="S2675" s="166">
        <v>0</v>
      </c>
      <c r="T2675" s="166">
        <v>0</v>
      </c>
      <c r="U2675" s="166">
        <v>0</v>
      </c>
      <c r="V2675" s="166">
        <v>0</v>
      </c>
      <c r="W2675" s="166">
        <v>0</v>
      </c>
      <c r="X2675" s="166">
        <v>0</v>
      </c>
      <c r="Y2675" s="166">
        <v>0</v>
      </c>
      <c r="Z2675" s="166">
        <v>0</v>
      </c>
      <c r="AA2675" s="166">
        <v>0</v>
      </c>
      <c r="AB2675" s="166">
        <v>0</v>
      </c>
      <c r="AC2675" s="166">
        <v>0</v>
      </c>
      <c r="AD2675" s="166">
        <v>0</v>
      </c>
      <c r="AE2675" s="166">
        <v>0</v>
      </c>
      <c r="AF2675" s="166">
        <v>0</v>
      </c>
      <c r="AG2675" s="166">
        <v>0</v>
      </c>
      <c r="AH2675" s="166">
        <v>0</v>
      </c>
      <c r="AI2675" s="166">
        <v>0</v>
      </c>
      <c r="AJ2675" s="166">
        <v>0</v>
      </c>
      <c r="AK2675" s="166">
        <v>0</v>
      </c>
      <c r="AL2675" s="166">
        <v>0</v>
      </c>
      <c r="AM2675" s="166">
        <v>0</v>
      </c>
      <c r="AN2675" s="166">
        <v>0</v>
      </c>
      <c r="AO2675" s="166">
        <v>0</v>
      </c>
      <c r="AP2675" s="166">
        <v>0</v>
      </c>
      <c r="AQ2675" s="166">
        <v>0</v>
      </c>
      <c r="AR2675" s="166">
        <v>0</v>
      </c>
      <c r="AS2675" s="166">
        <v>0</v>
      </c>
      <c r="AT2675" s="166">
        <v>0</v>
      </c>
      <c r="AU2675" s="166">
        <v>0</v>
      </c>
      <c r="AV2675" s="166">
        <v>0</v>
      </c>
      <c r="AW2675" s="166">
        <v>0</v>
      </c>
      <c r="AX2675" s="166">
        <v>0</v>
      </c>
      <c r="AY2675" s="166">
        <v>0</v>
      </c>
      <c r="AZ2675" s="166">
        <v>0</v>
      </c>
      <c r="BA2675" s="166">
        <v>0</v>
      </c>
      <c r="BB2675" s="166">
        <v>0</v>
      </c>
      <c r="BC2675" s="166">
        <v>0</v>
      </c>
      <c r="BD2675" s="166">
        <v>0</v>
      </c>
      <c r="BE2675" s="166">
        <v>0</v>
      </c>
      <c r="BF2675" s="166">
        <v>0</v>
      </c>
      <c r="BG2675" s="166">
        <v>0</v>
      </c>
      <c r="BH2675" s="166">
        <v>0</v>
      </c>
      <c r="BI2675" s="166">
        <v>0</v>
      </c>
      <c r="BJ2675" s="166">
        <v>0</v>
      </c>
      <c r="BK2675" s="166">
        <v>0</v>
      </c>
      <c r="BL2675" s="166">
        <v>0</v>
      </c>
      <c r="BM2675" s="166">
        <v>0</v>
      </c>
      <c r="BN2675" s="166">
        <v>0</v>
      </c>
      <c r="BO2675" s="166">
        <v>0</v>
      </c>
      <c r="BP2675" s="166">
        <v>0</v>
      </c>
      <c r="BQ2675" s="166">
        <v>0</v>
      </c>
      <c r="BR2675" s="166">
        <v>9.4587448984384497E-8</v>
      </c>
      <c r="BS2675" s="166">
        <v>9.4587448984384497E-8</v>
      </c>
      <c r="BT2675" s="168">
        <v>0</v>
      </c>
      <c r="BU2675" s="166">
        <v>0</v>
      </c>
      <c r="BV2675" s="166">
        <v>0</v>
      </c>
      <c r="BW2675" s="166">
        <v>0</v>
      </c>
      <c r="BX2675" s="166">
        <v>0</v>
      </c>
      <c r="BY2675" s="166">
        <v>0</v>
      </c>
      <c r="BZ2675" s="166">
        <v>0</v>
      </c>
      <c r="CA2675" s="166">
        <v>0</v>
      </c>
      <c r="CB2675" s="166">
        <v>0</v>
      </c>
      <c r="CC2675" s="166">
        <v>0</v>
      </c>
      <c r="CD2675" s="166">
        <v>0</v>
      </c>
      <c r="CE2675" s="166">
        <v>0</v>
      </c>
      <c r="CF2675" s="166">
        <v>0</v>
      </c>
      <c r="CG2675" s="166">
        <v>0</v>
      </c>
      <c r="CH2675" s="166">
        <v>0</v>
      </c>
      <c r="CI2675" s="166">
        <v>0</v>
      </c>
      <c r="CJ2675" s="166">
        <v>0</v>
      </c>
      <c r="CK2675" s="166">
        <v>0</v>
      </c>
      <c r="CL2675" s="166">
        <v>0</v>
      </c>
      <c r="CM2675" s="166">
        <v>0</v>
      </c>
      <c r="CN2675" s="166">
        <v>0</v>
      </c>
      <c r="CO2675" s="166">
        <v>0</v>
      </c>
      <c r="CP2675" s="166">
        <v>0</v>
      </c>
      <c r="CQ2675" s="166">
        <v>0</v>
      </c>
      <c r="CR2675" s="166">
        <v>0</v>
      </c>
      <c r="CS2675" s="166">
        <v>0</v>
      </c>
      <c r="CT2675" s="166">
        <v>0</v>
      </c>
      <c r="CU2675" s="166">
        <v>0</v>
      </c>
      <c r="CV2675" s="166">
        <v>0</v>
      </c>
      <c r="CW2675" s="166">
        <v>0</v>
      </c>
      <c r="CX2675" s="166">
        <v>0</v>
      </c>
      <c r="CY2675" s="166">
        <v>0</v>
      </c>
      <c r="CZ2675" s="166">
        <v>0</v>
      </c>
    </row>
    <row r="2676" spans="1:104" x14ac:dyDescent="0.2">
      <c r="A2676" s="167" t="s">
        <v>521</v>
      </c>
    </row>
    <row r="2677" spans="1:104" x14ac:dyDescent="0.2">
      <c r="A2677" s="170" t="s">
        <v>522</v>
      </c>
    </row>
    <row r="2678" spans="1:104" x14ac:dyDescent="0.2">
      <c r="A2678" s="167" t="s">
        <v>523</v>
      </c>
      <c r="B2678" s="166">
        <v>1638991260.6192501</v>
      </c>
      <c r="C2678" s="166">
        <v>1638991260.6192501</v>
      </c>
      <c r="D2678" s="166">
        <v>0</v>
      </c>
      <c r="E2678" s="166">
        <v>0</v>
      </c>
      <c r="F2678" s="166">
        <v>0</v>
      </c>
      <c r="G2678" s="166">
        <v>0</v>
      </c>
      <c r="H2678" s="166">
        <v>0</v>
      </c>
      <c r="I2678" s="166">
        <v>0</v>
      </c>
      <c r="J2678" s="166">
        <v>0</v>
      </c>
      <c r="K2678" s="166">
        <v>0</v>
      </c>
      <c r="L2678" s="166">
        <v>0</v>
      </c>
      <c r="M2678" s="166">
        <v>0</v>
      </c>
      <c r="N2678" s="166">
        <v>0</v>
      </c>
      <c r="O2678" s="166">
        <v>0</v>
      </c>
      <c r="P2678" s="166">
        <v>0</v>
      </c>
      <c r="Q2678" s="166">
        <v>0</v>
      </c>
      <c r="R2678" s="166">
        <v>0</v>
      </c>
      <c r="S2678" s="166">
        <v>0</v>
      </c>
      <c r="T2678" s="166">
        <v>0</v>
      </c>
      <c r="U2678" s="166">
        <v>0</v>
      </c>
      <c r="V2678" s="166">
        <v>0</v>
      </c>
      <c r="W2678" s="166">
        <v>0</v>
      </c>
      <c r="X2678" s="166">
        <v>0</v>
      </c>
      <c r="Y2678" s="166">
        <v>0</v>
      </c>
      <c r="Z2678" s="166">
        <v>0</v>
      </c>
      <c r="AA2678" s="166">
        <v>0</v>
      </c>
      <c r="AB2678" s="166">
        <v>0</v>
      </c>
      <c r="AC2678" s="166">
        <v>0</v>
      </c>
      <c r="AD2678" s="166">
        <v>0</v>
      </c>
      <c r="AE2678" s="166">
        <v>0</v>
      </c>
      <c r="AF2678" s="166">
        <v>0</v>
      </c>
      <c r="AG2678" s="166">
        <v>0</v>
      </c>
      <c r="AH2678" s="166">
        <v>0</v>
      </c>
      <c r="AI2678" s="166">
        <v>0</v>
      </c>
      <c r="AJ2678" s="166">
        <v>0</v>
      </c>
      <c r="AK2678" s="166">
        <v>0</v>
      </c>
      <c r="AL2678" s="166">
        <v>0</v>
      </c>
      <c r="AM2678" s="166">
        <v>0</v>
      </c>
      <c r="AN2678" s="166">
        <v>0</v>
      </c>
      <c r="AO2678" s="166">
        <v>0</v>
      </c>
      <c r="AP2678" s="166">
        <v>0</v>
      </c>
      <c r="AQ2678" s="166">
        <v>0</v>
      </c>
      <c r="AR2678" s="166">
        <v>0</v>
      </c>
      <c r="AS2678" s="166">
        <v>0</v>
      </c>
      <c r="AT2678" s="166">
        <v>0</v>
      </c>
      <c r="AU2678" s="166">
        <v>0</v>
      </c>
      <c r="AV2678" s="166">
        <v>0</v>
      </c>
      <c r="AW2678" s="166">
        <v>0</v>
      </c>
      <c r="AX2678" s="166">
        <v>0</v>
      </c>
      <c r="AY2678" s="166">
        <v>0</v>
      </c>
      <c r="AZ2678" s="166">
        <v>0</v>
      </c>
      <c r="BA2678" s="166">
        <v>0</v>
      </c>
      <c r="BB2678" s="166">
        <v>0</v>
      </c>
      <c r="BC2678" s="166">
        <v>0</v>
      </c>
      <c r="BD2678" s="166">
        <v>0</v>
      </c>
      <c r="BE2678" s="166">
        <v>0</v>
      </c>
      <c r="BF2678" s="166">
        <v>0</v>
      </c>
      <c r="BG2678" s="166">
        <v>0</v>
      </c>
      <c r="BH2678" s="166">
        <v>0</v>
      </c>
      <c r="BI2678" s="166">
        <v>0</v>
      </c>
      <c r="BJ2678" s="166">
        <v>0</v>
      </c>
      <c r="BK2678" s="166">
        <v>0</v>
      </c>
      <c r="BL2678" s="166">
        <v>0</v>
      </c>
      <c r="BM2678" s="166">
        <v>0</v>
      </c>
      <c r="BN2678" s="166">
        <v>0</v>
      </c>
      <c r="BO2678" s="166">
        <v>0</v>
      </c>
      <c r="BP2678" s="166">
        <v>0</v>
      </c>
      <c r="BQ2678" s="166">
        <v>0</v>
      </c>
      <c r="BR2678" s="166">
        <v>1638991260.6192501</v>
      </c>
      <c r="BS2678" s="166">
        <v>1638991260.6192501</v>
      </c>
      <c r="BT2678" s="168">
        <v>0</v>
      </c>
      <c r="BU2678" s="166">
        <v>0</v>
      </c>
      <c r="BV2678" s="166">
        <v>0</v>
      </c>
      <c r="BW2678" s="166">
        <v>0</v>
      </c>
      <c r="BX2678" s="166">
        <v>0</v>
      </c>
      <c r="BY2678" s="166">
        <v>0</v>
      </c>
      <c r="BZ2678" s="166">
        <v>0</v>
      </c>
      <c r="CA2678" s="166">
        <v>0</v>
      </c>
      <c r="CB2678" s="166">
        <v>0</v>
      </c>
      <c r="CC2678" s="166">
        <v>0</v>
      </c>
      <c r="CD2678" s="166">
        <v>0</v>
      </c>
      <c r="CE2678" s="166">
        <v>0</v>
      </c>
      <c r="CF2678" s="166">
        <v>0</v>
      </c>
      <c r="CG2678" s="166">
        <v>0</v>
      </c>
      <c r="CH2678" s="166">
        <v>0</v>
      </c>
      <c r="CI2678" s="166">
        <v>0</v>
      </c>
      <c r="CJ2678" s="166">
        <v>0</v>
      </c>
      <c r="CK2678" s="166">
        <v>0</v>
      </c>
      <c r="CL2678" s="166">
        <v>0</v>
      </c>
      <c r="CM2678" s="166">
        <v>0</v>
      </c>
      <c r="CN2678" s="166">
        <v>0</v>
      </c>
      <c r="CO2678" s="166">
        <v>0</v>
      </c>
      <c r="CP2678" s="166">
        <v>0</v>
      </c>
      <c r="CQ2678" s="166">
        <v>0</v>
      </c>
      <c r="CR2678" s="166">
        <v>0</v>
      </c>
      <c r="CS2678" s="166">
        <v>0</v>
      </c>
      <c r="CT2678" s="166">
        <v>0</v>
      </c>
      <c r="CU2678" s="166">
        <v>0</v>
      </c>
      <c r="CV2678" s="166">
        <v>0</v>
      </c>
      <c r="CW2678" s="166">
        <v>0</v>
      </c>
      <c r="CX2678" s="166">
        <v>0</v>
      </c>
      <c r="CY2678" s="166">
        <v>0</v>
      </c>
      <c r="CZ2678" s="166">
        <v>0</v>
      </c>
    </row>
    <row r="2679" spans="1:104" x14ac:dyDescent="0.2">
      <c r="A2679" s="167" t="s">
        <v>524</v>
      </c>
      <c r="B2679" s="166">
        <v>1638991260.6192501</v>
      </c>
      <c r="C2679" s="166">
        <v>1638991260.6192501</v>
      </c>
      <c r="D2679" s="166">
        <v>0</v>
      </c>
      <c r="E2679" s="166">
        <v>0</v>
      </c>
      <c r="F2679" s="166">
        <v>0</v>
      </c>
      <c r="G2679" s="166">
        <v>0</v>
      </c>
      <c r="H2679" s="166">
        <v>0</v>
      </c>
      <c r="I2679" s="166">
        <v>0</v>
      </c>
      <c r="J2679" s="166">
        <v>0</v>
      </c>
      <c r="K2679" s="166">
        <v>0</v>
      </c>
      <c r="L2679" s="166">
        <v>0</v>
      </c>
      <c r="M2679" s="166">
        <v>0</v>
      </c>
      <c r="N2679" s="166">
        <v>0</v>
      </c>
      <c r="O2679" s="166">
        <v>0</v>
      </c>
      <c r="P2679" s="166">
        <v>0</v>
      </c>
      <c r="Q2679" s="166">
        <v>0</v>
      </c>
      <c r="R2679" s="166">
        <v>0</v>
      </c>
      <c r="S2679" s="166">
        <v>0</v>
      </c>
      <c r="T2679" s="166">
        <v>0</v>
      </c>
      <c r="U2679" s="166">
        <v>0</v>
      </c>
      <c r="V2679" s="166">
        <v>0</v>
      </c>
      <c r="W2679" s="166">
        <v>0</v>
      </c>
      <c r="X2679" s="166">
        <v>0</v>
      </c>
      <c r="Y2679" s="166">
        <v>0</v>
      </c>
      <c r="Z2679" s="166">
        <v>0</v>
      </c>
      <c r="AA2679" s="166">
        <v>0</v>
      </c>
      <c r="AB2679" s="166">
        <v>0</v>
      </c>
      <c r="AC2679" s="166">
        <v>0</v>
      </c>
      <c r="AD2679" s="166">
        <v>0</v>
      </c>
      <c r="AE2679" s="166">
        <v>0</v>
      </c>
      <c r="AF2679" s="166">
        <v>0</v>
      </c>
      <c r="AG2679" s="166">
        <v>0</v>
      </c>
      <c r="AH2679" s="166">
        <v>0</v>
      </c>
      <c r="AI2679" s="166">
        <v>0</v>
      </c>
      <c r="AJ2679" s="166">
        <v>0</v>
      </c>
      <c r="AK2679" s="166">
        <v>0</v>
      </c>
      <c r="AL2679" s="166">
        <v>0</v>
      </c>
      <c r="AM2679" s="166">
        <v>0</v>
      </c>
      <c r="AN2679" s="166">
        <v>0</v>
      </c>
      <c r="AO2679" s="166">
        <v>0</v>
      </c>
      <c r="AP2679" s="166">
        <v>0</v>
      </c>
      <c r="AQ2679" s="166">
        <v>0</v>
      </c>
      <c r="AR2679" s="166">
        <v>0</v>
      </c>
      <c r="AS2679" s="166">
        <v>0</v>
      </c>
      <c r="AT2679" s="166">
        <v>0</v>
      </c>
      <c r="AU2679" s="166">
        <v>0</v>
      </c>
      <c r="AV2679" s="166">
        <v>0</v>
      </c>
      <c r="AW2679" s="166">
        <v>0</v>
      </c>
      <c r="AX2679" s="166">
        <v>0</v>
      </c>
      <c r="AY2679" s="166">
        <v>0</v>
      </c>
      <c r="AZ2679" s="166">
        <v>0</v>
      </c>
      <c r="BA2679" s="166">
        <v>0</v>
      </c>
      <c r="BB2679" s="166">
        <v>0</v>
      </c>
      <c r="BC2679" s="166">
        <v>0</v>
      </c>
      <c r="BD2679" s="166">
        <v>0</v>
      </c>
      <c r="BE2679" s="166">
        <v>0</v>
      </c>
      <c r="BF2679" s="166">
        <v>0</v>
      </c>
      <c r="BG2679" s="166">
        <v>0</v>
      </c>
      <c r="BH2679" s="166">
        <v>0</v>
      </c>
      <c r="BI2679" s="166">
        <v>0</v>
      </c>
      <c r="BJ2679" s="166">
        <v>0</v>
      </c>
      <c r="BK2679" s="166">
        <v>0</v>
      </c>
      <c r="BL2679" s="166">
        <v>0</v>
      </c>
      <c r="BM2679" s="166">
        <v>0</v>
      </c>
      <c r="BN2679" s="166">
        <v>0</v>
      </c>
      <c r="BO2679" s="166">
        <v>0</v>
      </c>
      <c r="BP2679" s="166">
        <v>0</v>
      </c>
      <c r="BQ2679" s="166">
        <v>0</v>
      </c>
      <c r="BR2679" s="166">
        <v>1638991260.6192501</v>
      </c>
      <c r="BS2679" s="166">
        <v>1638991260.6192501</v>
      </c>
      <c r="BT2679" s="168">
        <v>0</v>
      </c>
      <c r="BU2679" s="166">
        <v>0</v>
      </c>
      <c r="BV2679" s="166">
        <v>0</v>
      </c>
      <c r="BW2679" s="166">
        <v>0</v>
      </c>
      <c r="BX2679" s="166">
        <v>0</v>
      </c>
      <c r="BY2679" s="166">
        <v>0</v>
      </c>
      <c r="BZ2679" s="166">
        <v>0</v>
      </c>
      <c r="CA2679" s="166">
        <v>0</v>
      </c>
      <c r="CB2679" s="166">
        <v>0</v>
      </c>
      <c r="CC2679" s="166">
        <v>0</v>
      </c>
      <c r="CD2679" s="166">
        <v>0</v>
      </c>
      <c r="CE2679" s="166">
        <v>0</v>
      </c>
      <c r="CF2679" s="166">
        <v>0</v>
      </c>
      <c r="CG2679" s="166">
        <v>0</v>
      </c>
      <c r="CH2679" s="166">
        <v>0</v>
      </c>
      <c r="CI2679" s="166">
        <v>0</v>
      </c>
      <c r="CJ2679" s="166">
        <v>0</v>
      </c>
      <c r="CK2679" s="166">
        <v>0</v>
      </c>
      <c r="CL2679" s="166">
        <v>0</v>
      </c>
      <c r="CM2679" s="166">
        <v>0</v>
      </c>
      <c r="CN2679" s="166">
        <v>0</v>
      </c>
      <c r="CO2679" s="166">
        <v>0</v>
      </c>
      <c r="CP2679" s="166">
        <v>0</v>
      </c>
      <c r="CQ2679" s="166">
        <v>0</v>
      </c>
      <c r="CR2679" s="166">
        <v>0</v>
      </c>
      <c r="CS2679" s="166">
        <v>0</v>
      </c>
      <c r="CT2679" s="166">
        <v>0</v>
      </c>
      <c r="CU2679" s="166">
        <v>0</v>
      </c>
      <c r="CV2679" s="166">
        <v>0</v>
      </c>
      <c r="CW2679" s="166">
        <v>0</v>
      </c>
      <c r="CX2679" s="166">
        <v>0</v>
      </c>
      <c r="CY2679" s="166">
        <v>0</v>
      </c>
      <c r="CZ2679" s="166">
        <v>0</v>
      </c>
    </row>
    <row r="2680" spans="1:104" x14ac:dyDescent="0.2">
      <c r="A2680" s="167" t="s">
        <v>525</v>
      </c>
      <c r="B2680" s="166">
        <v>-1.4551915228366801E-8</v>
      </c>
      <c r="C2680" s="166">
        <v>-1.4551915228366801E-8</v>
      </c>
      <c r="D2680" s="166">
        <v>0</v>
      </c>
      <c r="E2680" s="166">
        <v>0</v>
      </c>
      <c r="F2680" s="166">
        <v>0</v>
      </c>
      <c r="G2680" s="166">
        <v>0</v>
      </c>
      <c r="H2680" s="166">
        <v>0</v>
      </c>
      <c r="I2680" s="166">
        <v>0</v>
      </c>
      <c r="J2680" s="166">
        <v>0</v>
      </c>
      <c r="K2680" s="166">
        <v>0</v>
      </c>
      <c r="L2680" s="166">
        <v>0</v>
      </c>
      <c r="M2680" s="166">
        <v>0</v>
      </c>
      <c r="N2680" s="166">
        <v>0</v>
      </c>
      <c r="O2680" s="166">
        <v>0</v>
      </c>
      <c r="P2680" s="166">
        <v>0</v>
      </c>
      <c r="Q2680" s="166">
        <v>0</v>
      </c>
      <c r="R2680" s="166">
        <v>0</v>
      </c>
      <c r="S2680" s="166">
        <v>0</v>
      </c>
      <c r="T2680" s="166">
        <v>0</v>
      </c>
      <c r="U2680" s="166">
        <v>0</v>
      </c>
      <c r="V2680" s="166">
        <v>0</v>
      </c>
      <c r="W2680" s="166">
        <v>0</v>
      </c>
      <c r="X2680" s="166">
        <v>0</v>
      </c>
      <c r="Y2680" s="166">
        <v>0</v>
      </c>
      <c r="Z2680" s="166">
        <v>0</v>
      </c>
      <c r="AA2680" s="166">
        <v>0</v>
      </c>
      <c r="AB2680" s="166">
        <v>0</v>
      </c>
      <c r="AC2680" s="166">
        <v>0</v>
      </c>
      <c r="AD2680" s="166">
        <v>0</v>
      </c>
      <c r="AE2680" s="166">
        <v>0</v>
      </c>
      <c r="AF2680" s="166">
        <v>0</v>
      </c>
      <c r="AG2680" s="166">
        <v>0</v>
      </c>
      <c r="AH2680" s="166">
        <v>0</v>
      </c>
      <c r="AI2680" s="166">
        <v>0</v>
      </c>
      <c r="AJ2680" s="166">
        <v>0</v>
      </c>
      <c r="AK2680" s="166">
        <v>0</v>
      </c>
      <c r="AL2680" s="166">
        <v>0</v>
      </c>
      <c r="AM2680" s="166">
        <v>0</v>
      </c>
      <c r="AN2680" s="166">
        <v>0</v>
      </c>
      <c r="AO2680" s="166">
        <v>0</v>
      </c>
      <c r="AP2680" s="166">
        <v>0</v>
      </c>
      <c r="AQ2680" s="166">
        <v>0</v>
      </c>
      <c r="AR2680" s="166">
        <v>0</v>
      </c>
      <c r="AS2680" s="166">
        <v>0</v>
      </c>
      <c r="AT2680" s="166">
        <v>0</v>
      </c>
      <c r="AU2680" s="166">
        <v>0</v>
      </c>
      <c r="AV2680" s="166">
        <v>0</v>
      </c>
      <c r="AW2680" s="166">
        <v>0</v>
      </c>
      <c r="AX2680" s="166">
        <v>0</v>
      </c>
      <c r="AY2680" s="166">
        <v>0</v>
      </c>
      <c r="AZ2680" s="166">
        <v>0</v>
      </c>
      <c r="BA2680" s="166">
        <v>0</v>
      </c>
      <c r="BB2680" s="166">
        <v>0</v>
      </c>
      <c r="BC2680" s="166">
        <v>0</v>
      </c>
      <c r="BD2680" s="166">
        <v>0</v>
      </c>
      <c r="BE2680" s="166">
        <v>0</v>
      </c>
      <c r="BF2680" s="166">
        <v>0</v>
      </c>
      <c r="BG2680" s="166">
        <v>0</v>
      </c>
      <c r="BH2680" s="166">
        <v>0</v>
      </c>
      <c r="BI2680" s="166">
        <v>0</v>
      </c>
      <c r="BJ2680" s="166">
        <v>0</v>
      </c>
      <c r="BK2680" s="166">
        <v>0</v>
      </c>
      <c r="BL2680" s="166">
        <v>0</v>
      </c>
      <c r="BM2680" s="166">
        <v>0</v>
      </c>
      <c r="BN2680" s="166">
        <v>0</v>
      </c>
      <c r="BO2680" s="166">
        <v>0</v>
      </c>
      <c r="BP2680" s="166">
        <v>0</v>
      </c>
      <c r="BQ2680" s="166">
        <v>0</v>
      </c>
      <c r="BR2680" s="166">
        <v>-1.4551915228366801E-8</v>
      </c>
      <c r="BS2680" s="166">
        <v>-1.4551915228366801E-8</v>
      </c>
      <c r="BT2680" s="168">
        <v>0</v>
      </c>
      <c r="BU2680" s="166">
        <v>0</v>
      </c>
      <c r="BV2680" s="166">
        <v>0</v>
      </c>
      <c r="BW2680" s="166">
        <v>0</v>
      </c>
      <c r="BX2680" s="166">
        <v>0</v>
      </c>
      <c r="BY2680" s="166">
        <v>0</v>
      </c>
      <c r="BZ2680" s="166">
        <v>0</v>
      </c>
      <c r="CA2680" s="166">
        <v>0</v>
      </c>
      <c r="CB2680" s="166">
        <v>0</v>
      </c>
      <c r="CC2680" s="166">
        <v>0</v>
      </c>
      <c r="CD2680" s="166">
        <v>0</v>
      </c>
      <c r="CE2680" s="166">
        <v>0</v>
      </c>
      <c r="CF2680" s="166">
        <v>0</v>
      </c>
      <c r="CG2680" s="166">
        <v>0</v>
      </c>
      <c r="CH2680" s="166">
        <v>0</v>
      </c>
      <c r="CI2680" s="166">
        <v>0</v>
      </c>
      <c r="CJ2680" s="166">
        <v>0</v>
      </c>
      <c r="CK2680" s="166">
        <v>0</v>
      </c>
      <c r="CL2680" s="166">
        <v>0</v>
      </c>
      <c r="CM2680" s="166">
        <v>0</v>
      </c>
      <c r="CN2680" s="166">
        <v>0</v>
      </c>
      <c r="CO2680" s="166">
        <v>0</v>
      </c>
      <c r="CP2680" s="166">
        <v>0</v>
      </c>
      <c r="CQ2680" s="166">
        <v>0</v>
      </c>
      <c r="CR2680" s="166">
        <v>0</v>
      </c>
      <c r="CS2680" s="166">
        <v>0</v>
      </c>
      <c r="CT2680" s="166">
        <v>0</v>
      </c>
      <c r="CU2680" s="166">
        <v>0</v>
      </c>
      <c r="CV2680" s="166">
        <v>0</v>
      </c>
      <c r="CW2680" s="166">
        <v>0</v>
      </c>
      <c r="CX2680" s="166">
        <v>0</v>
      </c>
      <c r="CY2680" s="166">
        <v>0</v>
      </c>
      <c r="CZ2680" s="166">
        <v>0</v>
      </c>
    </row>
    <row r="2681" spans="1:104" x14ac:dyDescent="0.2">
      <c r="A2681" s="167" t="s">
        <v>526</v>
      </c>
      <c r="B2681" s="166">
        <v>0</v>
      </c>
      <c r="C2681" s="166">
        <v>0</v>
      </c>
      <c r="D2681" s="166">
        <v>0</v>
      </c>
      <c r="E2681" s="166">
        <v>0</v>
      </c>
      <c r="F2681" s="166">
        <v>0</v>
      </c>
      <c r="G2681" s="166">
        <v>0</v>
      </c>
      <c r="H2681" s="166">
        <v>0</v>
      </c>
      <c r="I2681" s="166">
        <v>0</v>
      </c>
      <c r="J2681" s="166">
        <v>0</v>
      </c>
      <c r="K2681" s="166">
        <v>0</v>
      </c>
      <c r="L2681" s="166">
        <v>0</v>
      </c>
      <c r="M2681" s="166">
        <v>0</v>
      </c>
      <c r="N2681" s="166">
        <v>0</v>
      </c>
      <c r="O2681" s="166">
        <v>0</v>
      </c>
      <c r="P2681" s="166">
        <v>0</v>
      </c>
      <c r="Q2681" s="166">
        <v>0</v>
      </c>
      <c r="R2681" s="166">
        <v>0</v>
      </c>
      <c r="S2681" s="166">
        <v>0</v>
      </c>
      <c r="T2681" s="166">
        <v>0</v>
      </c>
      <c r="U2681" s="166">
        <v>0</v>
      </c>
      <c r="V2681" s="166">
        <v>0</v>
      </c>
      <c r="W2681" s="166">
        <v>0</v>
      </c>
      <c r="X2681" s="166">
        <v>0</v>
      </c>
      <c r="Y2681" s="166">
        <v>0</v>
      </c>
      <c r="Z2681" s="166">
        <v>0</v>
      </c>
      <c r="AA2681" s="166">
        <v>0</v>
      </c>
      <c r="AB2681" s="166">
        <v>0</v>
      </c>
      <c r="AC2681" s="166">
        <v>0</v>
      </c>
      <c r="AD2681" s="166">
        <v>0</v>
      </c>
      <c r="AE2681" s="166">
        <v>0</v>
      </c>
      <c r="AF2681" s="166">
        <v>0</v>
      </c>
      <c r="AG2681" s="166">
        <v>0</v>
      </c>
      <c r="AH2681" s="166">
        <v>0</v>
      </c>
      <c r="AI2681" s="166">
        <v>0</v>
      </c>
      <c r="AJ2681" s="166">
        <v>0</v>
      </c>
      <c r="AK2681" s="166">
        <v>0</v>
      </c>
      <c r="AL2681" s="166">
        <v>0</v>
      </c>
      <c r="AM2681" s="166">
        <v>0</v>
      </c>
      <c r="AN2681" s="166">
        <v>0</v>
      </c>
      <c r="AO2681" s="166">
        <v>0</v>
      </c>
      <c r="AP2681" s="166">
        <v>0</v>
      </c>
      <c r="AQ2681" s="166">
        <v>0</v>
      </c>
      <c r="AR2681" s="166">
        <v>0</v>
      </c>
      <c r="AS2681" s="166">
        <v>0</v>
      </c>
      <c r="AT2681" s="166">
        <v>0</v>
      </c>
      <c r="AU2681" s="166">
        <v>0</v>
      </c>
      <c r="AV2681" s="166">
        <v>0</v>
      </c>
      <c r="AW2681" s="166">
        <v>0</v>
      </c>
      <c r="AX2681" s="166">
        <v>0</v>
      </c>
      <c r="AY2681" s="166">
        <v>0</v>
      </c>
      <c r="AZ2681" s="166">
        <v>0</v>
      </c>
      <c r="BA2681" s="166">
        <v>0</v>
      </c>
      <c r="BB2681" s="166">
        <v>0</v>
      </c>
      <c r="BC2681" s="166">
        <v>0</v>
      </c>
      <c r="BD2681" s="166">
        <v>0</v>
      </c>
      <c r="BE2681" s="166">
        <v>0</v>
      </c>
      <c r="BF2681" s="166">
        <v>0</v>
      </c>
      <c r="BG2681" s="166">
        <v>0</v>
      </c>
      <c r="BH2681" s="166">
        <v>0</v>
      </c>
      <c r="BI2681" s="166">
        <v>0</v>
      </c>
      <c r="BJ2681" s="166">
        <v>0</v>
      </c>
      <c r="BK2681" s="166">
        <v>0</v>
      </c>
      <c r="BL2681" s="166">
        <v>0</v>
      </c>
      <c r="BM2681" s="166">
        <v>0</v>
      </c>
      <c r="BN2681" s="166">
        <v>0</v>
      </c>
      <c r="BO2681" s="166">
        <v>0</v>
      </c>
      <c r="BP2681" s="166">
        <v>0</v>
      </c>
      <c r="BQ2681" s="166">
        <v>0</v>
      </c>
      <c r="BR2681" s="166">
        <v>0</v>
      </c>
      <c r="BS2681" s="166">
        <v>0</v>
      </c>
      <c r="BT2681" s="168">
        <v>0</v>
      </c>
      <c r="BU2681" s="166">
        <v>0</v>
      </c>
      <c r="BV2681" s="166">
        <v>0</v>
      </c>
      <c r="BW2681" s="166">
        <v>0</v>
      </c>
      <c r="BX2681" s="166">
        <v>0</v>
      </c>
      <c r="BY2681" s="166">
        <v>0</v>
      </c>
      <c r="BZ2681" s="166">
        <v>0</v>
      </c>
      <c r="CA2681" s="166">
        <v>0</v>
      </c>
      <c r="CB2681" s="166">
        <v>0</v>
      </c>
      <c r="CC2681" s="166">
        <v>0</v>
      </c>
      <c r="CD2681" s="166">
        <v>0</v>
      </c>
      <c r="CE2681" s="166">
        <v>0</v>
      </c>
      <c r="CF2681" s="166">
        <v>0</v>
      </c>
      <c r="CG2681" s="166">
        <v>0</v>
      </c>
      <c r="CH2681" s="166">
        <v>0</v>
      </c>
      <c r="CI2681" s="166">
        <v>0</v>
      </c>
      <c r="CJ2681" s="166">
        <v>0</v>
      </c>
      <c r="CK2681" s="166">
        <v>0</v>
      </c>
      <c r="CL2681" s="166">
        <v>0</v>
      </c>
      <c r="CM2681" s="166">
        <v>0</v>
      </c>
      <c r="CN2681" s="166">
        <v>0</v>
      </c>
      <c r="CO2681" s="166">
        <v>0</v>
      </c>
      <c r="CP2681" s="166">
        <v>0</v>
      </c>
      <c r="CQ2681" s="166">
        <v>0</v>
      </c>
      <c r="CR2681" s="166">
        <v>0</v>
      </c>
      <c r="CS2681" s="166">
        <v>0</v>
      </c>
      <c r="CT2681" s="166">
        <v>0</v>
      </c>
      <c r="CU2681" s="166">
        <v>0</v>
      </c>
      <c r="CV2681" s="166">
        <v>0</v>
      </c>
      <c r="CW2681" s="166">
        <v>0</v>
      </c>
      <c r="CX2681" s="166">
        <v>0</v>
      </c>
      <c r="CY2681" s="166">
        <v>312716735.27649999</v>
      </c>
      <c r="CZ2681" s="166">
        <v>312716735.27649999</v>
      </c>
    </row>
    <row r="2682" spans="1:104" x14ac:dyDescent="0.2">
      <c r="A2682" s="170" t="s">
        <v>527</v>
      </c>
      <c r="B2682" s="166">
        <v>0</v>
      </c>
      <c r="C2682" s="166">
        <v>0</v>
      </c>
      <c r="D2682" s="166">
        <v>0</v>
      </c>
      <c r="E2682" s="166">
        <v>0</v>
      </c>
      <c r="F2682" s="166">
        <v>0</v>
      </c>
      <c r="G2682" s="166">
        <v>0</v>
      </c>
      <c r="H2682" s="166">
        <v>0</v>
      </c>
      <c r="I2682" s="166">
        <v>0</v>
      </c>
      <c r="J2682" s="166">
        <v>0</v>
      </c>
      <c r="K2682" s="166">
        <v>0</v>
      </c>
      <c r="L2682" s="166">
        <v>0</v>
      </c>
      <c r="M2682" s="166">
        <v>0</v>
      </c>
      <c r="N2682" s="166">
        <v>0</v>
      </c>
      <c r="O2682" s="166">
        <v>0</v>
      </c>
      <c r="P2682" s="166">
        <v>0</v>
      </c>
      <c r="Q2682" s="166">
        <v>0</v>
      </c>
      <c r="R2682" s="166">
        <v>0</v>
      </c>
      <c r="S2682" s="166">
        <v>0</v>
      </c>
      <c r="T2682" s="166">
        <v>0</v>
      </c>
      <c r="U2682" s="166">
        <v>0</v>
      </c>
      <c r="V2682" s="166">
        <v>0</v>
      </c>
      <c r="W2682" s="166">
        <v>0</v>
      </c>
      <c r="X2682" s="166">
        <v>0</v>
      </c>
      <c r="Y2682" s="166">
        <v>0</v>
      </c>
      <c r="Z2682" s="166">
        <v>0</v>
      </c>
      <c r="AA2682" s="166">
        <v>0</v>
      </c>
      <c r="AB2682" s="166">
        <v>0</v>
      </c>
      <c r="AC2682" s="166">
        <v>0</v>
      </c>
      <c r="AD2682" s="166">
        <v>0</v>
      </c>
      <c r="AE2682" s="166">
        <v>0</v>
      </c>
      <c r="AF2682" s="166">
        <v>0</v>
      </c>
      <c r="AG2682" s="166">
        <v>0</v>
      </c>
      <c r="AH2682" s="166">
        <v>0</v>
      </c>
      <c r="AI2682" s="166">
        <v>0</v>
      </c>
      <c r="AJ2682" s="166">
        <v>0</v>
      </c>
      <c r="AK2682" s="166">
        <v>0</v>
      </c>
      <c r="AL2682" s="166">
        <v>0</v>
      </c>
      <c r="AM2682" s="166">
        <v>0</v>
      </c>
      <c r="AN2682" s="166">
        <v>0</v>
      </c>
      <c r="AO2682" s="166">
        <v>0</v>
      </c>
      <c r="AP2682" s="166">
        <v>0</v>
      </c>
      <c r="AQ2682" s="166">
        <v>0</v>
      </c>
      <c r="AR2682" s="166">
        <v>0</v>
      </c>
      <c r="AS2682" s="166">
        <v>0</v>
      </c>
      <c r="AT2682" s="166">
        <v>0</v>
      </c>
      <c r="AU2682" s="166">
        <v>0</v>
      </c>
      <c r="AV2682" s="166">
        <v>0</v>
      </c>
      <c r="AW2682" s="166">
        <v>0</v>
      </c>
      <c r="AX2682" s="166">
        <v>0</v>
      </c>
      <c r="AY2682" s="166">
        <v>0</v>
      </c>
      <c r="AZ2682" s="166">
        <v>0</v>
      </c>
      <c r="BA2682" s="166">
        <v>0</v>
      </c>
      <c r="BB2682" s="166">
        <v>0</v>
      </c>
      <c r="BC2682" s="166">
        <v>0</v>
      </c>
      <c r="BD2682" s="166">
        <v>0</v>
      </c>
      <c r="BE2682" s="166">
        <v>0</v>
      </c>
      <c r="BF2682" s="166">
        <v>0</v>
      </c>
      <c r="BG2682" s="166">
        <v>0</v>
      </c>
      <c r="BH2682" s="166">
        <v>0</v>
      </c>
      <c r="BI2682" s="166">
        <v>0</v>
      </c>
      <c r="BJ2682" s="166">
        <v>0</v>
      </c>
      <c r="BK2682" s="166">
        <v>0</v>
      </c>
      <c r="BL2682" s="166">
        <v>0</v>
      </c>
      <c r="BM2682" s="166">
        <v>0</v>
      </c>
      <c r="BN2682" s="166">
        <v>0</v>
      </c>
      <c r="BO2682" s="166">
        <v>0</v>
      </c>
      <c r="BP2682" s="166">
        <v>0</v>
      </c>
      <c r="BQ2682" s="166">
        <v>0</v>
      </c>
      <c r="BR2682" s="166">
        <v>0</v>
      </c>
      <c r="BS2682" s="166">
        <v>0</v>
      </c>
      <c r="BT2682" s="168">
        <v>0</v>
      </c>
      <c r="BU2682" s="166">
        <v>0</v>
      </c>
      <c r="BV2682" s="166">
        <v>0</v>
      </c>
      <c r="BW2682" s="166">
        <v>0</v>
      </c>
      <c r="BX2682" s="166">
        <v>0</v>
      </c>
      <c r="BY2682" s="166">
        <v>0</v>
      </c>
      <c r="BZ2682" s="166">
        <v>0</v>
      </c>
      <c r="CA2682" s="166">
        <v>0</v>
      </c>
      <c r="CB2682" s="166">
        <v>0</v>
      </c>
      <c r="CC2682" s="166">
        <v>0</v>
      </c>
      <c r="CD2682" s="166">
        <v>0</v>
      </c>
      <c r="CE2682" s="166">
        <v>0</v>
      </c>
      <c r="CF2682" s="166">
        <v>0</v>
      </c>
      <c r="CG2682" s="166">
        <v>0</v>
      </c>
      <c r="CH2682" s="166">
        <v>0</v>
      </c>
      <c r="CI2682" s="166">
        <v>0</v>
      </c>
      <c r="CJ2682" s="166">
        <v>0</v>
      </c>
      <c r="CK2682" s="166">
        <v>0</v>
      </c>
      <c r="CL2682" s="166">
        <v>0</v>
      </c>
      <c r="CM2682" s="166">
        <v>0</v>
      </c>
      <c r="CN2682" s="166">
        <v>0</v>
      </c>
      <c r="CO2682" s="166">
        <v>0</v>
      </c>
      <c r="CP2682" s="166">
        <v>0</v>
      </c>
      <c r="CQ2682" s="166">
        <v>0</v>
      </c>
      <c r="CR2682" s="166">
        <v>0</v>
      </c>
      <c r="CS2682" s="166">
        <v>0</v>
      </c>
      <c r="CT2682" s="166">
        <v>0</v>
      </c>
      <c r="CU2682" s="166">
        <v>0</v>
      </c>
      <c r="CV2682" s="166">
        <v>0</v>
      </c>
      <c r="CW2682" s="166">
        <v>0</v>
      </c>
      <c r="CX2682" s="166">
        <v>0</v>
      </c>
      <c r="CY2682" s="166">
        <v>0</v>
      </c>
      <c r="CZ2682" s="166">
        <v>0</v>
      </c>
    </row>
    <row r="2683" spans="1:104" x14ac:dyDescent="0.2">
      <c r="A2683" s="167" t="s">
        <v>528</v>
      </c>
      <c r="B2683" s="166">
        <v>279592191.31999898</v>
      </c>
      <c r="C2683" s="166">
        <v>279592191.31999898</v>
      </c>
      <c r="D2683" s="166">
        <v>0</v>
      </c>
      <c r="E2683" s="166">
        <v>0</v>
      </c>
      <c r="F2683" s="166">
        <v>0</v>
      </c>
      <c r="G2683" s="166">
        <v>0</v>
      </c>
      <c r="H2683" s="166">
        <v>0</v>
      </c>
      <c r="I2683" s="166">
        <v>0</v>
      </c>
      <c r="J2683" s="166">
        <v>0</v>
      </c>
      <c r="K2683" s="166">
        <v>0</v>
      </c>
      <c r="L2683" s="166">
        <v>0</v>
      </c>
      <c r="M2683" s="166">
        <v>0</v>
      </c>
      <c r="N2683" s="166">
        <v>0</v>
      </c>
      <c r="O2683" s="166">
        <v>0</v>
      </c>
      <c r="P2683" s="166">
        <v>0</v>
      </c>
      <c r="Q2683" s="166">
        <v>0</v>
      </c>
      <c r="R2683" s="166">
        <v>0</v>
      </c>
      <c r="S2683" s="166">
        <v>0</v>
      </c>
      <c r="T2683" s="166">
        <v>0</v>
      </c>
      <c r="U2683" s="166">
        <v>0</v>
      </c>
      <c r="V2683" s="166">
        <v>0</v>
      </c>
      <c r="W2683" s="166">
        <v>0</v>
      </c>
      <c r="X2683" s="166">
        <v>0</v>
      </c>
      <c r="Y2683" s="166">
        <v>0</v>
      </c>
      <c r="Z2683" s="166">
        <v>0</v>
      </c>
      <c r="AA2683" s="166">
        <v>0</v>
      </c>
      <c r="AB2683" s="166">
        <v>0</v>
      </c>
      <c r="AC2683" s="166">
        <v>0</v>
      </c>
      <c r="AD2683" s="166">
        <v>0</v>
      </c>
      <c r="AE2683" s="166">
        <v>0</v>
      </c>
      <c r="AF2683" s="166">
        <v>0</v>
      </c>
      <c r="AG2683" s="166">
        <v>0</v>
      </c>
      <c r="AH2683" s="166">
        <v>0</v>
      </c>
      <c r="AI2683" s="166">
        <v>0</v>
      </c>
      <c r="AJ2683" s="166">
        <v>0</v>
      </c>
      <c r="AK2683" s="166">
        <v>0</v>
      </c>
      <c r="AL2683" s="166">
        <v>0</v>
      </c>
      <c r="AM2683" s="166">
        <v>0</v>
      </c>
      <c r="AN2683" s="166">
        <v>0</v>
      </c>
      <c r="AO2683" s="166">
        <v>0</v>
      </c>
      <c r="AP2683" s="166">
        <v>0</v>
      </c>
      <c r="AQ2683" s="166">
        <v>0</v>
      </c>
      <c r="AR2683" s="166">
        <v>0</v>
      </c>
      <c r="AS2683" s="166">
        <v>0</v>
      </c>
      <c r="AT2683" s="166">
        <v>0</v>
      </c>
      <c r="AU2683" s="166">
        <v>0</v>
      </c>
      <c r="AV2683" s="166">
        <v>0</v>
      </c>
      <c r="AW2683" s="166">
        <v>0</v>
      </c>
      <c r="AX2683" s="166">
        <v>0</v>
      </c>
      <c r="AY2683" s="166">
        <v>0</v>
      </c>
      <c r="AZ2683" s="166">
        <v>0</v>
      </c>
      <c r="BA2683" s="166">
        <v>0</v>
      </c>
      <c r="BB2683" s="166">
        <v>0</v>
      </c>
      <c r="BC2683" s="166">
        <v>0</v>
      </c>
      <c r="BD2683" s="166">
        <v>0</v>
      </c>
      <c r="BE2683" s="166">
        <v>0</v>
      </c>
      <c r="BF2683" s="166">
        <v>0</v>
      </c>
      <c r="BG2683" s="166">
        <v>0</v>
      </c>
      <c r="BH2683" s="166">
        <v>0</v>
      </c>
      <c r="BI2683" s="166">
        <v>0</v>
      </c>
      <c r="BJ2683" s="166">
        <v>0</v>
      </c>
      <c r="BK2683" s="166">
        <v>0</v>
      </c>
      <c r="BL2683" s="166">
        <v>0</v>
      </c>
      <c r="BM2683" s="166">
        <v>0</v>
      </c>
      <c r="BN2683" s="166">
        <v>0</v>
      </c>
      <c r="BO2683" s="166">
        <v>0</v>
      </c>
      <c r="BP2683" s="166">
        <v>0</v>
      </c>
      <c r="BQ2683" s="166">
        <v>0</v>
      </c>
      <c r="BR2683" s="166">
        <v>279592191.31999898</v>
      </c>
      <c r="BS2683" s="166">
        <v>279592191.31999898</v>
      </c>
      <c r="BT2683" s="168">
        <v>0</v>
      </c>
      <c r="BU2683" s="166">
        <v>0</v>
      </c>
      <c r="BV2683" s="166">
        <v>0</v>
      </c>
      <c r="BW2683" s="166">
        <v>0</v>
      </c>
      <c r="BX2683" s="166">
        <v>0</v>
      </c>
      <c r="BY2683" s="166">
        <v>0</v>
      </c>
      <c r="BZ2683" s="166">
        <v>0</v>
      </c>
      <c r="CA2683" s="166">
        <v>0</v>
      </c>
      <c r="CB2683" s="166">
        <v>0</v>
      </c>
      <c r="CC2683" s="166">
        <v>0</v>
      </c>
      <c r="CD2683" s="166">
        <v>0</v>
      </c>
      <c r="CE2683" s="166">
        <v>0</v>
      </c>
      <c r="CF2683" s="166">
        <v>0</v>
      </c>
      <c r="CG2683" s="166">
        <v>0</v>
      </c>
      <c r="CH2683" s="166">
        <v>0</v>
      </c>
      <c r="CI2683" s="166">
        <v>0</v>
      </c>
      <c r="CJ2683" s="166">
        <v>0</v>
      </c>
      <c r="CK2683" s="166">
        <v>0</v>
      </c>
      <c r="CL2683" s="166">
        <v>0</v>
      </c>
      <c r="CM2683" s="166">
        <v>0</v>
      </c>
      <c r="CN2683" s="166">
        <v>0</v>
      </c>
      <c r="CO2683" s="166">
        <v>0</v>
      </c>
      <c r="CP2683" s="166">
        <v>0</v>
      </c>
      <c r="CQ2683" s="166">
        <v>0</v>
      </c>
      <c r="CR2683" s="166">
        <v>0</v>
      </c>
      <c r="CS2683" s="166">
        <v>0</v>
      </c>
      <c r="CT2683" s="166">
        <v>0</v>
      </c>
      <c r="CU2683" s="166">
        <v>0</v>
      </c>
      <c r="CV2683" s="166">
        <v>0</v>
      </c>
      <c r="CW2683" s="166">
        <v>0</v>
      </c>
      <c r="CX2683" s="166">
        <v>0</v>
      </c>
      <c r="CY2683" s="166">
        <v>0</v>
      </c>
      <c r="CZ2683" s="166">
        <v>0</v>
      </c>
    </row>
    <row r="2684" spans="1:104" x14ac:dyDescent="0.2">
      <c r="A2684" s="167" t="s">
        <v>529</v>
      </c>
      <c r="B2684" s="166">
        <v>31557882.550000001</v>
      </c>
      <c r="C2684" s="166">
        <v>31557882.550000001</v>
      </c>
      <c r="D2684" s="166">
        <v>0</v>
      </c>
      <c r="E2684" s="166">
        <v>0</v>
      </c>
      <c r="F2684" s="166">
        <v>0</v>
      </c>
      <c r="G2684" s="166">
        <v>0</v>
      </c>
      <c r="H2684" s="166">
        <v>0</v>
      </c>
      <c r="I2684" s="166">
        <v>0</v>
      </c>
      <c r="J2684" s="166">
        <v>0</v>
      </c>
      <c r="K2684" s="166">
        <v>0</v>
      </c>
      <c r="L2684" s="166">
        <v>0</v>
      </c>
      <c r="M2684" s="166">
        <v>0</v>
      </c>
      <c r="N2684" s="166">
        <v>0</v>
      </c>
      <c r="O2684" s="166">
        <v>0</v>
      </c>
      <c r="P2684" s="166">
        <v>0</v>
      </c>
      <c r="Q2684" s="166">
        <v>0</v>
      </c>
      <c r="R2684" s="166">
        <v>0</v>
      </c>
      <c r="S2684" s="166">
        <v>0</v>
      </c>
      <c r="T2684" s="166">
        <v>0</v>
      </c>
      <c r="U2684" s="166">
        <v>0</v>
      </c>
      <c r="V2684" s="166">
        <v>0</v>
      </c>
      <c r="W2684" s="166">
        <v>0</v>
      </c>
      <c r="X2684" s="166">
        <v>0</v>
      </c>
      <c r="Y2684" s="166">
        <v>0</v>
      </c>
      <c r="Z2684" s="166">
        <v>0</v>
      </c>
      <c r="AA2684" s="166">
        <v>0</v>
      </c>
      <c r="AB2684" s="166">
        <v>0</v>
      </c>
      <c r="AC2684" s="166">
        <v>0</v>
      </c>
      <c r="AD2684" s="166">
        <v>0</v>
      </c>
      <c r="AE2684" s="166">
        <v>0</v>
      </c>
      <c r="AF2684" s="166">
        <v>0</v>
      </c>
      <c r="AG2684" s="166">
        <v>0</v>
      </c>
      <c r="AH2684" s="166">
        <v>0</v>
      </c>
      <c r="AI2684" s="166">
        <v>0</v>
      </c>
      <c r="AJ2684" s="166">
        <v>0</v>
      </c>
      <c r="AK2684" s="166">
        <v>0</v>
      </c>
      <c r="AL2684" s="166">
        <v>0</v>
      </c>
      <c r="AM2684" s="166">
        <v>0</v>
      </c>
      <c r="AN2684" s="166">
        <v>0</v>
      </c>
      <c r="AO2684" s="166">
        <v>0</v>
      </c>
      <c r="AP2684" s="166">
        <v>0</v>
      </c>
      <c r="AQ2684" s="166">
        <v>0</v>
      </c>
      <c r="AR2684" s="166">
        <v>0</v>
      </c>
      <c r="AS2684" s="166">
        <v>0</v>
      </c>
      <c r="AT2684" s="166">
        <v>0</v>
      </c>
      <c r="AU2684" s="166">
        <v>0</v>
      </c>
      <c r="AV2684" s="166">
        <v>0</v>
      </c>
      <c r="AW2684" s="166">
        <v>0</v>
      </c>
      <c r="AX2684" s="166">
        <v>0</v>
      </c>
      <c r="AY2684" s="166">
        <v>0</v>
      </c>
      <c r="AZ2684" s="166">
        <v>0</v>
      </c>
      <c r="BA2684" s="166">
        <v>0</v>
      </c>
      <c r="BB2684" s="166">
        <v>0</v>
      </c>
      <c r="BC2684" s="166">
        <v>0</v>
      </c>
      <c r="BD2684" s="166">
        <v>0</v>
      </c>
      <c r="BE2684" s="166">
        <v>0</v>
      </c>
      <c r="BF2684" s="166">
        <v>0</v>
      </c>
      <c r="BG2684" s="166">
        <v>0</v>
      </c>
      <c r="BH2684" s="166">
        <v>0</v>
      </c>
      <c r="BI2684" s="166">
        <v>0</v>
      </c>
      <c r="BJ2684" s="166">
        <v>0</v>
      </c>
      <c r="BK2684" s="166">
        <v>0</v>
      </c>
      <c r="BL2684" s="166">
        <v>0</v>
      </c>
      <c r="BM2684" s="166">
        <v>0</v>
      </c>
      <c r="BN2684" s="166">
        <v>0</v>
      </c>
      <c r="BO2684" s="166">
        <v>0</v>
      </c>
      <c r="BP2684" s="166">
        <v>0</v>
      </c>
      <c r="BQ2684" s="166">
        <v>0</v>
      </c>
      <c r="BR2684" s="166">
        <v>31557882.550000001</v>
      </c>
      <c r="BS2684" s="166">
        <v>31557882.550000001</v>
      </c>
      <c r="BT2684" s="168">
        <v>0</v>
      </c>
      <c r="BU2684" s="166">
        <v>0</v>
      </c>
      <c r="BV2684" s="166">
        <v>0</v>
      </c>
      <c r="BW2684" s="166">
        <v>0</v>
      </c>
      <c r="BX2684" s="166">
        <v>0</v>
      </c>
      <c r="BY2684" s="166">
        <v>0</v>
      </c>
      <c r="BZ2684" s="166">
        <v>0</v>
      </c>
      <c r="CA2684" s="166">
        <v>0</v>
      </c>
      <c r="CB2684" s="166">
        <v>0</v>
      </c>
      <c r="CC2684" s="166">
        <v>0</v>
      </c>
      <c r="CD2684" s="166">
        <v>0</v>
      </c>
      <c r="CE2684" s="166">
        <v>0</v>
      </c>
      <c r="CF2684" s="166">
        <v>0</v>
      </c>
      <c r="CG2684" s="166">
        <v>0</v>
      </c>
      <c r="CH2684" s="166">
        <v>0</v>
      </c>
      <c r="CI2684" s="166">
        <v>0</v>
      </c>
      <c r="CJ2684" s="166">
        <v>0</v>
      </c>
      <c r="CK2684" s="166">
        <v>0</v>
      </c>
      <c r="CL2684" s="166">
        <v>0</v>
      </c>
      <c r="CM2684" s="166">
        <v>0</v>
      </c>
      <c r="CN2684" s="166">
        <v>0</v>
      </c>
      <c r="CO2684" s="166">
        <v>0</v>
      </c>
      <c r="CP2684" s="166">
        <v>0</v>
      </c>
      <c r="CQ2684" s="166">
        <v>0</v>
      </c>
      <c r="CR2684" s="166">
        <v>0</v>
      </c>
      <c r="CS2684" s="166">
        <v>0</v>
      </c>
      <c r="CT2684" s="166">
        <v>0</v>
      </c>
      <c r="CU2684" s="166">
        <v>0</v>
      </c>
      <c r="CV2684" s="166">
        <v>0</v>
      </c>
      <c r="CW2684" s="166">
        <v>0</v>
      </c>
      <c r="CX2684" s="166">
        <v>0</v>
      </c>
      <c r="CY2684" s="166">
        <v>0</v>
      </c>
      <c r="CZ2684" s="166">
        <v>0</v>
      </c>
    </row>
    <row r="2685" spans="1:104" x14ac:dyDescent="0.2">
      <c r="A2685" s="167" t="s">
        <v>530</v>
      </c>
      <c r="B2685" s="166">
        <v>118439124.37</v>
      </c>
      <c r="C2685" s="166">
        <v>118439124.37</v>
      </c>
      <c r="D2685" s="166">
        <v>0</v>
      </c>
      <c r="E2685" s="166">
        <v>0</v>
      </c>
      <c r="F2685" s="166">
        <v>0</v>
      </c>
      <c r="G2685" s="166">
        <v>0</v>
      </c>
      <c r="H2685" s="166">
        <v>0</v>
      </c>
      <c r="I2685" s="166">
        <v>0</v>
      </c>
      <c r="J2685" s="166">
        <v>0</v>
      </c>
      <c r="K2685" s="166">
        <v>0</v>
      </c>
      <c r="L2685" s="166">
        <v>0</v>
      </c>
      <c r="M2685" s="166">
        <v>0</v>
      </c>
      <c r="N2685" s="166">
        <v>0</v>
      </c>
      <c r="O2685" s="166">
        <v>0</v>
      </c>
      <c r="P2685" s="166">
        <v>0</v>
      </c>
      <c r="Q2685" s="166">
        <v>0</v>
      </c>
      <c r="R2685" s="166">
        <v>0</v>
      </c>
      <c r="S2685" s="166">
        <v>0</v>
      </c>
      <c r="T2685" s="166">
        <v>0</v>
      </c>
      <c r="U2685" s="166">
        <v>0</v>
      </c>
      <c r="V2685" s="166">
        <v>0</v>
      </c>
      <c r="W2685" s="166">
        <v>0</v>
      </c>
      <c r="X2685" s="166">
        <v>0</v>
      </c>
      <c r="Y2685" s="166">
        <v>0</v>
      </c>
      <c r="Z2685" s="166">
        <v>0</v>
      </c>
      <c r="AA2685" s="166">
        <v>0</v>
      </c>
      <c r="AB2685" s="166">
        <v>0</v>
      </c>
      <c r="AC2685" s="166">
        <v>0</v>
      </c>
      <c r="AD2685" s="166">
        <v>0</v>
      </c>
      <c r="AE2685" s="166">
        <v>0</v>
      </c>
      <c r="AF2685" s="166">
        <v>0</v>
      </c>
      <c r="AG2685" s="166">
        <v>0</v>
      </c>
      <c r="AH2685" s="166">
        <v>0</v>
      </c>
      <c r="AI2685" s="166">
        <v>0</v>
      </c>
      <c r="AJ2685" s="166">
        <v>0</v>
      </c>
      <c r="AK2685" s="166">
        <v>0</v>
      </c>
      <c r="AL2685" s="166">
        <v>0</v>
      </c>
      <c r="AM2685" s="166">
        <v>0</v>
      </c>
      <c r="AN2685" s="166">
        <v>0</v>
      </c>
      <c r="AO2685" s="166">
        <v>0</v>
      </c>
      <c r="AP2685" s="166">
        <v>0</v>
      </c>
      <c r="AQ2685" s="166">
        <v>0</v>
      </c>
      <c r="AR2685" s="166">
        <v>0</v>
      </c>
      <c r="AS2685" s="166">
        <v>0</v>
      </c>
      <c r="AT2685" s="166">
        <v>0</v>
      </c>
      <c r="AU2685" s="166">
        <v>0</v>
      </c>
      <c r="AV2685" s="166">
        <v>0</v>
      </c>
      <c r="AW2685" s="166">
        <v>0</v>
      </c>
      <c r="AX2685" s="166">
        <v>0</v>
      </c>
      <c r="AY2685" s="166">
        <v>0</v>
      </c>
      <c r="AZ2685" s="166">
        <v>0</v>
      </c>
      <c r="BA2685" s="166">
        <v>0</v>
      </c>
      <c r="BB2685" s="166">
        <v>0</v>
      </c>
      <c r="BC2685" s="166">
        <v>0</v>
      </c>
      <c r="BD2685" s="166">
        <v>0</v>
      </c>
      <c r="BE2685" s="166">
        <v>0</v>
      </c>
      <c r="BF2685" s="166">
        <v>0</v>
      </c>
      <c r="BG2685" s="166">
        <v>0</v>
      </c>
      <c r="BH2685" s="166">
        <v>0</v>
      </c>
      <c r="BI2685" s="166">
        <v>0</v>
      </c>
      <c r="BJ2685" s="166">
        <v>0</v>
      </c>
      <c r="BK2685" s="166">
        <v>0</v>
      </c>
      <c r="BL2685" s="166">
        <v>0</v>
      </c>
      <c r="BM2685" s="166">
        <v>0</v>
      </c>
      <c r="BN2685" s="166">
        <v>0</v>
      </c>
      <c r="BO2685" s="166">
        <v>0</v>
      </c>
      <c r="BP2685" s="166">
        <v>0</v>
      </c>
      <c r="BQ2685" s="166">
        <v>0</v>
      </c>
      <c r="BR2685" s="166">
        <v>118439124.37</v>
      </c>
      <c r="BS2685" s="166">
        <v>118439124.37</v>
      </c>
      <c r="BT2685" s="168">
        <v>0</v>
      </c>
      <c r="BU2685" s="166">
        <v>0</v>
      </c>
      <c r="BV2685" s="166">
        <v>0</v>
      </c>
      <c r="BW2685" s="166">
        <v>0</v>
      </c>
      <c r="BX2685" s="166">
        <v>0</v>
      </c>
      <c r="BY2685" s="166">
        <v>0</v>
      </c>
      <c r="BZ2685" s="166">
        <v>0</v>
      </c>
      <c r="CA2685" s="166">
        <v>0</v>
      </c>
      <c r="CB2685" s="166">
        <v>0</v>
      </c>
      <c r="CC2685" s="166">
        <v>0</v>
      </c>
      <c r="CD2685" s="166">
        <v>0</v>
      </c>
      <c r="CE2685" s="166">
        <v>0</v>
      </c>
      <c r="CF2685" s="166">
        <v>0</v>
      </c>
      <c r="CG2685" s="166">
        <v>0</v>
      </c>
      <c r="CH2685" s="166">
        <v>0</v>
      </c>
      <c r="CI2685" s="166">
        <v>0</v>
      </c>
      <c r="CJ2685" s="166">
        <v>0</v>
      </c>
      <c r="CK2685" s="166">
        <v>0</v>
      </c>
      <c r="CL2685" s="166">
        <v>0</v>
      </c>
      <c r="CM2685" s="166">
        <v>0</v>
      </c>
      <c r="CN2685" s="166">
        <v>0</v>
      </c>
      <c r="CO2685" s="166">
        <v>0</v>
      </c>
      <c r="CP2685" s="166">
        <v>0</v>
      </c>
      <c r="CQ2685" s="166">
        <v>0</v>
      </c>
      <c r="CR2685" s="166">
        <v>0</v>
      </c>
      <c r="CS2685" s="166">
        <v>0</v>
      </c>
      <c r="CT2685" s="166">
        <v>0</v>
      </c>
      <c r="CU2685" s="166">
        <v>0</v>
      </c>
      <c r="CV2685" s="166">
        <v>0</v>
      </c>
      <c r="CW2685" s="166">
        <v>0</v>
      </c>
      <c r="CX2685" s="166">
        <v>0</v>
      </c>
      <c r="CY2685" s="166">
        <v>0</v>
      </c>
      <c r="CZ2685" s="166">
        <v>0</v>
      </c>
    </row>
    <row r="2686" spans="1:104" x14ac:dyDescent="0.2">
      <c r="A2686" s="167" t="s">
        <v>531</v>
      </c>
      <c r="B2686" s="166">
        <v>114016033.994</v>
      </c>
      <c r="C2686" s="166">
        <v>114016033.994</v>
      </c>
      <c r="D2686" s="166">
        <v>0</v>
      </c>
      <c r="E2686" s="166">
        <v>0</v>
      </c>
      <c r="F2686" s="166">
        <v>0</v>
      </c>
      <c r="G2686" s="166">
        <v>0</v>
      </c>
      <c r="H2686" s="166">
        <v>0</v>
      </c>
      <c r="I2686" s="166">
        <v>0</v>
      </c>
      <c r="J2686" s="166">
        <v>0</v>
      </c>
      <c r="K2686" s="166">
        <v>0</v>
      </c>
      <c r="L2686" s="166">
        <v>0</v>
      </c>
      <c r="M2686" s="166">
        <v>0</v>
      </c>
      <c r="N2686" s="166">
        <v>0</v>
      </c>
      <c r="O2686" s="166">
        <v>0</v>
      </c>
      <c r="P2686" s="166">
        <v>0</v>
      </c>
      <c r="Q2686" s="166">
        <v>0</v>
      </c>
      <c r="R2686" s="166">
        <v>0</v>
      </c>
      <c r="S2686" s="166">
        <v>0</v>
      </c>
      <c r="T2686" s="166">
        <v>0</v>
      </c>
      <c r="U2686" s="166">
        <v>0</v>
      </c>
      <c r="V2686" s="166">
        <v>0</v>
      </c>
      <c r="W2686" s="166">
        <v>0</v>
      </c>
      <c r="X2686" s="166">
        <v>0</v>
      </c>
      <c r="Y2686" s="166">
        <v>0</v>
      </c>
      <c r="Z2686" s="166">
        <v>0</v>
      </c>
      <c r="AA2686" s="166">
        <v>0</v>
      </c>
      <c r="AB2686" s="166">
        <v>0</v>
      </c>
      <c r="AC2686" s="166">
        <v>0</v>
      </c>
      <c r="AD2686" s="166">
        <v>0</v>
      </c>
      <c r="AE2686" s="166">
        <v>0</v>
      </c>
      <c r="AF2686" s="166">
        <v>0</v>
      </c>
      <c r="AG2686" s="166">
        <v>0</v>
      </c>
      <c r="AH2686" s="166">
        <v>0</v>
      </c>
      <c r="AI2686" s="166">
        <v>0</v>
      </c>
      <c r="AJ2686" s="166">
        <v>0</v>
      </c>
      <c r="AK2686" s="166">
        <v>0</v>
      </c>
      <c r="AL2686" s="166">
        <v>0</v>
      </c>
      <c r="AM2686" s="166">
        <v>0</v>
      </c>
      <c r="AN2686" s="166">
        <v>0</v>
      </c>
      <c r="AO2686" s="166">
        <v>0</v>
      </c>
      <c r="AP2686" s="166">
        <v>0</v>
      </c>
      <c r="AQ2686" s="166">
        <v>0</v>
      </c>
      <c r="AR2686" s="166">
        <v>0</v>
      </c>
      <c r="AS2686" s="166">
        <v>0</v>
      </c>
      <c r="AT2686" s="166">
        <v>0</v>
      </c>
      <c r="AU2686" s="166">
        <v>0</v>
      </c>
      <c r="AV2686" s="166">
        <v>0</v>
      </c>
      <c r="AW2686" s="166">
        <v>0</v>
      </c>
      <c r="AX2686" s="166">
        <v>0</v>
      </c>
      <c r="AY2686" s="166">
        <v>0</v>
      </c>
      <c r="AZ2686" s="166">
        <v>0</v>
      </c>
      <c r="BA2686" s="166">
        <v>0</v>
      </c>
      <c r="BB2686" s="166">
        <v>0</v>
      </c>
      <c r="BC2686" s="166">
        <v>0</v>
      </c>
      <c r="BD2686" s="166">
        <v>0</v>
      </c>
      <c r="BE2686" s="166">
        <v>0</v>
      </c>
      <c r="BF2686" s="166">
        <v>0</v>
      </c>
      <c r="BG2686" s="166">
        <v>0</v>
      </c>
      <c r="BH2686" s="166">
        <v>0</v>
      </c>
      <c r="BI2686" s="166">
        <v>0</v>
      </c>
      <c r="BJ2686" s="166">
        <v>0</v>
      </c>
      <c r="BK2686" s="166">
        <v>0</v>
      </c>
      <c r="BL2686" s="166">
        <v>0</v>
      </c>
      <c r="BM2686" s="166">
        <v>0</v>
      </c>
      <c r="BN2686" s="166">
        <v>0</v>
      </c>
      <c r="BO2686" s="166">
        <v>0</v>
      </c>
      <c r="BP2686" s="166">
        <v>0</v>
      </c>
      <c r="BQ2686" s="166">
        <v>0</v>
      </c>
      <c r="BR2686" s="166">
        <v>114016033.994</v>
      </c>
      <c r="BS2686" s="166">
        <v>114016033.994</v>
      </c>
      <c r="BT2686" s="168">
        <v>0</v>
      </c>
      <c r="BU2686" s="166">
        <v>0</v>
      </c>
      <c r="BV2686" s="166">
        <v>0</v>
      </c>
      <c r="BW2686" s="166">
        <v>0</v>
      </c>
      <c r="BX2686" s="166">
        <v>0</v>
      </c>
      <c r="BY2686" s="166">
        <v>0</v>
      </c>
      <c r="BZ2686" s="166">
        <v>0</v>
      </c>
      <c r="CA2686" s="166">
        <v>0</v>
      </c>
      <c r="CB2686" s="166">
        <v>0</v>
      </c>
      <c r="CC2686" s="166">
        <v>0</v>
      </c>
      <c r="CD2686" s="166">
        <v>0</v>
      </c>
      <c r="CE2686" s="166">
        <v>0</v>
      </c>
      <c r="CF2686" s="166">
        <v>0</v>
      </c>
      <c r="CG2686" s="166">
        <v>0</v>
      </c>
      <c r="CH2686" s="166">
        <v>0</v>
      </c>
      <c r="CI2686" s="166">
        <v>0</v>
      </c>
      <c r="CJ2686" s="166">
        <v>0</v>
      </c>
      <c r="CK2686" s="166">
        <v>0</v>
      </c>
      <c r="CL2686" s="166">
        <v>0</v>
      </c>
      <c r="CM2686" s="166">
        <v>0</v>
      </c>
      <c r="CN2686" s="166">
        <v>0</v>
      </c>
      <c r="CO2686" s="166">
        <v>0</v>
      </c>
      <c r="CP2686" s="166">
        <v>0</v>
      </c>
      <c r="CQ2686" s="166">
        <v>0</v>
      </c>
      <c r="CR2686" s="166">
        <v>0</v>
      </c>
      <c r="CS2686" s="166">
        <v>0</v>
      </c>
      <c r="CT2686" s="166">
        <v>0</v>
      </c>
      <c r="CU2686" s="166">
        <v>0</v>
      </c>
      <c r="CV2686" s="166">
        <v>0</v>
      </c>
      <c r="CW2686" s="166">
        <v>0</v>
      </c>
      <c r="CX2686" s="166">
        <v>0</v>
      </c>
      <c r="CY2686" s="166">
        <v>0</v>
      </c>
      <c r="CZ2686" s="166">
        <v>0</v>
      </c>
    </row>
    <row r="2687" spans="1:104" x14ac:dyDescent="0.2">
      <c r="A2687" s="167" t="s">
        <v>532</v>
      </c>
      <c r="B2687" s="166">
        <v>210645736.32692301</v>
      </c>
      <c r="C2687" s="166">
        <v>210645736.32692301</v>
      </c>
      <c r="D2687" s="166">
        <v>0</v>
      </c>
      <c r="E2687" s="166">
        <v>0</v>
      </c>
      <c r="F2687" s="166">
        <v>0</v>
      </c>
      <c r="G2687" s="166">
        <v>0</v>
      </c>
      <c r="H2687" s="166">
        <v>0</v>
      </c>
      <c r="I2687" s="166">
        <v>0</v>
      </c>
      <c r="J2687" s="166">
        <v>0</v>
      </c>
      <c r="K2687" s="166">
        <v>0</v>
      </c>
      <c r="L2687" s="166">
        <v>0</v>
      </c>
      <c r="M2687" s="166">
        <v>0</v>
      </c>
      <c r="N2687" s="166">
        <v>0</v>
      </c>
      <c r="O2687" s="166">
        <v>0</v>
      </c>
      <c r="P2687" s="166">
        <v>0</v>
      </c>
      <c r="Q2687" s="166">
        <v>0</v>
      </c>
      <c r="R2687" s="166">
        <v>0</v>
      </c>
      <c r="S2687" s="166">
        <v>0</v>
      </c>
      <c r="T2687" s="166">
        <v>0</v>
      </c>
      <c r="U2687" s="166">
        <v>0</v>
      </c>
      <c r="V2687" s="166">
        <v>0</v>
      </c>
      <c r="W2687" s="166">
        <v>0</v>
      </c>
      <c r="X2687" s="166">
        <v>0</v>
      </c>
      <c r="Y2687" s="166">
        <v>0</v>
      </c>
      <c r="Z2687" s="166">
        <v>0</v>
      </c>
      <c r="AA2687" s="166">
        <v>0</v>
      </c>
      <c r="AB2687" s="166">
        <v>0</v>
      </c>
      <c r="AC2687" s="166">
        <v>0</v>
      </c>
      <c r="AD2687" s="166">
        <v>0</v>
      </c>
      <c r="AE2687" s="166">
        <v>0</v>
      </c>
      <c r="AF2687" s="166">
        <v>0</v>
      </c>
      <c r="AG2687" s="166">
        <v>0</v>
      </c>
      <c r="AH2687" s="166">
        <v>0</v>
      </c>
      <c r="AI2687" s="166">
        <v>0</v>
      </c>
      <c r="AJ2687" s="166">
        <v>0</v>
      </c>
      <c r="AK2687" s="166">
        <v>0</v>
      </c>
      <c r="AL2687" s="166">
        <v>0</v>
      </c>
      <c r="AM2687" s="166">
        <v>0</v>
      </c>
      <c r="AN2687" s="166">
        <v>0</v>
      </c>
      <c r="AO2687" s="166">
        <v>0</v>
      </c>
      <c r="AP2687" s="166">
        <v>0</v>
      </c>
      <c r="AQ2687" s="166">
        <v>0</v>
      </c>
      <c r="AR2687" s="166">
        <v>0</v>
      </c>
      <c r="AS2687" s="166">
        <v>0</v>
      </c>
      <c r="AT2687" s="166">
        <v>0</v>
      </c>
      <c r="AU2687" s="166">
        <v>0</v>
      </c>
      <c r="AV2687" s="166">
        <v>0</v>
      </c>
      <c r="AW2687" s="166">
        <v>0</v>
      </c>
      <c r="AX2687" s="166">
        <v>0</v>
      </c>
      <c r="AY2687" s="166">
        <v>0</v>
      </c>
      <c r="AZ2687" s="166">
        <v>0</v>
      </c>
      <c r="BA2687" s="166">
        <v>0</v>
      </c>
      <c r="BB2687" s="166">
        <v>0</v>
      </c>
      <c r="BC2687" s="166">
        <v>0</v>
      </c>
      <c r="BD2687" s="166">
        <v>0</v>
      </c>
      <c r="BE2687" s="166">
        <v>0</v>
      </c>
      <c r="BF2687" s="166">
        <v>0</v>
      </c>
      <c r="BG2687" s="166">
        <v>0</v>
      </c>
      <c r="BH2687" s="166">
        <v>0</v>
      </c>
      <c r="BI2687" s="166">
        <v>0</v>
      </c>
      <c r="BJ2687" s="166">
        <v>0</v>
      </c>
      <c r="BK2687" s="166">
        <v>0</v>
      </c>
      <c r="BL2687" s="166">
        <v>0</v>
      </c>
      <c r="BM2687" s="166">
        <v>0</v>
      </c>
      <c r="BN2687" s="166">
        <v>0</v>
      </c>
      <c r="BO2687" s="166">
        <v>0</v>
      </c>
      <c r="BP2687" s="166">
        <v>0</v>
      </c>
      <c r="BQ2687" s="166">
        <v>0</v>
      </c>
      <c r="BR2687" s="166">
        <v>210645736.32692301</v>
      </c>
      <c r="BS2687" s="166">
        <v>210645736.32692301</v>
      </c>
      <c r="BT2687" s="168">
        <v>0</v>
      </c>
      <c r="BU2687" s="166">
        <v>0</v>
      </c>
      <c r="BV2687" s="166">
        <v>0</v>
      </c>
      <c r="BW2687" s="166">
        <v>0</v>
      </c>
      <c r="BX2687" s="166">
        <v>0</v>
      </c>
      <c r="BY2687" s="166">
        <v>0</v>
      </c>
      <c r="BZ2687" s="166">
        <v>0</v>
      </c>
      <c r="CA2687" s="166">
        <v>0</v>
      </c>
      <c r="CB2687" s="166">
        <v>0</v>
      </c>
      <c r="CC2687" s="166">
        <v>0</v>
      </c>
      <c r="CD2687" s="166">
        <v>0</v>
      </c>
      <c r="CE2687" s="166">
        <v>0</v>
      </c>
      <c r="CF2687" s="166">
        <v>0</v>
      </c>
      <c r="CG2687" s="166">
        <v>0</v>
      </c>
      <c r="CH2687" s="166">
        <v>0</v>
      </c>
      <c r="CI2687" s="166">
        <v>0</v>
      </c>
      <c r="CJ2687" s="166">
        <v>0</v>
      </c>
      <c r="CK2687" s="166">
        <v>0</v>
      </c>
      <c r="CL2687" s="166">
        <v>0</v>
      </c>
      <c r="CM2687" s="166">
        <v>0</v>
      </c>
      <c r="CN2687" s="166">
        <v>0</v>
      </c>
      <c r="CO2687" s="166">
        <v>0</v>
      </c>
      <c r="CP2687" s="166">
        <v>0</v>
      </c>
      <c r="CQ2687" s="166">
        <v>0</v>
      </c>
      <c r="CR2687" s="166">
        <v>0</v>
      </c>
      <c r="CS2687" s="166">
        <v>0</v>
      </c>
      <c r="CT2687" s="166">
        <v>0</v>
      </c>
      <c r="CU2687" s="166">
        <v>0</v>
      </c>
      <c r="CV2687" s="166">
        <v>0</v>
      </c>
      <c r="CW2687" s="166">
        <v>0</v>
      </c>
      <c r="CX2687" s="166">
        <v>0</v>
      </c>
      <c r="CY2687" s="166">
        <v>0</v>
      </c>
      <c r="CZ2687" s="166">
        <v>0</v>
      </c>
    </row>
    <row r="2688" spans="1:104" x14ac:dyDescent="0.2">
      <c r="A2688" s="167" t="s">
        <v>533</v>
      </c>
      <c r="B2688" s="166">
        <v>1726651818.5892501</v>
      </c>
      <c r="C2688" s="166">
        <v>1726651818.5892501</v>
      </c>
      <c r="D2688" s="166">
        <v>0</v>
      </c>
      <c r="E2688" s="166">
        <v>0</v>
      </c>
      <c r="F2688" s="166">
        <v>0</v>
      </c>
      <c r="G2688" s="166">
        <v>0</v>
      </c>
      <c r="H2688" s="166">
        <v>0</v>
      </c>
      <c r="I2688" s="166">
        <v>0</v>
      </c>
      <c r="J2688" s="166">
        <v>0</v>
      </c>
      <c r="K2688" s="166">
        <v>0</v>
      </c>
      <c r="L2688" s="166">
        <v>0</v>
      </c>
      <c r="M2688" s="166">
        <v>0</v>
      </c>
      <c r="N2688" s="166">
        <v>0</v>
      </c>
      <c r="O2688" s="166">
        <v>0</v>
      </c>
      <c r="P2688" s="166">
        <v>0</v>
      </c>
      <c r="Q2688" s="166">
        <v>0</v>
      </c>
      <c r="R2688" s="166">
        <v>0</v>
      </c>
      <c r="S2688" s="166">
        <v>0</v>
      </c>
      <c r="T2688" s="166">
        <v>0</v>
      </c>
      <c r="U2688" s="166">
        <v>0</v>
      </c>
      <c r="V2688" s="166">
        <v>0</v>
      </c>
      <c r="W2688" s="166">
        <v>0</v>
      </c>
      <c r="X2688" s="166">
        <v>0</v>
      </c>
      <c r="Y2688" s="166">
        <v>0</v>
      </c>
      <c r="Z2688" s="166">
        <v>0</v>
      </c>
      <c r="AA2688" s="166">
        <v>0</v>
      </c>
      <c r="AB2688" s="166">
        <v>0</v>
      </c>
      <c r="AC2688" s="166">
        <v>0</v>
      </c>
      <c r="AD2688" s="166">
        <v>0</v>
      </c>
      <c r="AE2688" s="166">
        <v>0</v>
      </c>
      <c r="AF2688" s="166">
        <v>0</v>
      </c>
      <c r="AG2688" s="166">
        <v>0</v>
      </c>
      <c r="AH2688" s="166">
        <v>0</v>
      </c>
      <c r="AI2688" s="166">
        <v>0</v>
      </c>
      <c r="AJ2688" s="166">
        <v>0</v>
      </c>
      <c r="AK2688" s="166">
        <v>0</v>
      </c>
      <c r="AL2688" s="166">
        <v>0</v>
      </c>
      <c r="AM2688" s="166">
        <v>0</v>
      </c>
      <c r="AN2688" s="166">
        <v>0</v>
      </c>
      <c r="AO2688" s="166">
        <v>0</v>
      </c>
      <c r="AP2688" s="166">
        <v>0</v>
      </c>
      <c r="AQ2688" s="166">
        <v>0</v>
      </c>
      <c r="AR2688" s="166">
        <v>0</v>
      </c>
      <c r="AS2688" s="166">
        <v>0</v>
      </c>
      <c r="AT2688" s="166">
        <v>0</v>
      </c>
      <c r="AU2688" s="166">
        <v>0</v>
      </c>
      <c r="AV2688" s="166">
        <v>0</v>
      </c>
      <c r="AW2688" s="166">
        <v>0</v>
      </c>
      <c r="AX2688" s="166">
        <v>0</v>
      </c>
      <c r="AY2688" s="166">
        <v>0</v>
      </c>
      <c r="AZ2688" s="166">
        <v>0</v>
      </c>
      <c r="BA2688" s="166">
        <v>0</v>
      </c>
      <c r="BB2688" s="166">
        <v>0</v>
      </c>
      <c r="BC2688" s="166">
        <v>0</v>
      </c>
      <c r="BD2688" s="166">
        <v>0</v>
      </c>
      <c r="BE2688" s="166">
        <v>0</v>
      </c>
      <c r="BF2688" s="166">
        <v>0</v>
      </c>
      <c r="BG2688" s="166">
        <v>0</v>
      </c>
      <c r="BH2688" s="166">
        <v>0</v>
      </c>
      <c r="BI2688" s="166">
        <v>0</v>
      </c>
      <c r="BJ2688" s="166">
        <v>0</v>
      </c>
      <c r="BK2688" s="166">
        <v>0</v>
      </c>
      <c r="BL2688" s="166">
        <v>0</v>
      </c>
      <c r="BM2688" s="166">
        <v>0</v>
      </c>
      <c r="BN2688" s="166">
        <v>0</v>
      </c>
      <c r="BO2688" s="166">
        <v>0</v>
      </c>
      <c r="BP2688" s="166">
        <v>0</v>
      </c>
      <c r="BQ2688" s="166">
        <v>0</v>
      </c>
      <c r="BR2688" s="166">
        <v>1726651818.5892501</v>
      </c>
      <c r="BS2688" s="166">
        <v>1726651818.5892501</v>
      </c>
      <c r="BT2688" s="168">
        <v>0</v>
      </c>
      <c r="BU2688" s="166">
        <v>0</v>
      </c>
      <c r="BV2688" s="166">
        <v>0</v>
      </c>
      <c r="BW2688" s="166">
        <v>0</v>
      </c>
      <c r="BX2688" s="166">
        <v>0</v>
      </c>
      <c r="BY2688" s="166">
        <v>0</v>
      </c>
      <c r="BZ2688" s="166">
        <v>0</v>
      </c>
      <c r="CA2688" s="166">
        <v>0</v>
      </c>
      <c r="CB2688" s="166">
        <v>0</v>
      </c>
      <c r="CC2688" s="166">
        <v>0</v>
      </c>
      <c r="CD2688" s="166">
        <v>0</v>
      </c>
      <c r="CE2688" s="166">
        <v>0</v>
      </c>
      <c r="CF2688" s="166">
        <v>0</v>
      </c>
      <c r="CG2688" s="166">
        <v>0</v>
      </c>
      <c r="CH2688" s="166">
        <v>0</v>
      </c>
      <c r="CI2688" s="166">
        <v>0</v>
      </c>
      <c r="CJ2688" s="166">
        <v>0</v>
      </c>
      <c r="CK2688" s="166">
        <v>0</v>
      </c>
      <c r="CL2688" s="166">
        <v>0</v>
      </c>
      <c r="CM2688" s="166">
        <v>0</v>
      </c>
      <c r="CN2688" s="166">
        <v>0</v>
      </c>
      <c r="CO2688" s="166">
        <v>0</v>
      </c>
      <c r="CP2688" s="166">
        <v>0</v>
      </c>
      <c r="CQ2688" s="166">
        <v>0</v>
      </c>
      <c r="CR2688" s="166">
        <v>0</v>
      </c>
      <c r="CS2688" s="166">
        <v>0</v>
      </c>
      <c r="CT2688" s="166">
        <v>0</v>
      </c>
      <c r="CU2688" s="166">
        <v>0</v>
      </c>
      <c r="CV2688" s="166">
        <v>0</v>
      </c>
      <c r="CW2688" s="166">
        <v>0</v>
      </c>
      <c r="CX2688" s="166">
        <v>0</v>
      </c>
      <c r="CY2688" s="166">
        <v>0</v>
      </c>
      <c r="CZ2688" s="166">
        <v>0</v>
      </c>
    </row>
    <row r="2689" spans="1:104" x14ac:dyDescent="0.2">
      <c r="A2689" s="167" t="s">
        <v>534</v>
      </c>
      <c r="B2689" s="166">
        <v>2480902787.1501698</v>
      </c>
      <c r="C2689" s="166">
        <v>2480902787.1501698</v>
      </c>
      <c r="D2689" s="166">
        <v>0</v>
      </c>
      <c r="E2689" s="166">
        <v>0</v>
      </c>
      <c r="F2689" s="166">
        <v>0</v>
      </c>
      <c r="G2689" s="166">
        <v>0</v>
      </c>
      <c r="H2689" s="166">
        <v>0</v>
      </c>
      <c r="I2689" s="166">
        <v>0</v>
      </c>
      <c r="J2689" s="166">
        <v>0</v>
      </c>
      <c r="K2689" s="166">
        <v>0</v>
      </c>
      <c r="L2689" s="166">
        <v>0</v>
      </c>
      <c r="M2689" s="166">
        <v>0</v>
      </c>
      <c r="N2689" s="166">
        <v>0</v>
      </c>
      <c r="O2689" s="166">
        <v>0</v>
      </c>
      <c r="P2689" s="166">
        <v>0</v>
      </c>
      <c r="Q2689" s="166">
        <v>0</v>
      </c>
      <c r="R2689" s="166">
        <v>0</v>
      </c>
      <c r="S2689" s="166">
        <v>0</v>
      </c>
      <c r="T2689" s="166">
        <v>0</v>
      </c>
      <c r="U2689" s="166">
        <v>0</v>
      </c>
      <c r="V2689" s="166">
        <v>0</v>
      </c>
      <c r="W2689" s="166">
        <v>0</v>
      </c>
      <c r="X2689" s="166">
        <v>0</v>
      </c>
      <c r="Y2689" s="166">
        <v>0</v>
      </c>
      <c r="Z2689" s="166">
        <v>0</v>
      </c>
      <c r="AA2689" s="166">
        <v>0</v>
      </c>
      <c r="AB2689" s="166">
        <v>0</v>
      </c>
      <c r="AC2689" s="166">
        <v>0</v>
      </c>
      <c r="AD2689" s="166">
        <v>0</v>
      </c>
      <c r="AE2689" s="166">
        <v>0</v>
      </c>
      <c r="AF2689" s="166">
        <v>0</v>
      </c>
      <c r="AG2689" s="166">
        <v>0</v>
      </c>
      <c r="AH2689" s="166">
        <v>0</v>
      </c>
      <c r="AI2689" s="166">
        <v>0</v>
      </c>
      <c r="AJ2689" s="166">
        <v>0</v>
      </c>
      <c r="AK2689" s="166">
        <v>0</v>
      </c>
      <c r="AL2689" s="166">
        <v>0</v>
      </c>
      <c r="AM2689" s="166">
        <v>0</v>
      </c>
      <c r="AN2689" s="166">
        <v>0</v>
      </c>
      <c r="AO2689" s="166">
        <v>0</v>
      </c>
      <c r="AP2689" s="166">
        <v>0</v>
      </c>
      <c r="AQ2689" s="166">
        <v>0</v>
      </c>
      <c r="AR2689" s="166">
        <v>0</v>
      </c>
      <c r="AS2689" s="166">
        <v>0</v>
      </c>
      <c r="AT2689" s="166">
        <v>0</v>
      </c>
      <c r="AU2689" s="166">
        <v>0</v>
      </c>
      <c r="AV2689" s="166">
        <v>0</v>
      </c>
      <c r="AW2689" s="166">
        <v>0</v>
      </c>
      <c r="AX2689" s="166">
        <v>0</v>
      </c>
      <c r="AY2689" s="166">
        <v>0</v>
      </c>
      <c r="AZ2689" s="166">
        <v>0</v>
      </c>
      <c r="BA2689" s="166">
        <v>0</v>
      </c>
      <c r="BB2689" s="166">
        <v>0</v>
      </c>
      <c r="BC2689" s="166">
        <v>0</v>
      </c>
      <c r="BD2689" s="166">
        <v>0</v>
      </c>
      <c r="BE2689" s="166">
        <v>0</v>
      </c>
      <c r="BF2689" s="166">
        <v>0</v>
      </c>
      <c r="BG2689" s="166">
        <v>0</v>
      </c>
      <c r="BH2689" s="166">
        <v>0</v>
      </c>
      <c r="BI2689" s="166">
        <v>0</v>
      </c>
      <c r="BJ2689" s="166">
        <v>0</v>
      </c>
      <c r="BK2689" s="166">
        <v>0</v>
      </c>
      <c r="BL2689" s="166">
        <v>0</v>
      </c>
      <c r="BM2689" s="166">
        <v>0</v>
      </c>
      <c r="BN2689" s="166">
        <v>0</v>
      </c>
      <c r="BO2689" s="166">
        <v>0</v>
      </c>
      <c r="BP2689" s="166">
        <v>0</v>
      </c>
      <c r="BQ2689" s="166">
        <v>0</v>
      </c>
      <c r="BR2689" s="166">
        <v>2480902787.1501698</v>
      </c>
      <c r="BS2689" s="166">
        <v>2480902787.1501698</v>
      </c>
      <c r="BT2689" s="168">
        <v>0</v>
      </c>
      <c r="BU2689" s="166">
        <v>0</v>
      </c>
      <c r="BV2689" s="166">
        <v>0</v>
      </c>
      <c r="BW2689" s="166">
        <v>0</v>
      </c>
      <c r="BX2689" s="166">
        <v>0</v>
      </c>
      <c r="BY2689" s="166">
        <v>0</v>
      </c>
      <c r="BZ2689" s="166">
        <v>0</v>
      </c>
      <c r="CA2689" s="166">
        <v>0</v>
      </c>
      <c r="CB2689" s="166">
        <v>0</v>
      </c>
      <c r="CC2689" s="166">
        <v>0</v>
      </c>
      <c r="CD2689" s="166">
        <v>0</v>
      </c>
      <c r="CE2689" s="166">
        <v>0</v>
      </c>
      <c r="CF2689" s="166">
        <v>0</v>
      </c>
      <c r="CG2689" s="166">
        <v>0</v>
      </c>
      <c r="CH2689" s="166">
        <v>0</v>
      </c>
      <c r="CI2689" s="166">
        <v>0</v>
      </c>
      <c r="CJ2689" s="166">
        <v>0</v>
      </c>
      <c r="CK2689" s="166">
        <v>0</v>
      </c>
      <c r="CL2689" s="166">
        <v>0</v>
      </c>
      <c r="CM2689" s="166">
        <v>0</v>
      </c>
      <c r="CN2689" s="166">
        <v>0</v>
      </c>
      <c r="CO2689" s="166">
        <v>0</v>
      </c>
      <c r="CP2689" s="166">
        <v>0</v>
      </c>
      <c r="CQ2689" s="166">
        <v>0</v>
      </c>
      <c r="CR2689" s="166">
        <v>0</v>
      </c>
      <c r="CS2689" s="166">
        <v>0</v>
      </c>
      <c r="CT2689" s="166">
        <v>0</v>
      </c>
      <c r="CU2689" s="166">
        <v>0</v>
      </c>
      <c r="CV2689" s="166">
        <v>0</v>
      </c>
      <c r="CW2689" s="166">
        <v>0</v>
      </c>
      <c r="CX2689" s="166">
        <v>0</v>
      </c>
      <c r="CY2689" s="166">
        <v>0</v>
      </c>
      <c r="CZ2689" s="166">
        <v>0</v>
      </c>
    </row>
    <row r="2690" spans="1:104" x14ac:dyDescent="0.2">
      <c r="A2690" s="170" t="s">
        <v>535</v>
      </c>
      <c r="B2690" s="166">
        <v>0</v>
      </c>
      <c r="C2690" s="166">
        <v>0</v>
      </c>
      <c r="D2690" s="166">
        <v>0</v>
      </c>
      <c r="E2690" s="166">
        <v>0</v>
      </c>
      <c r="F2690" s="166">
        <v>0</v>
      </c>
      <c r="G2690" s="166">
        <v>0</v>
      </c>
      <c r="H2690" s="166">
        <v>0</v>
      </c>
      <c r="I2690" s="166">
        <v>0</v>
      </c>
      <c r="J2690" s="166">
        <v>0</v>
      </c>
      <c r="K2690" s="166">
        <v>0</v>
      </c>
      <c r="L2690" s="166">
        <v>0</v>
      </c>
      <c r="M2690" s="166">
        <v>0</v>
      </c>
      <c r="N2690" s="166">
        <v>0</v>
      </c>
      <c r="O2690" s="166">
        <v>0</v>
      </c>
      <c r="P2690" s="166">
        <v>0</v>
      </c>
      <c r="Q2690" s="166">
        <v>0</v>
      </c>
      <c r="R2690" s="166">
        <v>0</v>
      </c>
      <c r="S2690" s="166">
        <v>0</v>
      </c>
      <c r="T2690" s="166">
        <v>0</v>
      </c>
      <c r="U2690" s="166">
        <v>0</v>
      </c>
      <c r="V2690" s="166">
        <v>0</v>
      </c>
      <c r="W2690" s="166">
        <v>0</v>
      </c>
      <c r="X2690" s="166">
        <v>0</v>
      </c>
      <c r="Y2690" s="166">
        <v>0</v>
      </c>
      <c r="Z2690" s="166">
        <v>0</v>
      </c>
      <c r="AA2690" s="166">
        <v>0</v>
      </c>
      <c r="AB2690" s="166">
        <v>0</v>
      </c>
      <c r="AC2690" s="166">
        <v>0</v>
      </c>
      <c r="AD2690" s="166">
        <v>0</v>
      </c>
      <c r="AE2690" s="166">
        <v>0</v>
      </c>
      <c r="AF2690" s="166">
        <v>0</v>
      </c>
      <c r="AG2690" s="166">
        <v>0</v>
      </c>
      <c r="AH2690" s="166">
        <v>0</v>
      </c>
      <c r="AI2690" s="166">
        <v>0</v>
      </c>
      <c r="AJ2690" s="166">
        <v>0</v>
      </c>
      <c r="AK2690" s="166">
        <v>0</v>
      </c>
      <c r="AL2690" s="166">
        <v>0</v>
      </c>
      <c r="AM2690" s="166">
        <v>0</v>
      </c>
      <c r="AN2690" s="166">
        <v>0</v>
      </c>
      <c r="AO2690" s="166">
        <v>0</v>
      </c>
      <c r="AP2690" s="166">
        <v>0</v>
      </c>
      <c r="AQ2690" s="166">
        <v>0</v>
      </c>
      <c r="AR2690" s="166">
        <v>0</v>
      </c>
      <c r="AS2690" s="166">
        <v>0</v>
      </c>
      <c r="AT2690" s="166">
        <v>0</v>
      </c>
      <c r="AU2690" s="166">
        <v>0</v>
      </c>
      <c r="AV2690" s="166">
        <v>0</v>
      </c>
      <c r="AW2690" s="166">
        <v>0</v>
      </c>
      <c r="AX2690" s="166">
        <v>0</v>
      </c>
      <c r="AY2690" s="166">
        <v>0</v>
      </c>
      <c r="AZ2690" s="166">
        <v>0</v>
      </c>
      <c r="BA2690" s="166">
        <v>0</v>
      </c>
      <c r="BB2690" s="166">
        <v>0</v>
      </c>
      <c r="BC2690" s="166">
        <v>0</v>
      </c>
      <c r="BD2690" s="166">
        <v>0</v>
      </c>
      <c r="BE2690" s="166">
        <v>0</v>
      </c>
      <c r="BF2690" s="166">
        <v>0</v>
      </c>
      <c r="BG2690" s="166">
        <v>0</v>
      </c>
      <c r="BH2690" s="166">
        <v>0</v>
      </c>
      <c r="BI2690" s="166">
        <v>0</v>
      </c>
      <c r="BJ2690" s="166">
        <v>0</v>
      </c>
      <c r="BK2690" s="166">
        <v>0</v>
      </c>
      <c r="BL2690" s="166">
        <v>0</v>
      </c>
      <c r="BM2690" s="166">
        <v>0</v>
      </c>
      <c r="BN2690" s="166">
        <v>0</v>
      </c>
      <c r="BO2690" s="166">
        <v>0</v>
      </c>
      <c r="BP2690" s="166">
        <v>0</v>
      </c>
      <c r="BQ2690" s="166">
        <v>0</v>
      </c>
      <c r="BR2690" s="166">
        <v>0</v>
      </c>
      <c r="BS2690" s="166">
        <v>0</v>
      </c>
      <c r="BT2690" s="168">
        <v>0</v>
      </c>
      <c r="BU2690" s="166">
        <v>0</v>
      </c>
      <c r="BV2690" s="166">
        <v>0</v>
      </c>
      <c r="BW2690" s="166">
        <v>0</v>
      </c>
      <c r="BX2690" s="166">
        <v>0</v>
      </c>
      <c r="BY2690" s="166">
        <v>0</v>
      </c>
      <c r="BZ2690" s="166">
        <v>0</v>
      </c>
      <c r="CA2690" s="166">
        <v>0</v>
      </c>
      <c r="CB2690" s="166">
        <v>0</v>
      </c>
      <c r="CC2690" s="166">
        <v>0</v>
      </c>
      <c r="CD2690" s="166">
        <v>0</v>
      </c>
      <c r="CE2690" s="166">
        <v>0</v>
      </c>
      <c r="CF2690" s="166">
        <v>0</v>
      </c>
      <c r="CG2690" s="166">
        <v>0</v>
      </c>
      <c r="CH2690" s="166">
        <v>0</v>
      </c>
      <c r="CI2690" s="166">
        <v>0</v>
      </c>
      <c r="CJ2690" s="166">
        <v>0</v>
      </c>
      <c r="CK2690" s="166">
        <v>0</v>
      </c>
      <c r="CL2690" s="166">
        <v>0</v>
      </c>
      <c r="CM2690" s="166">
        <v>0</v>
      </c>
      <c r="CN2690" s="166">
        <v>0</v>
      </c>
      <c r="CO2690" s="166">
        <v>0</v>
      </c>
      <c r="CP2690" s="166">
        <v>0</v>
      </c>
      <c r="CQ2690" s="166">
        <v>0</v>
      </c>
      <c r="CR2690" s="166">
        <v>0</v>
      </c>
      <c r="CS2690" s="166">
        <v>0</v>
      </c>
      <c r="CT2690" s="166">
        <v>0</v>
      </c>
      <c r="CU2690" s="166">
        <v>0</v>
      </c>
      <c r="CV2690" s="166">
        <v>0</v>
      </c>
      <c r="CW2690" s="166">
        <v>0</v>
      </c>
      <c r="CX2690" s="166">
        <v>0</v>
      </c>
      <c r="CY2690" s="166">
        <v>0</v>
      </c>
      <c r="CZ2690" s="166">
        <v>0</v>
      </c>
    </row>
    <row r="2691" spans="1:104" x14ac:dyDescent="0.2">
      <c r="A2691" s="167" t="s">
        <v>536</v>
      </c>
      <c r="B2691" s="166">
        <v>-5.8207660913467401E-8</v>
      </c>
      <c r="C2691" s="166">
        <v>-5.8207660913467401E-8</v>
      </c>
      <c r="D2691" s="166">
        <v>0</v>
      </c>
      <c r="E2691" s="166">
        <v>0</v>
      </c>
      <c r="F2691" s="166">
        <v>0</v>
      </c>
      <c r="G2691" s="166">
        <v>0</v>
      </c>
      <c r="H2691" s="166">
        <v>0</v>
      </c>
      <c r="I2691" s="166">
        <v>0</v>
      </c>
      <c r="J2691" s="166">
        <v>0</v>
      </c>
      <c r="K2691" s="166">
        <v>0</v>
      </c>
      <c r="L2691" s="166">
        <v>0</v>
      </c>
      <c r="M2691" s="166">
        <v>0</v>
      </c>
      <c r="N2691" s="166">
        <v>0</v>
      </c>
      <c r="O2691" s="166">
        <v>0</v>
      </c>
      <c r="P2691" s="166">
        <v>0</v>
      </c>
      <c r="Q2691" s="166">
        <v>0</v>
      </c>
      <c r="R2691" s="166">
        <v>0</v>
      </c>
      <c r="S2691" s="166">
        <v>0</v>
      </c>
      <c r="T2691" s="166">
        <v>0</v>
      </c>
      <c r="U2691" s="166">
        <v>0</v>
      </c>
      <c r="V2691" s="166">
        <v>0</v>
      </c>
      <c r="W2691" s="166">
        <v>0</v>
      </c>
      <c r="X2691" s="166">
        <v>0</v>
      </c>
      <c r="Y2691" s="166">
        <v>0</v>
      </c>
      <c r="Z2691" s="166">
        <v>0</v>
      </c>
      <c r="AA2691" s="166">
        <v>0</v>
      </c>
      <c r="AB2691" s="166">
        <v>0</v>
      </c>
      <c r="AC2691" s="166">
        <v>0</v>
      </c>
      <c r="AD2691" s="166">
        <v>0</v>
      </c>
      <c r="AE2691" s="166">
        <v>0</v>
      </c>
      <c r="AF2691" s="166">
        <v>0</v>
      </c>
      <c r="AG2691" s="166">
        <v>0</v>
      </c>
      <c r="AH2691" s="166">
        <v>0</v>
      </c>
      <c r="AI2691" s="166">
        <v>0</v>
      </c>
      <c r="AJ2691" s="166">
        <v>0</v>
      </c>
      <c r="AK2691" s="166">
        <v>0</v>
      </c>
      <c r="AL2691" s="166">
        <v>0</v>
      </c>
      <c r="AM2691" s="166">
        <v>0</v>
      </c>
      <c r="AN2691" s="166">
        <v>0</v>
      </c>
      <c r="AO2691" s="166">
        <v>0</v>
      </c>
      <c r="AP2691" s="166">
        <v>0</v>
      </c>
      <c r="AQ2691" s="166">
        <v>0</v>
      </c>
      <c r="AR2691" s="166">
        <v>0</v>
      </c>
      <c r="AS2691" s="166">
        <v>0</v>
      </c>
      <c r="AT2691" s="166">
        <v>0</v>
      </c>
      <c r="AU2691" s="166">
        <v>0</v>
      </c>
      <c r="AV2691" s="166">
        <v>0</v>
      </c>
      <c r="AW2691" s="166">
        <v>0</v>
      </c>
      <c r="AX2691" s="166">
        <v>0</v>
      </c>
      <c r="AY2691" s="166">
        <v>0</v>
      </c>
      <c r="AZ2691" s="166">
        <v>0</v>
      </c>
      <c r="BA2691" s="166">
        <v>0</v>
      </c>
      <c r="BB2691" s="166">
        <v>0</v>
      </c>
      <c r="BC2691" s="166">
        <v>0</v>
      </c>
      <c r="BD2691" s="166">
        <v>0</v>
      </c>
      <c r="BE2691" s="166">
        <v>0</v>
      </c>
      <c r="BF2691" s="166">
        <v>0</v>
      </c>
      <c r="BG2691" s="166">
        <v>0</v>
      </c>
      <c r="BH2691" s="166">
        <v>0</v>
      </c>
      <c r="BI2691" s="166">
        <v>0</v>
      </c>
      <c r="BJ2691" s="166">
        <v>0</v>
      </c>
      <c r="BK2691" s="166">
        <v>0</v>
      </c>
      <c r="BL2691" s="166">
        <v>0</v>
      </c>
      <c r="BM2691" s="166">
        <v>0</v>
      </c>
      <c r="BN2691" s="166">
        <v>0</v>
      </c>
      <c r="BO2691" s="166">
        <v>0</v>
      </c>
      <c r="BP2691" s="166">
        <v>0</v>
      </c>
      <c r="BQ2691" s="166">
        <v>0</v>
      </c>
      <c r="BR2691" s="166">
        <v>-5.8207660913467401E-8</v>
      </c>
      <c r="BS2691" s="166">
        <v>-5.8207660913467401E-8</v>
      </c>
      <c r="BT2691" s="168">
        <v>0</v>
      </c>
      <c r="BU2691" s="166">
        <v>0</v>
      </c>
      <c r="BV2691" s="166">
        <v>0</v>
      </c>
      <c r="BW2691" s="166">
        <v>0</v>
      </c>
      <c r="BX2691" s="166">
        <v>0</v>
      </c>
      <c r="BY2691" s="166">
        <v>0</v>
      </c>
      <c r="BZ2691" s="166">
        <v>0</v>
      </c>
      <c r="CA2691" s="166">
        <v>0</v>
      </c>
      <c r="CB2691" s="166">
        <v>0</v>
      </c>
      <c r="CC2691" s="166">
        <v>0</v>
      </c>
      <c r="CD2691" s="166">
        <v>0</v>
      </c>
      <c r="CE2691" s="166">
        <v>0</v>
      </c>
      <c r="CF2691" s="166">
        <v>0</v>
      </c>
      <c r="CG2691" s="166">
        <v>0</v>
      </c>
      <c r="CH2691" s="166">
        <v>0</v>
      </c>
      <c r="CI2691" s="166">
        <v>0</v>
      </c>
      <c r="CJ2691" s="166">
        <v>0</v>
      </c>
      <c r="CK2691" s="166">
        <v>0</v>
      </c>
      <c r="CL2691" s="166">
        <v>0</v>
      </c>
      <c r="CM2691" s="166">
        <v>0</v>
      </c>
      <c r="CN2691" s="166">
        <v>0</v>
      </c>
      <c r="CO2691" s="166">
        <v>0</v>
      </c>
      <c r="CP2691" s="166">
        <v>0</v>
      </c>
      <c r="CQ2691" s="166">
        <v>0</v>
      </c>
      <c r="CR2691" s="166">
        <v>0</v>
      </c>
      <c r="CS2691" s="166">
        <v>0</v>
      </c>
      <c r="CT2691" s="166">
        <v>0</v>
      </c>
      <c r="CU2691" s="166">
        <v>0</v>
      </c>
      <c r="CV2691" s="166">
        <v>0</v>
      </c>
      <c r="CW2691" s="166">
        <v>0</v>
      </c>
      <c r="CX2691" s="166">
        <v>0</v>
      </c>
      <c r="CY2691" s="166">
        <v>0</v>
      </c>
      <c r="CZ2691" s="166">
        <v>0</v>
      </c>
    </row>
    <row r="2692" spans="1:104" x14ac:dyDescent="0.2">
      <c r="A2692" s="167" t="s">
        <v>537</v>
      </c>
      <c r="B2692" s="166">
        <v>-7.2759576141834201E-9</v>
      </c>
      <c r="C2692" s="166">
        <v>-7.2759576141834201E-9</v>
      </c>
      <c r="D2692" s="166">
        <v>0</v>
      </c>
      <c r="E2692" s="166">
        <v>0</v>
      </c>
      <c r="F2692" s="166">
        <v>0</v>
      </c>
      <c r="G2692" s="166">
        <v>0</v>
      </c>
      <c r="H2692" s="166">
        <v>0</v>
      </c>
      <c r="I2692" s="166">
        <v>0</v>
      </c>
      <c r="J2692" s="166">
        <v>0</v>
      </c>
      <c r="K2692" s="166">
        <v>0</v>
      </c>
      <c r="L2692" s="166">
        <v>0</v>
      </c>
      <c r="M2692" s="166">
        <v>0</v>
      </c>
      <c r="N2692" s="166">
        <v>0</v>
      </c>
      <c r="O2692" s="166">
        <v>0</v>
      </c>
      <c r="P2692" s="166">
        <v>0</v>
      </c>
      <c r="Q2692" s="166">
        <v>0</v>
      </c>
      <c r="R2692" s="166">
        <v>0</v>
      </c>
      <c r="S2692" s="166">
        <v>0</v>
      </c>
      <c r="T2692" s="166">
        <v>0</v>
      </c>
      <c r="U2692" s="166">
        <v>0</v>
      </c>
      <c r="V2692" s="166">
        <v>0</v>
      </c>
      <c r="W2692" s="166">
        <v>0</v>
      </c>
      <c r="X2692" s="166">
        <v>0</v>
      </c>
      <c r="Y2692" s="166">
        <v>0</v>
      </c>
      <c r="Z2692" s="166">
        <v>0</v>
      </c>
      <c r="AA2692" s="166">
        <v>0</v>
      </c>
      <c r="AB2692" s="166">
        <v>0</v>
      </c>
      <c r="AC2692" s="166">
        <v>0</v>
      </c>
      <c r="AD2692" s="166">
        <v>0</v>
      </c>
      <c r="AE2692" s="166">
        <v>0</v>
      </c>
      <c r="AF2692" s="166">
        <v>0</v>
      </c>
      <c r="AG2692" s="166">
        <v>0</v>
      </c>
      <c r="AH2692" s="166">
        <v>0</v>
      </c>
      <c r="AI2692" s="166">
        <v>0</v>
      </c>
      <c r="AJ2692" s="166">
        <v>0</v>
      </c>
      <c r="AK2692" s="166">
        <v>0</v>
      </c>
      <c r="AL2692" s="166">
        <v>0</v>
      </c>
      <c r="AM2692" s="166">
        <v>0</v>
      </c>
      <c r="AN2692" s="166">
        <v>0</v>
      </c>
      <c r="AO2692" s="166">
        <v>0</v>
      </c>
      <c r="AP2692" s="166">
        <v>0</v>
      </c>
      <c r="AQ2692" s="166">
        <v>0</v>
      </c>
      <c r="AR2692" s="166">
        <v>0</v>
      </c>
      <c r="AS2692" s="166">
        <v>0</v>
      </c>
      <c r="AT2692" s="166">
        <v>0</v>
      </c>
      <c r="AU2692" s="166">
        <v>0</v>
      </c>
      <c r="AV2692" s="166">
        <v>0</v>
      </c>
      <c r="AW2692" s="166">
        <v>0</v>
      </c>
      <c r="AX2692" s="166">
        <v>0</v>
      </c>
      <c r="AY2692" s="166">
        <v>0</v>
      </c>
      <c r="AZ2692" s="166">
        <v>0</v>
      </c>
      <c r="BA2692" s="166">
        <v>0</v>
      </c>
      <c r="BB2692" s="166">
        <v>0</v>
      </c>
      <c r="BC2692" s="166">
        <v>0</v>
      </c>
      <c r="BD2692" s="166">
        <v>0</v>
      </c>
      <c r="BE2692" s="166">
        <v>0</v>
      </c>
      <c r="BF2692" s="166">
        <v>0</v>
      </c>
      <c r="BG2692" s="166">
        <v>0</v>
      </c>
      <c r="BH2692" s="166">
        <v>0</v>
      </c>
      <c r="BI2692" s="166">
        <v>0</v>
      </c>
      <c r="BJ2692" s="166">
        <v>0</v>
      </c>
      <c r="BK2692" s="166">
        <v>0</v>
      </c>
      <c r="BL2692" s="166">
        <v>0</v>
      </c>
      <c r="BM2692" s="166">
        <v>0</v>
      </c>
      <c r="BN2692" s="166">
        <v>0</v>
      </c>
      <c r="BO2692" s="166">
        <v>0</v>
      </c>
      <c r="BP2692" s="166">
        <v>0</v>
      </c>
      <c r="BQ2692" s="166">
        <v>0</v>
      </c>
      <c r="BR2692" s="166">
        <v>-7.2759576141834201E-9</v>
      </c>
      <c r="BS2692" s="166">
        <v>-7.2759576141834201E-9</v>
      </c>
      <c r="BT2692" s="168">
        <v>0</v>
      </c>
      <c r="BU2692" s="166">
        <v>0</v>
      </c>
      <c r="BV2692" s="166">
        <v>0</v>
      </c>
      <c r="BW2692" s="166">
        <v>0</v>
      </c>
      <c r="BX2692" s="166">
        <v>0</v>
      </c>
      <c r="BY2692" s="166">
        <v>0</v>
      </c>
      <c r="BZ2692" s="166">
        <v>0</v>
      </c>
      <c r="CA2692" s="166">
        <v>0</v>
      </c>
      <c r="CB2692" s="166">
        <v>0</v>
      </c>
      <c r="CC2692" s="166">
        <v>0</v>
      </c>
      <c r="CD2692" s="166">
        <v>0</v>
      </c>
      <c r="CE2692" s="166">
        <v>0</v>
      </c>
      <c r="CF2692" s="166">
        <v>0</v>
      </c>
      <c r="CG2692" s="166">
        <v>0</v>
      </c>
      <c r="CH2692" s="166">
        <v>0</v>
      </c>
      <c r="CI2692" s="166">
        <v>0</v>
      </c>
      <c r="CJ2692" s="166">
        <v>0</v>
      </c>
      <c r="CK2692" s="166">
        <v>0</v>
      </c>
      <c r="CL2692" s="166">
        <v>0</v>
      </c>
      <c r="CM2692" s="166">
        <v>0</v>
      </c>
      <c r="CN2692" s="166">
        <v>0</v>
      </c>
      <c r="CO2692" s="166">
        <v>0</v>
      </c>
      <c r="CP2692" s="166">
        <v>0</v>
      </c>
      <c r="CQ2692" s="166">
        <v>0</v>
      </c>
      <c r="CR2692" s="166">
        <v>0</v>
      </c>
      <c r="CS2692" s="166">
        <v>0</v>
      </c>
      <c r="CT2692" s="166">
        <v>0</v>
      </c>
      <c r="CU2692" s="166">
        <v>0</v>
      </c>
      <c r="CV2692" s="166">
        <v>0</v>
      </c>
      <c r="CW2692" s="166">
        <v>0</v>
      </c>
      <c r="CX2692" s="166">
        <v>0</v>
      </c>
      <c r="CY2692" s="166">
        <v>0</v>
      </c>
      <c r="CZ2692" s="166">
        <v>0</v>
      </c>
    </row>
    <row r="2693" spans="1:104" x14ac:dyDescent="0.2">
      <c r="A2693" s="167" t="s">
        <v>538</v>
      </c>
      <c r="B2693" s="166">
        <v>3.6379788070917101E-9</v>
      </c>
      <c r="C2693" s="166">
        <v>3.6379788070917101E-9</v>
      </c>
      <c r="D2693" s="166">
        <v>0</v>
      </c>
      <c r="E2693" s="166">
        <v>0</v>
      </c>
      <c r="F2693" s="166">
        <v>0</v>
      </c>
      <c r="G2693" s="166">
        <v>0</v>
      </c>
      <c r="H2693" s="166">
        <v>0</v>
      </c>
      <c r="I2693" s="166">
        <v>0</v>
      </c>
      <c r="J2693" s="166">
        <v>0</v>
      </c>
      <c r="K2693" s="166">
        <v>0</v>
      </c>
      <c r="L2693" s="166">
        <v>0</v>
      </c>
      <c r="M2693" s="166">
        <v>0</v>
      </c>
      <c r="N2693" s="166">
        <v>0</v>
      </c>
      <c r="O2693" s="166">
        <v>0</v>
      </c>
      <c r="P2693" s="166">
        <v>0</v>
      </c>
      <c r="Q2693" s="166">
        <v>0</v>
      </c>
      <c r="R2693" s="166">
        <v>0</v>
      </c>
      <c r="S2693" s="166">
        <v>0</v>
      </c>
      <c r="T2693" s="166">
        <v>0</v>
      </c>
      <c r="U2693" s="166">
        <v>0</v>
      </c>
      <c r="V2693" s="166">
        <v>0</v>
      </c>
      <c r="W2693" s="166">
        <v>0</v>
      </c>
      <c r="X2693" s="166">
        <v>0</v>
      </c>
      <c r="Y2693" s="166">
        <v>0</v>
      </c>
      <c r="Z2693" s="166">
        <v>0</v>
      </c>
      <c r="AA2693" s="166">
        <v>0</v>
      </c>
      <c r="AB2693" s="166">
        <v>0</v>
      </c>
      <c r="AC2693" s="166">
        <v>0</v>
      </c>
      <c r="AD2693" s="166">
        <v>0</v>
      </c>
      <c r="AE2693" s="166">
        <v>0</v>
      </c>
      <c r="AF2693" s="166">
        <v>0</v>
      </c>
      <c r="AG2693" s="166">
        <v>0</v>
      </c>
      <c r="AH2693" s="166">
        <v>0</v>
      </c>
      <c r="AI2693" s="166">
        <v>0</v>
      </c>
      <c r="AJ2693" s="166">
        <v>0</v>
      </c>
      <c r="AK2693" s="166">
        <v>0</v>
      </c>
      <c r="AL2693" s="166">
        <v>0</v>
      </c>
      <c r="AM2693" s="166">
        <v>0</v>
      </c>
      <c r="AN2693" s="166">
        <v>0</v>
      </c>
      <c r="AO2693" s="166">
        <v>0</v>
      </c>
      <c r="AP2693" s="166">
        <v>0</v>
      </c>
      <c r="AQ2693" s="166">
        <v>0</v>
      </c>
      <c r="AR2693" s="166">
        <v>0</v>
      </c>
      <c r="AS2693" s="166">
        <v>0</v>
      </c>
      <c r="AT2693" s="166">
        <v>0</v>
      </c>
      <c r="AU2693" s="166">
        <v>0</v>
      </c>
      <c r="AV2693" s="166">
        <v>0</v>
      </c>
      <c r="AW2693" s="166">
        <v>0</v>
      </c>
      <c r="AX2693" s="166">
        <v>0</v>
      </c>
      <c r="AY2693" s="166">
        <v>0</v>
      </c>
      <c r="AZ2693" s="166">
        <v>0</v>
      </c>
      <c r="BA2693" s="166">
        <v>0</v>
      </c>
      <c r="BB2693" s="166">
        <v>0</v>
      </c>
      <c r="BC2693" s="166">
        <v>0</v>
      </c>
      <c r="BD2693" s="166">
        <v>0</v>
      </c>
      <c r="BE2693" s="166">
        <v>0</v>
      </c>
      <c r="BF2693" s="166">
        <v>0</v>
      </c>
      <c r="BG2693" s="166">
        <v>0</v>
      </c>
      <c r="BH2693" s="166">
        <v>0</v>
      </c>
      <c r="BI2693" s="166">
        <v>0</v>
      </c>
      <c r="BJ2693" s="166">
        <v>0</v>
      </c>
      <c r="BK2693" s="166">
        <v>0</v>
      </c>
      <c r="BL2693" s="166">
        <v>0</v>
      </c>
      <c r="BM2693" s="166">
        <v>0</v>
      </c>
      <c r="BN2693" s="166">
        <v>0</v>
      </c>
      <c r="BO2693" s="166">
        <v>0</v>
      </c>
      <c r="BP2693" s="166">
        <v>0</v>
      </c>
      <c r="BQ2693" s="166">
        <v>0</v>
      </c>
      <c r="BR2693" s="166">
        <v>3.6379788070917101E-9</v>
      </c>
      <c r="BS2693" s="166">
        <v>3.6379788070917101E-9</v>
      </c>
      <c r="BT2693" s="168">
        <v>0</v>
      </c>
      <c r="BU2693" s="166">
        <v>0</v>
      </c>
      <c r="BV2693" s="166">
        <v>0</v>
      </c>
      <c r="BW2693" s="166">
        <v>0</v>
      </c>
      <c r="BX2693" s="166">
        <v>0</v>
      </c>
      <c r="BY2693" s="166">
        <v>0</v>
      </c>
      <c r="BZ2693" s="166">
        <v>0</v>
      </c>
      <c r="CA2693" s="166">
        <v>0</v>
      </c>
      <c r="CB2693" s="166">
        <v>0</v>
      </c>
      <c r="CC2693" s="166">
        <v>0</v>
      </c>
      <c r="CD2693" s="166">
        <v>0</v>
      </c>
      <c r="CE2693" s="166">
        <v>0</v>
      </c>
      <c r="CF2693" s="166">
        <v>0</v>
      </c>
      <c r="CG2693" s="166">
        <v>0</v>
      </c>
      <c r="CH2693" s="166">
        <v>0</v>
      </c>
      <c r="CI2693" s="166">
        <v>0</v>
      </c>
      <c r="CJ2693" s="166">
        <v>0</v>
      </c>
      <c r="CK2693" s="166">
        <v>0</v>
      </c>
      <c r="CL2693" s="166">
        <v>0</v>
      </c>
      <c r="CM2693" s="166">
        <v>0</v>
      </c>
      <c r="CN2693" s="166">
        <v>0</v>
      </c>
      <c r="CO2693" s="166">
        <v>0</v>
      </c>
      <c r="CP2693" s="166">
        <v>0</v>
      </c>
      <c r="CQ2693" s="166">
        <v>0</v>
      </c>
      <c r="CR2693" s="166">
        <v>0</v>
      </c>
      <c r="CS2693" s="166">
        <v>0</v>
      </c>
      <c r="CT2693" s="166">
        <v>0</v>
      </c>
      <c r="CU2693" s="166">
        <v>0</v>
      </c>
      <c r="CV2693" s="166">
        <v>0</v>
      </c>
      <c r="CW2693" s="166">
        <v>0</v>
      </c>
      <c r="CX2693" s="166">
        <v>0</v>
      </c>
      <c r="CY2693" s="166">
        <v>0</v>
      </c>
      <c r="CZ2693" s="166">
        <v>0</v>
      </c>
    </row>
    <row r="2694" spans="1:104" x14ac:dyDescent="0.2">
      <c r="A2694" s="167" t="s">
        <v>539</v>
      </c>
      <c r="B2694" s="166">
        <v>-3.6379788070917101E-9</v>
      </c>
      <c r="C2694" s="166">
        <v>-3.6379788070917101E-9</v>
      </c>
      <c r="D2694" s="166">
        <v>0</v>
      </c>
      <c r="E2694" s="166">
        <v>0</v>
      </c>
      <c r="F2694" s="166">
        <v>0</v>
      </c>
      <c r="G2694" s="166">
        <v>0</v>
      </c>
      <c r="H2694" s="166">
        <v>0</v>
      </c>
      <c r="I2694" s="166">
        <v>0</v>
      </c>
      <c r="J2694" s="166">
        <v>0</v>
      </c>
      <c r="K2694" s="166">
        <v>0</v>
      </c>
      <c r="L2694" s="166">
        <v>0</v>
      </c>
      <c r="M2694" s="166">
        <v>0</v>
      </c>
      <c r="N2694" s="166">
        <v>0</v>
      </c>
      <c r="O2694" s="166">
        <v>0</v>
      </c>
      <c r="P2694" s="166">
        <v>0</v>
      </c>
      <c r="Q2694" s="166">
        <v>0</v>
      </c>
      <c r="R2694" s="166">
        <v>0</v>
      </c>
      <c r="S2694" s="166">
        <v>0</v>
      </c>
      <c r="T2694" s="166">
        <v>0</v>
      </c>
      <c r="U2694" s="166">
        <v>0</v>
      </c>
      <c r="V2694" s="166">
        <v>0</v>
      </c>
      <c r="W2694" s="166">
        <v>0</v>
      </c>
      <c r="X2694" s="166">
        <v>0</v>
      </c>
      <c r="Y2694" s="166">
        <v>0</v>
      </c>
      <c r="Z2694" s="166">
        <v>0</v>
      </c>
      <c r="AA2694" s="166">
        <v>0</v>
      </c>
      <c r="AB2694" s="166">
        <v>0</v>
      </c>
      <c r="AC2694" s="166">
        <v>0</v>
      </c>
      <c r="AD2694" s="166">
        <v>0</v>
      </c>
      <c r="AE2694" s="166">
        <v>0</v>
      </c>
      <c r="AF2694" s="166">
        <v>0</v>
      </c>
      <c r="AG2694" s="166">
        <v>0</v>
      </c>
      <c r="AH2694" s="166">
        <v>0</v>
      </c>
      <c r="AI2694" s="166">
        <v>0</v>
      </c>
      <c r="AJ2694" s="166">
        <v>0</v>
      </c>
      <c r="AK2694" s="166">
        <v>0</v>
      </c>
      <c r="AL2694" s="166">
        <v>0</v>
      </c>
      <c r="AM2694" s="166">
        <v>0</v>
      </c>
      <c r="AN2694" s="166">
        <v>0</v>
      </c>
      <c r="AO2694" s="166">
        <v>0</v>
      </c>
      <c r="AP2694" s="166">
        <v>0</v>
      </c>
      <c r="AQ2694" s="166">
        <v>0</v>
      </c>
      <c r="AR2694" s="166">
        <v>0</v>
      </c>
      <c r="AS2694" s="166">
        <v>0</v>
      </c>
      <c r="AT2694" s="166">
        <v>0</v>
      </c>
      <c r="AU2694" s="166">
        <v>0</v>
      </c>
      <c r="AV2694" s="166">
        <v>0</v>
      </c>
      <c r="AW2694" s="166">
        <v>0</v>
      </c>
      <c r="AX2694" s="166">
        <v>0</v>
      </c>
      <c r="AY2694" s="166">
        <v>0</v>
      </c>
      <c r="AZ2694" s="166">
        <v>0</v>
      </c>
      <c r="BA2694" s="166">
        <v>0</v>
      </c>
      <c r="BB2694" s="166">
        <v>0</v>
      </c>
      <c r="BC2694" s="166">
        <v>0</v>
      </c>
      <c r="BD2694" s="166">
        <v>0</v>
      </c>
      <c r="BE2694" s="166">
        <v>0</v>
      </c>
      <c r="BF2694" s="166">
        <v>0</v>
      </c>
      <c r="BG2694" s="166">
        <v>0</v>
      </c>
      <c r="BH2694" s="166">
        <v>0</v>
      </c>
      <c r="BI2694" s="166">
        <v>0</v>
      </c>
      <c r="BJ2694" s="166">
        <v>0</v>
      </c>
      <c r="BK2694" s="166">
        <v>0</v>
      </c>
      <c r="BL2694" s="166">
        <v>0</v>
      </c>
      <c r="BM2694" s="166">
        <v>0</v>
      </c>
      <c r="BN2694" s="166">
        <v>0</v>
      </c>
      <c r="BO2694" s="166">
        <v>0</v>
      </c>
      <c r="BP2694" s="166">
        <v>0</v>
      </c>
      <c r="BQ2694" s="166">
        <v>0</v>
      </c>
      <c r="BR2694" s="166">
        <v>-3.6379788070917101E-9</v>
      </c>
      <c r="BS2694" s="166">
        <v>-3.6379788070917101E-9</v>
      </c>
      <c r="BT2694" s="168">
        <v>0</v>
      </c>
      <c r="BU2694" s="166">
        <v>0</v>
      </c>
      <c r="BV2694" s="166">
        <v>0</v>
      </c>
      <c r="BW2694" s="166">
        <v>0</v>
      </c>
      <c r="BX2694" s="166">
        <v>0</v>
      </c>
      <c r="BY2694" s="166">
        <v>0</v>
      </c>
      <c r="BZ2694" s="166">
        <v>0</v>
      </c>
      <c r="CA2694" s="166">
        <v>0</v>
      </c>
      <c r="CB2694" s="166">
        <v>0</v>
      </c>
      <c r="CC2694" s="166">
        <v>0</v>
      </c>
      <c r="CD2694" s="166">
        <v>0</v>
      </c>
      <c r="CE2694" s="166">
        <v>0</v>
      </c>
      <c r="CF2694" s="166">
        <v>0</v>
      </c>
      <c r="CG2694" s="166">
        <v>0</v>
      </c>
      <c r="CH2694" s="166">
        <v>0</v>
      </c>
      <c r="CI2694" s="166">
        <v>0</v>
      </c>
      <c r="CJ2694" s="166">
        <v>0</v>
      </c>
      <c r="CK2694" s="166">
        <v>0</v>
      </c>
      <c r="CL2694" s="166">
        <v>0</v>
      </c>
      <c r="CM2694" s="166">
        <v>0</v>
      </c>
      <c r="CN2694" s="166">
        <v>0</v>
      </c>
      <c r="CO2694" s="166">
        <v>0</v>
      </c>
      <c r="CP2694" s="166">
        <v>0</v>
      </c>
      <c r="CQ2694" s="166">
        <v>0</v>
      </c>
      <c r="CR2694" s="166">
        <v>0</v>
      </c>
      <c r="CS2694" s="166">
        <v>0</v>
      </c>
      <c r="CT2694" s="166">
        <v>0</v>
      </c>
      <c r="CU2694" s="166">
        <v>0</v>
      </c>
      <c r="CV2694" s="166">
        <v>0</v>
      </c>
      <c r="CW2694" s="166">
        <v>0</v>
      </c>
      <c r="CX2694" s="166">
        <v>0</v>
      </c>
      <c r="CY2694" s="166">
        <v>0</v>
      </c>
      <c r="CZ2694" s="166">
        <v>0</v>
      </c>
    </row>
    <row r="2695" spans="1:104" x14ac:dyDescent="0.2">
      <c r="A2695" s="167" t="s">
        <v>540</v>
      </c>
      <c r="B2695" s="166">
        <v>-3.6379788070917101E-9</v>
      </c>
      <c r="C2695" s="166">
        <v>-3.6379788070917101E-9</v>
      </c>
      <c r="D2695" s="166">
        <v>0</v>
      </c>
      <c r="E2695" s="166">
        <v>0</v>
      </c>
      <c r="F2695" s="166">
        <v>0</v>
      </c>
      <c r="G2695" s="166">
        <v>0</v>
      </c>
      <c r="H2695" s="166">
        <v>0</v>
      </c>
      <c r="I2695" s="166">
        <v>0</v>
      </c>
      <c r="J2695" s="166">
        <v>0</v>
      </c>
      <c r="K2695" s="166">
        <v>0</v>
      </c>
      <c r="L2695" s="166">
        <v>0</v>
      </c>
      <c r="M2695" s="166">
        <v>0</v>
      </c>
      <c r="N2695" s="166">
        <v>0</v>
      </c>
      <c r="O2695" s="166">
        <v>0</v>
      </c>
      <c r="P2695" s="166">
        <v>0</v>
      </c>
      <c r="Q2695" s="166">
        <v>0</v>
      </c>
      <c r="R2695" s="166">
        <v>0</v>
      </c>
      <c r="S2695" s="166">
        <v>0</v>
      </c>
      <c r="T2695" s="166">
        <v>0</v>
      </c>
      <c r="U2695" s="166">
        <v>0</v>
      </c>
      <c r="V2695" s="166">
        <v>0</v>
      </c>
      <c r="W2695" s="166">
        <v>0</v>
      </c>
      <c r="X2695" s="166">
        <v>0</v>
      </c>
      <c r="Y2695" s="166">
        <v>0</v>
      </c>
      <c r="Z2695" s="166">
        <v>0</v>
      </c>
      <c r="AA2695" s="166">
        <v>0</v>
      </c>
      <c r="AB2695" s="166">
        <v>0</v>
      </c>
      <c r="AC2695" s="166">
        <v>0</v>
      </c>
      <c r="AD2695" s="166">
        <v>0</v>
      </c>
      <c r="AE2695" s="166">
        <v>0</v>
      </c>
      <c r="AF2695" s="166">
        <v>0</v>
      </c>
      <c r="AG2695" s="166">
        <v>0</v>
      </c>
      <c r="AH2695" s="166">
        <v>0</v>
      </c>
      <c r="AI2695" s="166">
        <v>0</v>
      </c>
      <c r="AJ2695" s="166">
        <v>0</v>
      </c>
      <c r="AK2695" s="166">
        <v>0</v>
      </c>
      <c r="AL2695" s="166">
        <v>0</v>
      </c>
      <c r="AM2695" s="166">
        <v>0</v>
      </c>
      <c r="AN2695" s="166">
        <v>0</v>
      </c>
      <c r="AO2695" s="166">
        <v>0</v>
      </c>
      <c r="AP2695" s="166">
        <v>0</v>
      </c>
      <c r="AQ2695" s="166">
        <v>0</v>
      </c>
      <c r="AR2695" s="166">
        <v>0</v>
      </c>
      <c r="AS2695" s="166">
        <v>0</v>
      </c>
      <c r="AT2695" s="166">
        <v>0</v>
      </c>
      <c r="AU2695" s="166">
        <v>0</v>
      </c>
      <c r="AV2695" s="166">
        <v>0</v>
      </c>
      <c r="AW2695" s="166">
        <v>0</v>
      </c>
      <c r="AX2695" s="166">
        <v>0</v>
      </c>
      <c r="AY2695" s="166">
        <v>0</v>
      </c>
      <c r="AZ2695" s="166">
        <v>0</v>
      </c>
      <c r="BA2695" s="166">
        <v>0</v>
      </c>
      <c r="BB2695" s="166">
        <v>0</v>
      </c>
      <c r="BC2695" s="166">
        <v>0</v>
      </c>
      <c r="BD2695" s="166">
        <v>0</v>
      </c>
      <c r="BE2695" s="166">
        <v>0</v>
      </c>
      <c r="BF2695" s="166">
        <v>0</v>
      </c>
      <c r="BG2695" s="166">
        <v>0</v>
      </c>
      <c r="BH2695" s="166">
        <v>0</v>
      </c>
      <c r="BI2695" s="166">
        <v>0</v>
      </c>
      <c r="BJ2695" s="166">
        <v>0</v>
      </c>
      <c r="BK2695" s="166">
        <v>0</v>
      </c>
      <c r="BL2695" s="166">
        <v>0</v>
      </c>
      <c r="BM2695" s="166">
        <v>0</v>
      </c>
      <c r="BN2695" s="166">
        <v>0</v>
      </c>
      <c r="BO2695" s="166">
        <v>0</v>
      </c>
      <c r="BP2695" s="166">
        <v>0</v>
      </c>
      <c r="BQ2695" s="166">
        <v>0</v>
      </c>
      <c r="BR2695" s="166">
        <v>-3.6379788070917101E-9</v>
      </c>
      <c r="BS2695" s="166">
        <v>-3.6379788070917101E-9</v>
      </c>
      <c r="BT2695" s="168">
        <v>0</v>
      </c>
      <c r="BU2695" s="166">
        <v>0</v>
      </c>
      <c r="BV2695" s="166">
        <v>0</v>
      </c>
      <c r="BW2695" s="166">
        <v>0</v>
      </c>
      <c r="BX2695" s="166">
        <v>0</v>
      </c>
      <c r="BY2695" s="166">
        <v>0</v>
      </c>
      <c r="BZ2695" s="166">
        <v>0</v>
      </c>
      <c r="CA2695" s="166">
        <v>0</v>
      </c>
      <c r="CB2695" s="166">
        <v>0</v>
      </c>
      <c r="CC2695" s="166">
        <v>0</v>
      </c>
      <c r="CD2695" s="166">
        <v>0</v>
      </c>
      <c r="CE2695" s="166">
        <v>0</v>
      </c>
      <c r="CF2695" s="166">
        <v>0</v>
      </c>
      <c r="CG2695" s="166">
        <v>0</v>
      </c>
      <c r="CH2695" s="166">
        <v>0</v>
      </c>
      <c r="CI2695" s="166">
        <v>0</v>
      </c>
      <c r="CJ2695" s="166">
        <v>0</v>
      </c>
      <c r="CK2695" s="166">
        <v>0</v>
      </c>
      <c r="CL2695" s="166">
        <v>0</v>
      </c>
      <c r="CM2695" s="166">
        <v>0</v>
      </c>
      <c r="CN2695" s="166">
        <v>0</v>
      </c>
      <c r="CO2695" s="166">
        <v>0</v>
      </c>
      <c r="CP2695" s="166">
        <v>0</v>
      </c>
      <c r="CQ2695" s="166">
        <v>0</v>
      </c>
      <c r="CR2695" s="166">
        <v>0</v>
      </c>
      <c r="CS2695" s="166">
        <v>0</v>
      </c>
      <c r="CT2695" s="166">
        <v>0</v>
      </c>
      <c r="CU2695" s="166">
        <v>0</v>
      </c>
      <c r="CV2695" s="166">
        <v>0</v>
      </c>
      <c r="CW2695" s="166">
        <v>0</v>
      </c>
      <c r="CX2695" s="166">
        <v>0</v>
      </c>
      <c r="CY2695" s="166">
        <v>0</v>
      </c>
      <c r="CZ2695" s="166">
        <v>0</v>
      </c>
    </row>
    <row r="2696" spans="1:104" x14ac:dyDescent="0.2">
      <c r="A2696" s="167" t="s">
        <v>541</v>
      </c>
      <c r="B2696" s="166">
        <v>0</v>
      </c>
      <c r="C2696" s="166">
        <v>0</v>
      </c>
      <c r="D2696" s="166">
        <v>0</v>
      </c>
      <c r="E2696" s="166">
        <v>0</v>
      </c>
      <c r="F2696" s="166">
        <v>0</v>
      </c>
      <c r="G2696" s="166">
        <v>0</v>
      </c>
      <c r="H2696" s="166">
        <v>0</v>
      </c>
      <c r="I2696" s="166">
        <v>0</v>
      </c>
      <c r="J2696" s="166">
        <v>0</v>
      </c>
      <c r="K2696" s="166">
        <v>0</v>
      </c>
      <c r="L2696" s="166">
        <v>0</v>
      </c>
      <c r="M2696" s="166">
        <v>0</v>
      </c>
      <c r="N2696" s="166">
        <v>0</v>
      </c>
      <c r="O2696" s="166">
        <v>0</v>
      </c>
      <c r="P2696" s="166">
        <v>0</v>
      </c>
      <c r="Q2696" s="166">
        <v>0</v>
      </c>
      <c r="R2696" s="166">
        <v>0</v>
      </c>
      <c r="S2696" s="166">
        <v>0</v>
      </c>
      <c r="T2696" s="166">
        <v>0</v>
      </c>
      <c r="U2696" s="166">
        <v>0</v>
      </c>
      <c r="V2696" s="166">
        <v>0</v>
      </c>
      <c r="W2696" s="166">
        <v>0</v>
      </c>
      <c r="X2696" s="166">
        <v>0</v>
      </c>
      <c r="Y2696" s="166">
        <v>0</v>
      </c>
      <c r="Z2696" s="166">
        <v>0</v>
      </c>
      <c r="AA2696" s="166">
        <v>0</v>
      </c>
      <c r="AB2696" s="166">
        <v>0</v>
      </c>
      <c r="AC2696" s="166">
        <v>0</v>
      </c>
      <c r="AD2696" s="166">
        <v>0</v>
      </c>
      <c r="AE2696" s="166">
        <v>0</v>
      </c>
      <c r="AF2696" s="166">
        <v>0</v>
      </c>
      <c r="AG2696" s="166">
        <v>0</v>
      </c>
      <c r="AH2696" s="166">
        <v>0</v>
      </c>
      <c r="AI2696" s="166">
        <v>0</v>
      </c>
      <c r="AJ2696" s="166">
        <v>0</v>
      </c>
      <c r="AK2696" s="166">
        <v>0</v>
      </c>
      <c r="AL2696" s="166">
        <v>0</v>
      </c>
      <c r="AM2696" s="166">
        <v>0</v>
      </c>
      <c r="AN2696" s="166">
        <v>0</v>
      </c>
      <c r="AO2696" s="166">
        <v>0</v>
      </c>
      <c r="AP2696" s="166">
        <v>0</v>
      </c>
      <c r="AQ2696" s="166">
        <v>0</v>
      </c>
      <c r="AR2696" s="166">
        <v>0</v>
      </c>
      <c r="AS2696" s="166">
        <v>0</v>
      </c>
      <c r="AT2696" s="166">
        <v>0</v>
      </c>
      <c r="AU2696" s="166">
        <v>0</v>
      </c>
      <c r="AV2696" s="166">
        <v>0</v>
      </c>
      <c r="AW2696" s="166">
        <v>0</v>
      </c>
      <c r="AX2696" s="166">
        <v>0</v>
      </c>
      <c r="AY2696" s="166">
        <v>0</v>
      </c>
      <c r="AZ2696" s="166">
        <v>0</v>
      </c>
      <c r="BA2696" s="166">
        <v>0</v>
      </c>
      <c r="BB2696" s="166">
        <v>0</v>
      </c>
      <c r="BC2696" s="166">
        <v>0</v>
      </c>
      <c r="BD2696" s="166">
        <v>0</v>
      </c>
      <c r="BE2696" s="166">
        <v>0</v>
      </c>
      <c r="BF2696" s="166">
        <v>0</v>
      </c>
      <c r="BG2696" s="166">
        <v>0</v>
      </c>
      <c r="BH2696" s="166">
        <v>0</v>
      </c>
      <c r="BI2696" s="166">
        <v>0</v>
      </c>
      <c r="BJ2696" s="166">
        <v>0</v>
      </c>
      <c r="BK2696" s="166">
        <v>0</v>
      </c>
      <c r="BL2696" s="166">
        <v>0</v>
      </c>
      <c r="BM2696" s="166">
        <v>0</v>
      </c>
      <c r="BN2696" s="166">
        <v>0</v>
      </c>
      <c r="BO2696" s="166">
        <v>0</v>
      </c>
      <c r="BP2696" s="166">
        <v>0</v>
      </c>
      <c r="BQ2696" s="166">
        <v>0</v>
      </c>
      <c r="BR2696" s="166">
        <v>0</v>
      </c>
      <c r="BS2696" s="166">
        <v>0</v>
      </c>
      <c r="BT2696" s="168">
        <v>0</v>
      </c>
      <c r="BU2696" s="166">
        <v>0</v>
      </c>
      <c r="BV2696" s="166">
        <v>0</v>
      </c>
      <c r="BW2696" s="166">
        <v>0</v>
      </c>
      <c r="BX2696" s="166">
        <v>0</v>
      </c>
      <c r="BY2696" s="166">
        <v>0</v>
      </c>
      <c r="BZ2696" s="166">
        <v>0</v>
      </c>
      <c r="CA2696" s="166">
        <v>0</v>
      </c>
      <c r="CB2696" s="166">
        <v>0</v>
      </c>
      <c r="CC2696" s="166">
        <v>0</v>
      </c>
      <c r="CD2696" s="166">
        <v>0</v>
      </c>
      <c r="CE2696" s="166">
        <v>0</v>
      </c>
      <c r="CF2696" s="166">
        <v>0</v>
      </c>
      <c r="CG2696" s="166">
        <v>0</v>
      </c>
      <c r="CH2696" s="166">
        <v>0</v>
      </c>
      <c r="CI2696" s="166">
        <v>0</v>
      </c>
      <c r="CJ2696" s="166">
        <v>0</v>
      </c>
      <c r="CK2696" s="166">
        <v>0</v>
      </c>
      <c r="CL2696" s="166">
        <v>0</v>
      </c>
      <c r="CM2696" s="166">
        <v>0</v>
      </c>
      <c r="CN2696" s="166">
        <v>0</v>
      </c>
      <c r="CO2696" s="166">
        <v>0</v>
      </c>
      <c r="CP2696" s="166">
        <v>0</v>
      </c>
      <c r="CQ2696" s="166">
        <v>0</v>
      </c>
      <c r="CR2696" s="166">
        <v>0</v>
      </c>
      <c r="CS2696" s="166">
        <v>0</v>
      </c>
      <c r="CT2696" s="166">
        <v>0</v>
      </c>
      <c r="CU2696" s="166">
        <v>0</v>
      </c>
      <c r="CV2696" s="166">
        <v>0</v>
      </c>
      <c r="CW2696" s="166">
        <v>0</v>
      </c>
      <c r="CX2696" s="166">
        <v>0</v>
      </c>
      <c r="CY2696" s="166">
        <v>0</v>
      </c>
      <c r="CZ2696" s="166">
        <v>0</v>
      </c>
    </row>
    <row r="2697" spans="1:104" x14ac:dyDescent="0.2">
      <c r="A2697" s="167" t="s">
        <v>542</v>
      </c>
      <c r="B2697" s="166">
        <v>0</v>
      </c>
      <c r="C2697" s="166">
        <v>0</v>
      </c>
      <c r="D2697" s="166">
        <v>0</v>
      </c>
      <c r="E2697" s="166">
        <v>0</v>
      </c>
      <c r="F2697" s="166">
        <v>0</v>
      </c>
      <c r="G2697" s="166">
        <v>0</v>
      </c>
      <c r="H2697" s="166">
        <v>0</v>
      </c>
      <c r="I2697" s="166">
        <v>0</v>
      </c>
      <c r="J2697" s="166">
        <v>0</v>
      </c>
      <c r="K2697" s="166">
        <v>0</v>
      </c>
      <c r="L2697" s="166">
        <v>0</v>
      </c>
      <c r="M2697" s="166">
        <v>0</v>
      </c>
      <c r="N2697" s="166">
        <v>0</v>
      </c>
      <c r="O2697" s="166">
        <v>0</v>
      </c>
      <c r="P2697" s="166">
        <v>0</v>
      </c>
      <c r="Q2697" s="166">
        <v>0</v>
      </c>
      <c r="R2697" s="166">
        <v>0</v>
      </c>
      <c r="S2697" s="166">
        <v>0</v>
      </c>
      <c r="T2697" s="166">
        <v>0</v>
      </c>
      <c r="U2697" s="166">
        <v>0</v>
      </c>
      <c r="V2697" s="166">
        <v>0</v>
      </c>
      <c r="W2697" s="166">
        <v>0</v>
      </c>
      <c r="X2697" s="166">
        <v>0</v>
      </c>
      <c r="Y2697" s="166">
        <v>0</v>
      </c>
      <c r="Z2697" s="166">
        <v>0</v>
      </c>
      <c r="AA2697" s="166">
        <v>0</v>
      </c>
      <c r="AB2697" s="166">
        <v>0</v>
      </c>
      <c r="AC2697" s="166">
        <v>0</v>
      </c>
      <c r="AD2697" s="166">
        <v>0</v>
      </c>
      <c r="AE2697" s="166">
        <v>0</v>
      </c>
      <c r="AF2697" s="166">
        <v>0</v>
      </c>
      <c r="AG2697" s="166">
        <v>0</v>
      </c>
      <c r="AH2697" s="166">
        <v>0</v>
      </c>
      <c r="AI2697" s="166">
        <v>0</v>
      </c>
      <c r="AJ2697" s="166">
        <v>0</v>
      </c>
      <c r="AK2697" s="166">
        <v>0</v>
      </c>
      <c r="AL2697" s="166">
        <v>0</v>
      </c>
      <c r="AM2697" s="166">
        <v>0</v>
      </c>
      <c r="AN2697" s="166">
        <v>0</v>
      </c>
      <c r="AO2697" s="166">
        <v>0</v>
      </c>
      <c r="AP2697" s="166">
        <v>0</v>
      </c>
      <c r="AQ2697" s="166">
        <v>0</v>
      </c>
      <c r="AR2697" s="166">
        <v>0</v>
      </c>
      <c r="AS2697" s="166">
        <v>0</v>
      </c>
      <c r="AT2697" s="166">
        <v>0</v>
      </c>
      <c r="AU2697" s="166">
        <v>0</v>
      </c>
      <c r="AV2697" s="166">
        <v>0</v>
      </c>
      <c r="AW2697" s="166">
        <v>0</v>
      </c>
      <c r="AX2697" s="166">
        <v>0</v>
      </c>
      <c r="AY2697" s="166">
        <v>0</v>
      </c>
      <c r="AZ2697" s="166">
        <v>0</v>
      </c>
      <c r="BA2697" s="166">
        <v>0</v>
      </c>
      <c r="BB2697" s="166">
        <v>0</v>
      </c>
      <c r="BC2697" s="166">
        <v>0</v>
      </c>
      <c r="BD2697" s="166">
        <v>0</v>
      </c>
      <c r="BE2697" s="166">
        <v>0</v>
      </c>
      <c r="BF2697" s="166">
        <v>0</v>
      </c>
      <c r="BG2697" s="166">
        <v>0</v>
      </c>
      <c r="BH2697" s="166">
        <v>0</v>
      </c>
      <c r="BI2697" s="166">
        <v>0</v>
      </c>
      <c r="BJ2697" s="166">
        <v>0</v>
      </c>
      <c r="BK2697" s="166">
        <v>0</v>
      </c>
      <c r="BL2697" s="166">
        <v>0</v>
      </c>
      <c r="BM2697" s="166">
        <v>0</v>
      </c>
      <c r="BN2697" s="166">
        <v>0</v>
      </c>
      <c r="BO2697" s="166">
        <v>0</v>
      </c>
      <c r="BP2697" s="166">
        <v>0</v>
      </c>
      <c r="BQ2697" s="166">
        <v>0</v>
      </c>
      <c r="BR2697" s="166">
        <v>0</v>
      </c>
      <c r="BS2697" s="166">
        <v>0</v>
      </c>
      <c r="BT2697" s="168">
        <v>0</v>
      </c>
      <c r="BU2697" s="166">
        <v>0</v>
      </c>
      <c r="BV2697" s="166">
        <v>0</v>
      </c>
      <c r="BW2697" s="166">
        <v>0</v>
      </c>
      <c r="BX2697" s="166">
        <v>0</v>
      </c>
      <c r="BY2697" s="166">
        <v>0</v>
      </c>
      <c r="BZ2697" s="166">
        <v>0</v>
      </c>
      <c r="CA2697" s="166">
        <v>0</v>
      </c>
      <c r="CB2697" s="166">
        <v>0</v>
      </c>
      <c r="CC2697" s="166">
        <v>0</v>
      </c>
      <c r="CD2697" s="166">
        <v>0</v>
      </c>
      <c r="CE2697" s="166">
        <v>0</v>
      </c>
      <c r="CF2697" s="166">
        <v>0</v>
      </c>
      <c r="CG2697" s="166">
        <v>0</v>
      </c>
      <c r="CH2697" s="166">
        <v>0</v>
      </c>
      <c r="CI2697" s="166">
        <v>0</v>
      </c>
      <c r="CJ2697" s="166">
        <v>0</v>
      </c>
      <c r="CK2697" s="166">
        <v>0</v>
      </c>
      <c r="CL2697" s="166">
        <v>0</v>
      </c>
      <c r="CM2697" s="166">
        <v>0</v>
      </c>
      <c r="CN2697" s="166">
        <v>0</v>
      </c>
      <c r="CO2697" s="166">
        <v>0</v>
      </c>
      <c r="CP2697" s="166">
        <v>0</v>
      </c>
      <c r="CQ2697" s="166">
        <v>0</v>
      </c>
      <c r="CR2697" s="166">
        <v>0</v>
      </c>
      <c r="CS2697" s="166">
        <v>0</v>
      </c>
      <c r="CT2697" s="166">
        <v>0</v>
      </c>
      <c r="CU2697" s="166">
        <v>0</v>
      </c>
      <c r="CV2697" s="166">
        <v>0</v>
      </c>
      <c r="CW2697" s="166">
        <v>0</v>
      </c>
      <c r="CX2697" s="166">
        <v>0</v>
      </c>
      <c r="CY2697" s="166">
        <v>0</v>
      </c>
      <c r="CZ2697" s="166">
        <v>0</v>
      </c>
    </row>
    <row r="2698" spans="1:104" x14ac:dyDescent="0.2">
      <c r="A2698" s="170" t="s">
        <v>543</v>
      </c>
      <c r="B2698" s="166">
        <v>0</v>
      </c>
      <c r="C2698" s="166">
        <v>0</v>
      </c>
      <c r="D2698" s="166">
        <v>0</v>
      </c>
      <c r="E2698" s="166">
        <v>0</v>
      </c>
      <c r="F2698" s="166">
        <v>0</v>
      </c>
      <c r="G2698" s="166">
        <v>0</v>
      </c>
      <c r="H2698" s="166">
        <v>0</v>
      </c>
      <c r="I2698" s="166">
        <v>0</v>
      </c>
      <c r="J2698" s="166">
        <v>0</v>
      </c>
      <c r="K2698" s="166">
        <v>0</v>
      </c>
      <c r="L2698" s="166">
        <v>0</v>
      </c>
      <c r="M2698" s="166">
        <v>0</v>
      </c>
      <c r="N2698" s="166">
        <v>0</v>
      </c>
      <c r="O2698" s="166">
        <v>0</v>
      </c>
      <c r="P2698" s="166">
        <v>0</v>
      </c>
      <c r="Q2698" s="166">
        <v>0</v>
      </c>
      <c r="R2698" s="166">
        <v>0</v>
      </c>
      <c r="S2698" s="166">
        <v>0</v>
      </c>
      <c r="T2698" s="166">
        <v>0</v>
      </c>
      <c r="U2698" s="166">
        <v>0</v>
      </c>
      <c r="V2698" s="166">
        <v>0</v>
      </c>
      <c r="W2698" s="166">
        <v>0</v>
      </c>
      <c r="X2698" s="166">
        <v>0</v>
      </c>
      <c r="Y2698" s="166">
        <v>0</v>
      </c>
      <c r="Z2698" s="166">
        <v>0</v>
      </c>
      <c r="AA2698" s="166">
        <v>0</v>
      </c>
      <c r="AB2698" s="166">
        <v>0</v>
      </c>
      <c r="AC2698" s="166">
        <v>0</v>
      </c>
      <c r="AD2698" s="166">
        <v>0</v>
      </c>
      <c r="AE2698" s="166">
        <v>0</v>
      </c>
      <c r="AF2698" s="166">
        <v>0</v>
      </c>
      <c r="AG2698" s="166">
        <v>0</v>
      </c>
      <c r="AH2698" s="166">
        <v>0</v>
      </c>
      <c r="AI2698" s="166">
        <v>0</v>
      </c>
      <c r="AJ2698" s="166">
        <v>0</v>
      </c>
      <c r="AK2698" s="166">
        <v>0</v>
      </c>
      <c r="AL2698" s="166">
        <v>0</v>
      </c>
      <c r="AM2698" s="166">
        <v>0</v>
      </c>
      <c r="AN2698" s="166">
        <v>0</v>
      </c>
      <c r="AO2698" s="166">
        <v>0</v>
      </c>
      <c r="AP2698" s="166">
        <v>0</v>
      </c>
      <c r="AQ2698" s="166">
        <v>0</v>
      </c>
      <c r="AR2698" s="166">
        <v>0</v>
      </c>
      <c r="AS2698" s="166">
        <v>0</v>
      </c>
      <c r="AT2698" s="166">
        <v>0</v>
      </c>
      <c r="AU2698" s="166">
        <v>0</v>
      </c>
      <c r="AV2698" s="166">
        <v>0</v>
      </c>
      <c r="AW2698" s="166">
        <v>0</v>
      </c>
      <c r="AX2698" s="166">
        <v>0</v>
      </c>
      <c r="AY2698" s="166">
        <v>0</v>
      </c>
      <c r="AZ2698" s="166">
        <v>0</v>
      </c>
      <c r="BA2698" s="166">
        <v>0</v>
      </c>
      <c r="BB2698" s="166">
        <v>0</v>
      </c>
      <c r="BC2698" s="166">
        <v>0</v>
      </c>
      <c r="BD2698" s="166">
        <v>0</v>
      </c>
      <c r="BE2698" s="166">
        <v>0</v>
      </c>
      <c r="BF2698" s="166">
        <v>0</v>
      </c>
      <c r="BG2698" s="166">
        <v>0</v>
      </c>
      <c r="BH2698" s="166">
        <v>0</v>
      </c>
      <c r="BI2698" s="166">
        <v>0</v>
      </c>
      <c r="BJ2698" s="166">
        <v>0</v>
      </c>
      <c r="BK2698" s="166">
        <v>0</v>
      </c>
      <c r="BL2698" s="166">
        <v>0</v>
      </c>
      <c r="BM2698" s="166">
        <v>0</v>
      </c>
      <c r="BN2698" s="166">
        <v>0</v>
      </c>
      <c r="BO2698" s="166">
        <v>0</v>
      </c>
      <c r="BP2698" s="166">
        <v>0</v>
      </c>
      <c r="BQ2698" s="166">
        <v>0</v>
      </c>
      <c r="BR2698" s="166">
        <v>0</v>
      </c>
      <c r="BS2698" s="166">
        <v>0</v>
      </c>
      <c r="BT2698" s="168">
        <v>0</v>
      </c>
      <c r="BU2698" s="166">
        <v>0</v>
      </c>
      <c r="BV2698" s="166">
        <v>0</v>
      </c>
      <c r="BW2698" s="166">
        <v>0</v>
      </c>
      <c r="BX2698" s="166">
        <v>0</v>
      </c>
      <c r="BY2698" s="166">
        <v>0</v>
      </c>
      <c r="BZ2698" s="166">
        <v>0</v>
      </c>
      <c r="CA2698" s="166">
        <v>0</v>
      </c>
      <c r="CB2698" s="166">
        <v>0</v>
      </c>
      <c r="CC2698" s="166">
        <v>0</v>
      </c>
      <c r="CD2698" s="166">
        <v>0</v>
      </c>
      <c r="CE2698" s="166">
        <v>0</v>
      </c>
      <c r="CF2698" s="166">
        <v>0</v>
      </c>
      <c r="CG2698" s="166">
        <v>0</v>
      </c>
      <c r="CH2698" s="166">
        <v>0</v>
      </c>
      <c r="CI2698" s="166">
        <v>0</v>
      </c>
      <c r="CJ2698" s="166">
        <v>0</v>
      </c>
      <c r="CK2698" s="166">
        <v>0</v>
      </c>
      <c r="CL2698" s="166">
        <v>0</v>
      </c>
      <c r="CM2698" s="166">
        <v>0</v>
      </c>
      <c r="CN2698" s="166">
        <v>0</v>
      </c>
      <c r="CO2698" s="166">
        <v>0</v>
      </c>
      <c r="CP2698" s="166">
        <v>0</v>
      </c>
      <c r="CQ2698" s="166">
        <v>0</v>
      </c>
      <c r="CR2698" s="166">
        <v>0</v>
      </c>
      <c r="CS2698" s="166">
        <v>0</v>
      </c>
      <c r="CT2698" s="166">
        <v>0</v>
      </c>
      <c r="CU2698" s="166">
        <v>0</v>
      </c>
      <c r="CV2698" s="166">
        <v>0</v>
      </c>
      <c r="CW2698" s="166">
        <v>0</v>
      </c>
      <c r="CX2698" s="166">
        <v>0</v>
      </c>
      <c r="CY2698" s="166">
        <v>0</v>
      </c>
      <c r="CZ2698" s="166">
        <v>0</v>
      </c>
    </row>
    <row r="2699" spans="1:104" x14ac:dyDescent="0.2">
      <c r="A2699" s="177" t="s">
        <v>544</v>
      </c>
      <c r="B2699" s="166">
        <v>-7.2759576141834201E-9</v>
      </c>
      <c r="C2699" s="166">
        <v>-7.2759576141834201E-9</v>
      </c>
      <c r="D2699" s="166">
        <v>0</v>
      </c>
      <c r="E2699" s="166">
        <v>0</v>
      </c>
      <c r="F2699" s="166">
        <v>0</v>
      </c>
      <c r="G2699" s="166">
        <v>0</v>
      </c>
      <c r="H2699" s="166">
        <v>0</v>
      </c>
      <c r="I2699" s="166">
        <v>0</v>
      </c>
      <c r="J2699" s="166">
        <v>0</v>
      </c>
      <c r="K2699" s="166">
        <v>0</v>
      </c>
      <c r="L2699" s="166">
        <v>0</v>
      </c>
      <c r="M2699" s="166">
        <v>0</v>
      </c>
      <c r="N2699" s="166">
        <v>0</v>
      </c>
      <c r="O2699" s="166">
        <v>0</v>
      </c>
      <c r="P2699" s="166">
        <v>0</v>
      </c>
      <c r="Q2699" s="166">
        <v>0</v>
      </c>
      <c r="R2699" s="166">
        <v>0</v>
      </c>
      <c r="S2699" s="166">
        <v>0</v>
      </c>
      <c r="T2699" s="166">
        <v>0</v>
      </c>
      <c r="U2699" s="166">
        <v>0</v>
      </c>
      <c r="V2699" s="166">
        <v>0</v>
      </c>
      <c r="W2699" s="166">
        <v>0</v>
      </c>
      <c r="X2699" s="166">
        <v>0</v>
      </c>
      <c r="Y2699" s="166">
        <v>0</v>
      </c>
      <c r="Z2699" s="166">
        <v>0</v>
      </c>
      <c r="AA2699" s="166">
        <v>0</v>
      </c>
      <c r="AB2699" s="166">
        <v>0</v>
      </c>
      <c r="AC2699" s="166">
        <v>0</v>
      </c>
      <c r="AD2699" s="166">
        <v>0</v>
      </c>
      <c r="AE2699" s="166">
        <v>0</v>
      </c>
      <c r="AF2699" s="166">
        <v>0</v>
      </c>
      <c r="AG2699" s="166">
        <v>0</v>
      </c>
      <c r="AH2699" s="166">
        <v>0</v>
      </c>
      <c r="AI2699" s="166">
        <v>0</v>
      </c>
      <c r="AJ2699" s="166">
        <v>0</v>
      </c>
      <c r="AK2699" s="166">
        <v>0</v>
      </c>
      <c r="AL2699" s="166">
        <v>0</v>
      </c>
      <c r="AM2699" s="166">
        <v>0</v>
      </c>
      <c r="AN2699" s="166">
        <v>0</v>
      </c>
      <c r="AO2699" s="166">
        <v>0</v>
      </c>
      <c r="AP2699" s="166">
        <v>0</v>
      </c>
      <c r="AQ2699" s="166">
        <v>0</v>
      </c>
      <c r="AR2699" s="166">
        <v>0</v>
      </c>
      <c r="AS2699" s="166">
        <v>0</v>
      </c>
      <c r="AT2699" s="166">
        <v>0</v>
      </c>
      <c r="AU2699" s="166">
        <v>0</v>
      </c>
      <c r="AV2699" s="166">
        <v>0</v>
      </c>
      <c r="AW2699" s="166">
        <v>0</v>
      </c>
      <c r="AX2699" s="166">
        <v>0</v>
      </c>
      <c r="AY2699" s="166">
        <v>0</v>
      </c>
      <c r="AZ2699" s="166">
        <v>0</v>
      </c>
      <c r="BA2699" s="166">
        <v>0</v>
      </c>
      <c r="BB2699" s="166">
        <v>0</v>
      </c>
      <c r="BC2699" s="166">
        <v>0</v>
      </c>
      <c r="BD2699" s="166">
        <v>0</v>
      </c>
      <c r="BE2699" s="166">
        <v>0</v>
      </c>
      <c r="BF2699" s="166">
        <v>0</v>
      </c>
      <c r="BG2699" s="166">
        <v>0</v>
      </c>
      <c r="BH2699" s="166">
        <v>0</v>
      </c>
      <c r="BI2699" s="166">
        <v>0</v>
      </c>
      <c r="BJ2699" s="166">
        <v>0</v>
      </c>
      <c r="BK2699" s="166">
        <v>0</v>
      </c>
      <c r="BL2699" s="166">
        <v>0</v>
      </c>
      <c r="BM2699" s="166">
        <v>0</v>
      </c>
      <c r="BN2699" s="166">
        <v>0</v>
      </c>
      <c r="BO2699" s="166">
        <v>0</v>
      </c>
      <c r="BP2699" s="166">
        <v>0</v>
      </c>
      <c r="BQ2699" s="166">
        <v>0</v>
      </c>
      <c r="BR2699" s="166">
        <v>-7.2759576141834201E-9</v>
      </c>
      <c r="BS2699" s="166">
        <v>-7.2759576141834201E-9</v>
      </c>
      <c r="BT2699" s="168">
        <v>0</v>
      </c>
      <c r="BU2699" s="166">
        <v>0</v>
      </c>
      <c r="BV2699" s="166">
        <v>0</v>
      </c>
      <c r="BW2699" s="166">
        <v>0</v>
      </c>
      <c r="BX2699" s="166">
        <v>0</v>
      </c>
      <c r="BY2699" s="166">
        <v>0</v>
      </c>
      <c r="BZ2699" s="166">
        <v>0</v>
      </c>
      <c r="CA2699" s="166">
        <v>0</v>
      </c>
      <c r="CB2699" s="166">
        <v>0</v>
      </c>
      <c r="CC2699" s="166">
        <v>0</v>
      </c>
      <c r="CD2699" s="166">
        <v>0</v>
      </c>
      <c r="CE2699" s="166">
        <v>0</v>
      </c>
      <c r="CF2699" s="166">
        <v>0</v>
      </c>
      <c r="CG2699" s="166">
        <v>0</v>
      </c>
      <c r="CH2699" s="166">
        <v>0</v>
      </c>
      <c r="CI2699" s="166">
        <v>0</v>
      </c>
      <c r="CJ2699" s="166">
        <v>0</v>
      </c>
      <c r="CK2699" s="166">
        <v>0</v>
      </c>
      <c r="CL2699" s="166">
        <v>0</v>
      </c>
      <c r="CM2699" s="166">
        <v>0</v>
      </c>
      <c r="CN2699" s="166">
        <v>0</v>
      </c>
      <c r="CO2699" s="166">
        <v>0</v>
      </c>
      <c r="CP2699" s="166">
        <v>0</v>
      </c>
      <c r="CQ2699" s="166">
        <v>0</v>
      </c>
      <c r="CR2699" s="166">
        <v>0</v>
      </c>
      <c r="CS2699" s="166">
        <v>0</v>
      </c>
      <c r="CT2699" s="166">
        <v>0</v>
      </c>
      <c r="CU2699" s="166">
        <v>0</v>
      </c>
      <c r="CV2699" s="166">
        <v>0</v>
      </c>
      <c r="CW2699" s="166">
        <v>0</v>
      </c>
      <c r="CX2699" s="166">
        <v>0</v>
      </c>
      <c r="CY2699" s="166">
        <v>0</v>
      </c>
      <c r="CZ2699" s="166">
        <v>0</v>
      </c>
    </row>
    <row r="2700" spans="1:104" x14ac:dyDescent="0.2">
      <c r="A2700" s="177" t="s">
        <v>545</v>
      </c>
      <c r="B2700" s="166">
        <v>0</v>
      </c>
      <c r="C2700" s="166">
        <v>0</v>
      </c>
      <c r="D2700" s="166">
        <v>0</v>
      </c>
      <c r="E2700" s="166">
        <v>0</v>
      </c>
      <c r="F2700" s="166">
        <v>0</v>
      </c>
      <c r="G2700" s="166">
        <v>0</v>
      </c>
      <c r="H2700" s="166">
        <v>0</v>
      </c>
      <c r="I2700" s="166">
        <v>0</v>
      </c>
      <c r="J2700" s="166">
        <v>0</v>
      </c>
      <c r="K2700" s="166">
        <v>0</v>
      </c>
      <c r="L2700" s="166">
        <v>0</v>
      </c>
      <c r="M2700" s="166">
        <v>0</v>
      </c>
      <c r="N2700" s="166">
        <v>0</v>
      </c>
      <c r="O2700" s="166">
        <v>0</v>
      </c>
      <c r="P2700" s="166">
        <v>0</v>
      </c>
      <c r="Q2700" s="166">
        <v>0</v>
      </c>
      <c r="R2700" s="166">
        <v>0</v>
      </c>
      <c r="S2700" s="166">
        <v>0</v>
      </c>
      <c r="T2700" s="166">
        <v>0</v>
      </c>
      <c r="U2700" s="166">
        <v>0</v>
      </c>
      <c r="V2700" s="166">
        <v>0</v>
      </c>
      <c r="W2700" s="166">
        <v>0</v>
      </c>
      <c r="X2700" s="166">
        <v>0</v>
      </c>
      <c r="Y2700" s="166">
        <v>0</v>
      </c>
      <c r="Z2700" s="166">
        <v>0</v>
      </c>
      <c r="AA2700" s="166">
        <v>0</v>
      </c>
      <c r="AB2700" s="166">
        <v>0</v>
      </c>
      <c r="AC2700" s="166">
        <v>0</v>
      </c>
      <c r="AD2700" s="166">
        <v>0</v>
      </c>
      <c r="AE2700" s="166">
        <v>0</v>
      </c>
      <c r="AF2700" s="166">
        <v>0</v>
      </c>
      <c r="AG2700" s="166">
        <v>0</v>
      </c>
      <c r="AH2700" s="166">
        <v>0</v>
      </c>
      <c r="AI2700" s="166">
        <v>0</v>
      </c>
      <c r="AJ2700" s="166">
        <v>0</v>
      </c>
      <c r="AK2700" s="166">
        <v>0</v>
      </c>
      <c r="AL2700" s="166">
        <v>0</v>
      </c>
      <c r="AM2700" s="166">
        <v>0</v>
      </c>
      <c r="AN2700" s="166">
        <v>0</v>
      </c>
      <c r="AO2700" s="166">
        <v>0</v>
      </c>
      <c r="AP2700" s="166">
        <v>0</v>
      </c>
      <c r="AQ2700" s="166">
        <v>0</v>
      </c>
      <c r="AR2700" s="166">
        <v>0</v>
      </c>
      <c r="AS2700" s="166">
        <v>0</v>
      </c>
      <c r="AT2700" s="166">
        <v>0</v>
      </c>
      <c r="AU2700" s="166">
        <v>0</v>
      </c>
      <c r="AV2700" s="166">
        <v>0</v>
      </c>
      <c r="AW2700" s="166">
        <v>0</v>
      </c>
      <c r="AX2700" s="166">
        <v>0</v>
      </c>
      <c r="AY2700" s="166">
        <v>0</v>
      </c>
      <c r="AZ2700" s="166">
        <v>0</v>
      </c>
      <c r="BA2700" s="166">
        <v>0</v>
      </c>
      <c r="BB2700" s="166">
        <v>0</v>
      </c>
      <c r="BC2700" s="166">
        <v>0</v>
      </c>
      <c r="BD2700" s="166">
        <v>0</v>
      </c>
      <c r="BE2700" s="166">
        <v>0</v>
      </c>
      <c r="BF2700" s="166">
        <v>0</v>
      </c>
      <c r="BG2700" s="166">
        <v>0</v>
      </c>
      <c r="BH2700" s="166">
        <v>0</v>
      </c>
      <c r="BI2700" s="166">
        <v>0</v>
      </c>
      <c r="BJ2700" s="166">
        <v>0</v>
      </c>
      <c r="BK2700" s="166">
        <v>0</v>
      </c>
      <c r="BL2700" s="166">
        <v>0</v>
      </c>
      <c r="BM2700" s="166">
        <v>0</v>
      </c>
      <c r="BN2700" s="166">
        <v>0</v>
      </c>
      <c r="BO2700" s="166">
        <v>0</v>
      </c>
      <c r="BP2700" s="166">
        <v>0</v>
      </c>
      <c r="BQ2700" s="166">
        <v>0</v>
      </c>
      <c r="BR2700" s="166">
        <v>0</v>
      </c>
      <c r="BS2700" s="166">
        <v>0</v>
      </c>
      <c r="BT2700" s="168">
        <v>0</v>
      </c>
      <c r="BU2700" s="166">
        <v>0</v>
      </c>
      <c r="BV2700" s="166">
        <v>0</v>
      </c>
      <c r="BW2700" s="166">
        <v>0</v>
      </c>
      <c r="BX2700" s="166">
        <v>0</v>
      </c>
      <c r="BY2700" s="166">
        <v>0</v>
      </c>
      <c r="BZ2700" s="166">
        <v>0</v>
      </c>
      <c r="CA2700" s="166">
        <v>0</v>
      </c>
      <c r="CB2700" s="166">
        <v>0</v>
      </c>
      <c r="CC2700" s="166">
        <v>0</v>
      </c>
      <c r="CD2700" s="166">
        <v>0</v>
      </c>
      <c r="CE2700" s="166">
        <v>0</v>
      </c>
      <c r="CF2700" s="166">
        <v>0</v>
      </c>
      <c r="CG2700" s="166">
        <v>0</v>
      </c>
      <c r="CH2700" s="166">
        <v>0</v>
      </c>
      <c r="CI2700" s="166">
        <v>0</v>
      </c>
      <c r="CJ2700" s="166">
        <v>0</v>
      </c>
      <c r="CK2700" s="166">
        <v>0</v>
      </c>
      <c r="CL2700" s="166">
        <v>0</v>
      </c>
      <c r="CM2700" s="166">
        <v>0</v>
      </c>
      <c r="CN2700" s="166">
        <v>0</v>
      </c>
      <c r="CO2700" s="166">
        <v>0</v>
      </c>
      <c r="CP2700" s="166">
        <v>0</v>
      </c>
      <c r="CQ2700" s="166">
        <v>0</v>
      </c>
      <c r="CR2700" s="166">
        <v>0</v>
      </c>
      <c r="CS2700" s="166">
        <v>0</v>
      </c>
      <c r="CT2700" s="166">
        <v>0</v>
      </c>
      <c r="CU2700" s="166">
        <v>0</v>
      </c>
      <c r="CV2700" s="166">
        <v>0</v>
      </c>
      <c r="CW2700" s="166">
        <v>0</v>
      </c>
      <c r="CX2700" s="166">
        <v>0</v>
      </c>
      <c r="CY2700" s="166">
        <v>0</v>
      </c>
      <c r="CZ2700" s="166">
        <v>0</v>
      </c>
    </row>
    <row r="2701" spans="1:104" x14ac:dyDescent="0.2">
      <c r="A2701" s="167" t="s">
        <v>546</v>
      </c>
      <c r="B2701" s="166">
        <v>0</v>
      </c>
      <c r="C2701" s="166">
        <v>0</v>
      </c>
      <c r="D2701" s="166">
        <v>0</v>
      </c>
      <c r="E2701" s="166">
        <v>0</v>
      </c>
      <c r="F2701" s="166">
        <v>0</v>
      </c>
      <c r="G2701" s="166">
        <v>0</v>
      </c>
      <c r="H2701" s="166">
        <v>0</v>
      </c>
      <c r="I2701" s="166">
        <v>0</v>
      </c>
      <c r="J2701" s="166">
        <v>0</v>
      </c>
      <c r="K2701" s="166">
        <v>0</v>
      </c>
      <c r="L2701" s="166">
        <v>0</v>
      </c>
      <c r="M2701" s="166">
        <v>0</v>
      </c>
      <c r="N2701" s="166">
        <v>0</v>
      </c>
      <c r="O2701" s="166">
        <v>0</v>
      </c>
      <c r="P2701" s="166">
        <v>0</v>
      </c>
      <c r="Q2701" s="166">
        <v>0</v>
      </c>
      <c r="R2701" s="166">
        <v>0</v>
      </c>
      <c r="S2701" s="166">
        <v>0</v>
      </c>
      <c r="T2701" s="166">
        <v>0</v>
      </c>
      <c r="U2701" s="166">
        <v>0</v>
      </c>
      <c r="V2701" s="166">
        <v>0</v>
      </c>
      <c r="W2701" s="166">
        <v>0</v>
      </c>
      <c r="X2701" s="166">
        <v>0</v>
      </c>
      <c r="Y2701" s="166">
        <v>0</v>
      </c>
      <c r="Z2701" s="166">
        <v>0</v>
      </c>
      <c r="AA2701" s="166">
        <v>0</v>
      </c>
      <c r="AB2701" s="166">
        <v>0</v>
      </c>
      <c r="AC2701" s="166">
        <v>0</v>
      </c>
      <c r="AD2701" s="166">
        <v>0</v>
      </c>
      <c r="AE2701" s="166">
        <v>0</v>
      </c>
      <c r="AF2701" s="166">
        <v>0</v>
      </c>
      <c r="AG2701" s="166">
        <v>0</v>
      </c>
      <c r="AH2701" s="166">
        <v>0</v>
      </c>
      <c r="AI2701" s="166">
        <v>0</v>
      </c>
      <c r="AJ2701" s="166">
        <v>0</v>
      </c>
      <c r="AK2701" s="166">
        <v>0</v>
      </c>
      <c r="AL2701" s="166">
        <v>0</v>
      </c>
      <c r="AM2701" s="166">
        <v>0</v>
      </c>
      <c r="AN2701" s="166">
        <v>0</v>
      </c>
      <c r="AO2701" s="166">
        <v>0</v>
      </c>
      <c r="AP2701" s="166">
        <v>0</v>
      </c>
      <c r="AQ2701" s="166">
        <v>0</v>
      </c>
      <c r="AR2701" s="166">
        <v>0</v>
      </c>
      <c r="AS2701" s="166">
        <v>0</v>
      </c>
      <c r="AT2701" s="166">
        <v>0</v>
      </c>
      <c r="AU2701" s="166">
        <v>0</v>
      </c>
      <c r="AV2701" s="166">
        <v>0</v>
      </c>
      <c r="AW2701" s="166">
        <v>0</v>
      </c>
      <c r="AX2701" s="166">
        <v>0</v>
      </c>
      <c r="AY2701" s="166">
        <v>0</v>
      </c>
      <c r="AZ2701" s="166">
        <v>0</v>
      </c>
      <c r="BA2701" s="166">
        <v>0</v>
      </c>
      <c r="BB2701" s="166">
        <v>0</v>
      </c>
      <c r="BC2701" s="166">
        <v>0</v>
      </c>
      <c r="BD2701" s="166">
        <v>0</v>
      </c>
      <c r="BE2701" s="166">
        <v>0</v>
      </c>
      <c r="BF2701" s="166">
        <v>0</v>
      </c>
      <c r="BG2701" s="166">
        <v>0</v>
      </c>
      <c r="BH2701" s="166">
        <v>0</v>
      </c>
      <c r="BI2701" s="166">
        <v>0</v>
      </c>
      <c r="BJ2701" s="166">
        <v>0</v>
      </c>
      <c r="BK2701" s="166">
        <v>0</v>
      </c>
      <c r="BL2701" s="166">
        <v>0</v>
      </c>
      <c r="BM2701" s="166">
        <v>0</v>
      </c>
      <c r="BN2701" s="166">
        <v>0</v>
      </c>
      <c r="BO2701" s="166">
        <v>0</v>
      </c>
      <c r="BP2701" s="166">
        <v>0</v>
      </c>
      <c r="BQ2701" s="166">
        <v>0</v>
      </c>
      <c r="BR2701" s="166">
        <v>0</v>
      </c>
      <c r="BS2701" s="166">
        <v>0</v>
      </c>
      <c r="BT2701" s="168">
        <v>0</v>
      </c>
      <c r="BU2701" s="166">
        <v>0</v>
      </c>
      <c r="BV2701" s="166">
        <v>0</v>
      </c>
      <c r="BW2701" s="166">
        <v>0</v>
      </c>
      <c r="BX2701" s="166">
        <v>0</v>
      </c>
      <c r="BY2701" s="166">
        <v>0</v>
      </c>
      <c r="BZ2701" s="166">
        <v>0</v>
      </c>
      <c r="CA2701" s="166">
        <v>0</v>
      </c>
      <c r="CB2701" s="166">
        <v>0</v>
      </c>
      <c r="CC2701" s="166">
        <v>0</v>
      </c>
      <c r="CD2701" s="166">
        <v>0</v>
      </c>
      <c r="CE2701" s="166">
        <v>0</v>
      </c>
      <c r="CF2701" s="166">
        <v>0</v>
      </c>
      <c r="CG2701" s="166">
        <v>0</v>
      </c>
      <c r="CH2701" s="166">
        <v>0</v>
      </c>
      <c r="CI2701" s="166">
        <v>0</v>
      </c>
      <c r="CJ2701" s="166">
        <v>0</v>
      </c>
      <c r="CK2701" s="166">
        <v>0</v>
      </c>
      <c r="CL2701" s="166">
        <v>0</v>
      </c>
      <c r="CM2701" s="166">
        <v>0</v>
      </c>
      <c r="CN2701" s="166">
        <v>0</v>
      </c>
      <c r="CO2701" s="166">
        <v>0</v>
      </c>
      <c r="CP2701" s="166">
        <v>0</v>
      </c>
      <c r="CQ2701" s="166">
        <v>0</v>
      </c>
      <c r="CR2701" s="166">
        <v>0</v>
      </c>
      <c r="CS2701" s="166">
        <v>0</v>
      </c>
      <c r="CT2701" s="166">
        <v>0</v>
      </c>
      <c r="CU2701" s="166">
        <v>0</v>
      </c>
      <c r="CV2701" s="166">
        <v>0</v>
      </c>
      <c r="CW2701" s="166">
        <v>0</v>
      </c>
      <c r="CX2701" s="166">
        <v>0</v>
      </c>
      <c r="CY2701" s="166">
        <v>0</v>
      </c>
      <c r="CZ2701" s="166">
        <v>0</v>
      </c>
    </row>
    <row r="2702" spans="1:104" x14ac:dyDescent="0.2">
      <c r="A2702" s="167" t="s">
        <v>547</v>
      </c>
      <c r="B2702" s="166">
        <v>0</v>
      </c>
      <c r="C2702" s="166">
        <v>0</v>
      </c>
      <c r="D2702" s="166">
        <v>0</v>
      </c>
      <c r="E2702" s="166">
        <v>0</v>
      </c>
      <c r="F2702" s="166">
        <v>0</v>
      </c>
      <c r="G2702" s="166">
        <v>0</v>
      </c>
      <c r="H2702" s="166">
        <v>0</v>
      </c>
      <c r="I2702" s="166">
        <v>0</v>
      </c>
      <c r="J2702" s="166">
        <v>0</v>
      </c>
      <c r="K2702" s="166">
        <v>0</v>
      </c>
      <c r="L2702" s="166">
        <v>0</v>
      </c>
      <c r="M2702" s="166">
        <v>0</v>
      </c>
      <c r="N2702" s="166">
        <v>0</v>
      </c>
      <c r="O2702" s="166">
        <v>0</v>
      </c>
      <c r="P2702" s="166">
        <v>0</v>
      </c>
      <c r="Q2702" s="166">
        <v>0</v>
      </c>
      <c r="R2702" s="166">
        <v>0</v>
      </c>
      <c r="S2702" s="166">
        <v>0</v>
      </c>
      <c r="T2702" s="166">
        <v>0</v>
      </c>
      <c r="U2702" s="166">
        <v>0</v>
      </c>
      <c r="V2702" s="166">
        <v>0</v>
      </c>
      <c r="W2702" s="166">
        <v>0</v>
      </c>
      <c r="X2702" s="166">
        <v>0</v>
      </c>
      <c r="Y2702" s="166">
        <v>0</v>
      </c>
      <c r="Z2702" s="166">
        <v>0</v>
      </c>
      <c r="AA2702" s="166">
        <v>0</v>
      </c>
      <c r="AB2702" s="166">
        <v>0</v>
      </c>
      <c r="AC2702" s="166">
        <v>0</v>
      </c>
      <c r="AD2702" s="166">
        <v>0</v>
      </c>
      <c r="AE2702" s="166">
        <v>0</v>
      </c>
      <c r="AF2702" s="166">
        <v>0</v>
      </c>
      <c r="AG2702" s="166">
        <v>0</v>
      </c>
      <c r="AH2702" s="166">
        <v>0</v>
      </c>
      <c r="AI2702" s="166">
        <v>0</v>
      </c>
      <c r="AJ2702" s="166">
        <v>0</v>
      </c>
      <c r="AK2702" s="166">
        <v>0</v>
      </c>
      <c r="AL2702" s="166">
        <v>0</v>
      </c>
      <c r="AM2702" s="166">
        <v>0</v>
      </c>
      <c r="AN2702" s="166">
        <v>0</v>
      </c>
      <c r="AO2702" s="166">
        <v>0</v>
      </c>
      <c r="AP2702" s="166">
        <v>0</v>
      </c>
      <c r="AQ2702" s="166">
        <v>0</v>
      </c>
      <c r="AR2702" s="166">
        <v>0</v>
      </c>
      <c r="AS2702" s="166">
        <v>0</v>
      </c>
      <c r="AT2702" s="166">
        <v>0</v>
      </c>
      <c r="AU2702" s="166">
        <v>0</v>
      </c>
      <c r="AV2702" s="166">
        <v>0</v>
      </c>
      <c r="AW2702" s="166">
        <v>0</v>
      </c>
      <c r="AX2702" s="166">
        <v>0</v>
      </c>
      <c r="AY2702" s="166">
        <v>0</v>
      </c>
      <c r="AZ2702" s="166">
        <v>0</v>
      </c>
      <c r="BA2702" s="166">
        <v>0</v>
      </c>
      <c r="BB2702" s="166">
        <v>0</v>
      </c>
      <c r="BC2702" s="166">
        <v>0</v>
      </c>
      <c r="BD2702" s="166">
        <v>0</v>
      </c>
      <c r="BE2702" s="166">
        <v>0</v>
      </c>
      <c r="BF2702" s="166">
        <v>0</v>
      </c>
      <c r="BG2702" s="166">
        <v>0</v>
      </c>
      <c r="BH2702" s="166">
        <v>0</v>
      </c>
      <c r="BI2702" s="166">
        <v>0</v>
      </c>
      <c r="BJ2702" s="166">
        <v>0</v>
      </c>
      <c r="BK2702" s="166">
        <v>0</v>
      </c>
      <c r="BL2702" s="166">
        <v>0</v>
      </c>
      <c r="BM2702" s="166">
        <v>0</v>
      </c>
      <c r="BN2702" s="166">
        <v>0</v>
      </c>
      <c r="BO2702" s="166">
        <v>0</v>
      </c>
      <c r="BP2702" s="166">
        <v>0</v>
      </c>
      <c r="BQ2702" s="166">
        <v>0</v>
      </c>
      <c r="BR2702" s="166">
        <v>0</v>
      </c>
      <c r="BS2702" s="166">
        <v>0</v>
      </c>
      <c r="BT2702" s="168">
        <v>0</v>
      </c>
      <c r="BU2702" s="166">
        <v>0</v>
      </c>
      <c r="BV2702" s="166">
        <v>0</v>
      </c>
      <c r="BW2702" s="166">
        <v>0</v>
      </c>
      <c r="BX2702" s="166">
        <v>0</v>
      </c>
      <c r="BY2702" s="166">
        <v>0</v>
      </c>
      <c r="BZ2702" s="166">
        <v>0</v>
      </c>
      <c r="CA2702" s="166">
        <v>0</v>
      </c>
      <c r="CB2702" s="166">
        <v>0</v>
      </c>
      <c r="CC2702" s="166">
        <v>0</v>
      </c>
      <c r="CD2702" s="166">
        <v>0</v>
      </c>
      <c r="CE2702" s="166">
        <v>0</v>
      </c>
      <c r="CF2702" s="166">
        <v>0</v>
      </c>
      <c r="CG2702" s="166">
        <v>0</v>
      </c>
      <c r="CH2702" s="166">
        <v>0</v>
      </c>
      <c r="CI2702" s="166">
        <v>0</v>
      </c>
      <c r="CJ2702" s="166">
        <v>0</v>
      </c>
      <c r="CK2702" s="166">
        <v>0</v>
      </c>
      <c r="CL2702" s="166">
        <v>0</v>
      </c>
      <c r="CM2702" s="166">
        <v>0</v>
      </c>
      <c r="CN2702" s="166">
        <v>0</v>
      </c>
      <c r="CO2702" s="166">
        <v>0</v>
      </c>
      <c r="CP2702" s="166">
        <v>0</v>
      </c>
      <c r="CQ2702" s="166">
        <v>0</v>
      </c>
      <c r="CR2702" s="166">
        <v>0</v>
      </c>
      <c r="CS2702" s="166">
        <v>0</v>
      </c>
      <c r="CT2702" s="166">
        <v>0</v>
      </c>
      <c r="CU2702" s="166">
        <v>0</v>
      </c>
      <c r="CV2702" s="166">
        <v>0</v>
      </c>
      <c r="CW2702" s="166">
        <v>0</v>
      </c>
      <c r="CX2702" s="166">
        <v>0</v>
      </c>
      <c r="CY2702" s="166">
        <v>0</v>
      </c>
      <c r="CZ2702" s="166">
        <v>0</v>
      </c>
    </row>
    <row r="2703" spans="1:104" x14ac:dyDescent="0.2">
      <c r="A2703" s="167" t="s">
        <v>548</v>
      </c>
      <c r="B2703" s="166">
        <v>0</v>
      </c>
      <c r="C2703" s="166">
        <v>0</v>
      </c>
      <c r="D2703" s="166">
        <v>0</v>
      </c>
      <c r="E2703" s="166">
        <v>0</v>
      </c>
      <c r="F2703" s="166">
        <v>0</v>
      </c>
      <c r="G2703" s="166">
        <v>0</v>
      </c>
      <c r="H2703" s="166">
        <v>0</v>
      </c>
      <c r="I2703" s="166">
        <v>0</v>
      </c>
      <c r="J2703" s="166">
        <v>0</v>
      </c>
      <c r="K2703" s="166">
        <v>0</v>
      </c>
      <c r="L2703" s="166">
        <v>0</v>
      </c>
      <c r="M2703" s="166">
        <v>0</v>
      </c>
      <c r="N2703" s="166">
        <v>0</v>
      </c>
      <c r="O2703" s="166">
        <v>0</v>
      </c>
      <c r="P2703" s="166">
        <v>0</v>
      </c>
      <c r="Q2703" s="166">
        <v>0</v>
      </c>
      <c r="R2703" s="166">
        <v>0</v>
      </c>
      <c r="S2703" s="166">
        <v>0</v>
      </c>
      <c r="T2703" s="166">
        <v>0</v>
      </c>
      <c r="U2703" s="166">
        <v>0</v>
      </c>
      <c r="V2703" s="166">
        <v>0</v>
      </c>
      <c r="W2703" s="166">
        <v>0</v>
      </c>
      <c r="X2703" s="166">
        <v>0</v>
      </c>
      <c r="Y2703" s="166">
        <v>0</v>
      </c>
      <c r="Z2703" s="166">
        <v>0</v>
      </c>
      <c r="AA2703" s="166">
        <v>0</v>
      </c>
      <c r="AB2703" s="166">
        <v>0</v>
      </c>
      <c r="AC2703" s="166">
        <v>0</v>
      </c>
      <c r="AD2703" s="166">
        <v>0</v>
      </c>
      <c r="AE2703" s="166">
        <v>0</v>
      </c>
      <c r="AF2703" s="166">
        <v>0</v>
      </c>
      <c r="AG2703" s="166">
        <v>0</v>
      </c>
      <c r="AH2703" s="166">
        <v>0</v>
      </c>
      <c r="AI2703" s="166">
        <v>0</v>
      </c>
      <c r="AJ2703" s="166">
        <v>0</v>
      </c>
      <c r="AK2703" s="166">
        <v>0</v>
      </c>
      <c r="AL2703" s="166">
        <v>0</v>
      </c>
      <c r="AM2703" s="166">
        <v>0</v>
      </c>
      <c r="AN2703" s="166">
        <v>0</v>
      </c>
      <c r="AO2703" s="166">
        <v>0</v>
      </c>
      <c r="AP2703" s="166">
        <v>0</v>
      </c>
      <c r="AQ2703" s="166">
        <v>0</v>
      </c>
      <c r="AR2703" s="166">
        <v>0</v>
      </c>
      <c r="AS2703" s="166">
        <v>0</v>
      </c>
      <c r="AT2703" s="166">
        <v>0</v>
      </c>
      <c r="AU2703" s="166">
        <v>0</v>
      </c>
      <c r="AV2703" s="166">
        <v>0</v>
      </c>
      <c r="AW2703" s="166">
        <v>0</v>
      </c>
      <c r="AX2703" s="166">
        <v>0</v>
      </c>
      <c r="AY2703" s="166">
        <v>0</v>
      </c>
      <c r="AZ2703" s="166">
        <v>0</v>
      </c>
      <c r="BA2703" s="166">
        <v>0</v>
      </c>
      <c r="BB2703" s="166">
        <v>0</v>
      </c>
      <c r="BC2703" s="166">
        <v>0</v>
      </c>
      <c r="BD2703" s="166">
        <v>0</v>
      </c>
      <c r="BE2703" s="166">
        <v>0</v>
      </c>
      <c r="BF2703" s="166">
        <v>0</v>
      </c>
      <c r="BG2703" s="166">
        <v>0</v>
      </c>
      <c r="BH2703" s="166">
        <v>0</v>
      </c>
      <c r="BI2703" s="166">
        <v>0</v>
      </c>
      <c r="BJ2703" s="166">
        <v>0</v>
      </c>
      <c r="BK2703" s="166">
        <v>0</v>
      </c>
      <c r="BL2703" s="166">
        <v>0</v>
      </c>
      <c r="BM2703" s="166">
        <v>0</v>
      </c>
      <c r="BN2703" s="166">
        <v>0</v>
      </c>
      <c r="BO2703" s="166">
        <v>0</v>
      </c>
      <c r="BP2703" s="166">
        <v>0</v>
      </c>
      <c r="BQ2703" s="166">
        <v>0</v>
      </c>
      <c r="BR2703" s="166">
        <v>0</v>
      </c>
      <c r="BS2703" s="166">
        <v>0</v>
      </c>
      <c r="BT2703" s="168">
        <v>0</v>
      </c>
      <c r="BU2703" s="166">
        <v>0</v>
      </c>
      <c r="BV2703" s="166">
        <v>0</v>
      </c>
      <c r="BW2703" s="166">
        <v>0</v>
      </c>
      <c r="BX2703" s="166">
        <v>0</v>
      </c>
      <c r="BY2703" s="166">
        <v>0</v>
      </c>
      <c r="BZ2703" s="166">
        <v>0</v>
      </c>
      <c r="CA2703" s="166">
        <v>0</v>
      </c>
      <c r="CB2703" s="166">
        <v>0</v>
      </c>
      <c r="CC2703" s="166">
        <v>0</v>
      </c>
      <c r="CD2703" s="166">
        <v>0</v>
      </c>
      <c r="CE2703" s="166">
        <v>0</v>
      </c>
      <c r="CF2703" s="166">
        <v>0</v>
      </c>
      <c r="CG2703" s="166">
        <v>0</v>
      </c>
      <c r="CH2703" s="166">
        <v>0</v>
      </c>
      <c r="CI2703" s="166">
        <v>0</v>
      </c>
      <c r="CJ2703" s="166">
        <v>0</v>
      </c>
      <c r="CK2703" s="166">
        <v>0</v>
      </c>
      <c r="CL2703" s="166">
        <v>0</v>
      </c>
      <c r="CM2703" s="166">
        <v>0</v>
      </c>
      <c r="CN2703" s="166">
        <v>0</v>
      </c>
      <c r="CO2703" s="166">
        <v>0</v>
      </c>
      <c r="CP2703" s="166">
        <v>0</v>
      </c>
      <c r="CQ2703" s="166">
        <v>0</v>
      </c>
      <c r="CR2703" s="166">
        <v>0</v>
      </c>
      <c r="CS2703" s="166">
        <v>0</v>
      </c>
      <c r="CT2703" s="166">
        <v>0</v>
      </c>
      <c r="CU2703" s="166">
        <v>0</v>
      </c>
      <c r="CV2703" s="166">
        <v>0</v>
      </c>
      <c r="CW2703" s="166">
        <v>0</v>
      </c>
      <c r="CX2703" s="166">
        <v>0</v>
      </c>
      <c r="CY2703" s="166">
        <v>0</v>
      </c>
      <c r="CZ2703" s="166">
        <v>0</v>
      </c>
    </row>
    <row r="2704" spans="1:104" x14ac:dyDescent="0.2">
      <c r="A2704" s="167" t="s">
        <v>549</v>
      </c>
      <c r="B2704" s="166">
        <v>0</v>
      </c>
      <c r="C2704" s="166">
        <v>0</v>
      </c>
      <c r="D2704" s="166">
        <v>0</v>
      </c>
      <c r="E2704" s="166">
        <v>0</v>
      </c>
      <c r="F2704" s="166">
        <v>0</v>
      </c>
      <c r="G2704" s="166">
        <v>0</v>
      </c>
      <c r="H2704" s="166">
        <v>0</v>
      </c>
      <c r="I2704" s="166">
        <v>0</v>
      </c>
      <c r="J2704" s="166">
        <v>0</v>
      </c>
      <c r="K2704" s="166">
        <v>0</v>
      </c>
      <c r="L2704" s="166">
        <v>0</v>
      </c>
      <c r="M2704" s="166">
        <v>0</v>
      </c>
      <c r="N2704" s="166">
        <v>0</v>
      </c>
      <c r="O2704" s="166">
        <v>0</v>
      </c>
      <c r="P2704" s="166">
        <v>0</v>
      </c>
      <c r="Q2704" s="166">
        <v>0</v>
      </c>
      <c r="R2704" s="166">
        <v>0</v>
      </c>
      <c r="S2704" s="166">
        <v>0</v>
      </c>
      <c r="T2704" s="166">
        <v>0</v>
      </c>
      <c r="U2704" s="166">
        <v>0</v>
      </c>
      <c r="V2704" s="166">
        <v>0</v>
      </c>
      <c r="W2704" s="166">
        <v>0</v>
      </c>
      <c r="X2704" s="166">
        <v>0</v>
      </c>
      <c r="Y2704" s="166">
        <v>0</v>
      </c>
      <c r="Z2704" s="166">
        <v>0</v>
      </c>
      <c r="AA2704" s="166">
        <v>0</v>
      </c>
      <c r="AB2704" s="166">
        <v>0</v>
      </c>
      <c r="AC2704" s="166">
        <v>0</v>
      </c>
      <c r="AD2704" s="166">
        <v>0</v>
      </c>
      <c r="AE2704" s="166">
        <v>0</v>
      </c>
      <c r="AF2704" s="166">
        <v>0</v>
      </c>
      <c r="AG2704" s="166">
        <v>0</v>
      </c>
      <c r="AH2704" s="166">
        <v>0</v>
      </c>
      <c r="AI2704" s="166">
        <v>0</v>
      </c>
      <c r="AJ2704" s="166">
        <v>0</v>
      </c>
      <c r="AK2704" s="166">
        <v>0</v>
      </c>
      <c r="AL2704" s="166">
        <v>0</v>
      </c>
      <c r="AM2704" s="166">
        <v>0</v>
      </c>
      <c r="AN2704" s="166">
        <v>0</v>
      </c>
      <c r="AO2704" s="166">
        <v>0</v>
      </c>
      <c r="AP2704" s="166">
        <v>0</v>
      </c>
      <c r="AQ2704" s="166">
        <v>0</v>
      </c>
      <c r="AR2704" s="166">
        <v>0</v>
      </c>
      <c r="AS2704" s="166">
        <v>0</v>
      </c>
      <c r="AT2704" s="166">
        <v>0</v>
      </c>
      <c r="AU2704" s="166">
        <v>0</v>
      </c>
      <c r="AV2704" s="166">
        <v>0</v>
      </c>
      <c r="AW2704" s="166">
        <v>0</v>
      </c>
      <c r="AX2704" s="166">
        <v>0</v>
      </c>
      <c r="AY2704" s="166">
        <v>0</v>
      </c>
      <c r="AZ2704" s="166">
        <v>0</v>
      </c>
      <c r="BA2704" s="166">
        <v>0</v>
      </c>
      <c r="BB2704" s="166">
        <v>0</v>
      </c>
      <c r="BC2704" s="166">
        <v>0</v>
      </c>
      <c r="BD2704" s="166">
        <v>0</v>
      </c>
      <c r="BE2704" s="166">
        <v>0</v>
      </c>
      <c r="BF2704" s="166">
        <v>0</v>
      </c>
      <c r="BG2704" s="166">
        <v>0</v>
      </c>
      <c r="BH2704" s="166">
        <v>0</v>
      </c>
      <c r="BI2704" s="166">
        <v>0</v>
      </c>
      <c r="BJ2704" s="166">
        <v>0</v>
      </c>
      <c r="BK2704" s="166">
        <v>0</v>
      </c>
      <c r="BL2704" s="166">
        <v>0</v>
      </c>
      <c r="BM2704" s="166">
        <v>0</v>
      </c>
      <c r="BN2704" s="166">
        <v>0</v>
      </c>
      <c r="BO2704" s="166">
        <v>0</v>
      </c>
      <c r="BP2704" s="166">
        <v>0</v>
      </c>
      <c r="BQ2704" s="166">
        <v>0</v>
      </c>
      <c r="BR2704" s="166">
        <v>0</v>
      </c>
      <c r="BS2704" s="166">
        <v>0</v>
      </c>
      <c r="BT2704" s="168">
        <v>0</v>
      </c>
      <c r="BU2704" s="166">
        <v>0</v>
      </c>
      <c r="BV2704" s="166">
        <v>0</v>
      </c>
      <c r="BW2704" s="166">
        <v>0</v>
      </c>
      <c r="BX2704" s="166">
        <v>0</v>
      </c>
      <c r="BY2704" s="166">
        <v>0</v>
      </c>
      <c r="BZ2704" s="166">
        <v>0</v>
      </c>
      <c r="CA2704" s="166">
        <v>0</v>
      </c>
      <c r="CB2704" s="166">
        <v>0</v>
      </c>
      <c r="CC2704" s="166">
        <v>0</v>
      </c>
      <c r="CD2704" s="166">
        <v>0</v>
      </c>
      <c r="CE2704" s="166">
        <v>0</v>
      </c>
      <c r="CF2704" s="166">
        <v>0</v>
      </c>
      <c r="CG2704" s="166">
        <v>0</v>
      </c>
      <c r="CH2704" s="166">
        <v>0</v>
      </c>
      <c r="CI2704" s="166">
        <v>0</v>
      </c>
      <c r="CJ2704" s="166">
        <v>0</v>
      </c>
      <c r="CK2704" s="166">
        <v>0</v>
      </c>
      <c r="CL2704" s="166">
        <v>0</v>
      </c>
      <c r="CM2704" s="166">
        <v>0</v>
      </c>
      <c r="CN2704" s="166">
        <v>0</v>
      </c>
      <c r="CO2704" s="166">
        <v>0</v>
      </c>
      <c r="CP2704" s="166">
        <v>0</v>
      </c>
      <c r="CQ2704" s="166">
        <v>0</v>
      </c>
      <c r="CR2704" s="166">
        <v>0</v>
      </c>
      <c r="CS2704" s="166">
        <v>0</v>
      </c>
      <c r="CT2704" s="166">
        <v>0</v>
      </c>
      <c r="CU2704" s="166">
        <v>0</v>
      </c>
      <c r="CV2704" s="166">
        <v>0</v>
      </c>
      <c r="CW2704" s="166">
        <v>0</v>
      </c>
      <c r="CX2704" s="166">
        <v>0</v>
      </c>
      <c r="CY2704" s="166">
        <v>0</v>
      </c>
      <c r="CZ2704" s="166">
        <v>0</v>
      </c>
    </row>
    <row r="2705" spans="1:104" x14ac:dyDescent="0.2">
      <c r="A2705" s="167" t="s">
        <v>550</v>
      </c>
      <c r="B2705" s="166">
        <v>0</v>
      </c>
      <c r="C2705" s="166">
        <v>0</v>
      </c>
      <c r="D2705" s="166">
        <v>0</v>
      </c>
      <c r="E2705" s="166">
        <v>0</v>
      </c>
      <c r="F2705" s="166">
        <v>0</v>
      </c>
      <c r="G2705" s="166">
        <v>0</v>
      </c>
      <c r="H2705" s="166">
        <v>0</v>
      </c>
      <c r="I2705" s="166">
        <v>0</v>
      </c>
      <c r="J2705" s="166">
        <v>0</v>
      </c>
      <c r="K2705" s="166">
        <v>0</v>
      </c>
      <c r="L2705" s="166">
        <v>0</v>
      </c>
      <c r="M2705" s="166">
        <v>0</v>
      </c>
      <c r="N2705" s="166">
        <v>0</v>
      </c>
      <c r="O2705" s="166">
        <v>0</v>
      </c>
      <c r="P2705" s="166">
        <v>0</v>
      </c>
      <c r="Q2705" s="166">
        <v>0</v>
      </c>
      <c r="R2705" s="166">
        <v>0</v>
      </c>
      <c r="S2705" s="166">
        <v>0</v>
      </c>
      <c r="T2705" s="166">
        <v>0</v>
      </c>
      <c r="U2705" s="166">
        <v>0</v>
      </c>
      <c r="V2705" s="166">
        <v>0</v>
      </c>
      <c r="W2705" s="166">
        <v>0</v>
      </c>
      <c r="X2705" s="166">
        <v>0</v>
      </c>
      <c r="Y2705" s="166">
        <v>0</v>
      </c>
      <c r="Z2705" s="166">
        <v>0</v>
      </c>
      <c r="AA2705" s="166">
        <v>0</v>
      </c>
      <c r="AB2705" s="166">
        <v>0</v>
      </c>
      <c r="AC2705" s="166">
        <v>0</v>
      </c>
      <c r="AD2705" s="166">
        <v>0</v>
      </c>
      <c r="AE2705" s="166">
        <v>0</v>
      </c>
      <c r="AF2705" s="166">
        <v>0</v>
      </c>
      <c r="AG2705" s="166">
        <v>0</v>
      </c>
      <c r="AH2705" s="166">
        <v>0</v>
      </c>
      <c r="AI2705" s="166">
        <v>0</v>
      </c>
      <c r="AJ2705" s="166">
        <v>0</v>
      </c>
      <c r="AK2705" s="166">
        <v>0</v>
      </c>
      <c r="AL2705" s="166">
        <v>0</v>
      </c>
      <c r="AM2705" s="166">
        <v>0</v>
      </c>
      <c r="AN2705" s="166">
        <v>0</v>
      </c>
      <c r="AO2705" s="166">
        <v>0</v>
      </c>
      <c r="AP2705" s="166">
        <v>0</v>
      </c>
      <c r="AQ2705" s="166">
        <v>0</v>
      </c>
      <c r="AR2705" s="166">
        <v>0</v>
      </c>
      <c r="AS2705" s="166">
        <v>0</v>
      </c>
      <c r="AT2705" s="166">
        <v>0</v>
      </c>
      <c r="AU2705" s="166">
        <v>0</v>
      </c>
      <c r="AV2705" s="166">
        <v>0</v>
      </c>
      <c r="AW2705" s="166">
        <v>0</v>
      </c>
      <c r="AX2705" s="166">
        <v>0</v>
      </c>
      <c r="AY2705" s="166">
        <v>0</v>
      </c>
      <c r="AZ2705" s="166">
        <v>0</v>
      </c>
      <c r="BA2705" s="166">
        <v>0</v>
      </c>
      <c r="BB2705" s="166">
        <v>0</v>
      </c>
      <c r="BC2705" s="166">
        <v>0</v>
      </c>
      <c r="BD2705" s="166">
        <v>0</v>
      </c>
      <c r="BE2705" s="166">
        <v>0</v>
      </c>
      <c r="BF2705" s="166">
        <v>0</v>
      </c>
      <c r="BG2705" s="166">
        <v>0</v>
      </c>
      <c r="BH2705" s="166">
        <v>0</v>
      </c>
      <c r="BI2705" s="166">
        <v>0</v>
      </c>
      <c r="BJ2705" s="166">
        <v>0</v>
      </c>
      <c r="BK2705" s="166">
        <v>0</v>
      </c>
      <c r="BL2705" s="166">
        <v>0</v>
      </c>
      <c r="BM2705" s="166">
        <v>0</v>
      </c>
      <c r="BN2705" s="166">
        <v>0</v>
      </c>
      <c r="BO2705" s="166">
        <v>0</v>
      </c>
      <c r="BP2705" s="166">
        <v>0</v>
      </c>
      <c r="BQ2705" s="166">
        <v>0</v>
      </c>
      <c r="BR2705" s="166">
        <v>0</v>
      </c>
      <c r="BS2705" s="166">
        <v>0</v>
      </c>
      <c r="BT2705" s="168">
        <v>0</v>
      </c>
      <c r="BU2705" s="166">
        <v>0</v>
      </c>
      <c r="BV2705" s="166">
        <v>0</v>
      </c>
      <c r="BW2705" s="166">
        <v>0</v>
      </c>
      <c r="BX2705" s="166">
        <v>0</v>
      </c>
      <c r="BY2705" s="166">
        <v>0</v>
      </c>
      <c r="BZ2705" s="166">
        <v>0</v>
      </c>
      <c r="CA2705" s="166">
        <v>0</v>
      </c>
      <c r="CB2705" s="166">
        <v>0</v>
      </c>
      <c r="CC2705" s="166">
        <v>0</v>
      </c>
      <c r="CD2705" s="166">
        <v>0</v>
      </c>
      <c r="CE2705" s="166">
        <v>0</v>
      </c>
      <c r="CF2705" s="166">
        <v>0</v>
      </c>
      <c r="CG2705" s="166">
        <v>0</v>
      </c>
      <c r="CH2705" s="166">
        <v>0</v>
      </c>
      <c r="CI2705" s="166">
        <v>0</v>
      </c>
      <c r="CJ2705" s="166">
        <v>0</v>
      </c>
      <c r="CK2705" s="166">
        <v>0</v>
      </c>
      <c r="CL2705" s="166">
        <v>0</v>
      </c>
      <c r="CM2705" s="166">
        <v>0</v>
      </c>
      <c r="CN2705" s="166">
        <v>0</v>
      </c>
      <c r="CO2705" s="166">
        <v>0</v>
      </c>
      <c r="CP2705" s="166">
        <v>0</v>
      </c>
      <c r="CQ2705" s="166">
        <v>0</v>
      </c>
      <c r="CR2705" s="166">
        <v>0</v>
      </c>
      <c r="CS2705" s="166">
        <v>0</v>
      </c>
      <c r="CT2705" s="166">
        <v>0</v>
      </c>
      <c r="CU2705" s="166">
        <v>0</v>
      </c>
      <c r="CV2705" s="166">
        <v>0</v>
      </c>
      <c r="CW2705" s="166">
        <v>0</v>
      </c>
      <c r="CX2705" s="166">
        <v>0</v>
      </c>
      <c r="CY2705" s="166">
        <v>0</v>
      </c>
      <c r="CZ2705" s="166">
        <v>0</v>
      </c>
    </row>
    <row r="2706" spans="1:104" x14ac:dyDescent="0.2">
      <c r="A2706" s="177" t="s">
        <v>551</v>
      </c>
      <c r="B2706" s="166">
        <v>0</v>
      </c>
      <c r="C2706" s="166">
        <v>0</v>
      </c>
      <c r="D2706" s="166">
        <v>0</v>
      </c>
      <c r="E2706" s="166">
        <v>0</v>
      </c>
      <c r="F2706" s="166">
        <v>0</v>
      </c>
      <c r="G2706" s="166">
        <v>0</v>
      </c>
      <c r="H2706" s="166">
        <v>0</v>
      </c>
      <c r="I2706" s="166">
        <v>0</v>
      </c>
      <c r="J2706" s="166">
        <v>0</v>
      </c>
      <c r="K2706" s="166">
        <v>0</v>
      </c>
      <c r="L2706" s="166">
        <v>0</v>
      </c>
      <c r="M2706" s="166">
        <v>0</v>
      </c>
      <c r="N2706" s="166">
        <v>0</v>
      </c>
      <c r="O2706" s="166">
        <v>0</v>
      </c>
      <c r="P2706" s="166">
        <v>0</v>
      </c>
      <c r="Q2706" s="166">
        <v>0</v>
      </c>
      <c r="R2706" s="166">
        <v>0</v>
      </c>
      <c r="S2706" s="166">
        <v>0</v>
      </c>
      <c r="T2706" s="166">
        <v>0</v>
      </c>
      <c r="U2706" s="166">
        <v>0</v>
      </c>
      <c r="V2706" s="166">
        <v>0</v>
      </c>
      <c r="W2706" s="166">
        <v>0</v>
      </c>
      <c r="X2706" s="166">
        <v>0</v>
      </c>
      <c r="Y2706" s="166">
        <v>0</v>
      </c>
      <c r="Z2706" s="166">
        <v>0</v>
      </c>
      <c r="AA2706" s="166">
        <v>0</v>
      </c>
      <c r="AB2706" s="166">
        <v>0</v>
      </c>
      <c r="AC2706" s="166">
        <v>0</v>
      </c>
      <c r="AD2706" s="166">
        <v>0</v>
      </c>
      <c r="AE2706" s="166">
        <v>0</v>
      </c>
      <c r="AF2706" s="166">
        <v>0</v>
      </c>
      <c r="AG2706" s="166">
        <v>0</v>
      </c>
      <c r="AH2706" s="166">
        <v>0</v>
      </c>
      <c r="AI2706" s="166">
        <v>0</v>
      </c>
      <c r="AJ2706" s="166">
        <v>0</v>
      </c>
      <c r="AK2706" s="166">
        <v>0</v>
      </c>
      <c r="AL2706" s="166">
        <v>0</v>
      </c>
      <c r="AM2706" s="166">
        <v>0</v>
      </c>
      <c r="AN2706" s="166">
        <v>0</v>
      </c>
      <c r="AO2706" s="166">
        <v>0</v>
      </c>
      <c r="AP2706" s="166">
        <v>0</v>
      </c>
      <c r="AQ2706" s="166">
        <v>0</v>
      </c>
      <c r="AR2706" s="166">
        <v>0</v>
      </c>
      <c r="AS2706" s="166">
        <v>0</v>
      </c>
      <c r="AT2706" s="166">
        <v>0</v>
      </c>
      <c r="AU2706" s="166">
        <v>0</v>
      </c>
      <c r="AV2706" s="166">
        <v>0</v>
      </c>
      <c r="AW2706" s="166">
        <v>0</v>
      </c>
      <c r="AX2706" s="166">
        <v>0</v>
      </c>
      <c r="AY2706" s="166">
        <v>0</v>
      </c>
      <c r="AZ2706" s="166">
        <v>0</v>
      </c>
      <c r="BA2706" s="166">
        <v>0</v>
      </c>
      <c r="BB2706" s="166">
        <v>0</v>
      </c>
      <c r="BC2706" s="166">
        <v>0</v>
      </c>
      <c r="BD2706" s="166">
        <v>0</v>
      </c>
      <c r="BE2706" s="166">
        <v>0</v>
      </c>
      <c r="BF2706" s="166">
        <v>0</v>
      </c>
      <c r="BG2706" s="166">
        <v>0</v>
      </c>
      <c r="BH2706" s="166">
        <v>0</v>
      </c>
      <c r="BI2706" s="166">
        <v>0</v>
      </c>
      <c r="BJ2706" s="166">
        <v>0</v>
      </c>
      <c r="BK2706" s="166">
        <v>0</v>
      </c>
      <c r="BL2706" s="166">
        <v>0</v>
      </c>
      <c r="BM2706" s="166">
        <v>0</v>
      </c>
      <c r="BN2706" s="166">
        <v>0</v>
      </c>
      <c r="BO2706" s="166">
        <v>0</v>
      </c>
      <c r="BP2706" s="166">
        <v>0</v>
      </c>
      <c r="BQ2706" s="166">
        <v>0</v>
      </c>
      <c r="BR2706" s="166">
        <v>0</v>
      </c>
      <c r="BS2706" s="166">
        <v>0</v>
      </c>
      <c r="BT2706" s="168">
        <v>0</v>
      </c>
      <c r="BU2706" s="166">
        <v>0</v>
      </c>
      <c r="BV2706" s="166">
        <v>0</v>
      </c>
      <c r="BW2706" s="166">
        <v>0</v>
      </c>
      <c r="BX2706" s="166">
        <v>0</v>
      </c>
      <c r="BY2706" s="166">
        <v>0</v>
      </c>
      <c r="BZ2706" s="166">
        <v>0</v>
      </c>
      <c r="CA2706" s="166">
        <v>0</v>
      </c>
      <c r="CB2706" s="166">
        <v>0</v>
      </c>
      <c r="CC2706" s="166">
        <v>0</v>
      </c>
      <c r="CD2706" s="166">
        <v>0</v>
      </c>
      <c r="CE2706" s="166">
        <v>0</v>
      </c>
      <c r="CF2706" s="166">
        <v>0</v>
      </c>
      <c r="CG2706" s="166">
        <v>0</v>
      </c>
      <c r="CH2706" s="166">
        <v>0</v>
      </c>
      <c r="CI2706" s="166">
        <v>0</v>
      </c>
      <c r="CJ2706" s="166">
        <v>0</v>
      </c>
      <c r="CK2706" s="166">
        <v>0</v>
      </c>
      <c r="CL2706" s="166">
        <v>0</v>
      </c>
      <c r="CM2706" s="166">
        <v>0</v>
      </c>
      <c r="CN2706" s="166">
        <v>0</v>
      </c>
      <c r="CO2706" s="166">
        <v>0</v>
      </c>
      <c r="CP2706" s="166">
        <v>0</v>
      </c>
      <c r="CQ2706" s="166">
        <v>0</v>
      </c>
      <c r="CR2706" s="166">
        <v>0</v>
      </c>
      <c r="CS2706" s="166">
        <v>0</v>
      </c>
      <c r="CT2706" s="166">
        <v>0</v>
      </c>
      <c r="CU2706" s="166">
        <v>0</v>
      </c>
      <c r="CV2706" s="166">
        <v>0</v>
      </c>
      <c r="CW2706" s="166">
        <v>0</v>
      </c>
      <c r="CX2706" s="166">
        <v>0</v>
      </c>
      <c r="CY2706" s="166">
        <v>0</v>
      </c>
      <c r="CZ2706" s="166">
        <v>0</v>
      </c>
    </row>
    <row r="2707" spans="1:104" x14ac:dyDescent="0.2">
      <c r="A2707" s="167" t="s">
        <v>552</v>
      </c>
      <c r="B2707" s="166">
        <v>0</v>
      </c>
      <c r="C2707" s="166">
        <v>0</v>
      </c>
      <c r="D2707" s="166">
        <v>0</v>
      </c>
      <c r="E2707" s="166">
        <v>0</v>
      </c>
      <c r="F2707" s="166">
        <v>0</v>
      </c>
      <c r="G2707" s="166">
        <v>0</v>
      </c>
      <c r="H2707" s="166">
        <v>0</v>
      </c>
      <c r="I2707" s="166">
        <v>0</v>
      </c>
      <c r="J2707" s="166">
        <v>0</v>
      </c>
      <c r="K2707" s="166">
        <v>0</v>
      </c>
      <c r="L2707" s="166">
        <v>0</v>
      </c>
      <c r="M2707" s="166">
        <v>0</v>
      </c>
      <c r="N2707" s="166">
        <v>0</v>
      </c>
      <c r="O2707" s="166">
        <v>0</v>
      </c>
      <c r="P2707" s="166">
        <v>0</v>
      </c>
      <c r="Q2707" s="166">
        <v>0</v>
      </c>
      <c r="R2707" s="166">
        <v>0</v>
      </c>
      <c r="S2707" s="166">
        <v>0</v>
      </c>
      <c r="T2707" s="166">
        <v>0</v>
      </c>
      <c r="U2707" s="166">
        <v>0</v>
      </c>
      <c r="V2707" s="166">
        <v>0</v>
      </c>
      <c r="W2707" s="166">
        <v>0</v>
      </c>
      <c r="X2707" s="166">
        <v>0</v>
      </c>
      <c r="Y2707" s="166">
        <v>0</v>
      </c>
      <c r="Z2707" s="166">
        <v>0</v>
      </c>
      <c r="AA2707" s="166">
        <v>0</v>
      </c>
      <c r="AB2707" s="166">
        <v>0</v>
      </c>
      <c r="AC2707" s="166">
        <v>0</v>
      </c>
      <c r="AD2707" s="166">
        <v>0</v>
      </c>
      <c r="AE2707" s="166">
        <v>0</v>
      </c>
      <c r="AF2707" s="166">
        <v>0</v>
      </c>
      <c r="AG2707" s="166">
        <v>0</v>
      </c>
      <c r="AH2707" s="166">
        <v>0</v>
      </c>
      <c r="AI2707" s="166">
        <v>0</v>
      </c>
      <c r="AJ2707" s="166">
        <v>0</v>
      </c>
      <c r="AK2707" s="166">
        <v>0</v>
      </c>
      <c r="AL2707" s="166">
        <v>0</v>
      </c>
      <c r="AM2707" s="166">
        <v>0</v>
      </c>
      <c r="AN2707" s="166">
        <v>0</v>
      </c>
      <c r="AO2707" s="166">
        <v>0</v>
      </c>
      <c r="AP2707" s="166">
        <v>0</v>
      </c>
      <c r="AQ2707" s="166">
        <v>0</v>
      </c>
      <c r="AR2707" s="166">
        <v>0</v>
      </c>
      <c r="AS2707" s="166">
        <v>0</v>
      </c>
      <c r="AT2707" s="166">
        <v>0</v>
      </c>
      <c r="AU2707" s="166">
        <v>0</v>
      </c>
      <c r="AV2707" s="166">
        <v>0</v>
      </c>
      <c r="AW2707" s="166">
        <v>0</v>
      </c>
      <c r="AX2707" s="166">
        <v>0</v>
      </c>
      <c r="AY2707" s="166">
        <v>0</v>
      </c>
      <c r="AZ2707" s="166">
        <v>0</v>
      </c>
      <c r="BA2707" s="166">
        <v>0</v>
      </c>
      <c r="BB2707" s="166">
        <v>0</v>
      </c>
      <c r="BC2707" s="166">
        <v>0</v>
      </c>
      <c r="BD2707" s="166">
        <v>0</v>
      </c>
      <c r="BE2707" s="166">
        <v>0</v>
      </c>
      <c r="BF2707" s="166">
        <v>0</v>
      </c>
      <c r="BG2707" s="166">
        <v>0</v>
      </c>
      <c r="BH2707" s="166">
        <v>0</v>
      </c>
      <c r="BI2707" s="166">
        <v>0</v>
      </c>
      <c r="BJ2707" s="166">
        <v>0</v>
      </c>
      <c r="BK2707" s="166">
        <v>0</v>
      </c>
      <c r="BL2707" s="166">
        <v>0</v>
      </c>
      <c r="BM2707" s="166">
        <v>0</v>
      </c>
      <c r="BN2707" s="166">
        <v>0</v>
      </c>
      <c r="BO2707" s="166">
        <v>0</v>
      </c>
      <c r="BP2707" s="166">
        <v>0</v>
      </c>
      <c r="BQ2707" s="166">
        <v>0</v>
      </c>
      <c r="BR2707" s="166">
        <v>0</v>
      </c>
      <c r="BS2707" s="166">
        <v>0</v>
      </c>
      <c r="BT2707" s="168">
        <v>0</v>
      </c>
      <c r="BU2707" s="166">
        <v>0</v>
      </c>
      <c r="BV2707" s="166">
        <v>0</v>
      </c>
      <c r="BW2707" s="166">
        <v>0</v>
      </c>
      <c r="BX2707" s="166">
        <v>0</v>
      </c>
      <c r="BY2707" s="166">
        <v>0</v>
      </c>
      <c r="BZ2707" s="166">
        <v>0</v>
      </c>
      <c r="CA2707" s="166">
        <v>0</v>
      </c>
      <c r="CB2707" s="166">
        <v>0</v>
      </c>
      <c r="CC2707" s="166">
        <v>0</v>
      </c>
      <c r="CD2707" s="166">
        <v>0</v>
      </c>
      <c r="CE2707" s="166">
        <v>0</v>
      </c>
      <c r="CF2707" s="166">
        <v>0</v>
      </c>
      <c r="CG2707" s="166">
        <v>0</v>
      </c>
      <c r="CH2707" s="166">
        <v>0</v>
      </c>
      <c r="CI2707" s="166">
        <v>0</v>
      </c>
      <c r="CJ2707" s="166">
        <v>0</v>
      </c>
      <c r="CK2707" s="166">
        <v>0</v>
      </c>
      <c r="CL2707" s="166">
        <v>0</v>
      </c>
      <c r="CM2707" s="166">
        <v>0</v>
      </c>
      <c r="CN2707" s="166">
        <v>0</v>
      </c>
      <c r="CO2707" s="166">
        <v>0</v>
      </c>
      <c r="CP2707" s="166">
        <v>0</v>
      </c>
      <c r="CQ2707" s="166">
        <v>0</v>
      </c>
      <c r="CR2707" s="166">
        <v>0</v>
      </c>
      <c r="CS2707" s="166">
        <v>0</v>
      </c>
      <c r="CT2707" s="166">
        <v>0</v>
      </c>
      <c r="CU2707" s="166">
        <v>0</v>
      </c>
      <c r="CV2707" s="166">
        <v>0</v>
      </c>
      <c r="CW2707" s="166">
        <v>0</v>
      </c>
      <c r="CX2707" s="166">
        <v>0</v>
      </c>
      <c r="CY2707" s="166">
        <v>0</v>
      </c>
      <c r="CZ2707" s="166">
        <v>0</v>
      </c>
    </row>
    <row r="2708" spans="1:104" x14ac:dyDescent="0.2">
      <c r="A2708" s="170" t="s">
        <v>553</v>
      </c>
      <c r="B2708" s="166">
        <v>0</v>
      </c>
      <c r="C2708" s="166">
        <v>0</v>
      </c>
      <c r="D2708" s="166">
        <v>0</v>
      </c>
      <c r="E2708" s="166">
        <v>0</v>
      </c>
      <c r="F2708" s="166">
        <v>0</v>
      </c>
      <c r="G2708" s="166">
        <v>0</v>
      </c>
      <c r="H2708" s="166">
        <v>0</v>
      </c>
      <c r="I2708" s="166">
        <v>0</v>
      </c>
      <c r="J2708" s="166">
        <v>0</v>
      </c>
      <c r="K2708" s="166">
        <v>0</v>
      </c>
      <c r="L2708" s="166">
        <v>0</v>
      </c>
      <c r="M2708" s="166">
        <v>0</v>
      </c>
      <c r="N2708" s="166">
        <v>0</v>
      </c>
      <c r="O2708" s="166">
        <v>0</v>
      </c>
      <c r="P2708" s="166">
        <v>0</v>
      </c>
      <c r="Q2708" s="166">
        <v>0</v>
      </c>
      <c r="R2708" s="166">
        <v>0</v>
      </c>
      <c r="S2708" s="166">
        <v>0</v>
      </c>
      <c r="T2708" s="166">
        <v>0</v>
      </c>
      <c r="U2708" s="166">
        <v>0</v>
      </c>
      <c r="V2708" s="166">
        <v>0</v>
      </c>
      <c r="W2708" s="166">
        <v>0</v>
      </c>
      <c r="X2708" s="166">
        <v>0</v>
      </c>
      <c r="Y2708" s="166">
        <v>0</v>
      </c>
      <c r="Z2708" s="166">
        <v>0</v>
      </c>
      <c r="AA2708" s="166">
        <v>0</v>
      </c>
      <c r="AB2708" s="166">
        <v>0</v>
      </c>
      <c r="AC2708" s="166">
        <v>0</v>
      </c>
      <c r="AD2708" s="166">
        <v>0</v>
      </c>
      <c r="AE2708" s="166">
        <v>0</v>
      </c>
      <c r="AF2708" s="166">
        <v>0</v>
      </c>
      <c r="AG2708" s="166">
        <v>0</v>
      </c>
      <c r="AH2708" s="166">
        <v>0</v>
      </c>
      <c r="AI2708" s="166">
        <v>0</v>
      </c>
      <c r="AJ2708" s="166">
        <v>0</v>
      </c>
      <c r="AK2708" s="166">
        <v>0</v>
      </c>
      <c r="AL2708" s="166">
        <v>0</v>
      </c>
      <c r="AM2708" s="166">
        <v>0</v>
      </c>
      <c r="AN2708" s="166">
        <v>0</v>
      </c>
      <c r="AO2708" s="166">
        <v>0</v>
      </c>
      <c r="AP2708" s="166">
        <v>0</v>
      </c>
      <c r="AQ2708" s="166">
        <v>0</v>
      </c>
      <c r="AR2708" s="166">
        <v>0</v>
      </c>
      <c r="AS2708" s="166">
        <v>0</v>
      </c>
      <c r="AT2708" s="166">
        <v>0</v>
      </c>
      <c r="AU2708" s="166">
        <v>0</v>
      </c>
      <c r="AV2708" s="166">
        <v>0</v>
      </c>
      <c r="AW2708" s="166">
        <v>0</v>
      </c>
      <c r="AX2708" s="166">
        <v>0</v>
      </c>
      <c r="AY2708" s="166">
        <v>0</v>
      </c>
      <c r="AZ2708" s="166">
        <v>0</v>
      </c>
      <c r="BA2708" s="166">
        <v>0</v>
      </c>
      <c r="BB2708" s="166">
        <v>0</v>
      </c>
      <c r="BC2708" s="166">
        <v>0</v>
      </c>
      <c r="BD2708" s="166">
        <v>0</v>
      </c>
      <c r="BE2708" s="166">
        <v>0</v>
      </c>
      <c r="BF2708" s="166">
        <v>0</v>
      </c>
      <c r="BG2708" s="166">
        <v>0</v>
      </c>
      <c r="BH2708" s="166">
        <v>0</v>
      </c>
      <c r="BI2708" s="166">
        <v>0</v>
      </c>
      <c r="BJ2708" s="166">
        <v>0</v>
      </c>
      <c r="BK2708" s="166">
        <v>0</v>
      </c>
      <c r="BL2708" s="166">
        <v>0</v>
      </c>
      <c r="BM2708" s="166">
        <v>0</v>
      </c>
      <c r="BN2708" s="166">
        <v>0</v>
      </c>
      <c r="BO2708" s="166">
        <v>0</v>
      </c>
      <c r="BP2708" s="166">
        <v>0</v>
      </c>
      <c r="BQ2708" s="166">
        <v>0</v>
      </c>
      <c r="BR2708" s="166">
        <v>0</v>
      </c>
      <c r="BS2708" s="166">
        <v>0</v>
      </c>
      <c r="BT2708" s="168">
        <v>0</v>
      </c>
      <c r="BU2708" s="166">
        <v>0</v>
      </c>
      <c r="BV2708" s="166">
        <v>0</v>
      </c>
      <c r="BW2708" s="166">
        <v>0</v>
      </c>
      <c r="BX2708" s="166">
        <v>0</v>
      </c>
      <c r="BY2708" s="166">
        <v>0</v>
      </c>
      <c r="BZ2708" s="166">
        <v>0</v>
      </c>
      <c r="CA2708" s="166">
        <v>0</v>
      </c>
      <c r="CB2708" s="166">
        <v>0</v>
      </c>
      <c r="CC2708" s="166">
        <v>0</v>
      </c>
      <c r="CD2708" s="166">
        <v>0</v>
      </c>
      <c r="CE2708" s="166">
        <v>0</v>
      </c>
      <c r="CF2708" s="166">
        <v>0</v>
      </c>
      <c r="CG2708" s="166">
        <v>0</v>
      </c>
      <c r="CH2708" s="166">
        <v>0</v>
      </c>
      <c r="CI2708" s="166">
        <v>0</v>
      </c>
      <c r="CJ2708" s="166">
        <v>0</v>
      </c>
      <c r="CK2708" s="166">
        <v>0</v>
      </c>
      <c r="CL2708" s="166">
        <v>0</v>
      </c>
      <c r="CM2708" s="166">
        <v>0</v>
      </c>
      <c r="CN2708" s="166">
        <v>0</v>
      </c>
      <c r="CO2708" s="166">
        <v>0</v>
      </c>
      <c r="CP2708" s="166">
        <v>0</v>
      </c>
      <c r="CQ2708" s="166">
        <v>0</v>
      </c>
      <c r="CR2708" s="166">
        <v>0</v>
      </c>
      <c r="CS2708" s="166">
        <v>0</v>
      </c>
      <c r="CT2708" s="166">
        <v>0</v>
      </c>
      <c r="CU2708" s="166">
        <v>0</v>
      </c>
      <c r="CV2708" s="166">
        <v>0</v>
      </c>
      <c r="CW2708" s="166">
        <v>0</v>
      </c>
      <c r="CX2708" s="166">
        <v>0</v>
      </c>
      <c r="CY2708" s="166">
        <v>0</v>
      </c>
      <c r="CZ2708" s="166">
        <v>0</v>
      </c>
    </row>
    <row r="2709" spans="1:104" x14ac:dyDescent="0.2">
      <c r="A2709" s="167" t="s">
        <v>554</v>
      </c>
      <c r="B2709" s="166">
        <v>98692656.140806794</v>
      </c>
      <c r="C2709" s="166">
        <v>98692656.140806794</v>
      </c>
      <c r="D2709" s="166">
        <v>0</v>
      </c>
      <c r="E2709" s="166">
        <v>0</v>
      </c>
      <c r="F2709" s="166">
        <v>0</v>
      </c>
      <c r="G2709" s="166">
        <v>0</v>
      </c>
      <c r="H2709" s="166">
        <v>0</v>
      </c>
      <c r="I2709" s="166">
        <v>0</v>
      </c>
      <c r="J2709" s="166">
        <v>0</v>
      </c>
      <c r="K2709" s="166">
        <v>0</v>
      </c>
      <c r="L2709" s="166">
        <v>0</v>
      </c>
      <c r="M2709" s="166">
        <v>0</v>
      </c>
      <c r="N2709" s="166">
        <v>0</v>
      </c>
      <c r="O2709" s="166">
        <v>0</v>
      </c>
      <c r="P2709" s="166">
        <v>0</v>
      </c>
      <c r="Q2709" s="166">
        <v>0</v>
      </c>
      <c r="R2709" s="166">
        <v>0</v>
      </c>
      <c r="S2709" s="166">
        <v>0</v>
      </c>
      <c r="T2709" s="166">
        <v>0</v>
      </c>
      <c r="U2709" s="166">
        <v>0</v>
      </c>
      <c r="V2709" s="166">
        <v>0</v>
      </c>
      <c r="W2709" s="166">
        <v>0</v>
      </c>
      <c r="X2709" s="166">
        <v>0</v>
      </c>
      <c r="Y2709" s="166">
        <v>0</v>
      </c>
      <c r="Z2709" s="166">
        <v>0</v>
      </c>
      <c r="AA2709" s="166">
        <v>0</v>
      </c>
      <c r="AB2709" s="166">
        <v>0</v>
      </c>
      <c r="AC2709" s="166">
        <v>0</v>
      </c>
      <c r="AD2709" s="166">
        <v>0</v>
      </c>
      <c r="AE2709" s="166">
        <v>0</v>
      </c>
      <c r="AF2709" s="166">
        <v>0</v>
      </c>
      <c r="AG2709" s="166">
        <v>0</v>
      </c>
      <c r="AH2709" s="166">
        <v>0</v>
      </c>
      <c r="AI2709" s="166">
        <v>0</v>
      </c>
      <c r="AJ2709" s="166">
        <v>0</v>
      </c>
      <c r="AK2709" s="166">
        <v>0</v>
      </c>
      <c r="AL2709" s="166">
        <v>0</v>
      </c>
      <c r="AM2709" s="166">
        <v>0</v>
      </c>
      <c r="AN2709" s="166">
        <v>0</v>
      </c>
      <c r="AO2709" s="166">
        <v>0</v>
      </c>
      <c r="AP2709" s="166">
        <v>0</v>
      </c>
      <c r="AQ2709" s="166">
        <v>0</v>
      </c>
      <c r="AR2709" s="166">
        <v>0</v>
      </c>
      <c r="AS2709" s="166">
        <v>0</v>
      </c>
      <c r="AT2709" s="166">
        <v>0</v>
      </c>
      <c r="AU2709" s="166">
        <v>0</v>
      </c>
      <c r="AV2709" s="166">
        <v>0</v>
      </c>
      <c r="AW2709" s="166">
        <v>0</v>
      </c>
      <c r="AX2709" s="166">
        <v>0</v>
      </c>
      <c r="AY2709" s="166">
        <v>0</v>
      </c>
      <c r="AZ2709" s="166">
        <v>0</v>
      </c>
      <c r="BA2709" s="166">
        <v>0</v>
      </c>
      <c r="BB2709" s="166">
        <v>0</v>
      </c>
      <c r="BC2709" s="166">
        <v>0</v>
      </c>
      <c r="BD2709" s="166">
        <v>0</v>
      </c>
      <c r="BE2709" s="166">
        <v>0</v>
      </c>
      <c r="BF2709" s="166">
        <v>0</v>
      </c>
      <c r="BG2709" s="166">
        <v>0</v>
      </c>
      <c r="BH2709" s="166">
        <v>0</v>
      </c>
      <c r="BI2709" s="166">
        <v>0</v>
      </c>
      <c r="BJ2709" s="166">
        <v>0</v>
      </c>
      <c r="BK2709" s="166">
        <v>0</v>
      </c>
      <c r="BL2709" s="166">
        <v>0</v>
      </c>
      <c r="BM2709" s="166">
        <v>0</v>
      </c>
      <c r="BN2709" s="166">
        <v>0</v>
      </c>
      <c r="BO2709" s="166">
        <v>0</v>
      </c>
      <c r="BP2709" s="166">
        <v>0</v>
      </c>
      <c r="BQ2709" s="166">
        <v>0</v>
      </c>
      <c r="BR2709" s="166">
        <v>98692656.140806794</v>
      </c>
      <c r="BS2709" s="166">
        <v>98692656.140806794</v>
      </c>
      <c r="BT2709" s="168">
        <v>0</v>
      </c>
      <c r="BU2709" s="166">
        <v>0</v>
      </c>
      <c r="BV2709" s="166">
        <v>0</v>
      </c>
      <c r="BW2709" s="166">
        <v>0</v>
      </c>
      <c r="BX2709" s="166">
        <v>0</v>
      </c>
      <c r="BY2709" s="166">
        <v>0</v>
      </c>
      <c r="BZ2709" s="166">
        <v>0</v>
      </c>
      <c r="CA2709" s="166">
        <v>0</v>
      </c>
      <c r="CB2709" s="166">
        <v>0</v>
      </c>
      <c r="CC2709" s="166">
        <v>0</v>
      </c>
      <c r="CD2709" s="166">
        <v>0</v>
      </c>
      <c r="CE2709" s="166">
        <v>0</v>
      </c>
      <c r="CF2709" s="166">
        <v>0</v>
      </c>
      <c r="CG2709" s="166">
        <v>0</v>
      </c>
      <c r="CH2709" s="166">
        <v>0</v>
      </c>
      <c r="CI2709" s="166">
        <v>0</v>
      </c>
      <c r="CJ2709" s="166">
        <v>0</v>
      </c>
      <c r="CK2709" s="166">
        <v>0</v>
      </c>
      <c r="CL2709" s="166">
        <v>0</v>
      </c>
      <c r="CM2709" s="166">
        <v>0</v>
      </c>
      <c r="CN2709" s="166">
        <v>0</v>
      </c>
      <c r="CO2709" s="166">
        <v>0</v>
      </c>
      <c r="CP2709" s="166">
        <v>0</v>
      </c>
      <c r="CQ2709" s="166">
        <v>0</v>
      </c>
      <c r="CR2709" s="166">
        <v>0</v>
      </c>
      <c r="CS2709" s="166">
        <v>0</v>
      </c>
      <c r="CT2709" s="166">
        <v>0</v>
      </c>
      <c r="CU2709" s="166">
        <v>0</v>
      </c>
      <c r="CV2709" s="166">
        <v>0</v>
      </c>
      <c r="CW2709" s="166">
        <v>0</v>
      </c>
      <c r="CX2709" s="166">
        <v>0</v>
      </c>
      <c r="CY2709" s="166">
        <v>0</v>
      </c>
      <c r="CZ2709" s="166">
        <v>0</v>
      </c>
    </row>
    <row r="2710" spans="1:104" x14ac:dyDescent="0.2">
      <c r="A2710" s="167" t="s">
        <v>555</v>
      </c>
      <c r="B2710" s="166">
        <v>6572322.6830095099</v>
      </c>
      <c r="C2710" s="166">
        <v>6572322.6830095099</v>
      </c>
      <c r="D2710" s="166">
        <v>0</v>
      </c>
      <c r="E2710" s="166">
        <v>0</v>
      </c>
      <c r="F2710" s="166">
        <v>0</v>
      </c>
      <c r="G2710" s="166">
        <v>0</v>
      </c>
      <c r="H2710" s="166">
        <v>0</v>
      </c>
      <c r="I2710" s="166">
        <v>0</v>
      </c>
      <c r="J2710" s="166">
        <v>0</v>
      </c>
      <c r="K2710" s="166">
        <v>0</v>
      </c>
      <c r="L2710" s="166">
        <v>0</v>
      </c>
      <c r="M2710" s="166">
        <v>0</v>
      </c>
      <c r="N2710" s="166">
        <v>0</v>
      </c>
      <c r="O2710" s="166">
        <v>0</v>
      </c>
      <c r="P2710" s="166">
        <v>0</v>
      </c>
      <c r="Q2710" s="166">
        <v>0</v>
      </c>
      <c r="R2710" s="166">
        <v>0</v>
      </c>
      <c r="S2710" s="166">
        <v>0</v>
      </c>
      <c r="T2710" s="166">
        <v>0</v>
      </c>
      <c r="U2710" s="166">
        <v>0</v>
      </c>
      <c r="V2710" s="166">
        <v>0</v>
      </c>
      <c r="W2710" s="166">
        <v>0</v>
      </c>
      <c r="X2710" s="166">
        <v>0</v>
      </c>
      <c r="Y2710" s="166">
        <v>0</v>
      </c>
      <c r="Z2710" s="166">
        <v>0</v>
      </c>
      <c r="AA2710" s="166">
        <v>0</v>
      </c>
      <c r="AB2710" s="166">
        <v>0</v>
      </c>
      <c r="AC2710" s="166">
        <v>0</v>
      </c>
      <c r="AD2710" s="166">
        <v>0</v>
      </c>
      <c r="AE2710" s="166">
        <v>0</v>
      </c>
      <c r="AF2710" s="166">
        <v>0</v>
      </c>
      <c r="AG2710" s="166">
        <v>0</v>
      </c>
      <c r="AH2710" s="166">
        <v>0</v>
      </c>
      <c r="AI2710" s="166">
        <v>0</v>
      </c>
      <c r="AJ2710" s="166">
        <v>0</v>
      </c>
      <c r="AK2710" s="166">
        <v>0</v>
      </c>
      <c r="AL2710" s="166">
        <v>0</v>
      </c>
      <c r="AM2710" s="166">
        <v>0</v>
      </c>
      <c r="AN2710" s="166">
        <v>0</v>
      </c>
      <c r="AO2710" s="166">
        <v>0</v>
      </c>
      <c r="AP2710" s="166">
        <v>0</v>
      </c>
      <c r="AQ2710" s="166">
        <v>0</v>
      </c>
      <c r="AR2710" s="166">
        <v>0</v>
      </c>
      <c r="AS2710" s="166">
        <v>0</v>
      </c>
      <c r="AT2710" s="166">
        <v>0</v>
      </c>
      <c r="AU2710" s="166">
        <v>0</v>
      </c>
      <c r="AV2710" s="166">
        <v>0</v>
      </c>
      <c r="AW2710" s="166">
        <v>0</v>
      </c>
      <c r="AX2710" s="166">
        <v>0</v>
      </c>
      <c r="AY2710" s="166">
        <v>0</v>
      </c>
      <c r="AZ2710" s="166">
        <v>0</v>
      </c>
      <c r="BA2710" s="166">
        <v>0</v>
      </c>
      <c r="BB2710" s="166">
        <v>0</v>
      </c>
      <c r="BC2710" s="166">
        <v>0</v>
      </c>
      <c r="BD2710" s="166">
        <v>0</v>
      </c>
      <c r="BE2710" s="166">
        <v>0</v>
      </c>
      <c r="BF2710" s="166">
        <v>0</v>
      </c>
      <c r="BG2710" s="166">
        <v>0</v>
      </c>
      <c r="BH2710" s="166">
        <v>0</v>
      </c>
      <c r="BI2710" s="166">
        <v>0</v>
      </c>
      <c r="BJ2710" s="166">
        <v>0</v>
      </c>
      <c r="BK2710" s="166">
        <v>0</v>
      </c>
      <c r="BL2710" s="166">
        <v>0</v>
      </c>
      <c r="BM2710" s="166">
        <v>0</v>
      </c>
      <c r="BN2710" s="166">
        <v>0</v>
      </c>
      <c r="BO2710" s="166">
        <v>0</v>
      </c>
      <c r="BP2710" s="166">
        <v>0</v>
      </c>
      <c r="BQ2710" s="166">
        <v>0</v>
      </c>
      <c r="BR2710" s="166">
        <v>6572322.6830095099</v>
      </c>
      <c r="BS2710" s="166">
        <v>6572322.6830095099</v>
      </c>
      <c r="BT2710" s="168">
        <v>0</v>
      </c>
      <c r="BU2710" s="166">
        <v>0</v>
      </c>
      <c r="BV2710" s="166">
        <v>0</v>
      </c>
      <c r="BW2710" s="166">
        <v>0</v>
      </c>
      <c r="BX2710" s="166">
        <v>0</v>
      </c>
      <c r="BY2710" s="166">
        <v>0</v>
      </c>
      <c r="BZ2710" s="166">
        <v>0</v>
      </c>
      <c r="CA2710" s="166">
        <v>0</v>
      </c>
      <c r="CB2710" s="166">
        <v>0</v>
      </c>
      <c r="CC2710" s="166">
        <v>0</v>
      </c>
      <c r="CD2710" s="166">
        <v>0</v>
      </c>
      <c r="CE2710" s="166">
        <v>0</v>
      </c>
      <c r="CF2710" s="166">
        <v>0</v>
      </c>
      <c r="CG2710" s="166">
        <v>0</v>
      </c>
      <c r="CH2710" s="166">
        <v>0</v>
      </c>
      <c r="CI2710" s="166">
        <v>0</v>
      </c>
      <c r="CJ2710" s="166">
        <v>0</v>
      </c>
      <c r="CK2710" s="166">
        <v>0</v>
      </c>
      <c r="CL2710" s="166">
        <v>0</v>
      </c>
      <c r="CM2710" s="166">
        <v>0</v>
      </c>
      <c r="CN2710" s="166">
        <v>0</v>
      </c>
      <c r="CO2710" s="166">
        <v>0</v>
      </c>
      <c r="CP2710" s="166">
        <v>0</v>
      </c>
      <c r="CQ2710" s="166">
        <v>0</v>
      </c>
      <c r="CR2710" s="166">
        <v>0</v>
      </c>
      <c r="CS2710" s="166">
        <v>0</v>
      </c>
      <c r="CT2710" s="166">
        <v>0</v>
      </c>
      <c r="CU2710" s="166">
        <v>0</v>
      </c>
      <c r="CV2710" s="166">
        <v>0</v>
      </c>
      <c r="CW2710" s="166">
        <v>0</v>
      </c>
      <c r="CX2710" s="166">
        <v>0</v>
      </c>
      <c r="CY2710" s="166">
        <v>0</v>
      </c>
      <c r="CZ2710" s="166">
        <v>0</v>
      </c>
    </row>
    <row r="2711" spans="1:104" x14ac:dyDescent="0.2">
      <c r="A2711" s="167" t="s">
        <v>556</v>
      </c>
      <c r="B2711" s="166">
        <v>3813862.29515582</v>
      </c>
      <c r="C2711" s="166">
        <v>3813862.29515582</v>
      </c>
      <c r="D2711" s="166">
        <v>0</v>
      </c>
      <c r="E2711" s="166">
        <v>0</v>
      </c>
      <c r="F2711" s="166">
        <v>0</v>
      </c>
      <c r="G2711" s="166">
        <v>0</v>
      </c>
      <c r="H2711" s="166">
        <v>0</v>
      </c>
      <c r="I2711" s="166">
        <v>0</v>
      </c>
      <c r="J2711" s="166">
        <v>0</v>
      </c>
      <c r="K2711" s="166">
        <v>0</v>
      </c>
      <c r="L2711" s="166">
        <v>0</v>
      </c>
      <c r="M2711" s="166">
        <v>0</v>
      </c>
      <c r="N2711" s="166">
        <v>0</v>
      </c>
      <c r="O2711" s="166">
        <v>0</v>
      </c>
      <c r="P2711" s="166">
        <v>0</v>
      </c>
      <c r="Q2711" s="166">
        <v>0</v>
      </c>
      <c r="R2711" s="166">
        <v>0</v>
      </c>
      <c r="S2711" s="166">
        <v>0</v>
      </c>
      <c r="T2711" s="166">
        <v>0</v>
      </c>
      <c r="U2711" s="166">
        <v>0</v>
      </c>
      <c r="V2711" s="166">
        <v>0</v>
      </c>
      <c r="W2711" s="166">
        <v>0</v>
      </c>
      <c r="X2711" s="166">
        <v>0</v>
      </c>
      <c r="Y2711" s="166">
        <v>0</v>
      </c>
      <c r="Z2711" s="166">
        <v>0</v>
      </c>
      <c r="AA2711" s="166">
        <v>0</v>
      </c>
      <c r="AB2711" s="166">
        <v>0</v>
      </c>
      <c r="AC2711" s="166">
        <v>0</v>
      </c>
      <c r="AD2711" s="166">
        <v>0</v>
      </c>
      <c r="AE2711" s="166">
        <v>0</v>
      </c>
      <c r="AF2711" s="166">
        <v>0</v>
      </c>
      <c r="AG2711" s="166">
        <v>0</v>
      </c>
      <c r="AH2711" s="166">
        <v>0</v>
      </c>
      <c r="AI2711" s="166">
        <v>0</v>
      </c>
      <c r="AJ2711" s="166">
        <v>0</v>
      </c>
      <c r="AK2711" s="166">
        <v>0</v>
      </c>
      <c r="AL2711" s="166">
        <v>0</v>
      </c>
      <c r="AM2711" s="166">
        <v>0</v>
      </c>
      <c r="AN2711" s="166">
        <v>0</v>
      </c>
      <c r="AO2711" s="166">
        <v>0</v>
      </c>
      <c r="AP2711" s="166">
        <v>0</v>
      </c>
      <c r="AQ2711" s="166">
        <v>0</v>
      </c>
      <c r="AR2711" s="166">
        <v>0</v>
      </c>
      <c r="AS2711" s="166">
        <v>0</v>
      </c>
      <c r="AT2711" s="166">
        <v>0</v>
      </c>
      <c r="AU2711" s="166">
        <v>0</v>
      </c>
      <c r="AV2711" s="166">
        <v>0</v>
      </c>
      <c r="AW2711" s="166">
        <v>0</v>
      </c>
      <c r="AX2711" s="166">
        <v>0</v>
      </c>
      <c r="AY2711" s="166">
        <v>0</v>
      </c>
      <c r="AZ2711" s="166">
        <v>0</v>
      </c>
      <c r="BA2711" s="166">
        <v>0</v>
      </c>
      <c r="BB2711" s="166">
        <v>0</v>
      </c>
      <c r="BC2711" s="166">
        <v>0</v>
      </c>
      <c r="BD2711" s="166">
        <v>0</v>
      </c>
      <c r="BE2711" s="166">
        <v>0</v>
      </c>
      <c r="BF2711" s="166">
        <v>0</v>
      </c>
      <c r="BG2711" s="166">
        <v>0</v>
      </c>
      <c r="BH2711" s="166">
        <v>0</v>
      </c>
      <c r="BI2711" s="166">
        <v>0</v>
      </c>
      <c r="BJ2711" s="166">
        <v>0</v>
      </c>
      <c r="BK2711" s="166">
        <v>0</v>
      </c>
      <c r="BL2711" s="166">
        <v>0</v>
      </c>
      <c r="BM2711" s="166">
        <v>0</v>
      </c>
      <c r="BN2711" s="166">
        <v>0</v>
      </c>
      <c r="BO2711" s="166">
        <v>0</v>
      </c>
      <c r="BP2711" s="166">
        <v>0</v>
      </c>
      <c r="BQ2711" s="166">
        <v>0</v>
      </c>
      <c r="BR2711" s="166">
        <v>3813862.29515582</v>
      </c>
      <c r="BS2711" s="166">
        <v>3813862.29515582</v>
      </c>
      <c r="BT2711" s="168">
        <v>0</v>
      </c>
      <c r="BU2711" s="166">
        <v>0</v>
      </c>
      <c r="BV2711" s="166">
        <v>0</v>
      </c>
      <c r="BW2711" s="166">
        <v>0</v>
      </c>
      <c r="BX2711" s="166">
        <v>0</v>
      </c>
      <c r="BY2711" s="166">
        <v>0</v>
      </c>
      <c r="BZ2711" s="166">
        <v>0</v>
      </c>
      <c r="CA2711" s="166">
        <v>0</v>
      </c>
      <c r="CB2711" s="166">
        <v>0</v>
      </c>
      <c r="CC2711" s="166">
        <v>0</v>
      </c>
      <c r="CD2711" s="166">
        <v>0</v>
      </c>
      <c r="CE2711" s="166">
        <v>0</v>
      </c>
      <c r="CF2711" s="166">
        <v>0</v>
      </c>
      <c r="CG2711" s="166">
        <v>0</v>
      </c>
      <c r="CH2711" s="166">
        <v>0</v>
      </c>
      <c r="CI2711" s="166">
        <v>0</v>
      </c>
      <c r="CJ2711" s="166">
        <v>0</v>
      </c>
      <c r="CK2711" s="166">
        <v>0</v>
      </c>
      <c r="CL2711" s="166">
        <v>0</v>
      </c>
      <c r="CM2711" s="166">
        <v>0</v>
      </c>
      <c r="CN2711" s="166">
        <v>0</v>
      </c>
      <c r="CO2711" s="166">
        <v>0</v>
      </c>
      <c r="CP2711" s="166">
        <v>0</v>
      </c>
      <c r="CQ2711" s="166">
        <v>0</v>
      </c>
      <c r="CR2711" s="166">
        <v>0</v>
      </c>
      <c r="CS2711" s="166">
        <v>0</v>
      </c>
      <c r="CT2711" s="166">
        <v>0</v>
      </c>
      <c r="CU2711" s="166">
        <v>0</v>
      </c>
      <c r="CV2711" s="166">
        <v>0</v>
      </c>
      <c r="CW2711" s="166">
        <v>0</v>
      </c>
      <c r="CX2711" s="166">
        <v>0</v>
      </c>
      <c r="CY2711" s="166">
        <v>0</v>
      </c>
      <c r="CZ2711" s="166">
        <v>0</v>
      </c>
    </row>
    <row r="2712" spans="1:104" x14ac:dyDescent="0.2">
      <c r="A2712" s="167" t="s">
        <v>557</v>
      </c>
      <c r="B2712" s="166">
        <v>759762.74</v>
      </c>
      <c r="C2712" s="166">
        <v>759762.74</v>
      </c>
      <c r="D2712" s="166">
        <v>0</v>
      </c>
      <c r="E2712" s="166">
        <v>0</v>
      </c>
      <c r="F2712" s="166">
        <v>0</v>
      </c>
      <c r="G2712" s="166">
        <v>0</v>
      </c>
      <c r="H2712" s="166">
        <v>0</v>
      </c>
      <c r="I2712" s="166">
        <v>0</v>
      </c>
      <c r="J2712" s="166">
        <v>0</v>
      </c>
      <c r="K2712" s="166">
        <v>0</v>
      </c>
      <c r="L2712" s="166">
        <v>0</v>
      </c>
      <c r="M2712" s="166">
        <v>0</v>
      </c>
      <c r="N2712" s="166">
        <v>0</v>
      </c>
      <c r="O2712" s="166">
        <v>0</v>
      </c>
      <c r="P2712" s="166">
        <v>0</v>
      </c>
      <c r="Q2712" s="166">
        <v>0</v>
      </c>
      <c r="R2712" s="166">
        <v>0</v>
      </c>
      <c r="S2712" s="166">
        <v>0</v>
      </c>
      <c r="T2712" s="166">
        <v>0</v>
      </c>
      <c r="U2712" s="166">
        <v>0</v>
      </c>
      <c r="V2712" s="166">
        <v>0</v>
      </c>
      <c r="W2712" s="166">
        <v>0</v>
      </c>
      <c r="X2712" s="166">
        <v>0</v>
      </c>
      <c r="Y2712" s="166">
        <v>0</v>
      </c>
      <c r="Z2712" s="166">
        <v>0</v>
      </c>
      <c r="AA2712" s="166">
        <v>0</v>
      </c>
      <c r="AB2712" s="166">
        <v>0</v>
      </c>
      <c r="AC2712" s="166">
        <v>0</v>
      </c>
      <c r="AD2712" s="166">
        <v>0</v>
      </c>
      <c r="AE2712" s="166">
        <v>0</v>
      </c>
      <c r="AF2712" s="166">
        <v>0</v>
      </c>
      <c r="AG2712" s="166">
        <v>0</v>
      </c>
      <c r="AH2712" s="166">
        <v>0</v>
      </c>
      <c r="AI2712" s="166">
        <v>0</v>
      </c>
      <c r="AJ2712" s="166">
        <v>0</v>
      </c>
      <c r="AK2712" s="166">
        <v>0</v>
      </c>
      <c r="AL2712" s="166">
        <v>0</v>
      </c>
      <c r="AM2712" s="166">
        <v>0</v>
      </c>
      <c r="AN2712" s="166">
        <v>0</v>
      </c>
      <c r="AO2712" s="166">
        <v>0</v>
      </c>
      <c r="AP2712" s="166">
        <v>0</v>
      </c>
      <c r="AQ2712" s="166">
        <v>0</v>
      </c>
      <c r="AR2712" s="166">
        <v>0</v>
      </c>
      <c r="AS2712" s="166">
        <v>0</v>
      </c>
      <c r="AT2712" s="166">
        <v>0</v>
      </c>
      <c r="AU2712" s="166">
        <v>0</v>
      </c>
      <c r="AV2712" s="166">
        <v>0</v>
      </c>
      <c r="AW2712" s="166">
        <v>0</v>
      </c>
      <c r="AX2712" s="166">
        <v>0</v>
      </c>
      <c r="AY2712" s="166">
        <v>0</v>
      </c>
      <c r="AZ2712" s="166">
        <v>0</v>
      </c>
      <c r="BA2712" s="166">
        <v>0</v>
      </c>
      <c r="BB2712" s="166">
        <v>0</v>
      </c>
      <c r="BC2712" s="166">
        <v>0</v>
      </c>
      <c r="BD2712" s="166">
        <v>0</v>
      </c>
      <c r="BE2712" s="166">
        <v>0</v>
      </c>
      <c r="BF2712" s="166">
        <v>0</v>
      </c>
      <c r="BG2712" s="166">
        <v>0</v>
      </c>
      <c r="BH2712" s="166">
        <v>0</v>
      </c>
      <c r="BI2712" s="166">
        <v>0</v>
      </c>
      <c r="BJ2712" s="166">
        <v>0</v>
      </c>
      <c r="BK2712" s="166">
        <v>0</v>
      </c>
      <c r="BL2712" s="166">
        <v>0</v>
      </c>
      <c r="BM2712" s="166">
        <v>0</v>
      </c>
      <c r="BN2712" s="166">
        <v>0</v>
      </c>
      <c r="BO2712" s="166">
        <v>0</v>
      </c>
      <c r="BP2712" s="166">
        <v>0</v>
      </c>
      <c r="BQ2712" s="166">
        <v>0</v>
      </c>
      <c r="BR2712" s="166">
        <v>759762.74</v>
      </c>
      <c r="BS2712" s="166">
        <v>759762.74</v>
      </c>
      <c r="BT2712" s="168">
        <v>0</v>
      </c>
      <c r="BU2712" s="166">
        <v>0</v>
      </c>
      <c r="BV2712" s="166">
        <v>0</v>
      </c>
      <c r="BW2712" s="166">
        <v>0</v>
      </c>
      <c r="BX2712" s="166">
        <v>0</v>
      </c>
      <c r="BY2712" s="166">
        <v>0</v>
      </c>
      <c r="BZ2712" s="166">
        <v>0</v>
      </c>
      <c r="CA2712" s="166">
        <v>0</v>
      </c>
      <c r="CB2712" s="166">
        <v>0</v>
      </c>
      <c r="CC2712" s="166">
        <v>0</v>
      </c>
      <c r="CD2712" s="166">
        <v>0</v>
      </c>
      <c r="CE2712" s="166">
        <v>0</v>
      </c>
      <c r="CF2712" s="166">
        <v>0</v>
      </c>
      <c r="CG2712" s="166">
        <v>0</v>
      </c>
      <c r="CH2712" s="166">
        <v>0</v>
      </c>
      <c r="CI2712" s="166">
        <v>0</v>
      </c>
      <c r="CJ2712" s="166">
        <v>0</v>
      </c>
      <c r="CK2712" s="166">
        <v>0</v>
      </c>
      <c r="CL2712" s="166">
        <v>0</v>
      </c>
      <c r="CM2712" s="166">
        <v>0</v>
      </c>
      <c r="CN2712" s="166">
        <v>0</v>
      </c>
      <c r="CO2712" s="166">
        <v>0</v>
      </c>
      <c r="CP2712" s="166">
        <v>0</v>
      </c>
      <c r="CQ2712" s="166">
        <v>0</v>
      </c>
      <c r="CR2712" s="166">
        <v>0</v>
      </c>
      <c r="CS2712" s="166">
        <v>0</v>
      </c>
      <c r="CT2712" s="166">
        <v>0</v>
      </c>
      <c r="CU2712" s="166">
        <v>0</v>
      </c>
      <c r="CV2712" s="166">
        <v>0</v>
      </c>
      <c r="CW2712" s="166">
        <v>0</v>
      </c>
      <c r="CX2712" s="166">
        <v>0</v>
      </c>
      <c r="CY2712" s="166">
        <v>0</v>
      </c>
      <c r="CZ2712" s="166">
        <v>0</v>
      </c>
    </row>
    <row r="2713" spans="1:104" x14ac:dyDescent="0.2">
      <c r="A2713" s="177" t="s">
        <v>558</v>
      </c>
      <c r="B2713" s="166">
        <v>109838603.858972</v>
      </c>
      <c r="C2713" s="166">
        <v>109838603.858972</v>
      </c>
      <c r="D2713" s="166">
        <v>0</v>
      </c>
      <c r="E2713" s="166">
        <v>0</v>
      </c>
      <c r="F2713" s="166">
        <v>0</v>
      </c>
      <c r="G2713" s="166">
        <v>0</v>
      </c>
      <c r="H2713" s="166">
        <v>0</v>
      </c>
      <c r="I2713" s="166">
        <v>0</v>
      </c>
      <c r="J2713" s="166">
        <v>0</v>
      </c>
      <c r="K2713" s="166">
        <v>0</v>
      </c>
      <c r="L2713" s="166">
        <v>0</v>
      </c>
      <c r="M2713" s="166">
        <v>0</v>
      </c>
      <c r="N2713" s="166">
        <v>0</v>
      </c>
      <c r="O2713" s="166">
        <v>0</v>
      </c>
      <c r="P2713" s="166">
        <v>0</v>
      </c>
      <c r="Q2713" s="166">
        <v>0</v>
      </c>
      <c r="R2713" s="166">
        <v>0</v>
      </c>
      <c r="S2713" s="166">
        <v>0</v>
      </c>
      <c r="T2713" s="166">
        <v>0</v>
      </c>
      <c r="U2713" s="166">
        <v>0</v>
      </c>
      <c r="V2713" s="166">
        <v>0</v>
      </c>
      <c r="W2713" s="166">
        <v>0</v>
      </c>
      <c r="X2713" s="166">
        <v>0</v>
      </c>
      <c r="Y2713" s="166">
        <v>0</v>
      </c>
      <c r="Z2713" s="166">
        <v>0</v>
      </c>
      <c r="AA2713" s="166">
        <v>0</v>
      </c>
      <c r="AB2713" s="166">
        <v>0</v>
      </c>
      <c r="AC2713" s="166">
        <v>0</v>
      </c>
      <c r="AD2713" s="166">
        <v>0</v>
      </c>
      <c r="AE2713" s="166">
        <v>0</v>
      </c>
      <c r="AF2713" s="166">
        <v>0</v>
      </c>
      <c r="AG2713" s="166">
        <v>0</v>
      </c>
      <c r="AH2713" s="166">
        <v>0</v>
      </c>
      <c r="AI2713" s="166">
        <v>0</v>
      </c>
      <c r="AJ2713" s="166">
        <v>0</v>
      </c>
      <c r="AK2713" s="166">
        <v>0</v>
      </c>
      <c r="AL2713" s="166">
        <v>0</v>
      </c>
      <c r="AM2713" s="166">
        <v>0</v>
      </c>
      <c r="AN2713" s="166">
        <v>0</v>
      </c>
      <c r="AO2713" s="166">
        <v>0</v>
      </c>
      <c r="AP2713" s="166">
        <v>0</v>
      </c>
      <c r="AQ2713" s="166">
        <v>0</v>
      </c>
      <c r="AR2713" s="166">
        <v>0</v>
      </c>
      <c r="AS2713" s="166">
        <v>0</v>
      </c>
      <c r="AT2713" s="166">
        <v>0</v>
      </c>
      <c r="AU2713" s="166">
        <v>0</v>
      </c>
      <c r="AV2713" s="166">
        <v>0</v>
      </c>
      <c r="AW2713" s="166">
        <v>0</v>
      </c>
      <c r="AX2713" s="166">
        <v>0</v>
      </c>
      <c r="AY2713" s="166">
        <v>0</v>
      </c>
      <c r="AZ2713" s="166">
        <v>0</v>
      </c>
      <c r="BA2713" s="166">
        <v>0</v>
      </c>
      <c r="BB2713" s="166">
        <v>0</v>
      </c>
      <c r="BC2713" s="166">
        <v>0</v>
      </c>
      <c r="BD2713" s="166">
        <v>0</v>
      </c>
      <c r="BE2713" s="166">
        <v>0</v>
      </c>
      <c r="BF2713" s="166">
        <v>0</v>
      </c>
      <c r="BG2713" s="166">
        <v>0</v>
      </c>
      <c r="BH2713" s="166">
        <v>0</v>
      </c>
      <c r="BI2713" s="166">
        <v>0</v>
      </c>
      <c r="BJ2713" s="166">
        <v>0</v>
      </c>
      <c r="BK2713" s="166">
        <v>0</v>
      </c>
      <c r="BL2713" s="166">
        <v>0</v>
      </c>
      <c r="BM2713" s="166">
        <v>0</v>
      </c>
      <c r="BN2713" s="166">
        <v>0</v>
      </c>
      <c r="BO2713" s="166">
        <v>0</v>
      </c>
      <c r="BP2713" s="166">
        <v>0</v>
      </c>
      <c r="BQ2713" s="166">
        <v>0</v>
      </c>
      <c r="BR2713" s="166">
        <v>109838603.858972</v>
      </c>
      <c r="BS2713" s="166">
        <v>109838603.858972</v>
      </c>
      <c r="BT2713" s="168">
        <v>0</v>
      </c>
      <c r="BU2713" s="166">
        <v>0</v>
      </c>
      <c r="BV2713" s="166">
        <v>0</v>
      </c>
      <c r="BW2713" s="166">
        <v>0</v>
      </c>
      <c r="BX2713" s="166">
        <v>0</v>
      </c>
      <c r="BY2713" s="166">
        <v>0</v>
      </c>
      <c r="BZ2713" s="166">
        <v>0</v>
      </c>
      <c r="CA2713" s="166">
        <v>0</v>
      </c>
      <c r="CB2713" s="166">
        <v>0</v>
      </c>
      <c r="CC2713" s="166">
        <v>0</v>
      </c>
      <c r="CD2713" s="166">
        <v>0</v>
      </c>
      <c r="CE2713" s="166">
        <v>0</v>
      </c>
      <c r="CF2713" s="166">
        <v>0</v>
      </c>
      <c r="CG2713" s="166">
        <v>0</v>
      </c>
      <c r="CH2713" s="166">
        <v>0</v>
      </c>
      <c r="CI2713" s="166">
        <v>0</v>
      </c>
      <c r="CJ2713" s="166">
        <v>0</v>
      </c>
      <c r="CK2713" s="166">
        <v>0</v>
      </c>
      <c r="CL2713" s="166">
        <v>0</v>
      </c>
      <c r="CM2713" s="166">
        <v>0</v>
      </c>
      <c r="CN2713" s="166">
        <v>0</v>
      </c>
      <c r="CO2713" s="166">
        <v>0</v>
      </c>
      <c r="CP2713" s="166">
        <v>0</v>
      </c>
      <c r="CQ2713" s="166">
        <v>0</v>
      </c>
      <c r="CR2713" s="166">
        <v>0</v>
      </c>
      <c r="CS2713" s="166">
        <v>0</v>
      </c>
      <c r="CT2713" s="166">
        <v>0</v>
      </c>
      <c r="CU2713" s="166">
        <v>0</v>
      </c>
      <c r="CV2713" s="166">
        <v>0</v>
      </c>
      <c r="CW2713" s="166">
        <v>0</v>
      </c>
      <c r="CX2713" s="166">
        <v>0</v>
      </c>
      <c r="CY2713" s="166">
        <v>0</v>
      </c>
      <c r="CZ2713" s="166">
        <v>0</v>
      </c>
    </row>
    <row r="2714" spans="1:104" x14ac:dyDescent="0.2">
      <c r="A2714" s="167" t="s">
        <v>559</v>
      </c>
      <c r="B2714" s="166">
        <v>0</v>
      </c>
      <c r="C2714" s="166">
        <v>0</v>
      </c>
      <c r="D2714" s="166">
        <v>0</v>
      </c>
      <c r="E2714" s="166">
        <v>0</v>
      </c>
      <c r="F2714" s="166">
        <v>0</v>
      </c>
      <c r="G2714" s="166">
        <v>0</v>
      </c>
      <c r="H2714" s="166">
        <v>0</v>
      </c>
      <c r="I2714" s="166">
        <v>0</v>
      </c>
      <c r="J2714" s="166">
        <v>0</v>
      </c>
      <c r="K2714" s="166">
        <v>0</v>
      </c>
      <c r="L2714" s="166">
        <v>0</v>
      </c>
      <c r="M2714" s="166">
        <v>0</v>
      </c>
      <c r="N2714" s="166">
        <v>0</v>
      </c>
      <c r="O2714" s="166">
        <v>0</v>
      </c>
      <c r="P2714" s="166">
        <v>0</v>
      </c>
      <c r="Q2714" s="166">
        <v>0</v>
      </c>
      <c r="R2714" s="166">
        <v>0</v>
      </c>
      <c r="S2714" s="166">
        <v>0</v>
      </c>
      <c r="T2714" s="166">
        <v>0</v>
      </c>
      <c r="U2714" s="166">
        <v>0</v>
      </c>
      <c r="V2714" s="166">
        <v>0</v>
      </c>
      <c r="W2714" s="166">
        <v>0</v>
      </c>
      <c r="X2714" s="166">
        <v>0</v>
      </c>
      <c r="Y2714" s="166">
        <v>0</v>
      </c>
      <c r="Z2714" s="166">
        <v>0</v>
      </c>
      <c r="AA2714" s="166">
        <v>0</v>
      </c>
      <c r="AB2714" s="166">
        <v>0</v>
      </c>
      <c r="AC2714" s="166">
        <v>0</v>
      </c>
      <c r="AD2714" s="166">
        <v>0</v>
      </c>
      <c r="AE2714" s="166">
        <v>0</v>
      </c>
      <c r="AF2714" s="166">
        <v>0</v>
      </c>
      <c r="AG2714" s="166">
        <v>0</v>
      </c>
      <c r="AH2714" s="166">
        <v>0</v>
      </c>
      <c r="AI2714" s="166">
        <v>0</v>
      </c>
      <c r="AJ2714" s="166">
        <v>0</v>
      </c>
      <c r="AK2714" s="166">
        <v>0</v>
      </c>
      <c r="AL2714" s="166">
        <v>0</v>
      </c>
      <c r="AM2714" s="166">
        <v>0</v>
      </c>
      <c r="AN2714" s="166">
        <v>0</v>
      </c>
      <c r="AO2714" s="166">
        <v>0</v>
      </c>
      <c r="AP2714" s="166">
        <v>0</v>
      </c>
      <c r="AQ2714" s="166">
        <v>0</v>
      </c>
      <c r="AR2714" s="166">
        <v>0</v>
      </c>
      <c r="AS2714" s="166">
        <v>0</v>
      </c>
      <c r="AT2714" s="166">
        <v>0</v>
      </c>
      <c r="AU2714" s="166">
        <v>0</v>
      </c>
      <c r="AV2714" s="166">
        <v>0</v>
      </c>
      <c r="AW2714" s="166">
        <v>0</v>
      </c>
      <c r="AX2714" s="166">
        <v>0</v>
      </c>
      <c r="AY2714" s="166">
        <v>0</v>
      </c>
      <c r="AZ2714" s="166">
        <v>0</v>
      </c>
      <c r="BA2714" s="166">
        <v>0</v>
      </c>
      <c r="BB2714" s="166">
        <v>0</v>
      </c>
      <c r="BC2714" s="166">
        <v>0</v>
      </c>
      <c r="BD2714" s="166">
        <v>0</v>
      </c>
      <c r="BE2714" s="166">
        <v>0</v>
      </c>
      <c r="BF2714" s="166">
        <v>0</v>
      </c>
      <c r="BG2714" s="166">
        <v>0</v>
      </c>
      <c r="BH2714" s="166">
        <v>0</v>
      </c>
      <c r="BI2714" s="166">
        <v>0</v>
      </c>
      <c r="BJ2714" s="166">
        <v>0</v>
      </c>
      <c r="BK2714" s="166">
        <v>0</v>
      </c>
      <c r="BL2714" s="166">
        <v>0</v>
      </c>
      <c r="BM2714" s="166">
        <v>0</v>
      </c>
      <c r="BN2714" s="166">
        <v>0</v>
      </c>
      <c r="BO2714" s="166">
        <v>0</v>
      </c>
      <c r="BP2714" s="166">
        <v>0</v>
      </c>
      <c r="BQ2714" s="166">
        <v>0</v>
      </c>
      <c r="BR2714" s="166">
        <v>0</v>
      </c>
      <c r="BS2714" s="166">
        <v>0</v>
      </c>
      <c r="BT2714" s="168">
        <v>0</v>
      </c>
      <c r="BU2714" s="166">
        <v>0</v>
      </c>
      <c r="BV2714" s="166">
        <v>0</v>
      </c>
      <c r="BW2714" s="166">
        <v>0</v>
      </c>
      <c r="BX2714" s="166">
        <v>0</v>
      </c>
      <c r="BY2714" s="166">
        <v>0</v>
      </c>
      <c r="BZ2714" s="166">
        <v>0</v>
      </c>
      <c r="CA2714" s="166">
        <v>0</v>
      </c>
      <c r="CB2714" s="166">
        <v>0</v>
      </c>
      <c r="CC2714" s="166">
        <v>0</v>
      </c>
      <c r="CD2714" s="166">
        <v>0</v>
      </c>
      <c r="CE2714" s="166">
        <v>0</v>
      </c>
      <c r="CF2714" s="166">
        <v>0</v>
      </c>
      <c r="CG2714" s="166">
        <v>0</v>
      </c>
      <c r="CH2714" s="166">
        <v>0</v>
      </c>
      <c r="CI2714" s="166">
        <v>0</v>
      </c>
      <c r="CJ2714" s="166">
        <v>0</v>
      </c>
      <c r="CK2714" s="166">
        <v>0</v>
      </c>
      <c r="CL2714" s="166">
        <v>0</v>
      </c>
      <c r="CM2714" s="166">
        <v>0</v>
      </c>
      <c r="CN2714" s="166">
        <v>0</v>
      </c>
      <c r="CO2714" s="166">
        <v>0</v>
      </c>
      <c r="CP2714" s="166">
        <v>0</v>
      </c>
      <c r="CQ2714" s="166">
        <v>0</v>
      </c>
      <c r="CR2714" s="166">
        <v>0</v>
      </c>
      <c r="CS2714" s="166">
        <v>0</v>
      </c>
      <c r="CT2714" s="166">
        <v>0</v>
      </c>
      <c r="CU2714" s="166">
        <v>0</v>
      </c>
      <c r="CV2714" s="166">
        <v>0</v>
      </c>
      <c r="CW2714" s="166">
        <v>0</v>
      </c>
      <c r="CX2714" s="166">
        <v>0</v>
      </c>
      <c r="CY2714" s="166">
        <v>0</v>
      </c>
      <c r="CZ2714" s="166">
        <v>0</v>
      </c>
    </row>
    <row r="2715" spans="1:104" x14ac:dyDescent="0.2">
      <c r="A2715" s="167" t="s">
        <v>560</v>
      </c>
      <c r="B2715" s="166">
        <v>90686943.373261005</v>
      </c>
      <c r="C2715" s="166">
        <v>90686943.373261005</v>
      </c>
      <c r="D2715" s="166">
        <v>0</v>
      </c>
      <c r="E2715" s="166">
        <v>0</v>
      </c>
      <c r="F2715" s="166">
        <v>0</v>
      </c>
      <c r="G2715" s="166">
        <v>0</v>
      </c>
      <c r="H2715" s="166">
        <v>0</v>
      </c>
      <c r="I2715" s="166">
        <v>0</v>
      </c>
      <c r="J2715" s="166">
        <v>0</v>
      </c>
      <c r="K2715" s="166">
        <v>0</v>
      </c>
      <c r="L2715" s="166">
        <v>0</v>
      </c>
      <c r="M2715" s="166">
        <v>0</v>
      </c>
      <c r="N2715" s="166">
        <v>0</v>
      </c>
      <c r="O2715" s="166">
        <v>0</v>
      </c>
      <c r="P2715" s="166">
        <v>0</v>
      </c>
      <c r="Q2715" s="166">
        <v>0</v>
      </c>
      <c r="R2715" s="166">
        <v>0</v>
      </c>
      <c r="S2715" s="166">
        <v>0</v>
      </c>
      <c r="T2715" s="166">
        <v>0</v>
      </c>
      <c r="U2715" s="166">
        <v>0</v>
      </c>
      <c r="V2715" s="166">
        <v>0</v>
      </c>
      <c r="W2715" s="166">
        <v>0</v>
      </c>
      <c r="X2715" s="166">
        <v>0</v>
      </c>
      <c r="Y2715" s="166">
        <v>0</v>
      </c>
      <c r="Z2715" s="166">
        <v>0</v>
      </c>
      <c r="AA2715" s="166">
        <v>0</v>
      </c>
      <c r="AB2715" s="166">
        <v>0</v>
      </c>
      <c r="AC2715" s="166">
        <v>0</v>
      </c>
      <c r="AD2715" s="166">
        <v>0</v>
      </c>
      <c r="AE2715" s="166">
        <v>0</v>
      </c>
      <c r="AF2715" s="166">
        <v>0</v>
      </c>
      <c r="AG2715" s="166">
        <v>0</v>
      </c>
      <c r="AH2715" s="166">
        <v>0</v>
      </c>
      <c r="AI2715" s="166">
        <v>0</v>
      </c>
      <c r="AJ2715" s="166">
        <v>0</v>
      </c>
      <c r="AK2715" s="166">
        <v>0</v>
      </c>
      <c r="AL2715" s="166">
        <v>0</v>
      </c>
      <c r="AM2715" s="166">
        <v>0</v>
      </c>
      <c r="AN2715" s="166">
        <v>0</v>
      </c>
      <c r="AO2715" s="166">
        <v>0</v>
      </c>
      <c r="AP2715" s="166">
        <v>0</v>
      </c>
      <c r="AQ2715" s="166">
        <v>0</v>
      </c>
      <c r="AR2715" s="166">
        <v>0</v>
      </c>
      <c r="AS2715" s="166">
        <v>0</v>
      </c>
      <c r="AT2715" s="166">
        <v>0</v>
      </c>
      <c r="AU2715" s="166">
        <v>0</v>
      </c>
      <c r="AV2715" s="166">
        <v>0</v>
      </c>
      <c r="AW2715" s="166">
        <v>0</v>
      </c>
      <c r="AX2715" s="166">
        <v>0</v>
      </c>
      <c r="AY2715" s="166">
        <v>0</v>
      </c>
      <c r="AZ2715" s="166">
        <v>0</v>
      </c>
      <c r="BA2715" s="166">
        <v>0</v>
      </c>
      <c r="BB2715" s="166">
        <v>0</v>
      </c>
      <c r="BC2715" s="166">
        <v>0</v>
      </c>
      <c r="BD2715" s="166">
        <v>0</v>
      </c>
      <c r="BE2715" s="166">
        <v>0</v>
      </c>
      <c r="BF2715" s="166">
        <v>0</v>
      </c>
      <c r="BG2715" s="166">
        <v>0</v>
      </c>
      <c r="BH2715" s="166">
        <v>0</v>
      </c>
      <c r="BI2715" s="166">
        <v>0</v>
      </c>
      <c r="BJ2715" s="166">
        <v>0</v>
      </c>
      <c r="BK2715" s="166">
        <v>0</v>
      </c>
      <c r="BL2715" s="166">
        <v>0</v>
      </c>
      <c r="BM2715" s="166">
        <v>0</v>
      </c>
      <c r="BN2715" s="166">
        <v>0</v>
      </c>
      <c r="BO2715" s="166">
        <v>0</v>
      </c>
      <c r="BP2715" s="166">
        <v>0</v>
      </c>
      <c r="BQ2715" s="166">
        <v>0</v>
      </c>
      <c r="BR2715" s="166">
        <v>90686943.373261005</v>
      </c>
      <c r="BS2715" s="166">
        <v>90686943.373261005</v>
      </c>
      <c r="BT2715" s="168">
        <v>0</v>
      </c>
      <c r="BU2715" s="166">
        <v>0</v>
      </c>
      <c r="BV2715" s="166">
        <v>0</v>
      </c>
      <c r="BW2715" s="166">
        <v>0</v>
      </c>
      <c r="BX2715" s="166">
        <v>0</v>
      </c>
      <c r="BY2715" s="166">
        <v>0</v>
      </c>
      <c r="BZ2715" s="166">
        <v>0</v>
      </c>
      <c r="CA2715" s="166">
        <v>0</v>
      </c>
      <c r="CB2715" s="166">
        <v>0</v>
      </c>
      <c r="CC2715" s="166">
        <v>0</v>
      </c>
      <c r="CD2715" s="166">
        <v>0</v>
      </c>
      <c r="CE2715" s="166">
        <v>0</v>
      </c>
      <c r="CF2715" s="166">
        <v>0</v>
      </c>
      <c r="CG2715" s="166">
        <v>0</v>
      </c>
      <c r="CH2715" s="166">
        <v>0</v>
      </c>
      <c r="CI2715" s="166">
        <v>0</v>
      </c>
      <c r="CJ2715" s="166">
        <v>0</v>
      </c>
      <c r="CK2715" s="166">
        <v>0</v>
      </c>
      <c r="CL2715" s="166">
        <v>0</v>
      </c>
      <c r="CM2715" s="166">
        <v>0</v>
      </c>
      <c r="CN2715" s="166">
        <v>0</v>
      </c>
      <c r="CO2715" s="166">
        <v>0</v>
      </c>
      <c r="CP2715" s="166">
        <v>0</v>
      </c>
      <c r="CQ2715" s="166">
        <v>0</v>
      </c>
      <c r="CR2715" s="166">
        <v>0</v>
      </c>
      <c r="CS2715" s="166">
        <v>0</v>
      </c>
      <c r="CT2715" s="166">
        <v>0</v>
      </c>
      <c r="CU2715" s="166">
        <v>0</v>
      </c>
      <c r="CV2715" s="166">
        <v>0</v>
      </c>
      <c r="CW2715" s="166">
        <v>0</v>
      </c>
      <c r="CX2715" s="166">
        <v>0</v>
      </c>
      <c r="CY2715" s="166">
        <v>0</v>
      </c>
      <c r="CZ2715" s="166">
        <v>0</v>
      </c>
    </row>
    <row r="2716" spans="1:104" x14ac:dyDescent="0.2">
      <c r="A2716" s="167" t="s">
        <v>561</v>
      </c>
      <c r="B2716" s="166">
        <v>13440837.084745901</v>
      </c>
      <c r="C2716" s="166">
        <v>13440837.084745901</v>
      </c>
      <c r="D2716" s="166">
        <v>0</v>
      </c>
      <c r="E2716" s="166">
        <v>0</v>
      </c>
      <c r="F2716" s="166">
        <v>0</v>
      </c>
      <c r="G2716" s="166">
        <v>0</v>
      </c>
      <c r="H2716" s="166">
        <v>0</v>
      </c>
      <c r="I2716" s="166">
        <v>0</v>
      </c>
      <c r="J2716" s="166">
        <v>0</v>
      </c>
      <c r="K2716" s="166">
        <v>0</v>
      </c>
      <c r="L2716" s="166">
        <v>0</v>
      </c>
      <c r="M2716" s="166">
        <v>0</v>
      </c>
      <c r="N2716" s="166">
        <v>0</v>
      </c>
      <c r="O2716" s="166">
        <v>0</v>
      </c>
      <c r="P2716" s="166">
        <v>0</v>
      </c>
      <c r="Q2716" s="166">
        <v>0</v>
      </c>
      <c r="R2716" s="166">
        <v>0</v>
      </c>
      <c r="S2716" s="166">
        <v>0</v>
      </c>
      <c r="T2716" s="166">
        <v>0</v>
      </c>
      <c r="U2716" s="166">
        <v>0</v>
      </c>
      <c r="V2716" s="166">
        <v>0</v>
      </c>
      <c r="W2716" s="166">
        <v>0</v>
      </c>
      <c r="X2716" s="166">
        <v>0</v>
      </c>
      <c r="Y2716" s="166">
        <v>0</v>
      </c>
      <c r="Z2716" s="166">
        <v>0</v>
      </c>
      <c r="AA2716" s="166">
        <v>0</v>
      </c>
      <c r="AB2716" s="166">
        <v>0</v>
      </c>
      <c r="AC2716" s="166">
        <v>0</v>
      </c>
      <c r="AD2716" s="166">
        <v>0</v>
      </c>
      <c r="AE2716" s="166">
        <v>0</v>
      </c>
      <c r="AF2716" s="166">
        <v>0</v>
      </c>
      <c r="AG2716" s="166">
        <v>0</v>
      </c>
      <c r="AH2716" s="166">
        <v>0</v>
      </c>
      <c r="AI2716" s="166">
        <v>0</v>
      </c>
      <c r="AJ2716" s="166">
        <v>0</v>
      </c>
      <c r="AK2716" s="166">
        <v>0</v>
      </c>
      <c r="AL2716" s="166">
        <v>0</v>
      </c>
      <c r="AM2716" s="166">
        <v>0</v>
      </c>
      <c r="AN2716" s="166">
        <v>0</v>
      </c>
      <c r="AO2716" s="166">
        <v>0</v>
      </c>
      <c r="AP2716" s="166">
        <v>0</v>
      </c>
      <c r="AQ2716" s="166">
        <v>0</v>
      </c>
      <c r="AR2716" s="166">
        <v>0</v>
      </c>
      <c r="AS2716" s="166">
        <v>0</v>
      </c>
      <c r="AT2716" s="166">
        <v>0</v>
      </c>
      <c r="AU2716" s="166">
        <v>0</v>
      </c>
      <c r="AV2716" s="166">
        <v>0</v>
      </c>
      <c r="AW2716" s="166">
        <v>0</v>
      </c>
      <c r="AX2716" s="166">
        <v>0</v>
      </c>
      <c r="AY2716" s="166">
        <v>0</v>
      </c>
      <c r="AZ2716" s="166">
        <v>0</v>
      </c>
      <c r="BA2716" s="166">
        <v>0</v>
      </c>
      <c r="BB2716" s="166">
        <v>0</v>
      </c>
      <c r="BC2716" s="166">
        <v>0</v>
      </c>
      <c r="BD2716" s="166">
        <v>0</v>
      </c>
      <c r="BE2716" s="166">
        <v>0</v>
      </c>
      <c r="BF2716" s="166">
        <v>0</v>
      </c>
      <c r="BG2716" s="166">
        <v>0</v>
      </c>
      <c r="BH2716" s="166">
        <v>0</v>
      </c>
      <c r="BI2716" s="166">
        <v>0</v>
      </c>
      <c r="BJ2716" s="166">
        <v>0</v>
      </c>
      <c r="BK2716" s="166">
        <v>0</v>
      </c>
      <c r="BL2716" s="166">
        <v>0</v>
      </c>
      <c r="BM2716" s="166">
        <v>0</v>
      </c>
      <c r="BN2716" s="166">
        <v>0</v>
      </c>
      <c r="BO2716" s="166">
        <v>0</v>
      </c>
      <c r="BP2716" s="166">
        <v>0</v>
      </c>
      <c r="BQ2716" s="166">
        <v>0</v>
      </c>
      <c r="BR2716" s="166">
        <v>13440837.084745901</v>
      </c>
      <c r="BS2716" s="166">
        <v>13440837.084745901</v>
      </c>
      <c r="BT2716" s="168">
        <v>0</v>
      </c>
      <c r="BU2716" s="166">
        <v>0</v>
      </c>
      <c r="BV2716" s="166">
        <v>0</v>
      </c>
      <c r="BW2716" s="166">
        <v>0</v>
      </c>
      <c r="BX2716" s="166">
        <v>0</v>
      </c>
      <c r="BY2716" s="166">
        <v>0</v>
      </c>
      <c r="BZ2716" s="166">
        <v>0</v>
      </c>
      <c r="CA2716" s="166">
        <v>0</v>
      </c>
      <c r="CB2716" s="166">
        <v>0</v>
      </c>
      <c r="CC2716" s="166">
        <v>0</v>
      </c>
      <c r="CD2716" s="166">
        <v>0</v>
      </c>
      <c r="CE2716" s="166">
        <v>0</v>
      </c>
      <c r="CF2716" s="166">
        <v>0</v>
      </c>
      <c r="CG2716" s="166">
        <v>0</v>
      </c>
      <c r="CH2716" s="166">
        <v>0</v>
      </c>
      <c r="CI2716" s="166">
        <v>0</v>
      </c>
      <c r="CJ2716" s="166">
        <v>0</v>
      </c>
      <c r="CK2716" s="166">
        <v>0</v>
      </c>
      <c r="CL2716" s="166">
        <v>0</v>
      </c>
      <c r="CM2716" s="166">
        <v>0</v>
      </c>
      <c r="CN2716" s="166">
        <v>0</v>
      </c>
      <c r="CO2716" s="166">
        <v>0</v>
      </c>
      <c r="CP2716" s="166">
        <v>0</v>
      </c>
      <c r="CQ2716" s="166">
        <v>0</v>
      </c>
      <c r="CR2716" s="166">
        <v>0</v>
      </c>
      <c r="CS2716" s="166">
        <v>0</v>
      </c>
      <c r="CT2716" s="166">
        <v>0</v>
      </c>
      <c r="CU2716" s="166">
        <v>0</v>
      </c>
      <c r="CV2716" s="166">
        <v>0</v>
      </c>
      <c r="CW2716" s="166">
        <v>0</v>
      </c>
      <c r="CX2716" s="166">
        <v>0</v>
      </c>
      <c r="CY2716" s="166">
        <v>0</v>
      </c>
      <c r="CZ2716" s="166">
        <v>0</v>
      </c>
    </row>
    <row r="2717" spans="1:104" x14ac:dyDescent="0.2">
      <c r="A2717" s="167" t="s">
        <v>562</v>
      </c>
      <c r="B2717" s="166">
        <v>12627897.7354916</v>
      </c>
      <c r="C2717" s="166">
        <v>12627897.7354916</v>
      </c>
      <c r="D2717" s="166">
        <v>0</v>
      </c>
      <c r="E2717" s="166">
        <v>0</v>
      </c>
      <c r="F2717" s="166">
        <v>0</v>
      </c>
      <c r="G2717" s="166">
        <v>0</v>
      </c>
      <c r="H2717" s="166">
        <v>0</v>
      </c>
      <c r="I2717" s="166">
        <v>0</v>
      </c>
      <c r="J2717" s="166">
        <v>0</v>
      </c>
      <c r="K2717" s="166">
        <v>0</v>
      </c>
      <c r="L2717" s="166">
        <v>0</v>
      </c>
      <c r="M2717" s="166">
        <v>0</v>
      </c>
      <c r="N2717" s="166">
        <v>0</v>
      </c>
      <c r="O2717" s="166">
        <v>0</v>
      </c>
      <c r="P2717" s="166">
        <v>0</v>
      </c>
      <c r="Q2717" s="166">
        <v>0</v>
      </c>
      <c r="R2717" s="166">
        <v>0</v>
      </c>
      <c r="S2717" s="166">
        <v>0</v>
      </c>
      <c r="T2717" s="166">
        <v>0</v>
      </c>
      <c r="U2717" s="166">
        <v>0</v>
      </c>
      <c r="V2717" s="166">
        <v>0</v>
      </c>
      <c r="W2717" s="166">
        <v>0</v>
      </c>
      <c r="X2717" s="166">
        <v>0</v>
      </c>
      <c r="Y2717" s="166">
        <v>0</v>
      </c>
      <c r="Z2717" s="166">
        <v>0</v>
      </c>
      <c r="AA2717" s="166">
        <v>0</v>
      </c>
      <c r="AB2717" s="166">
        <v>0</v>
      </c>
      <c r="AC2717" s="166">
        <v>0</v>
      </c>
      <c r="AD2717" s="166">
        <v>0</v>
      </c>
      <c r="AE2717" s="166">
        <v>0</v>
      </c>
      <c r="AF2717" s="166">
        <v>0</v>
      </c>
      <c r="AG2717" s="166">
        <v>0</v>
      </c>
      <c r="AH2717" s="166">
        <v>0</v>
      </c>
      <c r="AI2717" s="166">
        <v>0</v>
      </c>
      <c r="AJ2717" s="166">
        <v>0</v>
      </c>
      <c r="AK2717" s="166">
        <v>0</v>
      </c>
      <c r="AL2717" s="166">
        <v>0</v>
      </c>
      <c r="AM2717" s="166">
        <v>0</v>
      </c>
      <c r="AN2717" s="166">
        <v>0</v>
      </c>
      <c r="AO2717" s="166">
        <v>0</v>
      </c>
      <c r="AP2717" s="166">
        <v>0</v>
      </c>
      <c r="AQ2717" s="166">
        <v>0</v>
      </c>
      <c r="AR2717" s="166">
        <v>0</v>
      </c>
      <c r="AS2717" s="166">
        <v>0</v>
      </c>
      <c r="AT2717" s="166">
        <v>0</v>
      </c>
      <c r="AU2717" s="166">
        <v>0</v>
      </c>
      <c r="AV2717" s="166">
        <v>0</v>
      </c>
      <c r="AW2717" s="166">
        <v>0</v>
      </c>
      <c r="AX2717" s="166">
        <v>0</v>
      </c>
      <c r="AY2717" s="166">
        <v>0</v>
      </c>
      <c r="AZ2717" s="166">
        <v>0</v>
      </c>
      <c r="BA2717" s="166">
        <v>0</v>
      </c>
      <c r="BB2717" s="166">
        <v>0</v>
      </c>
      <c r="BC2717" s="166">
        <v>0</v>
      </c>
      <c r="BD2717" s="166">
        <v>0</v>
      </c>
      <c r="BE2717" s="166">
        <v>0</v>
      </c>
      <c r="BF2717" s="166">
        <v>0</v>
      </c>
      <c r="BG2717" s="166">
        <v>0</v>
      </c>
      <c r="BH2717" s="166">
        <v>0</v>
      </c>
      <c r="BI2717" s="166">
        <v>0</v>
      </c>
      <c r="BJ2717" s="166">
        <v>0</v>
      </c>
      <c r="BK2717" s="166">
        <v>0</v>
      </c>
      <c r="BL2717" s="166">
        <v>0</v>
      </c>
      <c r="BM2717" s="166">
        <v>0</v>
      </c>
      <c r="BN2717" s="166">
        <v>0</v>
      </c>
      <c r="BO2717" s="166">
        <v>0</v>
      </c>
      <c r="BP2717" s="166">
        <v>0</v>
      </c>
      <c r="BQ2717" s="166">
        <v>0</v>
      </c>
      <c r="BR2717" s="166">
        <v>12627897.7354916</v>
      </c>
      <c r="BS2717" s="166">
        <v>12627897.7354916</v>
      </c>
      <c r="BT2717" s="168">
        <v>0</v>
      </c>
      <c r="BU2717" s="166">
        <v>0</v>
      </c>
      <c r="BV2717" s="166">
        <v>0</v>
      </c>
      <c r="BW2717" s="166">
        <v>0</v>
      </c>
      <c r="BX2717" s="166">
        <v>0</v>
      </c>
      <c r="BY2717" s="166">
        <v>0</v>
      </c>
      <c r="BZ2717" s="166">
        <v>0</v>
      </c>
      <c r="CA2717" s="166">
        <v>0</v>
      </c>
      <c r="CB2717" s="166">
        <v>0</v>
      </c>
      <c r="CC2717" s="166">
        <v>0</v>
      </c>
      <c r="CD2717" s="166">
        <v>0</v>
      </c>
      <c r="CE2717" s="166">
        <v>0</v>
      </c>
      <c r="CF2717" s="166">
        <v>0</v>
      </c>
      <c r="CG2717" s="166">
        <v>0</v>
      </c>
      <c r="CH2717" s="166">
        <v>0</v>
      </c>
      <c r="CI2717" s="166">
        <v>0</v>
      </c>
      <c r="CJ2717" s="166">
        <v>0</v>
      </c>
      <c r="CK2717" s="166">
        <v>0</v>
      </c>
      <c r="CL2717" s="166">
        <v>0</v>
      </c>
      <c r="CM2717" s="166">
        <v>0</v>
      </c>
      <c r="CN2717" s="166">
        <v>0</v>
      </c>
      <c r="CO2717" s="166">
        <v>0</v>
      </c>
      <c r="CP2717" s="166">
        <v>0</v>
      </c>
      <c r="CQ2717" s="166">
        <v>0</v>
      </c>
      <c r="CR2717" s="166">
        <v>0</v>
      </c>
      <c r="CS2717" s="166">
        <v>0</v>
      </c>
      <c r="CT2717" s="166">
        <v>0</v>
      </c>
      <c r="CU2717" s="166">
        <v>0</v>
      </c>
      <c r="CV2717" s="166">
        <v>0</v>
      </c>
      <c r="CW2717" s="166">
        <v>0</v>
      </c>
      <c r="CX2717" s="166">
        <v>0</v>
      </c>
      <c r="CY2717" s="166">
        <v>0</v>
      </c>
      <c r="CZ2717" s="166">
        <v>0</v>
      </c>
    </row>
    <row r="2718" spans="1:104" x14ac:dyDescent="0.2">
      <c r="A2718" s="177" t="s">
        <v>563</v>
      </c>
      <c r="B2718" s="166">
        <v>116755678.193498</v>
      </c>
      <c r="C2718" s="166">
        <v>116755678.193498</v>
      </c>
      <c r="D2718" s="166">
        <v>0</v>
      </c>
      <c r="E2718" s="166">
        <v>0</v>
      </c>
      <c r="F2718" s="166">
        <v>0</v>
      </c>
      <c r="G2718" s="166">
        <v>0</v>
      </c>
      <c r="H2718" s="166">
        <v>0</v>
      </c>
      <c r="I2718" s="166">
        <v>0</v>
      </c>
      <c r="J2718" s="166">
        <v>0</v>
      </c>
      <c r="K2718" s="166">
        <v>0</v>
      </c>
      <c r="L2718" s="166">
        <v>0</v>
      </c>
      <c r="M2718" s="166">
        <v>0</v>
      </c>
      <c r="N2718" s="166">
        <v>0</v>
      </c>
      <c r="O2718" s="166">
        <v>0</v>
      </c>
      <c r="P2718" s="166">
        <v>0</v>
      </c>
      <c r="Q2718" s="166">
        <v>0</v>
      </c>
      <c r="R2718" s="166">
        <v>0</v>
      </c>
      <c r="S2718" s="166">
        <v>0</v>
      </c>
      <c r="T2718" s="166">
        <v>0</v>
      </c>
      <c r="U2718" s="166">
        <v>0</v>
      </c>
      <c r="V2718" s="166">
        <v>0</v>
      </c>
      <c r="W2718" s="166">
        <v>0</v>
      </c>
      <c r="X2718" s="166">
        <v>0</v>
      </c>
      <c r="Y2718" s="166">
        <v>0</v>
      </c>
      <c r="Z2718" s="166">
        <v>0</v>
      </c>
      <c r="AA2718" s="166">
        <v>0</v>
      </c>
      <c r="AB2718" s="166">
        <v>0</v>
      </c>
      <c r="AC2718" s="166">
        <v>0</v>
      </c>
      <c r="AD2718" s="166">
        <v>0</v>
      </c>
      <c r="AE2718" s="166">
        <v>0</v>
      </c>
      <c r="AF2718" s="166">
        <v>0</v>
      </c>
      <c r="AG2718" s="166">
        <v>0</v>
      </c>
      <c r="AH2718" s="166">
        <v>0</v>
      </c>
      <c r="AI2718" s="166">
        <v>0</v>
      </c>
      <c r="AJ2718" s="166">
        <v>0</v>
      </c>
      <c r="AK2718" s="166">
        <v>0</v>
      </c>
      <c r="AL2718" s="166">
        <v>0</v>
      </c>
      <c r="AM2718" s="166">
        <v>0</v>
      </c>
      <c r="AN2718" s="166">
        <v>0</v>
      </c>
      <c r="AO2718" s="166">
        <v>0</v>
      </c>
      <c r="AP2718" s="166">
        <v>0</v>
      </c>
      <c r="AQ2718" s="166">
        <v>0</v>
      </c>
      <c r="AR2718" s="166">
        <v>0</v>
      </c>
      <c r="AS2718" s="166">
        <v>0</v>
      </c>
      <c r="AT2718" s="166">
        <v>0</v>
      </c>
      <c r="AU2718" s="166">
        <v>0</v>
      </c>
      <c r="AV2718" s="166">
        <v>0</v>
      </c>
      <c r="AW2718" s="166">
        <v>0</v>
      </c>
      <c r="AX2718" s="166">
        <v>0</v>
      </c>
      <c r="AY2718" s="166">
        <v>0</v>
      </c>
      <c r="AZ2718" s="166">
        <v>0</v>
      </c>
      <c r="BA2718" s="166">
        <v>0</v>
      </c>
      <c r="BB2718" s="166">
        <v>0</v>
      </c>
      <c r="BC2718" s="166">
        <v>0</v>
      </c>
      <c r="BD2718" s="166">
        <v>0</v>
      </c>
      <c r="BE2718" s="166">
        <v>0</v>
      </c>
      <c r="BF2718" s="166">
        <v>0</v>
      </c>
      <c r="BG2718" s="166">
        <v>0</v>
      </c>
      <c r="BH2718" s="166">
        <v>0</v>
      </c>
      <c r="BI2718" s="166">
        <v>0</v>
      </c>
      <c r="BJ2718" s="166">
        <v>0</v>
      </c>
      <c r="BK2718" s="166">
        <v>0</v>
      </c>
      <c r="BL2718" s="166">
        <v>0</v>
      </c>
      <c r="BM2718" s="166">
        <v>0</v>
      </c>
      <c r="BN2718" s="166">
        <v>0</v>
      </c>
      <c r="BO2718" s="166">
        <v>0</v>
      </c>
      <c r="BP2718" s="166">
        <v>0</v>
      </c>
      <c r="BQ2718" s="166">
        <v>0</v>
      </c>
      <c r="BR2718" s="166">
        <v>116755678.193498</v>
      </c>
      <c r="BS2718" s="166">
        <v>116755678.193498</v>
      </c>
      <c r="BT2718" s="168">
        <v>0</v>
      </c>
      <c r="BU2718" s="166">
        <v>0</v>
      </c>
      <c r="BV2718" s="166">
        <v>0</v>
      </c>
      <c r="BW2718" s="166">
        <v>0</v>
      </c>
      <c r="BX2718" s="166">
        <v>0</v>
      </c>
      <c r="BY2718" s="166">
        <v>0</v>
      </c>
      <c r="BZ2718" s="166">
        <v>0</v>
      </c>
      <c r="CA2718" s="166">
        <v>0</v>
      </c>
      <c r="CB2718" s="166">
        <v>0</v>
      </c>
      <c r="CC2718" s="166">
        <v>0</v>
      </c>
      <c r="CD2718" s="166">
        <v>0</v>
      </c>
      <c r="CE2718" s="166">
        <v>0</v>
      </c>
      <c r="CF2718" s="166">
        <v>0</v>
      </c>
      <c r="CG2718" s="166">
        <v>0</v>
      </c>
      <c r="CH2718" s="166">
        <v>0</v>
      </c>
      <c r="CI2718" s="166">
        <v>0</v>
      </c>
      <c r="CJ2718" s="166">
        <v>0</v>
      </c>
      <c r="CK2718" s="166">
        <v>0</v>
      </c>
      <c r="CL2718" s="166">
        <v>0</v>
      </c>
      <c r="CM2718" s="166">
        <v>0</v>
      </c>
      <c r="CN2718" s="166">
        <v>0</v>
      </c>
      <c r="CO2718" s="166">
        <v>0</v>
      </c>
      <c r="CP2718" s="166">
        <v>0</v>
      </c>
      <c r="CQ2718" s="166">
        <v>0</v>
      </c>
      <c r="CR2718" s="166">
        <v>0</v>
      </c>
      <c r="CS2718" s="166">
        <v>0</v>
      </c>
      <c r="CT2718" s="166">
        <v>0</v>
      </c>
      <c r="CU2718" s="166">
        <v>0</v>
      </c>
      <c r="CV2718" s="166">
        <v>0</v>
      </c>
      <c r="CW2718" s="166">
        <v>0</v>
      </c>
      <c r="CX2718" s="166">
        <v>0</v>
      </c>
      <c r="CY2718" s="166">
        <v>0</v>
      </c>
      <c r="CZ2718" s="166">
        <v>0</v>
      </c>
    </row>
    <row r="2719" spans="1:104" x14ac:dyDescent="0.2">
      <c r="A2719" s="167" t="s">
        <v>564</v>
      </c>
      <c r="B2719" s="166">
        <v>0</v>
      </c>
      <c r="C2719" s="166">
        <v>0</v>
      </c>
      <c r="D2719" s="166">
        <v>0</v>
      </c>
      <c r="E2719" s="166">
        <v>0</v>
      </c>
      <c r="F2719" s="166">
        <v>0</v>
      </c>
      <c r="G2719" s="166">
        <v>0</v>
      </c>
      <c r="H2719" s="166">
        <v>0</v>
      </c>
      <c r="I2719" s="166">
        <v>0</v>
      </c>
      <c r="J2719" s="166">
        <v>0</v>
      </c>
      <c r="K2719" s="166">
        <v>0</v>
      </c>
      <c r="L2719" s="166">
        <v>0</v>
      </c>
      <c r="M2719" s="166">
        <v>0</v>
      </c>
      <c r="N2719" s="166">
        <v>0</v>
      </c>
      <c r="O2719" s="166">
        <v>0</v>
      </c>
      <c r="P2719" s="166">
        <v>0</v>
      </c>
      <c r="Q2719" s="166">
        <v>0</v>
      </c>
      <c r="R2719" s="166">
        <v>0</v>
      </c>
      <c r="S2719" s="166">
        <v>0</v>
      </c>
      <c r="T2719" s="166">
        <v>0</v>
      </c>
      <c r="U2719" s="166">
        <v>0</v>
      </c>
      <c r="V2719" s="166">
        <v>0</v>
      </c>
      <c r="W2719" s="166">
        <v>0</v>
      </c>
      <c r="X2719" s="166">
        <v>0</v>
      </c>
      <c r="Y2719" s="166">
        <v>0</v>
      </c>
      <c r="Z2719" s="166">
        <v>0</v>
      </c>
      <c r="AA2719" s="166">
        <v>0</v>
      </c>
      <c r="AB2719" s="166">
        <v>0</v>
      </c>
      <c r="AC2719" s="166">
        <v>0</v>
      </c>
      <c r="AD2719" s="166">
        <v>0</v>
      </c>
      <c r="AE2719" s="166">
        <v>0</v>
      </c>
      <c r="AF2719" s="166">
        <v>0</v>
      </c>
      <c r="AG2719" s="166">
        <v>0</v>
      </c>
      <c r="AH2719" s="166">
        <v>0</v>
      </c>
      <c r="AI2719" s="166">
        <v>0</v>
      </c>
      <c r="AJ2719" s="166">
        <v>0</v>
      </c>
      <c r="AK2719" s="166">
        <v>0</v>
      </c>
      <c r="AL2719" s="166">
        <v>0</v>
      </c>
      <c r="AM2719" s="166">
        <v>0</v>
      </c>
      <c r="AN2719" s="166">
        <v>0</v>
      </c>
      <c r="AO2719" s="166">
        <v>0</v>
      </c>
      <c r="AP2719" s="166">
        <v>0</v>
      </c>
      <c r="AQ2719" s="166">
        <v>0</v>
      </c>
      <c r="AR2719" s="166">
        <v>0</v>
      </c>
      <c r="AS2719" s="166">
        <v>0</v>
      </c>
      <c r="AT2719" s="166">
        <v>0</v>
      </c>
      <c r="AU2719" s="166">
        <v>0</v>
      </c>
      <c r="AV2719" s="166">
        <v>0</v>
      </c>
      <c r="AW2719" s="166">
        <v>0</v>
      </c>
      <c r="AX2719" s="166">
        <v>0</v>
      </c>
      <c r="AY2719" s="166">
        <v>0</v>
      </c>
      <c r="AZ2719" s="166">
        <v>0</v>
      </c>
      <c r="BA2719" s="166">
        <v>0</v>
      </c>
      <c r="BB2719" s="166">
        <v>0</v>
      </c>
      <c r="BC2719" s="166">
        <v>0</v>
      </c>
      <c r="BD2719" s="166">
        <v>0</v>
      </c>
      <c r="BE2719" s="166">
        <v>0</v>
      </c>
      <c r="BF2719" s="166">
        <v>0</v>
      </c>
      <c r="BG2719" s="166">
        <v>0</v>
      </c>
      <c r="BH2719" s="166">
        <v>0</v>
      </c>
      <c r="BI2719" s="166">
        <v>0</v>
      </c>
      <c r="BJ2719" s="166">
        <v>0</v>
      </c>
      <c r="BK2719" s="166">
        <v>0</v>
      </c>
      <c r="BL2719" s="166">
        <v>0</v>
      </c>
      <c r="BM2719" s="166">
        <v>0</v>
      </c>
      <c r="BN2719" s="166">
        <v>0</v>
      </c>
      <c r="BO2719" s="166">
        <v>0</v>
      </c>
      <c r="BP2719" s="166">
        <v>0</v>
      </c>
      <c r="BQ2719" s="166">
        <v>0</v>
      </c>
      <c r="BR2719" s="166">
        <v>0</v>
      </c>
      <c r="BS2719" s="166">
        <v>0</v>
      </c>
      <c r="BT2719" s="168">
        <v>0</v>
      </c>
      <c r="BU2719" s="166">
        <v>0</v>
      </c>
      <c r="BV2719" s="166">
        <v>0</v>
      </c>
      <c r="BW2719" s="166">
        <v>0</v>
      </c>
      <c r="BX2719" s="166">
        <v>0</v>
      </c>
      <c r="BY2719" s="166">
        <v>0</v>
      </c>
      <c r="BZ2719" s="166">
        <v>0</v>
      </c>
      <c r="CA2719" s="166">
        <v>0</v>
      </c>
      <c r="CB2719" s="166">
        <v>0</v>
      </c>
      <c r="CC2719" s="166">
        <v>0</v>
      </c>
      <c r="CD2719" s="166">
        <v>0</v>
      </c>
      <c r="CE2719" s="166">
        <v>0</v>
      </c>
      <c r="CF2719" s="166">
        <v>0</v>
      </c>
      <c r="CG2719" s="166">
        <v>0</v>
      </c>
      <c r="CH2719" s="166">
        <v>0</v>
      </c>
      <c r="CI2719" s="166">
        <v>0</v>
      </c>
      <c r="CJ2719" s="166">
        <v>0</v>
      </c>
      <c r="CK2719" s="166">
        <v>0</v>
      </c>
      <c r="CL2719" s="166">
        <v>0</v>
      </c>
      <c r="CM2719" s="166">
        <v>0</v>
      </c>
      <c r="CN2719" s="166">
        <v>0</v>
      </c>
      <c r="CO2719" s="166">
        <v>0</v>
      </c>
      <c r="CP2719" s="166">
        <v>0</v>
      </c>
      <c r="CQ2719" s="166">
        <v>0</v>
      </c>
      <c r="CR2719" s="166">
        <v>0</v>
      </c>
      <c r="CS2719" s="166">
        <v>0</v>
      </c>
      <c r="CT2719" s="166">
        <v>0</v>
      </c>
      <c r="CU2719" s="166">
        <v>0</v>
      </c>
      <c r="CV2719" s="166">
        <v>0</v>
      </c>
      <c r="CW2719" s="166">
        <v>0</v>
      </c>
      <c r="CX2719" s="166">
        <v>0</v>
      </c>
      <c r="CY2719" s="166">
        <v>0</v>
      </c>
      <c r="CZ2719" s="166">
        <v>0</v>
      </c>
    </row>
    <row r="2720" spans="1:104" x14ac:dyDescent="0.2">
      <c r="A2720" s="167" t="s">
        <v>565</v>
      </c>
      <c r="B2720" s="166">
        <v>618910.68335459195</v>
      </c>
      <c r="C2720" s="166">
        <v>618910.68335459195</v>
      </c>
      <c r="D2720" s="166">
        <v>0</v>
      </c>
      <c r="E2720" s="166">
        <v>0</v>
      </c>
      <c r="F2720" s="166">
        <v>0</v>
      </c>
      <c r="G2720" s="166">
        <v>0</v>
      </c>
      <c r="H2720" s="166">
        <v>0</v>
      </c>
      <c r="I2720" s="166">
        <v>0</v>
      </c>
      <c r="J2720" s="166">
        <v>0</v>
      </c>
      <c r="K2720" s="166">
        <v>0</v>
      </c>
      <c r="L2720" s="166">
        <v>0</v>
      </c>
      <c r="M2720" s="166">
        <v>0</v>
      </c>
      <c r="N2720" s="166">
        <v>0</v>
      </c>
      <c r="O2720" s="166">
        <v>0</v>
      </c>
      <c r="P2720" s="166">
        <v>0</v>
      </c>
      <c r="Q2720" s="166">
        <v>0</v>
      </c>
      <c r="R2720" s="166">
        <v>0</v>
      </c>
      <c r="S2720" s="166">
        <v>0</v>
      </c>
      <c r="T2720" s="166">
        <v>0</v>
      </c>
      <c r="U2720" s="166">
        <v>0</v>
      </c>
      <c r="V2720" s="166">
        <v>0</v>
      </c>
      <c r="W2720" s="166">
        <v>0</v>
      </c>
      <c r="X2720" s="166">
        <v>0</v>
      </c>
      <c r="Y2720" s="166">
        <v>0</v>
      </c>
      <c r="Z2720" s="166">
        <v>0</v>
      </c>
      <c r="AA2720" s="166">
        <v>0</v>
      </c>
      <c r="AB2720" s="166">
        <v>0</v>
      </c>
      <c r="AC2720" s="166">
        <v>0</v>
      </c>
      <c r="AD2720" s="166">
        <v>0</v>
      </c>
      <c r="AE2720" s="166">
        <v>0</v>
      </c>
      <c r="AF2720" s="166">
        <v>0</v>
      </c>
      <c r="AG2720" s="166">
        <v>0</v>
      </c>
      <c r="AH2720" s="166">
        <v>0</v>
      </c>
      <c r="AI2720" s="166">
        <v>0</v>
      </c>
      <c r="AJ2720" s="166">
        <v>0</v>
      </c>
      <c r="AK2720" s="166">
        <v>0</v>
      </c>
      <c r="AL2720" s="166">
        <v>0</v>
      </c>
      <c r="AM2720" s="166">
        <v>0</v>
      </c>
      <c r="AN2720" s="166">
        <v>0</v>
      </c>
      <c r="AO2720" s="166">
        <v>0</v>
      </c>
      <c r="AP2720" s="166">
        <v>0</v>
      </c>
      <c r="AQ2720" s="166">
        <v>0</v>
      </c>
      <c r="AR2720" s="166">
        <v>0</v>
      </c>
      <c r="AS2720" s="166">
        <v>0</v>
      </c>
      <c r="AT2720" s="166">
        <v>0</v>
      </c>
      <c r="AU2720" s="166">
        <v>0</v>
      </c>
      <c r="AV2720" s="166">
        <v>0</v>
      </c>
      <c r="AW2720" s="166">
        <v>0</v>
      </c>
      <c r="AX2720" s="166">
        <v>0</v>
      </c>
      <c r="AY2720" s="166">
        <v>0</v>
      </c>
      <c r="AZ2720" s="166">
        <v>0</v>
      </c>
      <c r="BA2720" s="166">
        <v>0</v>
      </c>
      <c r="BB2720" s="166">
        <v>0</v>
      </c>
      <c r="BC2720" s="166">
        <v>0</v>
      </c>
      <c r="BD2720" s="166">
        <v>0</v>
      </c>
      <c r="BE2720" s="166">
        <v>0</v>
      </c>
      <c r="BF2720" s="166">
        <v>0</v>
      </c>
      <c r="BG2720" s="166">
        <v>0</v>
      </c>
      <c r="BH2720" s="166">
        <v>0</v>
      </c>
      <c r="BI2720" s="166">
        <v>0</v>
      </c>
      <c r="BJ2720" s="166">
        <v>0</v>
      </c>
      <c r="BK2720" s="166">
        <v>0</v>
      </c>
      <c r="BL2720" s="166">
        <v>0</v>
      </c>
      <c r="BM2720" s="166">
        <v>0</v>
      </c>
      <c r="BN2720" s="166">
        <v>0</v>
      </c>
      <c r="BO2720" s="166">
        <v>0</v>
      </c>
      <c r="BP2720" s="166">
        <v>0</v>
      </c>
      <c r="BQ2720" s="166">
        <v>0</v>
      </c>
      <c r="BR2720" s="166">
        <v>618910.68335459195</v>
      </c>
      <c r="BS2720" s="166">
        <v>618910.68335459195</v>
      </c>
      <c r="BT2720" s="168">
        <v>0</v>
      </c>
      <c r="BU2720" s="166">
        <v>0</v>
      </c>
      <c r="BV2720" s="166">
        <v>0</v>
      </c>
      <c r="BW2720" s="166">
        <v>0</v>
      </c>
      <c r="BX2720" s="166">
        <v>0</v>
      </c>
      <c r="BY2720" s="166">
        <v>0</v>
      </c>
      <c r="BZ2720" s="166">
        <v>0</v>
      </c>
      <c r="CA2720" s="166">
        <v>0</v>
      </c>
      <c r="CB2720" s="166">
        <v>0</v>
      </c>
      <c r="CC2720" s="166">
        <v>0</v>
      </c>
      <c r="CD2720" s="166">
        <v>0</v>
      </c>
      <c r="CE2720" s="166">
        <v>0</v>
      </c>
      <c r="CF2720" s="166">
        <v>0</v>
      </c>
      <c r="CG2720" s="166">
        <v>0</v>
      </c>
      <c r="CH2720" s="166">
        <v>0</v>
      </c>
      <c r="CI2720" s="166">
        <v>0</v>
      </c>
      <c r="CJ2720" s="166">
        <v>0</v>
      </c>
      <c r="CK2720" s="166">
        <v>0</v>
      </c>
      <c r="CL2720" s="166">
        <v>0</v>
      </c>
      <c r="CM2720" s="166">
        <v>0</v>
      </c>
      <c r="CN2720" s="166">
        <v>0</v>
      </c>
      <c r="CO2720" s="166">
        <v>0</v>
      </c>
      <c r="CP2720" s="166">
        <v>0</v>
      </c>
      <c r="CQ2720" s="166">
        <v>0</v>
      </c>
      <c r="CR2720" s="166">
        <v>0</v>
      </c>
      <c r="CS2720" s="166">
        <v>0</v>
      </c>
      <c r="CT2720" s="166">
        <v>0</v>
      </c>
      <c r="CU2720" s="166">
        <v>0</v>
      </c>
      <c r="CV2720" s="166">
        <v>0</v>
      </c>
      <c r="CW2720" s="166">
        <v>0</v>
      </c>
      <c r="CX2720" s="166">
        <v>0</v>
      </c>
      <c r="CY2720" s="166">
        <v>0</v>
      </c>
      <c r="CZ2720" s="166">
        <v>0</v>
      </c>
    </row>
    <row r="2721" spans="1:104" x14ac:dyDescent="0.2">
      <c r="A2721" s="167" t="s">
        <v>566</v>
      </c>
      <c r="B2721" s="166">
        <v>5972.7026912357096</v>
      </c>
      <c r="C2721" s="166">
        <v>5972.7026912357096</v>
      </c>
      <c r="D2721" s="166">
        <v>0</v>
      </c>
      <c r="E2721" s="166">
        <v>0</v>
      </c>
      <c r="F2721" s="166">
        <v>0</v>
      </c>
      <c r="G2721" s="166">
        <v>0</v>
      </c>
      <c r="H2721" s="166">
        <v>0</v>
      </c>
      <c r="I2721" s="166">
        <v>0</v>
      </c>
      <c r="J2721" s="166">
        <v>0</v>
      </c>
      <c r="K2721" s="166">
        <v>0</v>
      </c>
      <c r="L2721" s="166">
        <v>0</v>
      </c>
      <c r="M2721" s="166">
        <v>0</v>
      </c>
      <c r="N2721" s="166">
        <v>0</v>
      </c>
      <c r="O2721" s="166">
        <v>0</v>
      </c>
      <c r="P2721" s="166">
        <v>0</v>
      </c>
      <c r="Q2721" s="166">
        <v>0</v>
      </c>
      <c r="R2721" s="166">
        <v>0</v>
      </c>
      <c r="S2721" s="166">
        <v>0</v>
      </c>
      <c r="T2721" s="166">
        <v>0</v>
      </c>
      <c r="U2721" s="166">
        <v>0</v>
      </c>
      <c r="V2721" s="166">
        <v>0</v>
      </c>
      <c r="W2721" s="166">
        <v>0</v>
      </c>
      <c r="X2721" s="166">
        <v>0</v>
      </c>
      <c r="Y2721" s="166">
        <v>0</v>
      </c>
      <c r="Z2721" s="166">
        <v>0</v>
      </c>
      <c r="AA2721" s="166">
        <v>0</v>
      </c>
      <c r="AB2721" s="166">
        <v>0</v>
      </c>
      <c r="AC2721" s="166">
        <v>0</v>
      </c>
      <c r="AD2721" s="166">
        <v>0</v>
      </c>
      <c r="AE2721" s="166">
        <v>0</v>
      </c>
      <c r="AF2721" s="166">
        <v>0</v>
      </c>
      <c r="AG2721" s="166">
        <v>0</v>
      </c>
      <c r="AH2721" s="166">
        <v>0</v>
      </c>
      <c r="AI2721" s="166">
        <v>0</v>
      </c>
      <c r="AJ2721" s="166">
        <v>0</v>
      </c>
      <c r="AK2721" s="166">
        <v>0</v>
      </c>
      <c r="AL2721" s="166">
        <v>0</v>
      </c>
      <c r="AM2721" s="166">
        <v>0</v>
      </c>
      <c r="AN2721" s="166">
        <v>0</v>
      </c>
      <c r="AO2721" s="166">
        <v>0</v>
      </c>
      <c r="AP2721" s="166">
        <v>0</v>
      </c>
      <c r="AQ2721" s="166">
        <v>0</v>
      </c>
      <c r="AR2721" s="166">
        <v>0</v>
      </c>
      <c r="AS2721" s="166">
        <v>0</v>
      </c>
      <c r="AT2721" s="166">
        <v>0</v>
      </c>
      <c r="AU2721" s="166">
        <v>0</v>
      </c>
      <c r="AV2721" s="166">
        <v>0</v>
      </c>
      <c r="AW2721" s="166">
        <v>0</v>
      </c>
      <c r="AX2721" s="166">
        <v>0</v>
      </c>
      <c r="AY2721" s="166">
        <v>0</v>
      </c>
      <c r="AZ2721" s="166">
        <v>0</v>
      </c>
      <c r="BA2721" s="166">
        <v>0</v>
      </c>
      <c r="BB2721" s="166">
        <v>0</v>
      </c>
      <c r="BC2721" s="166">
        <v>0</v>
      </c>
      <c r="BD2721" s="166">
        <v>0</v>
      </c>
      <c r="BE2721" s="166">
        <v>0</v>
      </c>
      <c r="BF2721" s="166">
        <v>0</v>
      </c>
      <c r="BG2721" s="166">
        <v>0</v>
      </c>
      <c r="BH2721" s="166">
        <v>0</v>
      </c>
      <c r="BI2721" s="166">
        <v>0</v>
      </c>
      <c r="BJ2721" s="166">
        <v>0</v>
      </c>
      <c r="BK2721" s="166">
        <v>0</v>
      </c>
      <c r="BL2721" s="166">
        <v>0</v>
      </c>
      <c r="BM2721" s="166">
        <v>0</v>
      </c>
      <c r="BN2721" s="166">
        <v>0</v>
      </c>
      <c r="BO2721" s="166">
        <v>0</v>
      </c>
      <c r="BP2721" s="166">
        <v>0</v>
      </c>
      <c r="BQ2721" s="166">
        <v>0</v>
      </c>
      <c r="BR2721" s="166">
        <v>5972.7026912357096</v>
      </c>
      <c r="BS2721" s="166">
        <v>5972.7026912357096</v>
      </c>
      <c r="BT2721" s="168">
        <v>0</v>
      </c>
      <c r="BU2721" s="166">
        <v>0</v>
      </c>
      <c r="BV2721" s="166">
        <v>0</v>
      </c>
      <c r="BW2721" s="166">
        <v>0</v>
      </c>
      <c r="BX2721" s="166">
        <v>0</v>
      </c>
      <c r="BY2721" s="166">
        <v>0</v>
      </c>
      <c r="BZ2721" s="166">
        <v>0</v>
      </c>
      <c r="CA2721" s="166">
        <v>0</v>
      </c>
      <c r="CB2721" s="166">
        <v>0</v>
      </c>
      <c r="CC2721" s="166">
        <v>0</v>
      </c>
      <c r="CD2721" s="166">
        <v>0</v>
      </c>
      <c r="CE2721" s="166">
        <v>0</v>
      </c>
      <c r="CF2721" s="166">
        <v>0</v>
      </c>
      <c r="CG2721" s="166">
        <v>0</v>
      </c>
      <c r="CH2721" s="166">
        <v>0</v>
      </c>
      <c r="CI2721" s="166">
        <v>0</v>
      </c>
      <c r="CJ2721" s="166">
        <v>0</v>
      </c>
      <c r="CK2721" s="166">
        <v>0</v>
      </c>
      <c r="CL2721" s="166">
        <v>0</v>
      </c>
      <c r="CM2721" s="166">
        <v>0</v>
      </c>
      <c r="CN2721" s="166">
        <v>0</v>
      </c>
      <c r="CO2721" s="166">
        <v>0</v>
      </c>
      <c r="CP2721" s="166">
        <v>0</v>
      </c>
      <c r="CQ2721" s="166">
        <v>0</v>
      </c>
      <c r="CR2721" s="166">
        <v>0</v>
      </c>
      <c r="CS2721" s="166">
        <v>0</v>
      </c>
      <c r="CT2721" s="166">
        <v>0</v>
      </c>
      <c r="CU2721" s="166">
        <v>0</v>
      </c>
      <c r="CV2721" s="166">
        <v>0</v>
      </c>
      <c r="CW2721" s="166">
        <v>0</v>
      </c>
      <c r="CX2721" s="166">
        <v>0</v>
      </c>
      <c r="CY2721" s="166">
        <v>0</v>
      </c>
      <c r="CZ2721" s="166">
        <v>0</v>
      </c>
    </row>
    <row r="2722" spans="1:104" x14ac:dyDescent="0.2">
      <c r="A2722" s="167" t="s">
        <v>567</v>
      </c>
      <c r="B2722" s="166">
        <v>43086.046547846898</v>
      </c>
      <c r="C2722" s="166">
        <v>43086.046547846898</v>
      </c>
      <c r="D2722" s="166">
        <v>0</v>
      </c>
      <c r="E2722" s="166">
        <v>0</v>
      </c>
      <c r="F2722" s="166">
        <v>0</v>
      </c>
      <c r="G2722" s="166">
        <v>0</v>
      </c>
      <c r="H2722" s="166">
        <v>0</v>
      </c>
      <c r="I2722" s="166">
        <v>0</v>
      </c>
      <c r="J2722" s="166">
        <v>0</v>
      </c>
      <c r="K2722" s="166">
        <v>0</v>
      </c>
      <c r="L2722" s="166">
        <v>0</v>
      </c>
      <c r="M2722" s="166">
        <v>0</v>
      </c>
      <c r="N2722" s="166">
        <v>0</v>
      </c>
      <c r="O2722" s="166">
        <v>0</v>
      </c>
      <c r="P2722" s="166">
        <v>0</v>
      </c>
      <c r="Q2722" s="166">
        <v>0</v>
      </c>
      <c r="R2722" s="166">
        <v>0</v>
      </c>
      <c r="S2722" s="166">
        <v>0</v>
      </c>
      <c r="T2722" s="166">
        <v>0</v>
      </c>
      <c r="U2722" s="166">
        <v>0</v>
      </c>
      <c r="V2722" s="166">
        <v>0</v>
      </c>
      <c r="W2722" s="166">
        <v>0</v>
      </c>
      <c r="X2722" s="166">
        <v>0</v>
      </c>
      <c r="Y2722" s="166">
        <v>0</v>
      </c>
      <c r="Z2722" s="166">
        <v>0</v>
      </c>
      <c r="AA2722" s="166">
        <v>0</v>
      </c>
      <c r="AB2722" s="166">
        <v>0</v>
      </c>
      <c r="AC2722" s="166">
        <v>0</v>
      </c>
      <c r="AD2722" s="166">
        <v>0</v>
      </c>
      <c r="AE2722" s="166">
        <v>0</v>
      </c>
      <c r="AF2722" s="166">
        <v>0</v>
      </c>
      <c r="AG2722" s="166">
        <v>0</v>
      </c>
      <c r="AH2722" s="166">
        <v>0</v>
      </c>
      <c r="AI2722" s="166">
        <v>0</v>
      </c>
      <c r="AJ2722" s="166">
        <v>0</v>
      </c>
      <c r="AK2722" s="166">
        <v>0</v>
      </c>
      <c r="AL2722" s="166">
        <v>0</v>
      </c>
      <c r="AM2722" s="166">
        <v>0</v>
      </c>
      <c r="AN2722" s="166">
        <v>0</v>
      </c>
      <c r="AO2722" s="166">
        <v>0</v>
      </c>
      <c r="AP2722" s="166">
        <v>0</v>
      </c>
      <c r="AQ2722" s="166">
        <v>0</v>
      </c>
      <c r="AR2722" s="166">
        <v>0</v>
      </c>
      <c r="AS2722" s="166">
        <v>0</v>
      </c>
      <c r="AT2722" s="166">
        <v>0</v>
      </c>
      <c r="AU2722" s="166">
        <v>0</v>
      </c>
      <c r="AV2722" s="166">
        <v>0</v>
      </c>
      <c r="AW2722" s="166">
        <v>0</v>
      </c>
      <c r="AX2722" s="166">
        <v>0</v>
      </c>
      <c r="AY2722" s="166">
        <v>0</v>
      </c>
      <c r="AZ2722" s="166">
        <v>0</v>
      </c>
      <c r="BA2722" s="166">
        <v>0</v>
      </c>
      <c r="BB2722" s="166">
        <v>0</v>
      </c>
      <c r="BC2722" s="166">
        <v>0</v>
      </c>
      <c r="BD2722" s="166">
        <v>0</v>
      </c>
      <c r="BE2722" s="166">
        <v>0</v>
      </c>
      <c r="BF2722" s="166">
        <v>0</v>
      </c>
      <c r="BG2722" s="166">
        <v>0</v>
      </c>
      <c r="BH2722" s="166">
        <v>0</v>
      </c>
      <c r="BI2722" s="166">
        <v>0</v>
      </c>
      <c r="BJ2722" s="166">
        <v>0</v>
      </c>
      <c r="BK2722" s="166">
        <v>0</v>
      </c>
      <c r="BL2722" s="166">
        <v>0</v>
      </c>
      <c r="BM2722" s="166">
        <v>0</v>
      </c>
      <c r="BN2722" s="166">
        <v>0</v>
      </c>
      <c r="BO2722" s="166">
        <v>0</v>
      </c>
      <c r="BP2722" s="166">
        <v>0</v>
      </c>
      <c r="BQ2722" s="166">
        <v>0</v>
      </c>
      <c r="BR2722" s="166">
        <v>43086.046547846898</v>
      </c>
      <c r="BS2722" s="166">
        <v>43086.046547846898</v>
      </c>
      <c r="BT2722" s="168">
        <v>0</v>
      </c>
      <c r="BU2722" s="166">
        <v>0</v>
      </c>
      <c r="BV2722" s="166">
        <v>0</v>
      </c>
      <c r="BW2722" s="166">
        <v>0</v>
      </c>
      <c r="BX2722" s="166">
        <v>0</v>
      </c>
      <c r="BY2722" s="166">
        <v>0</v>
      </c>
      <c r="BZ2722" s="166">
        <v>0</v>
      </c>
      <c r="CA2722" s="166">
        <v>0</v>
      </c>
      <c r="CB2722" s="166">
        <v>0</v>
      </c>
      <c r="CC2722" s="166">
        <v>0</v>
      </c>
      <c r="CD2722" s="166">
        <v>0</v>
      </c>
      <c r="CE2722" s="166">
        <v>0</v>
      </c>
      <c r="CF2722" s="166">
        <v>0</v>
      </c>
      <c r="CG2722" s="166">
        <v>0</v>
      </c>
      <c r="CH2722" s="166">
        <v>0</v>
      </c>
      <c r="CI2722" s="166">
        <v>0</v>
      </c>
      <c r="CJ2722" s="166">
        <v>0</v>
      </c>
      <c r="CK2722" s="166">
        <v>0</v>
      </c>
      <c r="CL2722" s="166">
        <v>0</v>
      </c>
      <c r="CM2722" s="166">
        <v>0</v>
      </c>
      <c r="CN2722" s="166">
        <v>0</v>
      </c>
      <c r="CO2722" s="166">
        <v>0</v>
      </c>
      <c r="CP2722" s="166">
        <v>0</v>
      </c>
      <c r="CQ2722" s="166">
        <v>0</v>
      </c>
      <c r="CR2722" s="166">
        <v>0</v>
      </c>
      <c r="CS2722" s="166">
        <v>0</v>
      </c>
      <c r="CT2722" s="166">
        <v>0</v>
      </c>
      <c r="CU2722" s="166">
        <v>0</v>
      </c>
      <c r="CV2722" s="166">
        <v>0</v>
      </c>
      <c r="CW2722" s="166">
        <v>0</v>
      </c>
      <c r="CX2722" s="166">
        <v>0</v>
      </c>
      <c r="CY2722" s="166">
        <v>0</v>
      </c>
      <c r="CZ2722" s="166">
        <v>0</v>
      </c>
    </row>
    <row r="2723" spans="1:104" x14ac:dyDescent="0.2">
      <c r="A2723" s="167" t="s">
        <v>568</v>
      </c>
      <c r="B2723" s="166">
        <v>30643874.584558699</v>
      </c>
      <c r="C2723" s="166">
        <v>30643874.584558699</v>
      </c>
      <c r="D2723" s="166">
        <v>0</v>
      </c>
      <c r="E2723" s="166">
        <v>0</v>
      </c>
      <c r="F2723" s="166">
        <v>0</v>
      </c>
      <c r="G2723" s="166">
        <v>0</v>
      </c>
      <c r="H2723" s="166">
        <v>0</v>
      </c>
      <c r="I2723" s="166">
        <v>0</v>
      </c>
      <c r="J2723" s="166">
        <v>0</v>
      </c>
      <c r="K2723" s="166">
        <v>0</v>
      </c>
      <c r="L2723" s="166">
        <v>0</v>
      </c>
      <c r="M2723" s="166">
        <v>0</v>
      </c>
      <c r="N2723" s="166">
        <v>0</v>
      </c>
      <c r="O2723" s="166">
        <v>0</v>
      </c>
      <c r="P2723" s="166">
        <v>0</v>
      </c>
      <c r="Q2723" s="166">
        <v>0</v>
      </c>
      <c r="R2723" s="166">
        <v>0</v>
      </c>
      <c r="S2723" s="166">
        <v>0</v>
      </c>
      <c r="T2723" s="166">
        <v>0</v>
      </c>
      <c r="U2723" s="166">
        <v>0</v>
      </c>
      <c r="V2723" s="166">
        <v>0</v>
      </c>
      <c r="W2723" s="166">
        <v>0</v>
      </c>
      <c r="X2723" s="166">
        <v>0</v>
      </c>
      <c r="Y2723" s="166">
        <v>0</v>
      </c>
      <c r="Z2723" s="166">
        <v>0</v>
      </c>
      <c r="AA2723" s="166">
        <v>0</v>
      </c>
      <c r="AB2723" s="166">
        <v>0</v>
      </c>
      <c r="AC2723" s="166">
        <v>0</v>
      </c>
      <c r="AD2723" s="166">
        <v>0</v>
      </c>
      <c r="AE2723" s="166">
        <v>0</v>
      </c>
      <c r="AF2723" s="166">
        <v>0</v>
      </c>
      <c r="AG2723" s="166">
        <v>0</v>
      </c>
      <c r="AH2723" s="166">
        <v>0</v>
      </c>
      <c r="AI2723" s="166">
        <v>0</v>
      </c>
      <c r="AJ2723" s="166">
        <v>0</v>
      </c>
      <c r="AK2723" s="166">
        <v>0</v>
      </c>
      <c r="AL2723" s="166">
        <v>0</v>
      </c>
      <c r="AM2723" s="166">
        <v>0</v>
      </c>
      <c r="AN2723" s="166">
        <v>0</v>
      </c>
      <c r="AO2723" s="166">
        <v>0</v>
      </c>
      <c r="AP2723" s="166">
        <v>0</v>
      </c>
      <c r="AQ2723" s="166">
        <v>0</v>
      </c>
      <c r="AR2723" s="166">
        <v>0</v>
      </c>
      <c r="AS2723" s="166">
        <v>0</v>
      </c>
      <c r="AT2723" s="166">
        <v>0</v>
      </c>
      <c r="AU2723" s="166">
        <v>0</v>
      </c>
      <c r="AV2723" s="166">
        <v>0</v>
      </c>
      <c r="AW2723" s="166">
        <v>0</v>
      </c>
      <c r="AX2723" s="166">
        <v>0</v>
      </c>
      <c r="AY2723" s="166">
        <v>0</v>
      </c>
      <c r="AZ2723" s="166">
        <v>0</v>
      </c>
      <c r="BA2723" s="166">
        <v>0</v>
      </c>
      <c r="BB2723" s="166">
        <v>0</v>
      </c>
      <c r="BC2723" s="166">
        <v>0</v>
      </c>
      <c r="BD2723" s="166">
        <v>0</v>
      </c>
      <c r="BE2723" s="166">
        <v>0</v>
      </c>
      <c r="BF2723" s="166">
        <v>0</v>
      </c>
      <c r="BG2723" s="166">
        <v>0</v>
      </c>
      <c r="BH2723" s="166">
        <v>0</v>
      </c>
      <c r="BI2723" s="166">
        <v>0</v>
      </c>
      <c r="BJ2723" s="166">
        <v>0</v>
      </c>
      <c r="BK2723" s="166">
        <v>0</v>
      </c>
      <c r="BL2723" s="166">
        <v>0</v>
      </c>
      <c r="BM2723" s="166">
        <v>0</v>
      </c>
      <c r="BN2723" s="166">
        <v>0</v>
      </c>
      <c r="BO2723" s="166">
        <v>0</v>
      </c>
      <c r="BP2723" s="166">
        <v>0</v>
      </c>
      <c r="BQ2723" s="166">
        <v>0</v>
      </c>
      <c r="BR2723" s="166">
        <v>30643874.584558699</v>
      </c>
      <c r="BS2723" s="166">
        <v>30643874.584558699</v>
      </c>
      <c r="BT2723" s="168">
        <v>0</v>
      </c>
      <c r="BU2723" s="166">
        <v>0</v>
      </c>
      <c r="BV2723" s="166">
        <v>0</v>
      </c>
      <c r="BW2723" s="166">
        <v>0</v>
      </c>
      <c r="BX2723" s="166">
        <v>0</v>
      </c>
      <c r="BY2723" s="166">
        <v>0</v>
      </c>
      <c r="BZ2723" s="166">
        <v>0</v>
      </c>
      <c r="CA2723" s="166">
        <v>0</v>
      </c>
      <c r="CB2723" s="166">
        <v>0</v>
      </c>
      <c r="CC2723" s="166">
        <v>0</v>
      </c>
      <c r="CD2723" s="166">
        <v>0</v>
      </c>
      <c r="CE2723" s="166">
        <v>0</v>
      </c>
      <c r="CF2723" s="166">
        <v>0</v>
      </c>
      <c r="CG2723" s="166">
        <v>0</v>
      </c>
      <c r="CH2723" s="166">
        <v>0</v>
      </c>
      <c r="CI2723" s="166">
        <v>0</v>
      </c>
      <c r="CJ2723" s="166">
        <v>0</v>
      </c>
      <c r="CK2723" s="166">
        <v>0</v>
      </c>
      <c r="CL2723" s="166">
        <v>0</v>
      </c>
      <c r="CM2723" s="166">
        <v>0</v>
      </c>
      <c r="CN2723" s="166">
        <v>0</v>
      </c>
      <c r="CO2723" s="166">
        <v>0</v>
      </c>
      <c r="CP2723" s="166">
        <v>0</v>
      </c>
      <c r="CQ2723" s="166">
        <v>0</v>
      </c>
      <c r="CR2723" s="166">
        <v>0</v>
      </c>
      <c r="CS2723" s="166">
        <v>0</v>
      </c>
      <c r="CT2723" s="166">
        <v>0</v>
      </c>
      <c r="CU2723" s="166">
        <v>0</v>
      </c>
      <c r="CV2723" s="166">
        <v>0</v>
      </c>
      <c r="CW2723" s="166">
        <v>0</v>
      </c>
      <c r="CX2723" s="166">
        <v>0</v>
      </c>
      <c r="CY2723" s="166">
        <v>0</v>
      </c>
      <c r="CZ2723" s="166">
        <v>0</v>
      </c>
    </row>
    <row r="2724" spans="1:104" x14ac:dyDescent="0.2">
      <c r="A2724" s="177" t="s">
        <v>569</v>
      </c>
      <c r="B2724" s="166">
        <v>31311844.017152399</v>
      </c>
      <c r="C2724" s="166">
        <v>31311844.017152399</v>
      </c>
      <c r="D2724" s="166">
        <v>0</v>
      </c>
      <c r="E2724" s="166">
        <v>0</v>
      </c>
      <c r="F2724" s="166">
        <v>0</v>
      </c>
      <c r="G2724" s="166">
        <v>0</v>
      </c>
      <c r="H2724" s="166">
        <v>0</v>
      </c>
      <c r="I2724" s="166">
        <v>0</v>
      </c>
      <c r="J2724" s="166">
        <v>0</v>
      </c>
      <c r="K2724" s="166">
        <v>0</v>
      </c>
      <c r="L2724" s="166">
        <v>0</v>
      </c>
      <c r="M2724" s="166">
        <v>0</v>
      </c>
      <c r="N2724" s="166">
        <v>0</v>
      </c>
      <c r="O2724" s="166">
        <v>0</v>
      </c>
      <c r="P2724" s="166">
        <v>0</v>
      </c>
      <c r="Q2724" s="166">
        <v>0</v>
      </c>
      <c r="R2724" s="166">
        <v>0</v>
      </c>
      <c r="S2724" s="166">
        <v>0</v>
      </c>
      <c r="T2724" s="166">
        <v>0</v>
      </c>
      <c r="U2724" s="166">
        <v>0</v>
      </c>
      <c r="V2724" s="166">
        <v>0</v>
      </c>
      <c r="W2724" s="166">
        <v>0</v>
      </c>
      <c r="X2724" s="166">
        <v>0</v>
      </c>
      <c r="Y2724" s="166">
        <v>0</v>
      </c>
      <c r="Z2724" s="166">
        <v>0</v>
      </c>
      <c r="AA2724" s="166">
        <v>0</v>
      </c>
      <c r="AB2724" s="166">
        <v>0</v>
      </c>
      <c r="AC2724" s="166">
        <v>0</v>
      </c>
      <c r="AD2724" s="166">
        <v>0</v>
      </c>
      <c r="AE2724" s="166">
        <v>0</v>
      </c>
      <c r="AF2724" s="166">
        <v>0</v>
      </c>
      <c r="AG2724" s="166">
        <v>0</v>
      </c>
      <c r="AH2724" s="166">
        <v>0</v>
      </c>
      <c r="AI2724" s="166">
        <v>0</v>
      </c>
      <c r="AJ2724" s="166">
        <v>0</v>
      </c>
      <c r="AK2724" s="166">
        <v>0</v>
      </c>
      <c r="AL2724" s="166">
        <v>0</v>
      </c>
      <c r="AM2724" s="166">
        <v>0</v>
      </c>
      <c r="AN2724" s="166">
        <v>0</v>
      </c>
      <c r="AO2724" s="166">
        <v>0</v>
      </c>
      <c r="AP2724" s="166">
        <v>0</v>
      </c>
      <c r="AQ2724" s="166">
        <v>0</v>
      </c>
      <c r="AR2724" s="166">
        <v>0</v>
      </c>
      <c r="AS2724" s="166">
        <v>0</v>
      </c>
      <c r="AT2724" s="166">
        <v>0</v>
      </c>
      <c r="AU2724" s="166">
        <v>0</v>
      </c>
      <c r="AV2724" s="166">
        <v>0</v>
      </c>
      <c r="AW2724" s="166">
        <v>0</v>
      </c>
      <c r="AX2724" s="166">
        <v>0</v>
      </c>
      <c r="AY2724" s="166">
        <v>0</v>
      </c>
      <c r="AZ2724" s="166">
        <v>0</v>
      </c>
      <c r="BA2724" s="166">
        <v>0</v>
      </c>
      <c r="BB2724" s="166">
        <v>0</v>
      </c>
      <c r="BC2724" s="166">
        <v>0</v>
      </c>
      <c r="BD2724" s="166">
        <v>0</v>
      </c>
      <c r="BE2724" s="166">
        <v>0</v>
      </c>
      <c r="BF2724" s="166">
        <v>0</v>
      </c>
      <c r="BG2724" s="166">
        <v>0</v>
      </c>
      <c r="BH2724" s="166">
        <v>0</v>
      </c>
      <c r="BI2724" s="166">
        <v>0</v>
      </c>
      <c r="BJ2724" s="166">
        <v>0</v>
      </c>
      <c r="BK2724" s="166">
        <v>0</v>
      </c>
      <c r="BL2724" s="166">
        <v>0</v>
      </c>
      <c r="BM2724" s="166">
        <v>0</v>
      </c>
      <c r="BN2724" s="166">
        <v>0</v>
      </c>
      <c r="BO2724" s="166">
        <v>0</v>
      </c>
      <c r="BP2724" s="166">
        <v>0</v>
      </c>
      <c r="BQ2724" s="166">
        <v>0</v>
      </c>
      <c r="BR2724" s="166">
        <v>31311844.017152399</v>
      </c>
      <c r="BS2724" s="166">
        <v>31311844.017152399</v>
      </c>
      <c r="BT2724" s="168">
        <v>0</v>
      </c>
      <c r="BU2724" s="166">
        <v>0</v>
      </c>
      <c r="BV2724" s="166">
        <v>0</v>
      </c>
      <c r="BW2724" s="166">
        <v>0</v>
      </c>
      <c r="BX2724" s="166">
        <v>0</v>
      </c>
      <c r="BY2724" s="166">
        <v>0</v>
      </c>
      <c r="BZ2724" s="166">
        <v>0</v>
      </c>
      <c r="CA2724" s="166">
        <v>0</v>
      </c>
      <c r="CB2724" s="166">
        <v>0</v>
      </c>
      <c r="CC2724" s="166">
        <v>0</v>
      </c>
      <c r="CD2724" s="166">
        <v>0</v>
      </c>
      <c r="CE2724" s="166">
        <v>0</v>
      </c>
      <c r="CF2724" s="166">
        <v>0</v>
      </c>
      <c r="CG2724" s="166">
        <v>0</v>
      </c>
      <c r="CH2724" s="166">
        <v>0</v>
      </c>
      <c r="CI2724" s="166">
        <v>0</v>
      </c>
      <c r="CJ2724" s="166">
        <v>0</v>
      </c>
      <c r="CK2724" s="166">
        <v>0</v>
      </c>
      <c r="CL2724" s="166">
        <v>0</v>
      </c>
      <c r="CM2724" s="166">
        <v>0</v>
      </c>
      <c r="CN2724" s="166">
        <v>0</v>
      </c>
      <c r="CO2724" s="166">
        <v>0</v>
      </c>
      <c r="CP2724" s="166">
        <v>0</v>
      </c>
      <c r="CQ2724" s="166">
        <v>0</v>
      </c>
      <c r="CR2724" s="166">
        <v>0</v>
      </c>
      <c r="CS2724" s="166">
        <v>0</v>
      </c>
      <c r="CT2724" s="166">
        <v>0</v>
      </c>
      <c r="CU2724" s="166">
        <v>0</v>
      </c>
      <c r="CV2724" s="166">
        <v>0</v>
      </c>
      <c r="CW2724" s="166">
        <v>0</v>
      </c>
      <c r="CX2724" s="166">
        <v>0</v>
      </c>
      <c r="CY2724" s="166">
        <v>0</v>
      </c>
      <c r="CZ2724" s="166">
        <v>0</v>
      </c>
    </row>
    <row r="2725" spans="1:104" x14ac:dyDescent="0.2">
      <c r="A2725" s="167" t="s">
        <v>570</v>
      </c>
      <c r="B2725" s="166">
        <v>0</v>
      </c>
      <c r="C2725" s="166">
        <v>0</v>
      </c>
      <c r="D2725" s="166">
        <v>0</v>
      </c>
      <c r="E2725" s="166">
        <v>0</v>
      </c>
      <c r="F2725" s="166">
        <v>0</v>
      </c>
      <c r="G2725" s="166">
        <v>0</v>
      </c>
      <c r="H2725" s="166">
        <v>0</v>
      </c>
      <c r="I2725" s="166">
        <v>0</v>
      </c>
      <c r="J2725" s="166">
        <v>0</v>
      </c>
      <c r="K2725" s="166">
        <v>0</v>
      </c>
      <c r="L2725" s="166">
        <v>0</v>
      </c>
      <c r="M2725" s="166">
        <v>0</v>
      </c>
      <c r="N2725" s="166">
        <v>0</v>
      </c>
      <c r="O2725" s="166">
        <v>0</v>
      </c>
      <c r="P2725" s="166">
        <v>0</v>
      </c>
      <c r="Q2725" s="166">
        <v>0</v>
      </c>
      <c r="R2725" s="166">
        <v>0</v>
      </c>
      <c r="S2725" s="166">
        <v>0</v>
      </c>
      <c r="T2725" s="166">
        <v>0</v>
      </c>
      <c r="U2725" s="166">
        <v>0</v>
      </c>
      <c r="V2725" s="166">
        <v>0</v>
      </c>
      <c r="W2725" s="166">
        <v>0</v>
      </c>
      <c r="X2725" s="166">
        <v>0</v>
      </c>
      <c r="Y2725" s="166">
        <v>0</v>
      </c>
      <c r="Z2725" s="166">
        <v>0</v>
      </c>
      <c r="AA2725" s="166">
        <v>0</v>
      </c>
      <c r="AB2725" s="166">
        <v>0</v>
      </c>
      <c r="AC2725" s="166">
        <v>0</v>
      </c>
      <c r="AD2725" s="166">
        <v>0</v>
      </c>
      <c r="AE2725" s="166">
        <v>0</v>
      </c>
      <c r="AF2725" s="166">
        <v>0</v>
      </c>
      <c r="AG2725" s="166">
        <v>0</v>
      </c>
      <c r="AH2725" s="166">
        <v>0</v>
      </c>
      <c r="AI2725" s="166">
        <v>0</v>
      </c>
      <c r="AJ2725" s="166">
        <v>0</v>
      </c>
      <c r="AK2725" s="166">
        <v>0</v>
      </c>
      <c r="AL2725" s="166">
        <v>0</v>
      </c>
      <c r="AM2725" s="166">
        <v>0</v>
      </c>
      <c r="AN2725" s="166">
        <v>0</v>
      </c>
      <c r="AO2725" s="166">
        <v>0</v>
      </c>
      <c r="AP2725" s="166">
        <v>0</v>
      </c>
      <c r="AQ2725" s="166">
        <v>0</v>
      </c>
      <c r="AR2725" s="166">
        <v>0</v>
      </c>
      <c r="AS2725" s="166">
        <v>0</v>
      </c>
      <c r="AT2725" s="166">
        <v>0</v>
      </c>
      <c r="AU2725" s="166">
        <v>0</v>
      </c>
      <c r="AV2725" s="166">
        <v>0</v>
      </c>
      <c r="AW2725" s="166">
        <v>0</v>
      </c>
      <c r="AX2725" s="166">
        <v>0</v>
      </c>
      <c r="AY2725" s="166">
        <v>0</v>
      </c>
      <c r="AZ2725" s="166">
        <v>0</v>
      </c>
      <c r="BA2725" s="166">
        <v>0</v>
      </c>
      <c r="BB2725" s="166">
        <v>0</v>
      </c>
      <c r="BC2725" s="166">
        <v>0</v>
      </c>
      <c r="BD2725" s="166">
        <v>0</v>
      </c>
      <c r="BE2725" s="166">
        <v>0</v>
      </c>
      <c r="BF2725" s="166">
        <v>0</v>
      </c>
      <c r="BG2725" s="166">
        <v>0</v>
      </c>
      <c r="BH2725" s="166">
        <v>0</v>
      </c>
      <c r="BI2725" s="166">
        <v>0</v>
      </c>
      <c r="BJ2725" s="166">
        <v>0</v>
      </c>
      <c r="BK2725" s="166">
        <v>0</v>
      </c>
      <c r="BL2725" s="166">
        <v>0</v>
      </c>
      <c r="BM2725" s="166">
        <v>0</v>
      </c>
      <c r="BN2725" s="166">
        <v>0</v>
      </c>
      <c r="BO2725" s="166">
        <v>0</v>
      </c>
      <c r="BP2725" s="166">
        <v>0</v>
      </c>
      <c r="BQ2725" s="166">
        <v>0</v>
      </c>
      <c r="BR2725" s="166">
        <v>0</v>
      </c>
      <c r="BS2725" s="166">
        <v>0</v>
      </c>
      <c r="BT2725" s="168">
        <v>0</v>
      </c>
      <c r="BU2725" s="166">
        <v>0</v>
      </c>
      <c r="BV2725" s="166">
        <v>0</v>
      </c>
      <c r="BW2725" s="166">
        <v>0</v>
      </c>
      <c r="BX2725" s="166">
        <v>0</v>
      </c>
      <c r="BY2725" s="166">
        <v>0</v>
      </c>
      <c r="BZ2725" s="166">
        <v>0</v>
      </c>
      <c r="CA2725" s="166">
        <v>0</v>
      </c>
      <c r="CB2725" s="166">
        <v>0</v>
      </c>
      <c r="CC2725" s="166">
        <v>0</v>
      </c>
      <c r="CD2725" s="166">
        <v>0</v>
      </c>
      <c r="CE2725" s="166">
        <v>0</v>
      </c>
      <c r="CF2725" s="166">
        <v>0</v>
      </c>
      <c r="CG2725" s="166">
        <v>0</v>
      </c>
      <c r="CH2725" s="166">
        <v>0</v>
      </c>
      <c r="CI2725" s="166">
        <v>0</v>
      </c>
      <c r="CJ2725" s="166">
        <v>0</v>
      </c>
      <c r="CK2725" s="166">
        <v>0</v>
      </c>
      <c r="CL2725" s="166">
        <v>0</v>
      </c>
      <c r="CM2725" s="166">
        <v>0</v>
      </c>
      <c r="CN2725" s="166">
        <v>0</v>
      </c>
      <c r="CO2725" s="166">
        <v>0</v>
      </c>
      <c r="CP2725" s="166">
        <v>0</v>
      </c>
      <c r="CQ2725" s="166">
        <v>0</v>
      </c>
      <c r="CR2725" s="166">
        <v>0</v>
      </c>
      <c r="CS2725" s="166">
        <v>0</v>
      </c>
      <c r="CT2725" s="166">
        <v>0</v>
      </c>
      <c r="CU2725" s="166">
        <v>0</v>
      </c>
      <c r="CV2725" s="166">
        <v>0</v>
      </c>
      <c r="CW2725" s="166">
        <v>0</v>
      </c>
      <c r="CX2725" s="166">
        <v>0</v>
      </c>
      <c r="CY2725" s="166">
        <v>0</v>
      </c>
      <c r="CZ2725" s="166">
        <v>0</v>
      </c>
    </row>
    <row r="2726" spans="1:104" x14ac:dyDescent="0.2">
      <c r="A2726" s="167" t="s">
        <v>571</v>
      </c>
      <c r="B2726" s="166">
        <v>57919269.537776098</v>
      </c>
      <c r="C2726" s="166">
        <v>57919269.537776098</v>
      </c>
      <c r="D2726" s="166">
        <v>0</v>
      </c>
      <c r="E2726" s="166">
        <v>0</v>
      </c>
      <c r="F2726" s="166">
        <v>0</v>
      </c>
      <c r="G2726" s="166">
        <v>0</v>
      </c>
      <c r="H2726" s="166">
        <v>0</v>
      </c>
      <c r="I2726" s="166">
        <v>0</v>
      </c>
      <c r="J2726" s="166">
        <v>0</v>
      </c>
      <c r="K2726" s="166">
        <v>0</v>
      </c>
      <c r="L2726" s="166">
        <v>0</v>
      </c>
      <c r="M2726" s="166">
        <v>0</v>
      </c>
      <c r="N2726" s="166">
        <v>0</v>
      </c>
      <c r="O2726" s="166">
        <v>0</v>
      </c>
      <c r="P2726" s="166">
        <v>0</v>
      </c>
      <c r="Q2726" s="166">
        <v>0</v>
      </c>
      <c r="R2726" s="166">
        <v>0</v>
      </c>
      <c r="S2726" s="166">
        <v>0</v>
      </c>
      <c r="T2726" s="166">
        <v>0</v>
      </c>
      <c r="U2726" s="166">
        <v>0</v>
      </c>
      <c r="V2726" s="166">
        <v>0</v>
      </c>
      <c r="W2726" s="166">
        <v>0</v>
      </c>
      <c r="X2726" s="166">
        <v>0</v>
      </c>
      <c r="Y2726" s="166">
        <v>0</v>
      </c>
      <c r="Z2726" s="166">
        <v>0</v>
      </c>
      <c r="AA2726" s="166">
        <v>0</v>
      </c>
      <c r="AB2726" s="166">
        <v>0</v>
      </c>
      <c r="AC2726" s="166">
        <v>0</v>
      </c>
      <c r="AD2726" s="166">
        <v>0</v>
      </c>
      <c r="AE2726" s="166">
        <v>0</v>
      </c>
      <c r="AF2726" s="166">
        <v>0</v>
      </c>
      <c r="AG2726" s="166">
        <v>0</v>
      </c>
      <c r="AH2726" s="166">
        <v>0</v>
      </c>
      <c r="AI2726" s="166">
        <v>0</v>
      </c>
      <c r="AJ2726" s="166">
        <v>0</v>
      </c>
      <c r="AK2726" s="166">
        <v>0</v>
      </c>
      <c r="AL2726" s="166">
        <v>0</v>
      </c>
      <c r="AM2726" s="166">
        <v>0</v>
      </c>
      <c r="AN2726" s="166">
        <v>0</v>
      </c>
      <c r="AO2726" s="166">
        <v>0</v>
      </c>
      <c r="AP2726" s="166">
        <v>0</v>
      </c>
      <c r="AQ2726" s="166">
        <v>0</v>
      </c>
      <c r="AR2726" s="166">
        <v>0</v>
      </c>
      <c r="AS2726" s="166">
        <v>0</v>
      </c>
      <c r="AT2726" s="166">
        <v>0</v>
      </c>
      <c r="AU2726" s="166">
        <v>0</v>
      </c>
      <c r="AV2726" s="166">
        <v>0</v>
      </c>
      <c r="AW2726" s="166">
        <v>0</v>
      </c>
      <c r="AX2726" s="166">
        <v>0</v>
      </c>
      <c r="AY2726" s="166">
        <v>0</v>
      </c>
      <c r="AZ2726" s="166">
        <v>0</v>
      </c>
      <c r="BA2726" s="166">
        <v>0</v>
      </c>
      <c r="BB2726" s="166">
        <v>0</v>
      </c>
      <c r="BC2726" s="166">
        <v>0</v>
      </c>
      <c r="BD2726" s="166">
        <v>0</v>
      </c>
      <c r="BE2726" s="166">
        <v>0</v>
      </c>
      <c r="BF2726" s="166">
        <v>0</v>
      </c>
      <c r="BG2726" s="166">
        <v>0</v>
      </c>
      <c r="BH2726" s="166">
        <v>0</v>
      </c>
      <c r="BI2726" s="166">
        <v>0</v>
      </c>
      <c r="BJ2726" s="166">
        <v>0</v>
      </c>
      <c r="BK2726" s="166">
        <v>0</v>
      </c>
      <c r="BL2726" s="166">
        <v>0</v>
      </c>
      <c r="BM2726" s="166">
        <v>0</v>
      </c>
      <c r="BN2726" s="166">
        <v>0</v>
      </c>
      <c r="BO2726" s="166">
        <v>0</v>
      </c>
      <c r="BP2726" s="166">
        <v>0</v>
      </c>
      <c r="BQ2726" s="166">
        <v>0</v>
      </c>
      <c r="BR2726" s="166">
        <v>57919269.537776098</v>
      </c>
      <c r="BS2726" s="166">
        <v>57919269.537776098</v>
      </c>
      <c r="BT2726" s="168">
        <v>0</v>
      </c>
      <c r="BU2726" s="166">
        <v>0</v>
      </c>
      <c r="BV2726" s="166">
        <v>0</v>
      </c>
      <c r="BW2726" s="166">
        <v>0</v>
      </c>
      <c r="BX2726" s="166">
        <v>0</v>
      </c>
      <c r="BY2726" s="166">
        <v>0</v>
      </c>
      <c r="BZ2726" s="166">
        <v>0</v>
      </c>
      <c r="CA2726" s="166">
        <v>0</v>
      </c>
      <c r="CB2726" s="166">
        <v>0</v>
      </c>
      <c r="CC2726" s="166">
        <v>0</v>
      </c>
      <c r="CD2726" s="166">
        <v>0</v>
      </c>
      <c r="CE2726" s="166">
        <v>0</v>
      </c>
      <c r="CF2726" s="166">
        <v>0</v>
      </c>
      <c r="CG2726" s="166">
        <v>0</v>
      </c>
      <c r="CH2726" s="166">
        <v>0</v>
      </c>
      <c r="CI2726" s="166">
        <v>0</v>
      </c>
      <c r="CJ2726" s="166">
        <v>0</v>
      </c>
      <c r="CK2726" s="166">
        <v>0</v>
      </c>
      <c r="CL2726" s="166">
        <v>0</v>
      </c>
      <c r="CM2726" s="166">
        <v>0</v>
      </c>
      <c r="CN2726" s="166">
        <v>0</v>
      </c>
      <c r="CO2726" s="166">
        <v>0</v>
      </c>
      <c r="CP2726" s="166">
        <v>0</v>
      </c>
      <c r="CQ2726" s="166">
        <v>0</v>
      </c>
      <c r="CR2726" s="166">
        <v>0</v>
      </c>
      <c r="CS2726" s="166">
        <v>0</v>
      </c>
      <c r="CT2726" s="166">
        <v>0</v>
      </c>
      <c r="CU2726" s="166">
        <v>0</v>
      </c>
      <c r="CV2726" s="166">
        <v>0</v>
      </c>
      <c r="CW2726" s="166">
        <v>0</v>
      </c>
      <c r="CX2726" s="166">
        <v>0</v>
      </c>
      <c r="CY2726" s="166">
        <v>0</v>
      </c>
      <c r="CZ2726" s="166">
        <v>0</v>
      </c>
    </row>
    <row r="2727" spans="1:104" x14ac:dyDescent="0.2">
      <c r="A2727" s="167" t="s">
        <v>572</v>
      </c>
      <c r="B2727" s="166">
        <v>26940699.333700102</v>
      </c>
      <c r="C2727" s="166">
        <v>26940699.333700102</v>
      </c>
      <c r="D2727" s="166">
        <v>0</v>
      </c>
      <c r="E2727" s="166">
        <v>0</v>
      </c>
      <c r="F2727" s="166">
        <v>0</v>
      </c>
      <c r="G2727" s="166">
        <v>0</v>
      </c>
      <c r="H2727" s="166">
        <v>0</v>
      </c>
      <c r="I2727" s="166">
        <v>0</v>
      </c>
      <c r="J2727" s="166">
        <v>0</v>
      </c>
      <c r="K2727" s="166">
        <v>0</v>
      </c>
      <c r="L2727" s="166">
        <v>0</v>
      </c>
      <c r="M2727" s="166">
        <v>0</v>
      </c>
      <c r="N2727" s="166">
        <v>0</v>
      </c>
      <c r="O2727" s="166">
        <v>0</v>
      </c>
      <c r="P2727" s="166">
        <v>0</v>
      </c>
      <c r="Q2727" s="166">
        <v>0</v>
      </c>
      <c r="R2727" s="166">
        <v>0</v>
      </c>
      <c r="S2727" s="166">
        <v>0</v>
      </c>
      <c r="T2727" s="166">
        <v>0</v>
      </c>
      <c r="U2727" s="166">
        <v>0</v>
      </c>
      <c r="V2727" s="166">
        <v>0</v>
      </c>
      <c r="W2727" s="166">
        <v>0</v>
      </c>
      <c r="X2727" s="166">
        <v>0</v>
      </c>
      <c r="Y2727" s="166">
        <v>0</v>
      </c>
      <c r="Z2727" s="166">
        <v>0</v>
      </c>
      <c r="AA2727" s="166">
        <v>0</v>
      </c>
      <c r="AB2727" s="166">
        <v>0</v>
      </c>
      <c r="AC2727" s="166">
        <v>0</v>
      </c>
      <c r="AD2727" s="166">
        <v>0</v>
      </c>
      <c r="AE2727" s="166">
        <v>0</v>
      </c>
      <c r="AF2727" s="166">
        <v>0</v>
      </c>
      <c r="AG2727" s="166">
        <v>0</v>
      </c>
      <c r="AH2727" s="166">
        <v>0</v>
      </c>
      <c r="AI2727" s="166">
        <v>0</v>
      </c>
      <c r="AJ2727" s="166">
        <v>0</v>
      </c>
      <c r="AK2727" s="166">
        <v>0</v>
      </c>
      <c r="AL2727" s="166">
        <v>0</v>
      </c>
      <c r="AM2727" s="166">
        <v>0</v>
      </c>
      <c r="AN2727" s="166">
        <v>0</v>
      </c>
      <c r="AO2727" s="166">
        <v>0</v>
      </c>
      <c r="AP2727" s="166">
        <v>0</v>
      </c>
      <c r="AQ2727" s="166">
        <v>0</v>
      </c>
      <c r="AR2727" s="166">
        <v>0</v>
      </c>
      <c r="AS2727" s="166">
        <v>0</v>
      </c>
      <c r="AT2727" s="166">
        <v>0</v>
      </c>
      <c r="AU2727" s="166">
        <v>0</v>
      </c>
      <c r="AV2727" s="166">
        <v>0</v>
      </c>
      <c r="AW2727" s="166">
        <v>0</v>
      </c>
      <c r="AX2727" s="166">
        <v>0</v>
      </c>
      <c r="AY2727" s="166">
        <v>0</v>
      </c>
      <c r="AZ2727" s="166">
        <v>0</v>
      </c>
      <c r="BA2727" s="166">
        <v>0</v>
      </c>
      <c r="BB2727" s="166">
        <v>0</v>
      </c>
      <c r="BC2727" s="166">
        <v>0</v>
      </c>
      <c r="BD2727" s="166">
        <v>0</v>
      </c>
      <c r="BE2727" s="166">
        <v>0</v>
      </c>
      <c r="BF2727" s="166">
        <v>0</v>
      </c>
      <c r="BG2727" s="166">
        <v>0</v>
      </c>
      <c r="BH2727" s="166">
        <v>0</v>
      </c>
      <c r="BI2727" s="166">
        <v>0</v>
      </c>
      <c r="BJ2727" s="166">
        <v>0</v>
      </c>
      <c r="BK2727" s="166">
        <v>0</v>
      </c>
      <c r="BL2727" s="166">
        <v>0</v>
      </c>
      <c r="BM2727" s="166">
        <v>0</v>
      </c>
      <c r="BN2727" s="166">
        <v>0</v>
      </c>
      <c r="BO2727" s="166">
        <v>0</v>
      </c>
      <c r="BP2727" s="166">
        <v>0</v>
      </c>
      <c r="BQ2727" s="166">
        <v>0</v>
      </c>
      <c r="BR2727" s="166">
        <v>26940699.333700102</v>
      </c>
      <c r="BS2727" s="166">
        <v>26940699.333700102</v>
      </c>
      <c r="BT2727" s="168">
        <v>0</v>
      </c>
      <c r="BU2727" s="166">
        <v>0</v>
      </c>
      <c r="BV2727" s="166">
        <v>0</v>
      </c>
      <c r="BW2727" s="166">
        <v>0</v>
      </c>
      <c r="BX2727" s="166">
        <v>0</v>
      </c>
      <c r="BY2727" s="166">
        <v>0</v>
      </c>
      <c r="BZ2727" s="166">
        <v>0</v>
      </c>
      <c r="CA2727" s="166">
        <v>0</v>
      </c>
      <c r="CB2727" s="166">
        <v>0</v>
      </c>
      <c r="CC2727" s="166">
        <v>0</v>
      </c>
      <c r="CD2727" s="166">
        <v>0</v>
      </c>
      <c r="CE2727" s="166">
        <v>0</v>
      </c>
      <c r="CF2727" s="166">
        <v>0</v>
      </c>
      <c r="CG2727" s="166">
        <v>0</v>
      </c>
      <c r="CH2727" s="166">
        <v>0</v>
      </c>
      <c r="CI2727" s="166">
        <v>0</v>
      </c>
      <c r="CJ2727" s="166">
        <v>0</v>
      </c>
      <c r="CK2727" s="166">
        <v>0</v>
      </c>
      <c r="CL2727" s="166">
        <v>0</v>
      </c>
      <c r="CM2727" s="166">
        <v>0</v>
      </c>
      <c r="CN2727" s="166">
        <v>0</v>
      </c>
      <c r="CO2727" s="166">
        <v>0</v>
      </c>
      <c r="CP2727" s="166">
        <v>0</v>
      </c>
      <c r="CQ2727" s="166">
        <v>0</v>
      </c>
      <c r="CR2727" s="166">
        <v>0</v>
      </c>
      <c r="CS2727" s="166">
        <v>0</v>
      </c>
      <c r="CT2727" s="166">
        <v>0</v>
      </c>
      <c r="CU2727" s="166">
        <v>0</v>
      </c>
      <c r="CV2727" s="166">
        <v>0</v>
      </c>
      <c r="CW2727" s="166">
        <v>0</v>
      </c>
      <c r="CX2727" s="166">
        <v>0</v>
      </c>
      <c r="CY2727" s="166">
        <v>0</v>
      </c>
      <c r="CZ2727" s="166">
        <v>0</v>
      </c>
    </row>
    <row r="2728" spans="1:104" x14ac:dyDescent="0.2">
      <c r="A2728" s="167" t="s">
        <v>573</v>
      </c>
      <c r="B2728" s="166">
        <v>9362153.71578224</v>
      </c>
      <c r="C2728" s="166">
        <v>9362153.71578224</v>
      </c>
      <c r="D2728" s="166">
        <v>0</v>
      </c>
      <c r="E2728" s="166">
        <v>0</v>
      </c>
      <c r="F2728" s="166">
        <v>0</v>
      </c>
      <c r="G2728" s="166">
        <v>0</v>
      </c>
      <c r="H2728" s="166">
        <v>0</v>
      </c>
      <c r="I2728" s="166">
        <v>0</v>
      </c>
      <c r="J2728" s="166">
        <v>0</v>
      </c>
      <c r="K2728" s="166">
        <v>0</v>
      </c>
      <c r="L2728" s="166">
        <v>0</v>
      </c>
      <c r="M2728" s="166">
        <v>0</v>
      </c>
      <c r="N2728" s="166">
        <v>0</v>
      </c>
      <c r="O2728" s="166">
        <v>0</v>
      </c>
      <c r="P2728" s="166">
        <v>0</v>
      </c>
      <c r="Q2728" s="166">
        <v>0</v>
      </c>
      <c r="R2728" s="166">
        <v>0</v>
      </c>
      <c r="S2728" s="166">
        <v>0</v>
      </c>
      <c r="T2728" s="166">
        <v>0</v>
      </c>
      <c r="U2728" s="166">
        <v>0</v>
      </c>
      <c r="V2728" s="166">
        <v>0</v>
      </c>
      <c r="W2728" s="166">
        <v>0</v>
      </c>
      <c r="X2728" s="166">
        <v>0</v>
      </c>
      <c r="Y2728" s="166">
        <v>0</v>
      </c>
      <c r="Z2728" s="166">
        <v>0</v>
      </c>
      <c r="AA2728" s="166">
        <v>0</v>
      </c>
      <c r="AB2728" s="166">
        <v>0</v>
      </c>
      <c r="AC2728" s="166">
        <v>0</v>
      </c>
      <c r="AD2728" s="166">
        <v>0</v>
      </c>
      <c r="AE2728" s="166">
        <v>0</v>
      </c>
      <c r="AF2728" s="166">
        <v>0</v>
      </c>
      <c r="AG2728" s="166">
        <v>0</v>
      </c>
      <c r="AH2728" s="166">
        <v>0</v>
      </c>
      <c r="AI2728" s="166">
        <v>0</v>
      </c>
      <c r="AJ2728" s="166">
        <v>0</v>
      </c>
      <c r="AK2728" s="166">
        <v>0</v>
      </c>
      <c r="AL2728" s="166">
        <v>0</v>
      </c>
      <c r="AM2728" s="166">
        <v>0</v>
      </c>
      <c r="AN2728" s="166">
        <v>0</v>
      </c>
      <c r="AO2728" s="166">
        <v>0</v>
      </c>
      <c r="AP2728" s="166">
        <v>0</v>
      </c>
      <c r="AQ2728" s="166">
        <v>0</v>
      </c>
      <c r="AR2728" s="166">
        <v>0</v>
      </c>
      <c r="AS2728" s="166">
        <v>0</v>
      </c>
      <c r="AT2728" s="166">
        <v>0</v>
      </c>
      <c r="AU2728" s="166">
        <v>0</v>
      </c>
      <c r="AV2728" s="166">
        <v>0</v>
      </c>
      <c r="AW2728" s="166">
        <v>0</v>
      </c>
      <c r="AX2728" s="166">
        <v>0</v>
      </c>
      <c r="AY2728" s="166">
        <v>0</v>
      </c>
      <c r="AZ2728" s="166">
        <v>0</v>
      </c>
      <c r="BA2728" s="166">
        <v>0</v>
      </c>
      <c r="BB2728" s="166">
        <v>0</v>
      </c>
      <c r="BC2728" s="166">
        <v>0</v>
      </c>
      <c r="BD2728" s="166">
        <v>0</v>
      </c>
      <c r="BE2728" s="166">
        <v>0</v>
      </c>
      <c r="BF2728" s="166">
        <v>0</v>
      </c>
      <c r="BG2728" s="166">
        <v>0</v>
      </c>
      <c r="BH2728" s="166">
        <v>0</v>
      </c>
      <c r="BI2728" s="166">
        <v>0</v>
      </c>
      <c r="BJ2728" s="166">
        <v>0</v>
      </c>
      <c r="BK2728" s="166">
        <v>0</v>
      </c>
      <c r="BL2728" s="166">
        <v>0</v>
      </c>
      <c r="BM2728" s="166">
        <v>0</v>
      </c>
      <c r="BN2728" s="166">
        <v>0</v>
      </c>
      <c r="BO2728" s="166">
        <v>0</v>
      </c>
      <c r="BP2728" s="166">
        <v>0</v>
      </c>
      <c r="BQ2728" s="166">
        <v>0</v>
      </c>
      <c r="BR2728" s="166">
        <v>9362153.71578224</v>
      </c>
      <c r="BS2728" s="166">
        <v>9362153.71578224</v>
      </c>
      <c r="BT2728" s="168">
        <v>0</v>
      </c>
      <c r="BU2728" s="166">
        <v>0</v>
      </c>
      <c r="BV2728" s="166">
        <v>0</v>
      </c>
      <c r="BW2728" s="166">
        <v>0</v>
      </c>
      <c r="BX2728" s="166">
        <v>0</v>
      </c>
      <c r="BY2728" s="166">
        <v>0</v>
      </c>
      <c r="BZ2728" s="166">
        <v>0</v>
      </c>
      <c r="CA2728" s="166">
        <v>0</v>
      </c>
      <c r="CB2728" s="166">
        <v>0</v>
      </c>
      <c r="CC2728" s="166">
        <v>0</v>
      </c>
      <c r="CD2728" s="166">
        <v>0</v>
      </c>
      <c r="CE2728" s="166">
        <v>0</v>
      </c>
      <c r="CF2728" s="166">
        <v>0</v>
      </c>
      <c r="CG2728" s="166">
        <v>0</v>
      </c>
      <c r="CH2728" s="166">
        <v>0</v>
      </c>
      <c r="CI2728" s="166">
        <v>0</v>
      </c>
      <c r="CJ2728" s="166">
        <v>0</v>
      </c>
      <c r="CK2728" s="166">
        <v>0</v>
      </c>
      <c r="CL2728" s="166">
        <v>0</v>
      </c>
      <c r="CM2728" s="166">
        <v>0</v>
      </c>
      <c r="CN2728" s="166">
        <v>0</v>
      </c>
      <c r="CO2728" s="166">
        <v>0</v>
      </c>
      <c r="CP2728" s="166">
        <v>0</v>
      </c>
      <c r="CQ2728" s="166">
        <v>0</v>
      </c>
      <c r="CR2728" s="166">
        <v>0</v>
      </c>
      <c r="CS2728" s="166">
        <v>0</v>
      </c>
      <c r="CT2728" s="166">
        <v>0</v>
      </c>
      <c r="CU2728" s="166">
        <v>0</v>
      </c>
      <c r="CV2728" s="166">
        <v>0</v>
      </c>
      <c r="CW2728" s="166">
        <v>0</v>
      </c>
      <c r="CX2728" s="166">
        <v>0</v>
      </c>
      <c r="CY2728" s="166">
        <v>0</v>
      </c>
      <c r="CZ2728" s="166">
        <v>0</v>
      </c>
    </row>
    <row r="2729" spans="1:104" x14ac:dyDescent="0.2">
      <c r="A2729" s="167" t="s">
        <v>574</v>
      </c>
      <c r="B2729" s="166">
        <v>3113874.5442697001</v>
      </c>
      <c r="C2729" s="166">
        <v>3113874.5442697001</v>
      </c>
      <c r="D2729" s="166">
        <v>0</v>
      </c>
      <c r="E2729" s="166">
        <v>0</v>
      </c>
      <c r="F2729" s="166">
        <v>0</v>
      </c>
      <c r="G2729" s="166">
        <v>0</v>
      </c>
      <c r="H2729" s="166">
        <v>0</v>
      </c>
      <c r="I2729" s="166">
        <v>0</v>
      </c>
      <c r="J2729" s="166">
        <v>0</v>
      </c>
      <c r="K2729" s="166">
        <v>0</v>
      </c>
      <c r="L2729" s="166">
        <v>0</v>
      </c>
      <c r="M2729" s="166">
        <v>0</v>
      </c>
      <c r="N2729" s="166">
        <v>0</v>
      </c>
      <c r="O2729" s="166">
        <v>0</v>
      </c>
      <c r="P2729" s="166">
        <v>0</v>
      </c>
      <c r="Q2729" s="166">
        <v>0</v>
      </c>
      <c r="R2729" s="166">
        <v>0</v>
      </c>
      <c r="S2729" s="166">
        <v>0</v>
      </c>
      <c r="T2729" s="166">
        <v>0</v>
      </c>
      <c r="U2729" s="166">
        <v>0</v>
      </c>
      <c r="V2729" s="166">
        <v>0</v>
      </c>
      <c r="W2729" s="166">
        <v>0</v>
      </c>
      <c r="X2729" s="166">
        <v>0</v>
      </c>
      <c r="Y2729" s="166">
        <v>0</v>
      </c>
      <c r="Z2729" s="166">
        <v>0</v>
      </c>
      <c r="AA2729" s="166">
        <v>0</v>
      </c>
      <c r="AB2729" s="166">
        <v>0</v>
      </c>
      <c r="AC2729" s="166">
        <v>0</v>
      </c>
      <c r="AD2729" s="166">
        <v>0</v>
      </c>
      <c r="AE2729" s="166">
        <v>0</v>
      </c>
      <c r="AF2729" s="166">
        <v>0</v>
      </c>
      <c r="AG2729" s="166">
        <v>0</v>
      </c>
      <c r="AH2729" s="166">
        <v>0</v>
      </c>
      <c r="AI2729" s="166">
        <v>0</v>
      </c>
      <c r="AJ2729" s="166">
        <v>0</v>
      </c>
      <c r="AK2729" s="166">
        <v>0</v>
      </c>
      <c r="AL2729" s="166">
        <v>0</v>
      </c>
      <c r="AM2729" s="166">
        <v>0</v>
      </c>
      <c r="AN2729" s="166">
        <v>0</v>
      </c>
      <c r="AO2729" s="166">
        <v>0</v>
      </c>
      <c r="AP2729" s="166">
        <v>0</v>
      </c>
      <c r="AQ2729" s="166">
        <v>0</v>
      </c>
      <c r="AR2729" s="166">
        <v>0</v>
      </c>
      <c r="AS2729" s="166">
        <v>0</v>
      </c>
      <c r="AT2729" s="166">
        <v>0</v>
      </c>
      <c r="AU2729" s="166">
        <v>0</v>
      </c>
      <c r="AV2729" s="166">
        <v>0</v>
      </c>
      <c r="AW2729" s="166">
        <v>0</v>
      </c>
      <c r="AX2729" s="166">
        <v>0</v>
      </c>
      <c r="AY2729" s="166">
        <v>0</v>
      </c>
      <c r="AZ2729" s="166">
        <v>0</v>
      </c>
      <c r="BA2729" s="166">
        <v>0</v>
      </c>
      <c r="BB2729" s="166">
        <v>0</v>
      </c>
      <c r="BC2729" s="166">
        <v>0</v>
      </c>
      <c r="BD2729" s="166">
        <v>0</v>
      </c>
      <c r="BE2729" s="166">
        <v>0</v>
      </c>
      <c r="BF2729" s="166">
        <v>0</v>
      </c>
      <c r="BG2729" s="166">
        <v>0</v>
      </c>
      <c r="BH2729" s="166">
        <v>0</v>
      </c>
      <c r="BI2729" s="166">
        <v>0</v>
      </c>
      <c r="BJ2729" s="166">
        <v>0</v>
      </c>
      <c r="BK2729" s="166">
        <v>0</v>
      </c>
      <c r="BL2729" s="166">
        <v>0</v>
      </c>
      <c r="BM2729" s="166">
        <v>0</v>
      </c>
      <c r="BN2729" s="166">
        <v>0</v>
      </c>
      <c r="BO2729" s="166">
        <v>0</v>
      </c>
      <c r="BP2729" s="166">
        <v>0</v>
      </c>
      <c r="BQ2729" s="166">
        <v>0</v>
      </c>
      <c r="BR2729" s="166">
        <v>3113874.5442697001</v>
      </c>
      <c r="BS2729" s="166">
        <v>3113874.5442697001</v>
      </c>
      <c r="BT2729" s="168">
        <v>0</v>
      </c>
      <c r="BU2729" s="166">
        <v>0</v>
      </c>
      <c r="BV2729" s="166">
        <v>0</v>
      </c>
      <c r="BW2729" s="166">
        <v>0</v>
      </c>
      <c r="BX2729" s="166">
        <v>0</v>
      </c>
      <c r="BY2729" s="166">
        <v>0</v>
      </c>
      <c r="BZ2729" s="166">
        <v>0</v>
      </c>
      <c r="CA2729" s="166">
        <v>0</v>
      </c>
      <c r="CB2729" s="166">
        <v>0</v>
      </c>
      <c r="CC2729" s="166">
        <v>0</v>
      </c>
      <c r="CD2729" s="166">
        <v>0</v>
      </c>
      <c r="CE2729" s="166">
        <v>0</v>
      </c>
      <c r="CF2729" s="166">
        <v>0</v>
      </c>
      <c r="CG2729" s="166">
        <v>0</v>
      </c>
      <c r="CH2729" s="166">
        <v>0</v>
      </c>
      <c r="CI2729" s="166">
        <v>0</v>
      </c>
      <c r="CJ2729" s="166">
        <v>0</v>
      </c>
      <c r="CK2729" s="166">
        <v>0</v>
      </c>
      <c r="CL2729" s="166">
        <v>0</v>
      </c>
      <c r="CM2729" s="166">
        <v>0</v>
      </c>
      <c r="CN2729" s="166">
        <v>0</v>
      </c>
      <c r="CO2729" s="166">
        <v>0</v>
      </c>
      <c r="CP2729" s="166">
        <v>0</v>
      </c>
      <c r="CQ2729" s="166">
        <v>0</v>
      </c>
      <c r="CR2729" s="166">
        <v>0</v>
      </c>
      <c r="CS2729" s="166">
        <v>0</v>
      </c>
      <c r="CT2729" s="166">
        <v>0</v>
      </c>
      <c r="CU2729" s="166">
        <v>0</v>
      </c>
      <c r="CV2729" s="166">
        <v>0</v>
      </c>
      <c r="CW2729" s="166">
        <v>0</v>
      </c>
      <c r="CX2729" s="166">
        <v>0</v>
      </c>
      <c r="CY2729" s="166">
        <v>0</v>
      </c>
      <c r="CZ2729" s="166">
        <v>0</v>
      </c>
    </row>
    <row r="2730" spans="1:104" x14ac:dyDescent="0.2">
      <c r="A2730" s="167" t="s">
        <v>575</v>
      </c>
      <c r="B2730" s="166">
        <v>20181160.290569998</v>
      </c>
      <c r="C2730" s="166">
        <v>20181160.290569998</v>
      </c>
      <c r="D2730" s="166">
        <v>0</v>
      </c>
      <c r="E2730" s="166">
        <v>0</v>
      </c>
      <c r="F2730" s="166">
        <v>0</v>
      </c>
      <c r="G2730" s="166">
        <v>0</v>
      </c>
      <c r="H2730" s="166">
        <v>0</v>
      </c>
      <c r="I2730" s="166">
        <v>0</v>
      </c>
      <c r="J2730" s="166">
        <v>0</v>
      </c>
      <c r="K2730" s="166">
        <v>0</v>
      </c>
      <c r="L2730" s="166">
        <v>0</v>
      </c>
      <c r="M2730" s="166">
        <v>0</v>
      </c>
      <c r="N2730" s="166">
        <v>0</v>
      </c>
      <c r="O2730" s="166">
        <v>0</v>
      </c>
      <c r="P2730" s="166">
        <v>0</v>
      </c>
      <c r="Q2730" s="166">
        <v>0</v>
      </c>
      <c r="R2730" s="166">
        <v>0</v>
      </c>
      <c r="S2730" s="166">
        <v>0</v>
      </c>
      <c r="T2730" s="166">
        <v>0</v>
      </c>
      <c r="U2730" s="166">
        <v>0</v>
      </c>
      <c r="V2730" s="166">
        <v>0</v>
      </c>
      <c r="W2730" s="166">
        <v>0</v>
      </c>
      <c r="X2730" s="166">
        <v>0</v>
      </c>
      <c r="Y2730" s="166">
        <v>0</v>
      </c>
      <c r="Z2730" s="166">
        <v>0</v>
      </c>
      <c r="AA2730" s="166">
        <v>0</v>
      </c>
      <c r="AB2730" s="166">
        <v>0</v>
      </c>
      <c r="AC2730" s="166">
        <v>0</v>
      </c>
      <c r="AD2730" s="166">
        <v>0</v>
      </c>
      <c r="AE2730" s="166">
        <v>0</v>
      </c>
      <c r="AF2730" s="166">
        <v>0</v>
      </c>
      <c r="AG2730" s="166">
        <v>0</v>
      </c>
      <c r="AH2730" s="166">
        <v>0</v>
      </c>
      <c r="AI2730" s="166">
        <v>0</v>
      </c>
      <c r="AJ2730" s="166">
        <v>0</v>
      </c>
      <c r="AK2730" s="166">
        <v>0</v>
      </c>
      <c r="AL2730" s="166">
        <v>0</v>
      </c>
      <c r="AM2730" s="166">
        <v>0</v>
      </c>
      <c r="AN2730" s="166">
        <v>0</v>
      </c>
      <c r="AO2730" s="166">
        <v>0</v>
      </c>
      <c r="AP2730" s="166">
        <v>0</v>
      </c>
      <c r="AQ2730" s="166">
        <v>0</v>
      </c>
      <c r="AR2730" s="166">
        <v>0</v>
      </c>
      <c r="AS2730" s="166">
        <v>0</v>
      </c>
      <c r="AT2730" s="166">
        <v>0</v>
      </c>
      <c r="AU2730" s="166">
        <v>0</v>
      </c>
      <c r="AV2730" s="166">
        <v>0</v>
      </c>
      <c r="AW2730" s="166">
        <v>0</v>
      </c>
      <c r="AX2730" s="166">
        <v>0</v>
      </c>
      <c r="AY2730" s="166">
        <v>0</v>
      </c>
      <c r="AZ2730" s="166">
        <v>0</v>
      </c>
      <c r="BA2730" s="166">
        <v>0</v>
      </c>
      <c r="BB2730" s="166">
        <v>0</v>
      </c>
      <c r="BC2730" s="166">
        <v>0</v>
      </c>
      <c r="BD2730" s="166">
        <v>0</v>
      </c>
      <c r="BE2730" s="166">
        <v>0</v>
      </c>
      <c r="BF2730" s="166">
        <v>0</v>
      </c>
      <c r="BG2730" s="166">
        <v>0</v>
      </c>
      <c r="BH2730" s="166">
        <v>0</v>
      </c>
      <c r="BI2730" s="166">
        <v>0</v>
      </c>
      <c r="BJ2730" s="166">
        <v>0</v>
      </c>
      <c r="BK2730" s="166">
        <v>0</v>
      </c>
      <c r="BL2730" s="166">
        <v>0</v>
      </c>
      <c r="BM2730" s="166">
        <v>0</v>
      </c>
      <c r="BN2730" s="166">
        <v>0</v>
      </c>
      <c r="BO2730" s="166">
        <v>0</v>
      </c>
      <c r="BP2730" s="166">
        <v>0</v>
      </c>
      <c r="BQ2730" s="166">
        <v>0</v>
      </c>
      <c r="BR2730" s="166">
        <v>20181160.290569998</v>
      </c>
      <c r="BS2730" s="166">
        <v>20181160.290569998</v>
      </c>
      <c r="BT2730" s="168">
        <v>0</v>
      </c>
      <c r="BU2730" s="166">
        <v>0</v>
      </c>
      <c r="BV2730" s="166">
        <v>0</v>
      </c>
      <c r="BW2730" s="166">
        <v>0</v>
      </c>
      <c r="BX2730" s="166">
        <v>0</v>
      </c>
      <c r="BY2730" s="166">
        <v>0</v>
      </c>
      <c r="BZ2730" s="166">
        <v>0</v>
      </c>
      <c r="CA2730" s="166">
        <v>0</v>
      </c>
      <c r="CB2730" s="166">
        <v>0</v>
      </c>
      <c r="CC2730" s="166">
        <v>0</v>
      </c>
      <c r="CD2730" s="166">
        <v>0</v>
      </c>
      <c r="CE2730" s="166">
        <v>0</v>
      </c>
      <c r="CF2730" s="166">
        <v>0</v>
      </c>
      <c r="CG2730" s="166">
        <v>0</v>
      </c>
      <c r="CH2730" s="166">
        <v>0</v>
      </c>
      <c r="CI2730" s="166">
        <v>0</v>
      </c>
      <c r="CJ2730" s="166">
        <v>0</v>
      </c>
      <c r="CK2730" s="166">
        <v>0</v>
      </c>
      <c r="CL2730" s="166">
        <v>0</v>
      </c>
      <c r="CM2730" s="166">
        <v>0</v>
      </c>
      <c r="CN2730" s="166">
        <v>0</v>
      </c>
      <c r="CO2730" s="166">
        <v>0</v>
      </c>
      <c r="CP2730" s="166">
        <v>0</v>
      </c>
      <c r="CQ2730" s="166">
        <v>0</v>
      </c>
      <c r="CR2730" s="166">
        <v>0</v>
      </c>
      <c r="CS2730" s="166">
        <v>0</v>
      </c>
      <c r="CT2730" s="166">
        <v>0</v>
      </c>
      <c r="CU2730" s="166">
        <v>0</v>
      </c>
      <c r="CV2730" s="166">
        <v>0</v>
      </c>
      <c r="CW2730" s="166">
        <v>0</v>
      </c>
      <c r="CX2730" s="166">
        <v>0</v>
      </c>
      <c r="CY2730" s="166">
        <v>0</v>
      </c>
      <c r="CZ2730" s="166">
        <v>0</v>
      </c>
    </row>
    <row r="2731" spans="1:104" x14ac:dyDescent="0.2">
      <c r="A2731" s="167" t="s">
        <v>576</v>
      </c>
      <c r="B2731" s="166">
        <v>0</v>
      </c>
      <c r="C2731" s="166">
        <v>0</v>
      </c>
      <c r="D2731" s="166">
        <v>0</v>
      </c>
      <c r="E2731" s="166">
        <v>0</v>
      </c>
      <c r="F2731" s="166">
        <v>0</v>
      </c>
      <c r="G2731" s="166">
        <v>0</v>
      </c>
      <c r="H2731" s="166">
        <v>0</v>
      </c>
      <c r="I2731" s="166">
        <v>0</v>
      </c>
      <c r="J2731" s="166">
        <v>0</v>
      </c>
      <c r="K2731" s="166">
        <v>0</v>
      </c>
      <c r="L2731" s="166">
        <v>0</v>
      </c>
      <c r="M2731" s="166">
        <v>0</v>
      </c>
      <c r="N2731" s="166">
        <v>0</v>
      </c>
      <c r="O2731" s="166">
        <v>0</v>
      </c>
      <c r="P2731" s="166">
        <v>0</v>
      </c>
      <c r="Q2731" s="166">
        <v>0</v>
      </c>
      <c r="R2731" s="166">
        <v>0</v>
      </c>
      <c r="S2731" s="166">
        <v>0</v>
      </c>
      <c r="T2731" s="166">
        <v>0</v>
      </c>
      <c r="U2731" s="166">
        <v>0</v>
      </c>
      <c r="V2731" s="166">
        <v>0</v>
      </c>
      <c r="W2731" s="166">
        <v>0</v>
      </c>
      <c r="X2731" s="166">
        <v>0</v>
      </c>
      <c r="Y2731" s="166">
        <v>0</v>
      </c>
      <c r="Z2731" s="166">
        <v>0</v>
      </c>
      <c r="AA2731" s="166">
        <v>0</v>
      </c>
      <c r="AB2731" s="166">
        <v>0</v>
      </c>
      <c r="AC2731" s="166">
        <v>0</v>
      </c>
      <c r="AD2731" s="166">
        <v>0</v>
      </c>
      <c r="AE2731" s="166">
        <v>0</v>
      </c>
      <c r="AF2731" s="166">
        <v>0</v>
      </c>
      <c r="AG2731" s="166">
        <v>0</v>
      </c>
      <c r="AH2731" s="166">
        <v>0</v>
      </c>
      <c r="AI2731" s="166">
        <v>0</v>
      </c>
      <c r="AJ2731" s="166">
        <v>0</v>
      </c>
      <c r="AK2731" s="166">
        <v>0</v>
      </c>
      <c r="AL2731" s="166">
        <v>0</v>
      </c>
      <c r="AM2731" s="166">
        <v>0</v>
      </c>
      <c r="AN2731" s="166">
        <v>0</v>
      </c>
      <c r="AO2731" s="166">
        <v>0</v>
      </c>
      <c r="AP2731" s="166">
        <v>0</v>
      </c>
      <c r="AQ2731" s="166">
        <v>0</v>
      </c>
      <c r="AR2731" s="166">
        <v>0</v>
      </c>
      <c r="AS2731" s="166">
        <v>0</v>
      </c>
      <c r="AT2731" s="166">
        <v>0</v>
      </c>
      <c r="AU2731" s="166">
        <v>0</v>
      </c>
      <c r="AV2731" s="166">
        <v>0</v>
      </c>
      <c r="AW2731" s="166">
        <v>0</v>
      </c>
      <c r="AX2731" s="166">
        <v>0</v>
      </c>
      <c r="AY2731" s="166">
        <v>0</v>
      </c>
      <c r="AZ2731" s="166">
        <v>0</v>
      </c>
      <c r="BA2731" s="166">
        <v>0</v>
      </c>
      <c r="BB2731" s="166">
        <v>0</v>
      </c>
      <c r="BC2731" s="166">
        <v>0</v>
      </c>
      <c r="BD2731" s="166">
        <v>0</v>
      </c>
      <c r="BE2731" s="166">
        <v>0</v>
      </c>
      <c r="BF2731" s="166">
        <v>0</v>
      </c>
      <c r="BG2731" s="166">
        <v>0</v>
      </c>
      <c r="BH2731" s="166">
        <v>0</v>
      </c>
      <c r="BI2731" s="166">
        <v>0</v>
      </c>
      <c r="BJ2731" s="166">
        <v>0</v>
      </c>
      <c r="BK2731" s="166">
        <v>0</v>
      </c>
      <c r="BL2731" s="166">
        <v>0</v>
      </c>
      <c r="BM2731" s="166">
        <v>0</v>
      </c>
      <c r="BN2731" s="166">
        <v>0</v>
      </c>
      <c r="BO2731" s="166">
        <v>0</v>
      </c>
      <c r="BP2731" s="166">
        <v>0</v>
      </c>
      <c r="BQ2731" s="166">
        <v>0</v>
      </c>
      <c r="BR2731" s="166">
        <v>0</v>
      </c>
      <c r="BS2731" s="166">
        <v>0</v>
      </c>
      <c r="BT2731" s="168">
        <v>0</v>
      </c>
      <c r="BU2731" s="166">
        <v>0</v>
      </c>
      <c r="BV2731" s="166">
        <v>0</v>
      </c>
      <c r="BW2731" s="166">
        <v>0</v>
      </c>
      <c r="BX2731" s="166">
        <v>0</v>
      </c>
      <c r="BY2731" s="166">
        <v>0</v>
      </c>
      <c r="BZ2731" s="166">
        <v>0</v>
      </c>
      <c r="CA2731" s="166">
        <v>0</v>
      </c>
      <c r="CB2731" s="166">
        <v>0</v>
      </c>
      <c r="CC2731" s="166">
        <v>0</v>
      </c>
      <c r="CD2731" s="166">
        <v>0</v>
      </c>
      <c r="CE2731" s="166">
        <v>0</v>
      </c>
      <c r="CF2731" s="166">
        <v>0</v>
      </c>
      <c r="CG2731" s="166">
        <v>0</v>
      </c>
      <c r="CH2731" s="166">
        <v>0</v>
      </c>
      <c r="CI2731" s="166">
        <v>0</v>
      </c>
      <c r="CJ2731" s="166">
        <v>0</v>
      </c>
      <c r="CK2731" s="166">
        <v>0</v>
      </c>
      <c r="CL2731" s="166">
        <v>0</v>
      </c>
      <c r="CM2731" s="166">
        <v>0</v>
      </c>
      <c r="CN2731" s="166">
        <v>0</v>
      </c>
      <c r="CO2731" s="166">
        <v>0</v>
      </c>
      <c r="CP2731" s="166">
        <v>0</v>
      </c>
      <c r="CQ2731" s="166">
        <v>0</v>
      </c>
      <c r="CR2731" s="166">
        <v>0</v>
      </c>
      <c r="CS2731" s="166">
        <v>0</v>
      </c>
      <c r="CT2731" s="166">
        <v>0</v>
      </c>
      <c r="CU2731" s="166">
        <v>0</v>
      </c>
      <c r="CV2731" s="166">
        <v>0</v>
      </c>
      <c r="CW2731" s="166">
        <v>0</v>
      </c>
      <c r="CX2731" s="166">
        <v>0</v>
      </c>
      <c r="CY2731" s="166">
        <v>0</v>
      </c>
      <c r="CZ2731" s="166">
        <v>0</v>
      </c>
    </row>
    <row r="2732" spans="1:104" x14ac:dyDescent="0.2">
      <c r="A2732" s="177" t="s">
        <v>577</v>
      </c>
      <c r="B2732" s="166">
        <v>117517157.422098</v>
      </c>
      <c r="C2732" s="166">
        <v>117517157.422098</v>
      </c>
      <c r="D2732" s="166">
        <v>0</v>
      </c>
      <c r="E2732" s="166">
        <v>0</v>
      </c>
      <c r="F2732" s="166">
        <v>0</v>
      </c>
      <c r="G2732" s="166">
        <v>0</v>
      </c>
      <c r="H2732" s="166">
        <v>0</v>
      </c>
      <c r="I2732" s="166">
        <v>0</v>
      </c>
      <c r="J2732" s="166">
        <v>0</v>
      </c>
      <c r="K2732" s="166">
        <v>0</v>
      </c>
      <c r="L2732" s="166">
        <v>0</v>
      </c>
      <c r="M2732" s="166">
        <v>0</v>
      </c>
      <c r="N2732" s="166">
        <v>0</v>
      </c>
      <c r="O2732" s="166">
        <v>0</v>
      </c>
      <c r="P2732" s="166">
        <v>0</v>
      </c>
      <c r="Q2732" s="166">
        <v>0</v>
      </c>
      <c r="R2732" s="166">
        <v>0</v>
      </c>
      <c r="S2732" s="166">
        <v>0</v>
      </c>
      <c r="T2732" s="166">
        <v>0</v>
      </c>
      <c r="U2732" s="166">
        <v>0</v>
      </c>
      <c r="V2732" s="166">
        <v>0</v>
      </c>
      <c r="W2732" s="166">
        <v>0</v>
      </c>
      <c r="X2732" s="166">
        <v>0</v>
      </c>
      <c r="Y2732" s="166">
        <v>0</v>
      </c>
      <c r="Z2732" s="166">
        <v>0</v>
      </c>
      <c r="AA2732" s="166">
        <v>0</v>
      </c>
      <c r="AB2732" s="166">
        <v>0</v>
      </c>
      <c r="AC2732" s="166">
        <v>0</v>
      </c>
      <c r="AD2732" s="166">
        <v>0</v>
      </c>
      <c r="AE2732" s="166">
        <v>0</v>
      </c>
      <c r="AF2732" s="166">
        <v>0</v>
      </c>
      <c r="AG2732" s="166">
        <v>0</v>
      </c>
      <c r="AH2732" s="166">
        <v>0</v>
      </c>
      <c r="AI2732" s="166">
        <v>0</v>
      </c>
      <c r="AJ2732" s="166">
        <v>0</v>
      </c>
      <c r="AK2732" s="166">
        <v>0</v>
      </c>
      <c r="AL2732" s="166">
        <v>0</v>
      </c>
      <c r="AM2732" s="166">
        <v>0</v>
      </c>
      <c r="AN2732" s="166">
        <v>0</v>
      </c>
      <c r="AO2732" s="166">
        <v>0</v>
      </c>
      <c r="AP2732" s="166">
        <v>0</v>
      </c>
      <c r="AQ2732" s="166">
        <v>0</v>
      </c>
      <c r="AR2732" s="166">
        <v>0</v>
      </c>
      <c r="AS2732" s="166">
        <v>0</v>
      </c>
      <c r="AT2732" s="166">
        <v>0</v>
      </c>
      <c r="AU2732" s="166">
        <v>0</v>
      </c>
      <c r="AV2732" s="166">
        <v>0</v>
      </c>
      <c r="AW2732" s="166">
        <v>0</v>
      </c>
      <c r="AX2732" s="166">
        <v>0</v>
      </c>
      <c r="AY2732" s="166">
        <v>0</v>
      </c>
      <c r="AZ2732" s="166">
        <v>0</v>
      </c>
      <c r="BA2732" s="166">
        <v>0</v>
      </c>
      <c r="BB2732" s="166">
        <v>0</v>
      </c>
      <c r="BC2732" s="166">
        <v>0</v>
      </c>
      <c r="BD2732" s="166">
        <v>0</v>
      </c>
      <c r="BE2732" s="166">
        <v>0</v>
      </c>
      <c r="BF2732" s="166">
        <v>0</v>
      </c>
      <c r="BG2732" s="166">
        <v>0</v>
      </c>
      <c r="BH2732" s="166">
        <v>0</v>
      </c>
      <c r="BI2732" s="166">
        <v>0</v>
      </c>
      <c r="BJ2732" s="166">
        <v>0</v>
      </c>
      <c r="BK2732" s="166">
        <v>0</v>
      </c>
      <c r="BL2732" s="166">
        <v>0</v>
      </c>
      <c r="BM2732" s="166">
        <v>0</v>
      </c>
      <c r="BN2732" s="166">
        <v>0</v>
      </c>
      <c r="BO2732" s="166">
        <v>0</v>
      </c>
      <c r="BP2732" s="166">
        <v>0</v>
      </c>
      <c r="BQ2732" s="166">
        <v>0</v>
      </c>
      <c r="BR2732" s="166">
        <v>117517157.422098</v>
      </c>
      <c r="BS2732" s="166">
        <v>117517157.422098</v>
      </c>
      <c r="BT2732" s="168">
        <v>0</v>
      </c>
      <c r="BU2732" s="166">
        <v>0</v>
      </c>
      <c r="BV2732" s="166">
        <v>0</v>
      </c>
      <c r="BW2732" s="166">
        <v>0</v>
      </c>
      <c r="BX2732" s="166">
        <v>0</v>
      </c>
      <c r="BY2732" s="166">
        <v>0</v>
      </c>
      <c r="BZ2732" s="166">
        <v>0</v>
      </c>
      <c r="CA2732" s="166">
        <v>0</v>
      </c>
      <c r="CB2732" s="166">
        <v>0</v>
      </c>
      <c r="CC2732" s="166">
        <v>0</v>
      </c>
      <c r="CD2732" s="166">
        <v>0</v>
      </c>
      <c r="CE2732" s="166">
        <v>0</v>
      </c>
      <c r="CF2732" s="166">
        <v>0</v>
      </c>
      <c r="CG2732" s="166">
        <v>0</v>
      </c>
      <c r="CH2732" s="166">
        <v>0</v>
      </c>
      <c r="CI2732" s="166">
        <v>0</v>
      </c>
      <c r="CJ2732" s="166">
        <v>0</v>
      </c>
      <c r="CK2732" s="166">
        <v>0</v>
      </c>
      <c r="CL2732" s="166">
        <v>0</v>
      </c>
      <c r="CM2732" s="166">
        <v>0</v>
      </c>
      <c r="CN2732" s="166">
        <v>0</v>
      </c>
      <c r="CO2732" s="166">
        <v>0</v>
      </c>
      <c r="CP2732" s="166">
        <v>0</v>
      </c>
      <c r="CQ2732" s="166">
        <v>0</v>
      </c>
      <c r="CR2732" s="166">
        <v>0</v>
      </c>
      <c r="CS2732" s="166">
        <v>0</v>
      </c>
      <c r="CT2732" s="166">
        <v>0</v>
      </c>
      <c r="CU2732" s="166">
        <v>0</v>
      </c>
      <c r="CV2732" s="166">
        <v>0</v>
      </c>
      <c r="CW2732" s="166">
        <v>0</v>
      </c>
      <c r="CX2732" s="166">
        <v>0</v>
      </c>
      <c r="CY2732" s="166">
        <v>0</v>
      </c>
      <c r="CZ2732" s="166">
        <v>0</v>
      </c>
    </row>
    <row r="2733" spans="1:104" x14ac:dyDescent="0.2">
      <c r="A2733" s="167" t="s">
        <v>578</v>
      </c>
      <c r="B2733" s="166">
        <v>0</v>
      </c>
      <c r="C2733" s="166">
        <v>0</v>
      </c>
      <c r="D2733" s="166">
        <v>0</v>
      </c>
      <c r="E2733" s="166">
        <v>0</v>
      </c>
      <c r="F2733" s="166">
        <v>0</v>
      </c>
      <c r="G2733" s="166">
        <v>0</v>
      </c>
      <c r="H2733" s="166">
        <v>0</v>
      </c>
      <c r="I2733" s="166">
        <v>0</v>
      </c>
      <c r="J2733" s="166">
        <v>0</v>
      </c>
      <c r="K2733" s="166">
        <v>0</v>
      </c>
      <c r="L2733" s="166">
        <v>0</v>
      </c>
      <c r="M2733" s="166">
        <v>0</v>
      </c>
      <c r="N2733" s="166">
        <v>0</v>
      </c>
      <c r="O2733" s="166">
        <v>0</v>
      </c>
      <c r="P2733" s="166">
        <v>0</v>
      </c>
      <c r="Q2733" s="166">
        <v>0</v>
      </c>
      <c r="R2733" s="166">
        <v>0</v>
      </c>
      <c r="S2733" s="166">
        <v>0</v>
      </c>
      <c r="T2733" s="166">
        <v>0</v>
      </c>
      <c r="U2733" s="166">
        <v>0</v>
      </c>
      <c r="V2733" s="166">
        <v>0</v>
      </c>
      <c r="W2733" s="166">
        <v>0</v>
      </c>
      <c r="X2733" s="166">
        <v>0</v>
      </c>
      <c r="Y2733" s="166">
        <v>0</v>
      </c>
      <c r="Z2733" s="166">
        <v>0</v>
      </c>
      <c r="AA2733" s="166">
        <v>0</v>
      </c>
      <c r="AB2733" s="166">
        <v>0</v>
      </c>
      <c r="AC2733" s="166">
        <v>0</v>
      </c>
      <c r="AD2733" s="166">
        <v>0</v>
      </c>
      <c r="AE2733" s="166">
        <v>0</v>
      </c>
      <c r="AF2733" s="166">
        <v>0</v>
      </c>
      <c r="AG2733" s="166">
        <v>0</v>
      </c>
      <c r="AH2733" s="166">
        <v>0</v>
      </c>
      <c r="AI2733" s="166">
        <v>0</v>
      </c>
      <c r="AJ2733" s="166">
        <v>0</v>
      </c>
      <c r="AK2733" s="166">
        <v>0</v>
      </c>
      <c r="AL2733" s="166">
        <v>0</v>
      </c>
      <c r="AM2733" s="166">
        <v>0</v>
      </c>
      <c r="AN2733" s="166">
        <v>0</v>
      </c>
      <c r="AO2733" s="166">
        <v>0</v>
      </c>
      <c r="AP2733" s="166">
        <v>0</v>
      </c>
      <c r="AQ2733" s="166">
        <v>0</v>
      </c>
      <c r="AR2733" s="166">
        <v>0</v>
      </c>
      <c r="AS2733" s="166">
        <v>0</v>
      </c>
      <c r="AT2733" s="166">
        <v>0</v>
      </c>
      <c r="AU2733" s="166">
        <v>0</v>
      </c>
      <c r="AV2733" s="166">
        <v>0</v>
      </c>
      <c r="AW2733" s="166">
        <v>0</v>
      </c>
      <c r="AX2733" s="166">
        <v>0</v>
      </c>
      <c r="AY2733" s="166">
        <v>0</v>
      </c>
      <c r="AZ2733" s="166">
        <v>0</v>
      </c>
      <c r="BA2733" s="166">
        <v>0</v>
      </c>
      <c r="BB2733" s="166">
        <v>0</v>
      </c>
      <c r="BC2733" s="166">
        <v>0</v>
      </c>
      <c r="BD2733" s="166">
        <v>0</v>
      </c>
      <c r="BE2733" s="166">
        <v>0</v>
      </c>
      <c r="BF2733" s="166">
        <v>0</v>
      </c>
      <c r="BG2733" s="166">
        <v>0</v>
      </c>
      <c r="BH2733" s="166">
        <v>0</v>
      </c>
      <c r="BI2733" s="166">
        <v>0</v>
      </c>
      <c r="BJ2733" s="166">
        <v>0</v>
      </c>
      <c r="BK2733" s="166">
        <v>0</v>
      </c>
      <c r="BL2733" s="166">
        <v>0</v>
      </c>
      <c r="BM2733" s="166">
        <v>0</v>
      </c>
      <c r="BN2733" s="166">
        <v>0</v>
      </c>
      <c r="BO2733" s="166">
        <v>0</v>
      </c>
      <c r="BP2733" s="166">
        <v>0</v>
      </c>
      <c r="BQ2733" s="166">
        <v>0</v>
      </c>
      <c r="BR2733" s="166">
        <v>0</v>
      </c>
      <c r="BS2733" s="166">
        <v>0</v>
      </c>
      <c r="BT2733" s="168">
        <v>0</v>
      </c>
      <c r="BU2733" s="166">
        <v>0</v>
      </c>
      <c r="BV2733" s="166">
        <v>0</v>
      </c>
      <c r="BW2733" s="166">
        <v>0</v>
      </c>
      <c r="BX2733" s="166">
        <v>0</v>
      </c>
      <c r="BY2733" s="166">
        <v>0</v>
      </c>
      <c r="BZ2733" s="166">
        <v>0</v>
      </c>
      <c r="CA2733" s="166">
        <v>0</v>
      </c>
      <c r="CB2733" s="166">
        <v>0</v>
      </c>
      <c r="CC2733" s="166">
        <v>0</v>
      </c>
      <c r="CD2733" s="166">
        <v>0</v>
      </c>
      <c r="CE2733" s="166">
        <v>0</v>
      </c>
      <c r="CF2733" s="166">
        <v>0</v>
      </c>
      <c r="CG2733" s="166">
        <v>0</v>
      </c>
      <c r="CH2733" s="166">
        <v>0</v>
      </c>
      <c r="CI2733" s="166">
        <v>0</v>
      </c>
      <c r="CJ2733" s="166">
        <v>0</v>
      </c>
      <c r="CK2733" s="166">
        <v>0</v>
      </c>
      <c r="CL2733" s="166">
        <v>0</v>
      </c>
      <c r="CM2733" s="166">
        <v>0</v>
      </c>
      <c r="CN2733" s="166">
        <v>0</v>
      </c>
      <c r="CO2733" s="166">
        <v>0</v>
      </c>
      <c r="CP2733" s="166">
        <v>0</v>
      </c>
      <c r="CQ2733" s="166">
        <v>0</v>
      </c>
      <c r="CR2733" s="166">
        <v>0</v>
      </c>
      <c r="CS2733" s="166">
        <v>0</v>
      </c>
      <c r="CT2733" s="166">
        <v>0</v>
      </c>
      <c r="CU2733" s="166">
        <v>0</v>
      </c>
      <c r="CV2733" s="166">
        <v>0</v>
      </c>
      <c r="CW2733" s="166">
        <v>0</v>
      </c>
      <c r="CX2733" s="166">
        <v>0</v>
      </c>
      <c r="CY2733" s="166">
        <v>0</v>
      </c>
      <c r="CZ2733" s="166">
        <v>0</v>
      </c>
    </row>
    <row r="2734" spans="1:104" x14ac:dyDescent="0.2">
      <c r="A2734" s="167" t="s">
        <v>579</v>
      </c>
      <c r="B2734" s="166">
        <v>88002.159999999902</v>
      </c>
      <c r="C2734" s="166">
        <v>88002.159999999902</v>
      </c>
      <c r="D2734" s="166">
        <v>0</v>
      </c>
      <c r="E2734" s="166">
        <v>0</v>
      </c>
      <c r="F2734" s="166">
        <v>0</v>
      </c>
      <c r="G2734" s="166">
        <v>0</v>
      </c>
      <c r="H2734" s="166">
        <v>0</v>
      </c>
      <c r="I2734" s="166">
        <v>0</v>
      </c>
      <c r="J2734" s="166">
        <v>0</v>
      </c>
      <c r="K2734" s="166">
        <v>0</v>
      </c>
      <c r="L2734" s="166">
        <v>0</v>
      </c>
      <c r="M2734" s="166">
        <v>0</v>
      </c>
      <c r="N2734" s="166">
        <v>0</v>
      </c>
      <c r="O2734" s="166">
        <v>0</v>
      </c>
      <c r="P2734" s="166">
        <v>0</v>
      </c>
      <c r="Q2734" s="166">
        <v>0</v>
      </c>
      <c r="R2734" s="166">
        <v>0</v>
      </c>
      <c r="S2734" s="166">
        <v>0</v>
      </c>
      <c r="T2734" s="166">
        <v>0</v>
      </c>
      <c r="U2734" s="166">
        <v>0</v>
      </c>
      <c r="V2734" s="166">
        <v>0</v>
      </c>
      <c r="W2734" s="166">
        <v>0</v>
      </c>
      <c r="X2734" s="166">
        <v>0</v>
      </c>
      <c r="Y2734" s="166">
        <v>0</v>
      </c>
      <c r="Z2734" s="166">
        <v>0</v>
      </c>
      <c r="AA2734" s="166">
        <v>0</v>
      </c>
      <c r="AB2734" s="166">
        <v>0</v>
      </c>
      <c r="AC2734" s="166">
        <v>0</v>
      </c>
      <c r="AD2734" s="166">
        <v>0</v>
      </c>
      <c r="AE2734" s="166">
        <v>0</v>
      </c>
      <c r="AF2734" s="166">
        <v>0</v>
      </c>
      <c r="AG2734" s="166">
        <v>0</v>
      </c>
      <c r="AH2734" s="166">
        <v>0</v>
      </c>
      <c r="AI2734" s="166">
        <v>0</v>
      </c>
      <c r="AJ2734" s="166">
        <v>0</v>
      </c>
      <c r="AK2734" s="166">
        <v>0</v>
      </c>
      <c r="AL2734" s="166">
        <v>0</v>
      </c>
      <c r="AM2734" s="166">
        <v>0</v>
      </c>
      <c r="AN2734" s="166">
        <v>0</v>
      </c>
      <c r="AO2734" s="166">
        <v>0</v>
      </c>
      <c r="AP2734" s="166">
        <v>0</v>
      </c>
      <c r="AQ2734" s="166">
        <v>0</v>
      </c>
      <c r="AR2734" s="166">
        <v>0</v>
      </c>
      <c r="AS2734" s="166">
        <v>0</v>
      </c>
      <c r="AT2734" s="166">
        <v>0</v>
      </c>
      <c r="AU2734" s="166">
        <v>0</v>
      </c>
      <c r="AV2734" s="166">
        <v>0</v>
      </c>
      <c r="AW2734" s="166">
        <v>0</v>
      </c>
      <c r="AX2734" s="166">
        <v>0</v>
      </c>
      <c r="AY2734" s="166">
        <v>0</v>
      </c>
      <c r="AZ2734" s="166">
        <v>0</v>
      </c>
      <c r="BA2734" s="166">
        <v>0</v>
      </c>
      <c r="BB2734" s="166">
        <v>0</v>
      </c>
      <c r="BC2734" s="166">
        <v>0</v>
      </c>
      <c r="BD2734" s="166">
        <v>0</v>
      </c>
      <c r="BE2734" s="166">
        <v>0</v>
      </c>
      <c r="BF2734" s="166">
        <v>0</v>
      </c>
      <c r="BG2734" s="166">
        <v>0</v>
      </c>
      <c r="BH2734" s="166">
        <v>0</v>
      </c>
      <c r="BI2734" s="166">
        <v>0</v>
      </c>
      <c r="BJ2734" s="166">
        <v>0</v>
      </c>
      <c r="BK2734" s="166">
        <v>0</v>
      </c>
      <c r="BL2734" s="166">
        <v>0</v>
      </c>
      <c r="BM2734" s="166">
        <v>0</v>
      </c>
      <c r="BN2734" s="166">
        <v>0</v>
      </c>
      <c r="BO2734" s="166">
        <v>0</v>
      </c>
      <c r="BP2734" s="166">
        <v>0</v>
      </c>
      <c r="BQ2734" s="166">
        <v>0</v>
      </c>
      <c r="BR2734" s="166">
        <v>88002.159999999902</v>
      </c>
      <c r="BS2734" s="166">
        <v>88002.159999999902</v>
      </c>
      <c r="BT2734" s="168">
        <v>0</v>
      </c>
      <c r="BU2734" s="166">
        <v>0</v>
      </c>
      <c r="BV2734" s="166">
        <v>0</v>
      </c>
      <c r="BW2734" s="166">
        <v>0</v>
      </c>
      <c r="BX2734" s="166">
        <v>0</v>
      </c>
      <c r="BY2734" s="166">
        <v>0</v>
      </c>
      <c r="BZ2734" s="166">
        <v>0</v>
      </c>
      <c r="CA2734" s="166">
        <v>0</v>
      </c>
      <c r="CB2734" s="166">
        <v>0</v>
      </c>
      <c r="CC2734" s="166">
        <v>0</v>
      </c>
      <c r="CD2734" s="166">
        <v>0</v>
      </c>
      <c r="CE2734" s="166">
        <v>0</v>
      </c>
      <c r="CF2734" s="166">
        <v>0</v>
      </c>
      <c r="CG2734" s="166">
        <v>0</v>
      </c>
      <c r="CH2734" s="166">
        <v>0</v>
      </c>
      <c r="CI2734" s="166">
        <v>0</v>
      </c>
      <c r="CJ2734" s="166">
        <v>0</v>
      </c>
      <c r="CK2734" s="166">
        <v>0</v>
      </c>
      <c r="CL2734" s="166">
        <v>0</v>
      </c>
      <c r="CM2734" s="166">
        <v>0</v>
      </c>
      <c r="CN2734" s="166">
        <v>0</v>
      </c>
      <c r="CO2734" s="166">
        <v>0</v>
      </c>
      <c r="CP2734" s="166">
        <v>0</v>
      </c>
      <c r="CQ2734" s="166">
        <v>0</v>
      </c>
      <c r="CR2734" s="166">
        <v>0</v>
      </c>
      <c r="CS2734" s="166">
        <v>0</v>
      </c>
      <c r="CT2734" s="166">
        <v>0</v>
      </c>
      <c r="CU2734" s="166">
        <v>0</v>
      </c>
      <c r="CV2734" s="166">
        <v>0</v>
      </c>
      <c r="CW2734" s="166">
        <v>0</v>
      </c>
      <c r="CX2734" s="166">
        <v>0</v>
      </c>
      <c r="CY2734" s="166">
        <v>0</v>
      </c>
      <c r="CZ2734" s="166">
        <v>0</v>
      </c>
    </row>
    <row r="2735" spans="1:104" x14ac:dyDescent="0.2">
      <c r="A2735" s="167" t="s">
        <v>580</v>
      </c>
      <c r="B2735" s="166">
        <v>815195.22</v>
      </c>
      <c r="C2735" s="166">
        <v>815195.22</v>
      </c>
      <c r="D2735" s="166">
        <v>0</v>
      </c>
      <c r="E2735" s="166">
        <v>0</v>
      </c>
      <c r="F2735" s="166">
        <v>0</v>
      </c>
      <c r="G2735" s="166">
        <v>0</v>
      </c>
      <c r="H2735" s="166">
        <v>0</v>
      </c>
      <c r="I2735" s="166">
        <v>0</v>
      </c>
      <c r="J2735" s="166">
        <v>0</v>
      </c>
      <c r="K2735" s="166">
        <v>0</v>
      </c>
      <c r="L2735" s="166">
        <v>0</v>
      </c>
      <c r="M2735" s="166">
        <v>0</v>
      </c>
      <c r="N2735" s="166">
        <v>0</v>
      </c>
      <c r="O2735" s="166">
        <v>0</v>
      </c>
      <c r="P2735" s="166">
        <v>0</v>
      </c>
      <c r="Q2735" s="166">
        <v>0</v>
      </c>
      <c r="R2735" s="166">
        <v>0</v>
      </c>
      <c r="S2735" s="166">
        <v>0</v>
      </c>
      <c r="T2735" s="166">
        <v>0</v>
      </c>
      <c r="U2735" s="166">
        <v>0</v>
      </c>
      <c r="V2735" s="166">
        <v>0</v>
      </c>
      <c r="W2735" s="166">
        <v>0</v>
      </c>
      <c r="X2735" s="166">
        <v>0</v>
      </c>
      <c r="Y2735" s="166">
        <v>0</v>
      </c>
      <c r="Z2735" s="166">
        <v>0</v>
      </c>
      <c r="AA2735" s="166">
        <v>0</v>
      </c>
      <c r="AB2735" s="166">
        <v>0</v>
      </c>
      <c r="AC2735" s="166">
        <v>0</v>
      </c>
      <c r="AD2735" s="166">
        <v>0</v>
      </c>
      <c r="AE2735" s="166">
        <v>0</v>
      </c>
      <c r="AF2735" s="166">
        <v>0</v>
      </c>
      <c r="AG2735" s="166">
        <v>0</v>
      </c>
      <c r="AH2735" s="166">
        <v>0</v>
      </c>
      <c r="AI2735" s="166">
        <v>0</v>
      </c>
      <c r="AJ2735" s="166">
        <v>0</v>
      </c>
      <c r="AK2735" s="166">
        <v>0</v>
      </c>
      <c r="AL2735" s="166">
        <v>0</v>
      </c>
      <c r="AM2735" s="166">
        <v>0</v>
      </c>
      <c r="AN2735" s="166">
        <v>0</v>
      </c>
      <c r="AO2735" s="166">
        <v>0</v>
      </c>
      <c r="AP2735" s="166">
        <v>0</v>
      </c>
      <c r="AQ2735" s="166">
        <v>0</v>
      </c>
      <c r="AR2735" s="166">
        <v>0</v>
      </c>
      <c r="AS2735" s="166">
        <v>0</v>
      </c>
      <c r="AT2735" s="166">
        <v>0</v>
      </c>
      <c r="AU2735" s="166">
        <v>0</v>
      </c>
      <c r="AV2735" s="166">
        <v>0</v>
      </c>
      <c r="AW2735" s="166">
        <v>0</v>
      </c>
      <c r="AX2735" s="166">
        <v>0</v>
      </c>
      <c r="AY2735" s="166">
        <v>0</v>
      </c>
      <c r="AZ2735" s="166">
        <v>0</v>
      </c>
      <c r="BA2735" s="166">
        <v>0</v>
      </c>
      <c r="BB2735" s="166">
        <v>0</v>
      </c>
      <c r="BC2735" s="166">
        <v>0</v>
      </c>
      <c r="BD2735" s="166">
        <v>0</v>
      </c>
      <c r="BE2735" s="166">
        <v>0</v>
      </c>
      <c r="BF2735" s="166">
        <v>0</v>
      </c>
      <c r="BG2735" s="166">
        <v>0</v>
      </c>
      <c r="BH2735" s="166">
        <v>0</v>
      </c>
      <c r="BI2735" s="166">
        <v>0</v>
      </c>
      <c r="BJ2735" s="166">
        <v>0</v>
      </c>
      <c r="BK2735" s="166">
        <v>0</v>
      </c>
      <c r="BL2735" s="166">
        <v>0</v>
      </c>
      <c r="BM2735" s="166">
        <v>0</v>
      </c>
      <c r="BN2735" s="166">
        <v>0</v>
      </c>
      <c r="BO2735" s="166">
        <v>0</v>
      </c>
      <c r="BP2735" s="166">
        <v>0</v>
      </c>
      <c r="BQ2735" s="166">
        <v>0</v>
      </c>
      <c r="BR2735" s="166">
        <v>815195.22</v>
      </c>
      <c r="BS2735" s="166">
        <v>815195.22</v>
      </c>
      <c r="BT2735" s="168">
        <v>0</v>
      </c>
      <c r="BU2735" s="166">
        <v>0</v>
      </c>
      <c r="BV2735" s="166">
        <v>0</v>
      </c>
      <c r="BW2735" s="166">
        <v>0</v>
      </c>
      <c r="BX2735" s="166">
        <v>0</v>
      </c>
      <c r="BY2735" s="166">
        <v>0</v>
      </c>
      <c r="BZ2735" s="166">
        <v>0</v>
      </c>
      <c r="CA2735" s="166">
        <v>0</v>
      </c>
      <c r="CB2735" s="166">
        <v>0</v>
      </c>
      <c r="CC2735" s="166">
        <v>0</v>
      </c>
      <c r="CD2735" s="166">
        <v>0</v>
      </c>
      <c r="CE2735" s="166">
        <v>0</v>
      </c>
      <c r="CF2735" s="166">
        <v>0</v>
      </c>
      <c r="CG2735" s="166">
        <v>0</v>
      </c>
      <c r="CH2735" s="166">
        <v>0</v>
      </c>
      <c r="CI2735" s="166">
        <v>0</v>
      </c>
      <c r="CJ2735" s="166">
        <v>0</v>
      </c>
      <c r="CK2735" s="166">
        <v>0</v>
      </c>
      <c r="CL2735" s="166">
        <v>0</v>
      </c>
      <c r="CM2735" s="166">
        <v>0</v>
      </c>
      <c r="CN2735" s="166">
        <v>0</v>
      </c>
      <c r="CO2735" s="166">
        <v>0</v>
      </c>
      <c r="CP2735" s="166">
        <v>0</v>
      </c>
      <c r="CQ2735" s="166">
        <v>0</v>
      </c>
      <c r="CR2735" s="166">
        <v>0</v>
      </c>
      <c r="CS2735" s="166">
        <v>0</v>
      </c>
      <c r="CT2735" s="166">
        <v>0</v>
      </c>
      <c r="CU2735" s="166">
        <v>0</v>
      </c>
      <c r="CV2735" s="166">
        <v>0</v>
      </c>
      <c r="CW2735" s="166">
        <v>0</v>
      </c>
      <c r="CX2735" s="166">
        <v>0</v>
      </c>
      <c r="CY2735" s="166">
        <v>0</v>
      </c>
      <c r="CZ2735" s="166">
        <v>0</v>
      </c>
    </row>
    <row r="2736" spans="1:104" x14ac:dyDescent="0.2">
      <c r="A2736" s="167" t="s">
        <v>581</v>
      </c>
      <c r="B2736" s="166">
        <v>54394068.119999997</v>
      </c>
      <c r="C2736" s="166">
        <v>54394068.119999997</v>
      </c>
      <c r="D2736" s="166">
        <v>0</v>
      </c>
      <c r="E2736" s="166">
        <v>0</v>
      </c>
      <c r="F2736" s="166">
        <v>0</v>
      </c>
      <c r="G2736" s="166">
        <v>0</v>
      </c>
      <c r="H2736" s="166">
        <v>0</v>
      </c>
      <c r="I2736" s="166">
        <v>0</v>
      </c>
      <c r="J2736" s="166">
        <v>0</v>
      </c>
      <c r="K2736" s="166">
        <v>0</v>
      </c>
      <c r="L2736" s="166">
        <v>0</v>
      </c>
      <c r="M2736" s="166">
        <v>0</v>
      </c>
      <c r="N2736" s="166">
        <v>0</v>
      </c>
      <c r="O2736" s="166">
        <v>0</v>
      </c>
      <c r="P2736" s="166">
        <v>0</v>
      </c>
      <c r="Q2736" s="166">
        <v>0</v>
      </c>
      <c r="R2736" s="166">
        <v>0</v>
      </c>
      <c r="S2736" s="166">
        <v>0</v>
      </c>
      <c r="T2736" s="166">
        <v>0</v>
      </c>
      <c r="U2736" s="166">
        <v>0</v>
      </c>
      <c r="V2736" s="166">
        <v>0</v>
      </c>
      <c r="W2736" s="166">
        <v>0</v>
      </c>
      <c r="X2736" s="166">
        <v>0</v>
      </c>
      <c r="Y2736" s="166">
        <v>0</v>
      </c>
      <c r="Z2736" s="166">
        <v>0</v>
      </c>
      <c r="AA2736" s="166">
        <v>0</v>
      </c>
      <c r="AB2736" s="166">
        <v>0</v>
      </c>
      <c r="AC2736" s="166">
        <v>0</v>
      </c>
      <c r="AD2736" s="166">
        <v>0</v>
      </c>
      <c r="AE2736" s="166">
        <v>0</v>
      </c>
      <c r="AF2736" s="166">
        <v>0</v>
      </c>
      <c r="AG2736" s="166">
        <v>0</v>
      </c>
      <c r="AH2736" s="166">
        <v>0</v>
      </c>
      <c r="AI2736" s="166">
        <v>0</v>
      </c>
      <c r="AJ2736" s="166">
        <v>0</v>
      </c>
      <c r="AK2736" s="166">
        <v>0</v>
      </c>
      <c r="AL2736" s="166">
        <v>0</v>
      </c>
      <c r="AM2736" s="166">
        <v>0</v>
      </c>
      <c r="AN2736" s="166">
        <v>0</v>
      </c>
      <c r="AO2736" s="166">
        <v>0</v>
      </c>
      <c r="AP2736" s="166">
        <v>0</v>
      </c>
      <c r="AQ2736" s="166">
        <v>0</v>
      </c>
      <c r="AR2736" s="166">
        <v>0</v>
      </c>
      <c r="AS2736" s="166">
        <v>0</v>
      </c>
      <c r="AT2736" s="166">
        <v>0</v>
      </c>
      <c r="AU2736" s="166">
        <v>0</v>
      </c>
      <c r="AV2736" s="166">
        <v>0</v>
      </c>
      <c r="AW2736" s="166">
        <v>0</v>
      </c>
      <c r="AX2736" s="166">
        <v>0</v>
      </c>
      <c r="AY2736" s="166">
        <v>0</v>
      </c>
      <c r="AZ2736" s="166">
        <v>0</v>
      </c>
      <c r="BA2736" s="166">
        <v>0</v>
      </c>
      <c r="BB2736" s="166">
        <v>0</v>
      </c>
      <c r="BC2736" s="166">
        <v>0</v>
      </c>
      <c r="BD2736" s="166">
        <v>0</v>
      </c>
      <c r="BE2736" s="166">
        <v>0</v>
      </c>
      <c r="BF2736" s="166">
        <v>0</v>
      </c>
      <c r="BG2736" s="166">
        <v>0</v>
      </c>
      <c r="BH2736" s="166">
        <v>0</v>
      </c>
      <c r="BI2736" s="166">
        <v>0</v>
      </c>
      <c r="BJ2736" s="166">
        <v>0</v>
      </c>
      <c r="BK2736" s="166">
        <v>0</v>
      </c>
      <c r="BL2736" s="166">
        <v>0</v>
      </c>
      <c r="BM2736" s="166">
        <v>0</v>
      </c>
      <c r="BN2736" s="166">
        <v>0</v>
      </c>
      <c r="BO2736" s="166">
        <v>0</v>
      </c>
      <c r="BP2736" s="166">
        <v>0</v>
      </c>
      <c r="BQ2736" s="166">
        <v>0</v>
      </c>
      <c r="BR2736" s="166">
        <v>54394068.119999997</v>
      </c>
      <c r="BS2736" s="166">
        <v>54394068.119999997</v>
      </c>
      <c r="BT2736" s="168">
        <v>0</v>
      </c>
      <c r="BU2736" s="166">
        <v>0</v>
      </c>
      <c r="BV2736" s="166">
        <v>0</v>
      </c>
      <c r="BW2736" s="166">
        <v>0</v>
      </c>
      <c r="BX2736" s="166">
        <v>0</v>
      </c>
      <c r="BY2736" s="166">
        <v>0</v>
      </c>
      <c r="BZ2736" s="166">
        <v>0</v>
      </c>
      <c r="CA2736" s="166">
        <v>0</v>
      </c>
      <c r="CB2736" s="166">
        <v>0</v>
      </c>
      <c r="CC2736" s="166">
        <v>0</v>
      </c>
      <c r="CD2736" s="166">
        <v>0</v>
      </c>
      <c r="CE2736" s="166">
        <v>0</v>
      </c>
      <c r="CF2736" s="166">
        <v>0</v>
      </c>
      <c r="CG2736" s="166">
        <v>0</v>
      </c>
      <c r="CH2736" s="166">
        <v>0</v>
      </c>
      <c r="CI2736" s="166">
        <v>0</v>
      </c>
      <c r="CJ2736" s="166">
        <v>0</v>
      </c>
      <c r="CK2736" s="166">
        <v>0</v>
      </c>
      <c r="CL2736" s="166">
        <v>0</v>
      </c>
      <c r="CM2736" s="166">
        <v>0</v>
      </c>
      <c r="CN2736" s="166">
        <v>0</v>
      </c>
      <c r="CO2736" s="166">
        <v>0</v>
      </c>
      <c r="CP2736" s="166">
        <v>0</v>
      </c>
      <c r="CQ2736" s="166">
        <v>0</v>
      </c>
      <c r="CR2736" s="166">
        <v>0</v>
      </c>
      <c r="CS2736" s="166">
        <v>0</v>
      </c>
      <c r="CT2736" s="166">
        <v>0</v>
      </c>
      <c r="CU2736" s="166">
        <v>0</v>
      </c>
      <c r="CV2736" s="166">
        <v>0</v>
      </c>
      <c r="CW2736" s="166">
        <v>0</v>
      </c>
      <c r="CX2736" s="166">
        <v>0</v>
      </c>
      <c r="CY2736" s="166">
        <v>0</v>
      </c>
      <c r="CZ2736" s="166">
        <v>0</v>
      </c>
    </row>
    <row r="2737" spans="1:104" x14ac:dyDescent="0.2">
      <c r="A2737" s="167" t="s">
        <v>582</v>
      </c>
      <c r="B2737" s="166">
        <v>38717675.814000003</v>
      </c>
      <c r="C2737" s="166">
        <v>38717675.814000003</v>
      </c>
      <c r="D2737" s="166">
        <v>0</v>
      </c>
      <c r="E2737" s="166">
        <v>0</v>
      </c>
      <c r="F2737" s="166">
        <v>0</v>
      </c>
      <c r="G2737" s="166">
        <v>0</v>
      </c>
      <c r="H2737" s="166">
        <v>0</v>
      </c>
      <c r="I2737" s="166">
        <v>0</v>
      </c>
      <c r="J2737" s="166">
        <v>0</v>
      </c>
      <c r="K2737" s="166">
        <v>0</v>
      </c>
      <c r="L2737" s="166">
        <v>0</v>
      </c>
      <c r="M2737" s="166">
        <v>0</v>
      </c>
      <c r="N2737" s="166">
        <v>0</v>
      </c>
      <c r="O2737" s="166">
        <v>0</v>
      </c>
      <c r="P2737" s="166">
        <v>0</v>
      </c>
      <c r="Q2737" s="166">
        <v>0</v>
      </c>
      <c r="R2737" s="166">
        <v>0</v>
      </c>
      <c r="S2737" s="166">
        <v>0</v>
      </c>
      <c r="T2737" s="166">
        <v>0</v>
      </c>
      <c r="U2737" s="166">
        <v>0</v>
      </c>
      <c r="V2737" s="166">
        <v>0</v>
      </c>
      <c r="W2737" s="166">
        <v>0</v>
      </c>
      <c r="X2737" s="166">
        <v>0</v>
      </c>
      <c r="Y2737" s="166">
        <v>0</v>
      </c>
      <c r="Z2737" s="166">
        <v>0</v>
      </c>
      <c r="AA2737" s="166">
        <v>0</v>
      </c>
      <c r="AB2737" s="166">
        <v>0</v>
      </c>
      <c r="AC2737" s="166">
        <v>0</v>
      </c>
      <c r="AD2737" s="166">
        <v>0</v>
      </c>
      <c r="AE2737" s="166">
        <v>0</v>
      </c>
      <c r="AF2737" s="166">
        <v>0</v>
      </c>
      <c r="AG2737" s="166">
        <v>0</v>
      </c>
      <c r="AH2737" s="166">
        <v>0</v>
      </c>
      <c r="AI2737" s="166">
        <v>0</v>
      </c>
      <c r="AJ2737" s="166">
        <v>0</v>
      </c>
      <c r="AK2737" s="166">
        <v>0</v>
      </c>
      <c r="AL2737" s="166">
        <v>0</v>
      </c>
      <c r="AM2737" s="166">
        <v>0</v>
      </c>
      <c r="AN2737" s="166">
        <v>0</v>
      </c>
      <c r="AO2737" s="166">
        <v>0</v>
      </c>
      <c r="AP2737" s="166">
        <v>0</v>
      </c>
      <c r="AQ2737" s="166">
        <v>0</v>
      </c>
      <c r="AR2737" s="166">
        <v>0</v>
      </c>
      <c r="AS2737" s="166">
        <v>0</v>
      </c>
      <c r="AT2737" s="166">
        <v>0</v>
      </c>
      <c r="AU2737" s="166">
        <v>0</v>
      </c>
      <c r="AV2737" s="166">
        <v>0</v>
      </c>
      <c r="AW2737" s="166">
        <v>0</v>
      </c>
      <c r="AX2737" s="166">
        <v>0</v>
      </c>
      <c r="AY2737" s="166">
        <v>0</v>
      </c>
      <c r="AZ2737" s="166">
        <v>0</v>
      </c>
      <c r="BA2737" s="166">
        <v>0</v>
      </c>
      <c r="BB2737" s="166">
        <v>0</v>
      </c>
      <c r="BC2737" s="166">
        <v>0</v>
      </c>
      <c r="BD2737" s="166">
        <v>0</v>
      </c>
      <c r="BE2737" s="166">
        <v>0</v>
      </c>
      <c r="BF2737" s="166">
        <v>0</v>
      </c>
      <c r="BG2737" s="166">
        <v>0</v>
      </c>
      <c r="BH2737" s="166">
        <v>0</v>
      </c>
      <c r="BI2737" s="166">
        <v>0</v>
      </c>
      <c r="BJ2737" s="166">
        <v>0</v>
      </c>
      <c r="BK2737" s="166">
        <v>0</v>
      </c>
      <c r="BL2737" s="166">
        <v>0</v>
      </c>
      <c r="BM2737" s="166">
        <v>0</v>
      </c>
      <c r="BN2737" s="166">
        <v>0</v>
      </c>
      <c r="BO2737" s="166">
        <v>0</v>
      </c>
      <c r="BP2737" s="166">
        <v>0</v>
      </c>
      <c r="BQ2737" s="166">
        <v>0</v>
      </c>
      <c r="BR2737" s="166">
        <v>38717675.814000003</v>
      </c>
      <c r="BS2737" s="166">
        <v>38717675.814000003</v>
      </c>
      <c r="BT2737" s="168">
        <v>0</v>
      </c>
      <c r="BU2737" s="166">
        <v>0</v>
      </c>
      <c r="BV2737" s="166">
        <v>0</v>
      </c>
      <c r="BW2737" s="166">
        <v>0</v>
      </c>
      <c r="BX2737" s="166">
        <v>0</v>
      </c>
      <c r="BY2737" s="166">
        <v>0</v>
      </c>
      <c r="BZ2737" s="166">
        <v>0</v>
      </c>
      <c r="CA2737" s="166">
        <v>0</v>
      </c>
      <c r="CB2737" s="166">
        <v>0</v>
      </c>
      <c r="CC2737" s="166">
        <v>0</v>
      </c>
      <c r="CD2737" s="166">
        <v>0</v>
      </c>
      <c r="CE2737" s="166">
        <v>0</v>
      </c>
      <c r="CF2737" s="166">
        <v>0</v>
      </c>
      <c r="CG2737" s="166">
        <v>0</v>
      </c>
      <c r="CH2737" s="166">
        <v>0</v>
      </c>
      <c r="CI2737" s="166">
        <v>0</v>
      </c>
      <c r="CJ2737" s="166">
        <v>0</v>
      </c>
      <c r="CK2737" s="166">
        <v>0</v>
      </c>
      <c r="CL2737" s="166">
        <v>0</v>
      </c>
      <c r="CM2737" s="166">
        <v>0</v>
      </c>
      <c r="CN2737" s="166">
        <v>0</v>
      </c>
      <c r="CO2737" s="166">
        <v>0</v>
      </c>
      <c r="CP2737" s="166">
        <v>0</v>
      </c>
      <c r="CQ2737" s="166">
        <v>0</v>
      </c>
      <c r="CR2737" s="166">
        <v>0</v>
      </c>
      <c r="CS2737" s="166">
        <v>0</v>
      </c>
      <c r="CT2737" s="166">
        <v>0</v>
      </c>
      <c r="CU2737" s="166">
        <v>0</v>
      </c>
      <c r="CV2737" s="166">
        <v>0</v>
      </c>
      <c r="CW2737" s="166">
        <v>0</v>
      </c>
      <c r="CX2737" s="166">
        <v>0</v>
      </c>
      <c r="CY2737" s="166">
        <v>0</v>
      </c>
      <c r="CZ2737" s="166">
        <v>0</v>
      </c>
    </row>
    <row r="2738" spans="1:104" x14ac:dyDescent="0.2">
      <c r="A2738" s="167" t="s">
        <v>583</v>
      </c>
      <c r="B2738" s="166">
        <v>0</v>
      </c>
      <c r="C2738" s="166">
        <v>0</v>
      </c>
      <c r="D2738" s="166">
        <v>0</v>
      </c>
      <c r="E2738" s="166">
        <v>0</v>
      </c>
      <c r="F2738" s="166">
        <v>0</v>
      </c>
      <c r="G2738" s="166">
        <v>0</v>
      </c>
      <c r="H2738" s="166">
        <v>0</v>
      </c>
      <c r="I2738" s="166">
        <v>0</v>
      </c>
      <c r="J2738" s="166">
        <v>0</v>
      </c>
      <c r="K2738" s="166">
        <v>0</v>
      </c>
      <c r="L2738" s="166">
        <v>0</v>
      </c>
      <c r="M2738" s="166">
        <v>0</v>
      </c>
      <c r="N2738" s="166">
        <v>0</v>
      </c>
      <c r="O2738" s="166">
        <v>0</v>
      </c>
      <c r="P2738" s="166">
        <v>0</v>
      </c>
      <c r="Q2738" s="166">
        <v>0</v>
      </c>
      <c r="R2738" s="166">
        <v>0</v>
      </c>
      <c r="S2738" s="166">
        <v>0</v>
      </c>
      <c r="T2738" s="166">
        <v>0</v>
      </c>
      <c r="U2738" s="166">
        <v>0</v>
      </c>
      <c r="V2738" s="166">
        <v>0</v>
      </c>
      <c r="W2738" s="166">
        <v>0</v>
      </c>
      <c r="X2738" s="166">
        <v>0</v>
      </c>
      <c r="Y2738" s="166">
        <v>0</v>
      </c>
      <c r="Z2738" s="166">
        <v>0</v>
      </c>
      <c r="AA2738" s="166">
        <v>0</v>
      </c>
      <c r="AB2738" s="166">
        <v>0</v>
      </c>
      <c r="AC2738" s="166">
        <v>0</v>
      </c>
      <c r="AD2738" s="166">
        <v>0</v>
      </c>
      <c r="AE2738" s="166">
        <v>0</v>
      </c>
      <c r="AF2738" s="166">
        <v>0</v>
      </c>
      <c r="AG2738" s="166">
        <v>0</v>
      </c>
      <c r="AH2738" s="166">
        <v>0</v>
      </c>
      <c r="AI2738" s="166">
        <v>0</v>
      </c>
      <c r="AJ2738" s="166">
        <v>0</v>
      </c>
      <c r="AK2738" s="166">
        <v>0</v>
      </c>
      <c r="AL2738" s="166">
        <v>0</v>
      </c>
      <c r="AM2738" s="166">
        <v>0</v>
      </c>
      <c r="AN2738" s="166">
        <v>0</v>
      </c>
      <c r="AO2738" s="166">
        <v>0</v>
      </c>
      <c r="AP2738" s="166">
        <v>0</v>
      </c>
      <c r="AQ2738" s="166">
        <v>0</v>
      </c>
      <c r="AR2738" s="166">
        <v>0</v>
      </c>
      <c r="AS2738" s="166">
        <v>0</v>
      </c>
      <c r="AT2738" s="166">
        <v>0</v>
      </c>
      <c r="AU2738" s="166">
        <v>0</v>
      </c>
      <c r="AV2738" s="166">
        <v>0</v>
      </c>
      <c r="AW2738" s="166">
        <v>0</v>
      </c>
      <c r="AX2738" s="166">
        <v>0</v>
      </c>
      <c r="AY2738" s="166">
        <v>0</v>
      </c>
      <c r="AZ2738" s="166">
        <v>0</v>
      </c>
      <c r="BA2738" s="166">
        <v>0</v>
      </c>
      <c r="BB2738" s="166">
        <v>0</v>
      </c>
      <c r="BC2738" s="166">
        <v>0</v>
      </c>
      <c r="BD2738" s="166">
        <v>0</v>
      </c>
      <c r="BE2738" s="166">
        <v>0</v>
      </c>
      <c r="BF2738" s="166">
        <v>0</v>
      </c>
      <c r="BG2738" s="166">
        <v>0</v>
      </c>
      <c r="BH2738" s="166">
        <v>0</v>
      </c>
      <c r="BI2738" s="166">
        <v>0</v>
      </c>
      <c r="BJ2738" s="166">
        <v>0</v>
      </c>
      <c r="BK2738" s="166">
        <v>0</v>
      </c>
      <c r="BL2738" s="166">
        <v>0</v>
      </c>
      <c r="BM2738" s="166">
        <v>0</v>
      </c>
      <c r="BN2738" s="166">
        <v>0</v>
      </c>
      <c r="BO2738" s="166">
        <v>0</v>
      </c>
      <c r="BP2738" s="166">
        <v>0</v>
      </c>
      <c r="BQ2738" s="166">
        <v>0</v>
      </c>
      <c r="BR2738" s="166">
        <v>0</v>
      </c>
      <c r="BS2738" s="166">
        <v>0</v>
      </c>
      <c r="BT2738" s="168">
        <v>0</v>
      </c>
      <c r="BU2738" s="166">
        <v>0</v>
      </c>
      <c r="BV2738" s="166">
        <v>0</v>
      </c>
      <c r="BW2738" s="166">
        <v>0</v>
      </c>
      <c r="BX2738" s="166">
        <v>0</v>
      </c>
      <c r="BY2738" s="166">
        <v>0</v>
      </c>
      <c r="BZ2738" s="166">
        <v>0</v>
      </c>
      <c r="CA2738" s="166">
        <v>0</v>
      </c>
      <c r="CB2738" s="166">
        <v>0</v>
      </c>
      <c r="CC2738" s="166">
        <v>0</v>
      </c>
      <c r="CD2738" s="166">
        <v>0</v>
      </c>
      <c r="CE2738" s="166">
        <v>0</v>
      </c>
      <c r="CF2738" s="166">
        <v>0</v>
      </c>
      <c r="CG2738" s="166">
        <v>0</v>
      </c>
      <c r="CH2738" s="166">
        <v>0</v>
      </c>
      <c r="CI2738" s="166">
        <v>0</v>
      </c>
      <c r="CJ2738" s="166">
        <v>0</v>
      </c>
      <c r="CK2738" s="166">
        <v>0</v>
      </c>
      <c r="CL2738" s="166">
        <v>0</v>
      </c>
      <c r="CM2738" s="166">
        <v>0</v>
      </c>
      <c r="CN2738" s="166">
        <v>0</v>
      </c>
      <c r="CO2738" s="166">
        <v>0</v>
      </c>
      <c r="CP2738" s="166">
        <v>0</v>
      </c>
      <c r="CQ2738" s="166">
        <v>0</v>
      </c>
      <c r="CR2738" s="166">
        <v>0</v>
      </c>
      <c r="CS2738" s="166">
        <v>0</v>
      </c>
      <c r="CT2738" s="166">
        <v>0</v>
      </c>
      <c r="CU2738" s="166">
        <v>0</v>
      </c>
      <c r="CV2738" s="166">
        <v>0</v>
      </c>
      <c r="CW2738" s="166">
        <v>0</v>
      </c>
      <c r="CX2738" s="166">
        <v>0</v>
      </c>
      <c r="CY2738" s="166">
        <v>0</v>
      </c>
      <c r="CZ2738" s="166">
        <v>0</v>
      </c>
    </row>
    <row r="2739" spans="1:104" x14ac:dyDescent="0.2">
      <c r="A2739" s="177" t="s">
        <v>584</v>
      </c>
      <c r="B2739" s="166">
        <v>94014941.313999996</v>
      </c>
      <c r="C2739" s="166">
        <v>94014941.313999996</v>
      </c>
      <c r="D2739" s="166">
        <v>0</v>
      </c>
      <c r="E2739" s="166">
        <v>0</v>
      </c>
      <c r="F2739" s="166">
        <v>0</v>
      </c>
      <c r="G2739" s="166">
        <v>0</v>
      </c>
      <c r="H2739" s="166">
        <v>0</v>
      </c>
      <c r="I2739" s="166">
        <v>0</v>
      </c>
      <c r="J2739" s="166">
        <v>0</v>
      </c>
      <c r="K2739" s="166">
        <v>0</v>
      </c>
      <c r="L2739" s="166">
        <v>0</v>
      </c>
      <c r="M2739" s="166">
        <v>0</v>
      </c>
      <c r="N2739" s="166">
        <v>0</v>
      </c>
      <c r="O2739" s="166">
        <v>0</v>
      </c>
      <c r="P2739" s="166">
        <v>0</v>
      </c>
      <c r="Q2739" s="166">
        <v>0</v>
      </c>
      <c r="R2739" s="166">
        <v>0</v>
      </c>
      <c r="S2739" s="166">
        <v>0</v>
      </c>
      <c r="T2739" s="166">
        <v>0</v>
      </c>
      <c r="U2739" s="166">
        <v>0</v>
      </c>
      <c r="V2739" s="166">
        <v>0</v>
      </c>
      <c r="W2739" s="166">
        <v>0</v>
      </c>
      <c r="X2739" s="166">
        <v>0</v>
      </c>
      <c r="Y2739" s="166">
        <v>0</v>
      </c>
      <c r="Z2739" s="166">
        <v>0</v>
      </c>
      <c r="AA2739" s="166">
        <v>0</v>
      </c>
      <c r="AB2739" s="166">
        <v>0</v>
      </c>
      <c r="AC2739" s="166">
        <v>0</v>
      </c>
      <c r="AD2739" s="166">
        <v>0</v>
      </c>
      <c r="AE2739" s="166">
        <v>0</v>
      </c>
      <c r="AF2739" s="166">
        <v>0</v>
      </c>
      <c r="AG2739" s="166">
        <v>0</v>
      </c>
      <c r="AH2739" s="166">
        <v>0</v>
      </c>
      <c r="AI2739" s="166">
        <v>0</v>
      </c>
      <c r="AJ2739" s="166">
        <v>0</v>
      </c>
      <c r="AK2739" s="166">
        <v>0</v>
      </c>
      <c r="AL2739" s="166">
        <v>0</v>
      </c>
      <c r="AM2739" s="166">
        <v>0</v>
      </c>
      <c r="AN2739" s="166">
        <v>0</v>
      </c>
      <c r="AO2739" s="166">
        <v>0</v>
      </c>
      <c r="AP2739" s="166">
        <v>0</v>
      </c>
      <c r="AQ2739" s="166">
        <v>0</v>
      </c>
      <c r="AR2739" s="166">
        <v>0</v>
      </c>
      <c r="AS2739" s="166">
        <v>0</v>
      </c>
      <c r="AT2739" s="166">
        <v>0</v>
      </c>
      <c r="AU2739" s="166">
        <v>0</v>
      </c>
      <c r="AV2739" s="166">
        <v>0</v>
      </c>
      <c r="AW2739" s="166">
        <v>0</v>
      </c>
      <c r="AX2739" s="166">
        <v>0</v>
      </c>
      <c r="AY2739" s="166">
        <v>0</v>
      </c>
      <c r="AZ2739" s="166">
        <v>0</v>
      </c>
      <c r="BA2739" s="166">
        <v>0</v>
      </c>
      <c r="BB2739" s="166">
        <v>0</v>
      </c>
      <c r="BC2739" s="166">
        <v>0</v>
      </c>
      <c r="BD2739" s="166">
        <v>0</v>
      </c>
      <c r="BE2739" s="166">
        <v>0</v>
      </c>
      <c r="BF2739" s="166">
        <v>0</v>
      </c>
      <c r="BG2739" s="166">
        <v>0</v>
      </c>
      <c r="BH2739" s="166">
        <v>0</v>
      </c>
      <c r="BI2739" s="166">
        <v>0</v>
      </c>
      <c r="BJ2739" s="166">
        <v>0</v>
      </c>
      <c r="BK2739" s="166">
        <v>0</v>
      </c>
      <c r="BL2739" s="166">
        <v>0</v>
      </c>
      <c r="BM2739" s="166">
        <v>0</v>
      </c>
      <c r="BN2739" s="166">
        <v>0</v>
      </c>
      <c r="BO2739" s="166">
        <v>0</v>
      </c>
      <c r="BP2739" s="166">
        <v>0</v>
      </c>
      <c r="BQ2739" s="166">
        <v>0</v>
      </c>
      <c r="BR2739" s="166">
        <v>94014941.313999996</v>
      </c>
      <c r="BS2739" s="166">
        <v>94014941.313999996</v>
      </c>
      <c r="BT2739" s="168">
        <v>0</v>
      </c>
      <c r="BU2739" s="166">
        <v>0</v>
      </c>
      <c r="BV2739" s="166">
        <v>0</v>
      </c>
      <c r="BW2739" s="166">
        <v>0</v>
      </c>
      <c r="BX2739" s="166">
        <v>0</v>
      </c>
      <c r="BY2739" s="166">
        <v>0</v>
      </c>
      <c r="BZ2739" s="166">
        <v>0</v>
      </c>
      <c r="CA2739" s="166">
        <v>0</v>
      </c>
      <c r="CB2739" s="166">
        <v>0</v>
      </c>
      <c r="CC2739" s="166">
        <v>0</v>
      </c>
      <c r="CD2739" s="166">
        <v>0</v>
      </c>
      <c r="CE2739" s="166">
        <v>0</v>
      </c>
      <c r="CF2739" s="166">
        <v>0</v>
      </c>
      <c r="CG2739" s="166">
        <v>0</v>
      </c>
      <c r="CH2739" s="166">
        <v>0</v>
      </c>
      <c r="CI2739" s="166">
        <v>0</v>
      </c>
      <c r="CJ2739" s="166">
        <v>0</v>
      </c>
      <c r="CK2739" s="166">
        <v>0</v>
      </c>
      <c r="CL2739" s="166">
        <v>0</v>
      </c>
      <c r="CM2739" s="166">
        <v>0</v>
      </c>
      <c r="CN2739" s="166">
        <v>0</v>
      </c>
      <c r="CO2739" s="166">
        <v>0</v>
      </c>
      <c r="CP2739" s="166">
        <v>0</v>
      </c>
      <c r="CQ2739" s="166">
        <v>0</v>
      </c>
      <c r="CR2739" s="166">
        <v>0</v>
      </c>
      <c r="CS2739" s="166">
        <v>0</v>
      </c>
      <c r="CT2739" s="166">
        <v>0</v>
      </c>
      <c r="CU2739" s="166">
        <v>0</v>
      </c>
      <c r="CV2739" s="166">
        <v>0</v>
      </c>
      <c r="CW2739" s="166">
        <v>0</v>
      </c>
      <c r="CX2739" s="166">
        <v>0</v>
      </c>
      <c r="CY2739" s="166">
        <v>0</v>
      </c>
      <c r="CZ2739" s="166">
        <v>0</v>
      </c>
    </row>
    <row r="2740" spans="1:104" x14ac:dyDescent="0.2">
      <c r="A2740" s="167" t="s">
        <v>585</v>
      </c>
      <c r="B2740" s="166">
        <v>0</v>
      </c>
      <c r="C2740" s="166">
        <v>0</v>
      </c>
      <c r="D2740" s="166">
        <v>0</v>
      </c>
      <c r="E2740" s="166">
        <v>0</v>
      </c>
      <c r="F2740" s="166">
        <v>0</v>
      </c>
      <c r="G2740" s="166">
        <v>0</v>
      </c>
      <c r="H2740" s="166">
        <v>0</v>
      </c>
      <c r="I2740" s="166">
        <v>0</v>
      </c>
      <c r="J2740" s="166">
        <v>0</v>
      </c>
      <c r="K2740" s="166">
        <v>0</v>
      </c>
      <c r="L2740" s="166">
        <v>0</v>
      </c>
      <c r="M2740" s="166">
        <v>0</v>
      </c>
      <c r="N2740" s="166">
        <v>0</v>
      </c>
      <c r="O2740" s="166">
        <v>0</v>
      </c>
      <c r="P2740" s="166">
        <v>0</v>
      </c>
      <c r="Q2740" s="166">
        <v>0</v>
      </c>
      <c r="R2740" s="166">
        <v>0</v>
      </c>
      <c r="S2740" s="166">
        <v>0</v>
      </c>
      <c r="T2740" s="166">
        <v>0</v>
      </c>
      <c r="U2740" s="166">
        <v>0</v>
      </c>
      <c r="V2740" s="166">
        <v>0</v>
      </c>
      <c r="W2740" s="166">
        <v>0</v>
      </c>
      <c r="X2740" s="166">
        <v>0</v>
      </c>
      <c r="Y2740" s="166">
        <v>0</v>
      </c>
      <c r="Z2740" s="166">
        <v>0</v>
      </c>
      <c r="AA2740" s="166">
        <v>0</v>
      </c>
      <c r="AB2740" s="166">
        <v>0</v>
      </c>
      <c r="AC2740" s="166">
        <v>0</v>
      </c>
      <c r="AD2740" s="166">
        <v>0</v>
      </c>
      <c r="AE2740" s="166">
        <v>0</v>
      </c>
      <c r="AF2740" s="166">
        <v>0</v>
      </c>
      <c r="AG2740" s="166">
        <v>0</v>
      </c>
      <c r="AH2740" s="166">
        <v>0</v>
      </c>
      <c r="AI2740" s="166">
        <v>0</v>
      </c>
      <c r="AJ2740" s="166">
        <v>0</v>
      </c>
      <c r="AK2740" s="166">
        <v>0</v>
      </c>
      <c r="AL2740" s="166">
        <v>0</v>
      </c>
      <c r="AM2740" s="166">
        <v>0</v>
      </c>
      <c r="AN2740" s="166">
        <v>0</v>
      </c>
      <c r="AO2740" s="166">
        <v>0</v>
      </c>
      <c r="AP2740" s="166">
        <v>0</v>
      </c>
      <c r="AQ2740" s="166">
        <v>0</v>
      </c>
      <c r="AR2740" s="166">
        <v>0</v>
      </c>
      <c r="AS2740" s="166">
        <v>0</v>
      </c>
      <c r="AT2740" s="166">
        <v>0</v>
      </c>
      <c r="AU2740" s="166">
        <v>0</v>
      </c>
      <c r="AV2740" s="166">
        <v>0</v>
      </c>
      <c r="AW2740" s="166">
        <v>0</v>
      </c>
      <c r="AX2740" s="166">
        <v>0</v>
      </c>
      <c r="AY2740" s="166">
        <v>0</v>
      </c>
      <c r="AZ2740" s="166">
        <v>0</v>
      </c>
      <c r="BA2740" s="166">
        <v>0</v>
      </c>
      <c r="BB2740" s="166">
        <v>0</v>
      </c>
      <c r="BC2740" s="166">
        <v>0</v>
      </c>
      <c r="BD2740" s="166">
        <v>0</v>
      </c>
      <c r="BE2740" s="166">
        <v>0</v>
      </c>
      <c r="BF2740" s="166">
        <v>0</v>
      </c>
      <c r="BG2740" s="166">
        <v>0</v>
      </c>
      <c r="BH2740" s="166">
        <v>0</v>
      </c>
      <c r="BI2740" s="166">
        <v>0</v>
      </c>
      <c r="BJ2740" s="166">
        <v>0</v>
      </c>
      <c r="BK2740" s="166">
        <v>0</v>
      </c>
      <c r="BL2740" s="166">
        <v>0</v>
      </c>
      <c r="BM2740" s="166">
        <v>0</v>
      </c>
      <c r="BN2740" s="166">
        <v>0</v>
      </c>
      <c r="BO2740" s="166">
        <v>0</v>
      </c>
      <c r="BP2740" s="166">
        <v>0</v>
      </c>
      <c r="BQ2740" s="166">
        <v>0</v>
      </c>
      <c r="BR2740" s="166">
        <v>0</v>
      </c>
      <c r="BS2740" s="166">
        <v>0</v>
      </c>
      <c r="BT2740" s="168">
        <v>0</v>
      </c>
      <c r="BU2740" s="166">
        <v>0</v>
      </c>
      <c r="BV2740" s="166">
        <v>0</v>
      </c>
      <c r="BW2740" s="166">
        <v>0</v>
      </c>
      <c r="BX2740" s="166">
        <v>0</v>
      </c>
      <c r="BY2740" s="166">
        <v>0</v>
      </c>
      <c r="BZ2740" s="166">
        <v>0</v>
      </c>
      <c r="CA2740" s="166">
        <v>0</v>
      </c>
      <c r="CB2740" s="166">
        <v>0</v>
      </c>
      <c r="CC2740" s="166">
        <v>0</v>
      </c>
      <c r="CD2740" s="166">
        <v>0</v>
      </c>
      <c r="CE2740" s="166">
        <v>0</v>
      </c>
      <c r="CF2740" s="166">
        <v>0</v>
      </c>
      <c r="CG2740" s="166">
        <v>0</v>
      </c>
      <c r="CH2740" s="166">
        <v>0</v>
      </c>
      <c r="CI2740" s="166">
        <v>0</v>
      </c>
      <c r="CJ2740" s="166">
        <v>0</v>
      </c>
      <c r="CK2740" s="166">
        <v>0</v>
      </c>
      <c r="CL2740" s="166">
        <v>0</v>
      </c>
      <c r="CM2740" s="166">
        <v>0</v>
      </c>
      <c r="CN2740" s="166">
        <v>0</v>
      </c>
      <c r="CO2740" s="166">
        <v>0</v>
      </c>
      <c r="CP2740" s="166">
        <v>0</v>
      </c>
      <c r="CQ2740" s="166">
        <v>0</v>
      </c>
      <c r="CR2740" s="166">
        <v>0</v>
      </c>
      <c r="CS2740" s="166">
        <v>0</v>
      </c>
      <c r="CT2740" s="166">
        <v>0</v>
      </c>
      <c r="CU2740" s="166">
        <v>0</v>
      </c>
      <c r="CV2740" s="166">
        <v>0</v>
      </c>
      <c r="CW2740" s="166">
        <v>0</v>
      </c>
      <c r="CX2740" s="166">
        <v>0</v>
      </c>
      <c r="CY2740" s="166">
        <v>0</v>
      </c>
      <c r="CZ2740" s="166">
        <v>0</v>
      </c>
    </row>
    <row r="2741" spans="1:104" x14ac:dyDescent="0.2">
      <c r="A2741" s="177" t="s">
        <v>586</v>
      </c>
      <c r="B2741" s="166">
        <v>10493572.1299999</v>
      </c>
      <c r="C2741" s="166">
        <v>10493572.1299999</v>
      </c>
      <c r="D2741" s="166">
        <v>0</v>
      </c>
      <c r="E2741" s="166">
        <v>0</v>
      </c>
      <c r="F2741" s="166">
        <v>0</v>
      </c>
      <c r="G2741" s="166">
        <v>0</v>
      </c>
      <c r="H2741" s="166">
        <v>0</v>
      </c>
      <c r="I2741" s="166">
        <v>0</v>
      </c>
      <c r="J2741" s="166">
        <v>0</v>
      </c>
      <c r="K2741" s="166">
        <v>0</v>
      </c>
      <c r="L2741" s="166">
        <v>0</v>
      </c>
      <c r="M2741" s="166">
        <v>0</v>
      </c>
      <c r="N2741" s="166">
        <v>0</v>
      </c>
      <c r="O2741" s="166">
        <v>0</v>
      </c>
      <c r="P2741" s="166">
        <v>0</v>
      </c>
      <c r="Q2741" s="166">
        <v>0</v>
      </c>
      <c r="R2741" s="166">
        <v>0</v>
      </c>
      <c r="S2741" s="166">
        <v>0</v>
      </c>
      <c r="T2741" s="166">
        <v>0</v>
      </c>
      <c r="U2741" s="166">
        <v>0</v>
      </c>
      <c r="V2741" s="166">
        <v>0</v>
      </c>
      <c r="W2741" s="166">
        <v>0</v>
      </c>
      <c r="X2741" s="166">
        <v>0</v>
      </c>
      <c r="Y2741" s="166">
        <v>0</v>
      </c>
      <c r="Z2741" s="166">
        <v>0</v>
      </c>
      <c r="AA2741" s="166">
        <v>0</v>
      </c>
      <c r="AB2741" s="166">
        <v>0</v>
      </c>
      <c r="AC2741" s="166">
        <v>0</v>
      </c>
      <c r="AD2741" s="166">
        <v>0</v>
      </c>
      <c r="AE2741" s="166">
        <v>0</v>
      </c>
      <c r="AF2741" s="166">
        <v>0</v>
      </c>
      <c r="AG2741" s="166">
        <v>0</v>
      </c>
      <c r="AH2741" s="166">
        <v>0</v>
      </c>
      <c r="AI2741" s="166">
        <v>0</v>
      </c>
      <c r="AJ2741" s="166">
        <v>0</v>
      </c>
      <c r="AK2741" s="166">
        <v>0</v>
      </c>
      <c r="AL2741" s="166">
        <v>0</v>
      </c>
      <c r="AM2741" s="166">
        <v>0</v>
      </c>
      <c r="AN2741" s="166">
        <v>0</v>
      </c>
      <c r="AO2741" s="166">
        <v>0</v>
      </c>
      <c r="AP2741" s="166">
        <v>0</v>
      </c>
      <c r="AQ2741" s="166">
        <v>0</v>
      </c>
      <c r="AR2741" s="166">
        <v>0</v>
      </c>
      <c r="AS2741" s="166">
        <v>0</v>
      </c>
      <c r="AT2741" s="166">
        <v>0</v>
      </c>
      <c r="AU2741" s="166">
        <v>0</v>
      </c>
      <c r="AV2741" s="166">
        <v>0</v>
      </c>
      <c r="AW2741" s="166">
        <v>0</v>
      </c>
      <c r="AX2741" s="166">
        <v>0</v>
      </c>
      <c r="AY2741" s="166">
        <v>0</v>
      </c>
      <c r="AZ2741" s="166">
        <v>0</v>
      </c>
      <c r="BA2741" s="166">
        <v>0</v>
      </c>
      <c r="BB2741" s="166">
        <v>0</v>
      </c>
      <c r="BC2741" s="166">
        <v>0</v>
      </c>
      <c r="BD2741" s="166">
        <v>0</v>
      </c>
      <c r="BE2741" s="166">
        <v>0</v>
      </c>
      <c r="BF2741" s="166">
        <v>0</v>
      </c>
      <c r="BG2741" s="166">
        <v>0</v>
      </c>
      <c r="BH2741" s="166">
        <v>0</v>
      </c>
      <c r="BI2741" s="166">
        <v>0</v>
      </c>
      <c r="BJ2741" s="166">
        <v>0</v>
      </c>
      <c r="BK2741" s="166">
        <v>0</v>
      </c>
      <c r="BL2741" s="166">
        <v>0</v>
      </c>
      <c r="BM2741" s="166">
        <v>0</v>
      </c>
      <c r="BN2741" s="166">
        <v>0</v>
      </c>
      <c r="BO2741" s="166">
        <v>0</v>
      </c>
      <c r="BP2741" s="166">
        <v>0</v>
      </c>
      <c r="BQ2741" s="166">
        <v>0</v>
      </c>
      <c r="BR2741" s="166">
        <v>10493572.1299999</v>
      </c>
      <c r="BS2741" s="166">
        <v>10493572.1299999</v>
      </c>
      <c r="BT2741" s="168">
        <v>0</v>
      </c>
      <c r="BU2741" s="166">
        <v>0</v>
      </c>
      <c r="BV2741" s="166">
        <v>0</v>
      </c>
      <c r="BW2741" s="166">
        <v>0</v>
      </c>
      <c r="BX2741" s="166">
        <v>0</v>
      </c>
      <c r="BY2741" s="166">
        <v>0</v>
      </c>
      <c r="BZ2741" s="166">
        <v>0</v>
      </c>
      <c r="CA2741" s="166">
        <v>0</v>
      </c>
      <c r="CB2741" s="166">
        <v>0</v>
      </c>
      <c r="CC2741" s="166">
        <v>0</v>
      </c>
      <c r="CD2741" s="166">
        <v>0</v>
      </c>
      <c r="CE2741" s="166">
        <v>0</v>
      </c>
      <c r="CF2741" s="166">
        <v>0</v>
      </c>
      <c r="CG2741" s="166">
        <v>0</v>
      </c>
      <c r="CH2741" s="166">
        <v>0</v>
      </c>
      <c r="CI2741" s="166">
        <v>0</v>
      </c>
      <c r="CJ2741" s="166">
        <v>0</v>
      </c>
      <c r="CK2741" s="166">
        <v>0</v>
      </c>
      <c r="CL2741" s="166">
        <v>0</v>
      </c>
      <c r="CM2741" s="166">
        <v>0</v>
      </c>
      <c r="CN2741" s="166">
        <v>0</v>
      </c>
      <c r="CO2741" s="166">
        <v>0</v>
      </c>
      <c r="CP2741" s="166">
        <v>0</v>
      </c>
      <c r="CQ2741" s="166">
        <v>0</v>
      </c>
      <c r="CR2741" s="166">
        <v>0</v>
      </c>
      <c r="CS2741" s="166">
        <v>0</v>
      </c>
      <c r="CT2741" s="166">
        <v>0</v>
      </c>
      <c r="CU2741" s="166">
        <v>0</v>
      </c>
      <c r="CV2741" s="166">
        <v>0</v>
      </c>
      <c r="CW2741" s="166">
        <v>0</v>
      </c>
      <c r="CX2741" s="166">
        <v>0</v>
      </c>
      <c r="CY2741" s="166">
        <v>0</v>
      </c>
      <c r="CZ2741" s="166">
        <v>0</v>
      </c>
    </row>
    <row r="2742" spans="1:104" x14ac:dyDescent="0.2">
      <c r="A2742" s="167" t="s">
        <v>587</v>
      </c>
      <c r="B2742" s="166">
        <v>0</v>
      </c>
      <c r="C2742" s="166">
        <v>0</v>
      </c>
      <c r="D2742" s="166">
        <v>0</v>
      </c>
      <c r="E2742" s="166">
        <v>0</v>
      </c>
      <c r="F2742" s="166">
        <v>0</v>
      </c>
      <c r="G2742" s="166">
        <v>0</v>
      </c>
      <c r="H2742" s="166">
        <v>0</v>
      </c>
      <c r="I2742" s="166">
        <v>0</v>
      </c>
      <c r="J2742" s="166">
        <v>0</v>
      </c>
      <c r="K2742" s="166">
        <v>0</v>
      </c>
      <c r="L2742" s="166">
        <v>0</v>
      </c>
      <c r="M2742" s="166">
        <v>0</v>
      </c>
      <c r="N2742" s="166">
        <v>0</v>
      </c>
      <c r="O2742" s="166">
        <v>0</v>
      </c>
      <c r="P2742" s="166">
        <v>0</v>
      </c>
      <c r="Q2742" s="166">
        <v>0</v>
      </c>
      <c r="R2742" s="166">
        <v>0</v>
      </c>
      <c r="S2742" s="166">
        <v>0</v>
      </c>
      <c r="T2742" s="166">
        <v>0</v>
      </c>
      <c r="U2742" s="166">
        <v>0</v>
      </c>
      <c r="V2742" s="166">
        <v>0</v>
      </c>
      <c r="W2742" s="166">
        <v>0</v>
      </c>
      <c r="X2742" s="166">
        <v>0</v>
      </c>
      <c r="Y2742" s="166">
        <v>0</v>
      </c>
      <c r="Z2742" s="166">
        <v>0</v>
      </c>
      <c r="AA2742" s="166">
        <v>0</v>
      </c>
      <c r="AB2742" s="166">
        <v>0</v>
      </c>
      <c r="AC2742" s="166">
        <v>0</v>
      </c>
      <c r="AD2742" s="166">
        <v>0</v>
      </c>
      <c r="AE2742" s="166">
        <v>0</v>
      </c>
      <c r="AF2742" s="166">
        <v>0</v>
      </c>
      <c r="AG2742" s="166">
        <v>0</v>
      </c>
      <c r="AH2742" s="166">
        <v>0</v>
      </c>
      <c r="AI2742" s="166">
        <v>0</v>
      </c>
      <c r="AJ2742" s="166">
        <v>0</v>
      </c>
      <c r="AK2742" s="166">
        <v>0</v>
      </c>
      <c r="AL2742" s="166">
        <v>0</v>
      </c>
      <c r="AM2742" s="166">
        <v>0</v>
      </c>
      <c r="AN2742" s="166">
        <v>0</v>
      </c>
      <c r="AO2742" s="166">
        <v>0</v>
      </c>
      <c r="AP2742" s="166">
        <v>0</v>
      </c>
      <c r="AQ2742" s="166">
        <v>0</v>
      </c>
      <c r="AR2742" s="166">
        <v>0</v>
      </c>
      <c r="AS2742" s="166">
        <v>0</v>
      </c>
      <c r="AT2742" s="166">
        <v>0</v>
      </c>
      <c r="AU2742" s="166">
        <v>0</v>
      </c>
      <c r="AV2742" s="166">
        <v>0</v>
      </c>
      <c r="AW2742" s="166">
        <v>0</v>
      </c>
      <c r="AX2742" s="166">
        <v>0</v>
      </c>
      <c r="AY2742" s="166">
        <v>0</v>
      </c>
      <c r="AZ2742" s="166">
        <v>0</v>
      </c>
      <c r="BA2742" s="166">
        <v>0</v>
      </c>
      <c r="BB2742" s="166">
        <v>0</v>
      </c>
      <c r="BC2742" s="166">
        <v>0</v>
      </c>
      <c r="BD2742" s="166">
        <v>0</v>
      </c>
      <c r="BE2742" s="166">
        <v>0</v>
      </c>
      <c r="BF2742" s="166">
        <v>0</v>
      </c>
      <c r="BG2742" s="166">
        <v>0</v>
      </c>
      <c r="BH2742" s="166">
        <v>0</v>
      </c>
      <c r="BI2742" s="166">
        <v>0</v>
      </c>
      <c r="BJ2742" s="166">
        <v>0</v>
      </c>
      <c r="BK2742" s="166">
        <v>0</v>
      </c>
      <c r="BL2742" s="166">
        <v>0</v>
      </c>
      <c r="BM2742" s="166">
        <v>0</v>
      </c>
      <c r="BN2742" s="166">
        <v>0</v>
      </c>
      <c r="BO2742" s="166">
        <v>0</v>
      </c>
      <c r="BP2742" s="166">
        <v>0</v>
      </c>
      <c r="BQ2742" s="166">
        <v>0</v>
      </c>
      <c r="BR2742" s="166">
        <v>0</v>
      </c>
      <c r="BS2742" s="166">
        <v>0</v>
      </c>
      <c r="BT2742" s="168">
        <v>0</v>
      </c>
      <c r="BU2742" s="166">
        <v>0</v>
      </c>
      <c r="BV2742" s="166">
        <v>0</v>
      </c>
      <c r="BW2742" s="166">
        <v>0</v>
      </c>
      <c r="BX2742" s="166">
        <v>0</v>
      </c>
      <c r="BY2742" s="166">
        <v>0</v>
      </c>
      <c r="BZ2742" s="166">
        <v>0</v>
      </c>
      <c r="CA2742" s="166">
        <v>0</v>
      </c>
      <c r="CB2742" s="166">
        <v>0</v>
      </c>
      <c r="CC2742" s="166">
        <v>0</v>
      </c>
      <c r="CD2742" s="166">
        <v>0</v>
      </c>
      <c r="CE2742" s="166">
        <v>0</v>
      </c>
      <c r="CF2742" s="166">
        <v>0</v>
      </c>
      <c r="CG2742" s="166">
        <v>0</v>
      </c>
      <c r="CH2742" s="166">
        <v>0</v>
      </c>
      <c r="CI2742" s="166">
        <v>0</v>
      </c>
      <c r="CJ2742" s="166">
        <v>0</v>
      </c>
      <c r="CK2742" s="166">
        <v>0</v>
      </c>
      <c r="CL2742" s="166">
        <v>0</v>
      </c>
      <c r="CM2742" s="166">
        <v>0</v>
      </c>
      <c r="CN2742" s="166">
        <v>0</v>
      </c>
      <c r="CO2742" s="166">
        <v>0</v>
      </c>
      <c r="CP2742" s="166">
        <v>0</v>
      </c>
      <c r="CQ2742" s="166">
        <v>0</v>
      </c>
      <c r="CR2742" s="166">
        <v>0</v>
      </c>
      <c r="CS2742" s="166">
        <v>0</v>
      </c>
      <c r="CT2742" s="166">
        <v>0</v>
      </c>
      <c r="CU2742" s="166">
        <v>0</v>
      </c>
      <c r="CV2742" s="166">
        <v>0</v>
      </c>
      <c r="CW2742" s="166">
        <v>0</v>
      </c>
      <c r="CX2742" s="166">
        <v>0</v>
      </c>
      <c r="CY2742" s="166">
        <v>0</v>
      </c>
      <c r="CZ2742" s="166">
        <v>0</v>
      </c>
    </row>
    <row r="2743" spans="1:104" x14ac:dyDescent="0.2">
      <c r="A2743" s="167" t="s">
        <v>588</v>
      </c>
      <c r="B2743" s="166">
        <v>9507520.5500000007</v>
      </c>
      <c r="C2743" s="166">
        <v>9507520.5500000007</v>
      </c>
      <c r="D2743" s="166">
        <v>0</v>
      </c>
      <c r="E2743" s="166">
        <v>0</v>
      </c>
      <c r="F2743" s="166">
        <v>0</v>
      </c>
      <c r="G2743" s="166">
        <v>0</v>
      </c>
      <c r="H2743" s="166">
        <v>0</v>
      </c>
      <c r="I2743" s="166">
        <v>0</v>
      </c>
      <c r="J2743" s="166">
        <v>0</v>
      </c>
      <c r="K2743" s="166">
        <v>0</v>
      </c>
      <c r="L2743" s="166">
        <v>0</v>
      </c>
      <c r="M2743" s="166">
        <v>0</v>
      </c>
      <c r="N2743" s="166">
        <v>0</v>
      </c>
      <c r="O2743" s="166">
        <v>0</v>
      </c>
      <c r="P2743" s="166">
        <v>0</v>
      </c>
      <c r="Q2743" s="166">
        <v>0</v>
      </c>
      <c r="R2743" s="166">
        <v>0</v>
      </c>
      <c r="S2743" s="166">
        <v>0</v>
      </c>
      <c r="T2743" s="166">
        <v>0</v>
      </c>
      <c r="U2743" s="166">
        <v>0</v>
      </c>
      <c r="V2743" s="166">
        <v>0</v>
      </c>
      <c r="W2743" s="166">
        <v>0</v>
      </c>
      <c r="X2743" s="166">
        <v>0</v>
      </c>
      <c r="Y2743" s="166">
        <v>0</v>
      </c>
      <c r="Z2743" s="166">
        <v>0</v>
      </c>
      <c r="AA2743" s="166">
        <v>0</v>
      </c>
      <c r="AB2743" s="166">
        <v>0</v>
      </c>
      <c r="AC2743" s="166">
        <v>0</v>
      </c>
      <c r="AD2743" s="166">
        <v>0</v>
      </c>
      <c r="AE2743" s="166">
        <v>0</v>
      </c>
      <c r="AF2743" s="166">
        <v>0</v>
      </c>
      <c r="AG2743" s="166">
        <v>0</v>
      </c>
      <c r="AH2743" s="166">
        <v>0</v>
      </c>
      <c r="AI2743" s="166">
        <v>0</v>
      </c>
      <c r="AJ2743" s="166">
        <v>0</v>
      </c>
      <c r="AK2743" s="166">
        <v>0</v>
      </c>
      <c r="AL2743" s="166">
        <v>0</v>
      </c>
      <c r="AM2743" s="166">
        <v>0</v>
      </c>
      <c r="AN2743" s="166">
        <v>0</v>
      </c>
      <c r="AO2743" s="166">
        <v>0</v>
      </c>
      <c r="AP2743" s="166">
        <v>0</v>
      </c>
      <c r="AQ2743" s="166">
        <v>0</v>
      </c>
      <c r="AR2743" s="166">
        <v>0</v>
      </c>
      <c r="AS2743" s="166">
        <v>0</v>
      </c>
      <c r="AT2743" s="166">
        <v>0</v>
      </c>
      <c r="AU2743" s="166">
        <v>0</v>
      </c>
      <c r="AV2743" s="166">
        <v>0</v>
      </c>
      <c r="AW2743" s="166">
        <v>0</v>
      </c>
      <c r="AX2743" s="166">
        <v>0</v>
      </c>
      <c r="AY2743" s="166">
        <v>0</v>
      </c>
      <c r="AZ2743" s="166">
        <v>0</v>
      </c>
      <c r="BA2743" s="166">
        <v>0</v>
      </c>
      <c r="BB2743" s="166">
        <v>0</v>
      </c>
      <c r="BC2743" s="166">
        <v>0</v>
      </c>
      <c r="BD2743" s="166">
        <v>0</v>
      </c>
      <c r="BE2743" s="166">
        <v>0</v>
      </c>
      <c r="BF2743" s="166">
        <v>0</v>
      </c>
      <c r="BG2743" s="166">
        <v>0</v>
      </c>
      <c r="BH2743" s="166">
        <v>0</v>
      </c>
      <c r="BI2743" s="166">
        <v>0</v>
      </c>
      <c r="BJ2743" s="166">
        <v>0</v>
      </c>
      <c r="BK2743" s="166">
        <v>0</v>
      </c>
      <c r="BL2743" s="166">
        <v>0</v>
      </c>
      <c r="BM2743" s="166">
        <v>0</v>
      </c>
      <c r="BN2743" s="166">
        <v>0</v>
      </c>
      <c r="BO2743" s="166">
        <v>0</v>
      </c>
      <c r="BP2743" s="166">
        <v>0</v>
      </c>
      <c r="BQ2743" s="166">
        <v>0</v>
      </c>
      <c r="BR2743" s="166">
        <v>9507520.5500000007</v>
      </c>
      <c r="BS2743" s="166">
        <v>9507520.5500000007</v>
      </c>
      <c r="BT2743" s="168">
        <v>0</v>
      </c>
      <c r="BU2743" s="166">
        <v>0</v>
      </c>
      <c r="BV2743" s="166">
        <v>0</v>
      </c>
      <c r="BW2743" s="166">
        <v>0</v>
      </c>
      <c r="BX2743" s="166">
        <v>0</v>
      </c>
      <c r="BY2743" s="166">
        <v>0</v>
      </c>
      <c r="BZ2743" s="166">
        <v>0</v>
      </c>
      <c r="CA2743" s="166">
        <v>0</v>
      </c>
      <c r="CB2743" s="166">
        <v>0</v>
      </c>
      <c r="CC2743" s="166">
        <v>0</v>
      </c>
      <c r="CD2743" s="166">
        <v>0</v>
      </c>
      <c r="CE2743" s="166">
        <v>0</v>
      </c>
      <c r="CF2743" s="166">
        <v>0</v>
      </c>
      <c r="CG2743" s="166">
        <v>0</v>
      </c>
      <c r="CH2743" s="166">
        <v>0</v>
      </c>
      <c r="CI2743" s="166">
        <v>0</v>
      </c>
      <c r="CJ2743" s="166">
        <v>0</v>
      </c>
      <c r="CK2743" s="166">
        <v>0</v>
      </c>
      <c r="CL2743" s="166">
        <v>0</v>
      </c>
      <c r="CM2743" s="166">
        <v>0</v>
      </c>
      <c r="CN2743" s="166">
        <v>0</v>
      </c>
      <c r="CO2743" s="166">
        <v>0</v>
      </c>
      <c r="CP2743" s="166">
        <v>0</v>
      </c>
      <c r="CQ2743" s="166">
        <v>0</v>
      </c>
      <c r="CR2743" s="166">
        <v>0</v>
      </c>
      <c r="CS2743" s="166">
        <v>0</v>
      </c>
      <c r="CT2743" s="166">
        <v>0</v>
      </c>
      <c r="CU2743" s="166">
        <v>0</v>
      </c>
      <c r="CV2743" s="166">
        <v>0</v>
      </c>
      <c r="CW2743" s="166">
        <v>0</v>
      </c>
      <c r="CX2743" s="166">
        <v>0</v>
      </c>
      <c r="CY2743" s="166">
        <v>0</v>
      </c>
      <c r="CZ2743" s="166">
        <v>0</v>
      </c>
    </row>
    <row r="2744" spans="1:104" x14ac:dyDescent="0.2">
      <c r="A2744" s="167" t="s">
        <v>589</v>
      </c>
      <c r="B2744" s="166">
        <v>0</v>
      </c>
      <c r="C2744" s="166">
        <v>0</v>
      </c>
      <c r="D2744" s="166">
        <v>0</v>
      </c>
      <c r="E2744" s="166">
        <v>0</v>
      </c>
      <c r="F2744" s="166">
        <v>0</v>
      </c>
      <c r="G2744" s="166">
        <v>0</v>
      </c>
      <c r="H2744" s="166">
        <v>0</v>
      </c>
      <c r="I2744" s="166">
        <v>0</v>
      </c>
      <c r="J2744" s="166">
        <v>0</v>
      </c>
      <c r="K2744" s="166">
        <v>0</v>
      </c>
      <c r="L2744" s="166">
        <v>0</v>
      </c>
      <c r="M2744" s="166">
        <v>0</v>
      </c>
      <c r="N2744" s="166">
        <v>0</v>
      </c>
      <c r="O2744" s="166">
        <v>0</v>
      </c>
      <c r="P2744" s="166">
        <v>0</v>
      </c>
      <c r="Q2744" s="166">
        <v>0</v>
      </c>
      <c r="R2744" s="166">
        <v>0</v>
      </c>
      <c r="S2744" s="166">
        <v>0</v>
      </c>
      <c r="T2744" s="166">
        <v>0</v>
      </c>
      <c r="U2744" s="166">
        <v>0</v>
      </c>
      <c r="V2744" s="166">
        <v>0</v>
      </c>
      <c r="W2744" s="166">
        <v>0</v>
      </c>
      <c r="X2744" s="166">
        <v>0</v>
      </c>
      <c r="Y2744" s="166">
        <v>0</v>
      </c>
      <c r="Z2744" s="166">
        <v>0</v>
      </c>
      <c r="AA2744" s="166">
        <v>0</v>
      </c>
      <c r="AB2744" s="166">
        <v>0</v>
      </c>
      <c r="AC2744" s="166">
        <v>0</v>
      </c>
      <c r="AD2744" s="166">
        <v>0</v>
      </c>
      <c r="AE2744" s="166">
        <v>0</v>
      </c>
      <c r="AF2744" s="166">
        <v>0</v>
      </c>
      <c r="AG2744" s="166">
        <v>0</v>
      </c>
      <c r="AH2744" s="166">
        <v>0</v>
      </c>
      <c r="AI2744" s="166">
        <v>0</v>
      </c>
      <c r="AJ2744" s="166">
        <v>0</v>
      </c>
      <c r="AK2744" s="166">
        <v>0</v>
      </c>
      <c r="AL2744" s="166">
        <v>0</v>
      </c>
      <c r="AM2744" s="166">
        <v>0</v>
      </c>
      <c r="AN2744" s="166">
        <v>0</v>
      </c>
      <c r="AO2744" s="166">
        <v>0</v>
      </c>
      <c r="AP2744" s="166">
        <v>0</v>
      </c>
      <c r="AQ2744" s="166">
        <v>0</v>
      </c>
      <c r="AR2744" s="166">
        <v>0</v>
      </c>
      <c r="AS2744" s="166">
        <v>0</v>
      </c>
      <c r="AT2744" s="166">
        <v>0</v>
      </c>
      <c r="AU2744" s="166">
        <v>0</v>
      </c>
      <c r="AV2744" s="166">
        <v>0</v>
      </c>
      <c r="AW2744" s="166">
        <v>0</v>
      </c>
      <c r="AX2744" s="166">
        <v>0</v>
      </c>
      <c r="AY2744" s="166">
        <v>0</v>
      </c>
      <c r="AZ2744" s="166">
        <v>0</v>
      </c>
      <c r="BA2744" s="166">
        <v>0</v>
      </c>
      <c r="BB2744" s="166">
        <v>0</v>
      </c>
      <c r="BC2744" s="166">
        <v>0</v>
      </c>
      <c r="BD2744" s="166">
        <v>0</v>
      </c>
      <c r="BE2744" s="166">
        <v>0</v>
      </c>
      <c r="BF2744" s="166">
        <v>0</v>
      </c>
      <c r="BG2744" s="166">
        <v>0</v>
      </c>
      <c r="BH2744" s="166">
        <v>0</v>
      </c>
      <c r="BI2744" s="166">
        <v>0</v>
      </c>
      <c r="BJ2744" s="166">
        <v>0</v>
      </c>
      <c r="BK2744" s="166">
        <v>0</v>
      </c>
      <c r="BL2744" s="166">
        <v>0</v>
      </c>
      <c r="BM2744" s="166">
        <v>0</v>
      </c>
      <c r="BN2744" s="166">
        <v>0</v>
      </c>
      <c r="BO2744" s="166">
        <v>0</v>
      </c>
      <c r="BP2744" s="166">
        <v>0</v>
      </c>
      <c r="BQ2744" s="166">
        <v>0</v>
      </c>
      <c r="BR2744" s="166">
        <v>0</v>
      </c>
      <c r="BS2744" s="166">
        <v>0</v>
      </c>
      <c r="BT2744" s="168">
        <v>0</v>
      </c>
      <c r="BU2744" s="166">
        <v>0</v>
      </c>
      <c r="BV2744" s="166">
        <v>0</v>
      </c>
      <c r="BW2744" s="166">
        <v>0</v>
      </c>
      <c r="BX2744" s="166">
        <v>0</v>
      </c>
      <c r="BY2744" s="166">
        <v>0</v>
      </c>
      <c r="BZ2744" s="166">
        <v>0</v>
      </c>
      <c r="CA2744" s="166">
        <v>0</v>
      </c>
      <c r="CB2744" s="166">
        <v>0</v>
      </c>
      <c r="CC2744" s="166">
        <v>0</v>
      </c>
      <c r="CD2744" s="166">
        <v>0</v>
      </c>
      <c r="CE2744" s="166">
        <v>0</v>
      </c>
      <c r="CF2744" s="166">
        <v>0</v>
      </c>
      <c r="CG2744" s="166">
        <v>0</v>
      </c>
      <c r="CH2744" s="166">
        <v>0</v>
      </c>
      <c r="CI2744" s="166">
        <v>0</v>
      </c>
      <c r="CJ2744" s="166">
        <v>0</v>
      </c>
      <c r="CK2744" s="166">
        <v>0</v>
      </c>
      <c r="CL2744" s="166">
        <v>0</v>
      </c>
      <c r="CM2744" s="166">
        <v>0</v>
      </c>
      <c r="CN2744" s="166">
        <v>0</v>
      </c>
      <c r="CO2744" s="166">
        <v>0</v>
      </c>
      <c r="CP2744" s="166">
        <v>0</v>
      </c>
      <c r="CQ2744" s="166">
        <v>0</v>
      </c>
      <c r="CR2744" s="166">
        <v>0</v>
      </c>
      <c r="CS2744" s="166">
        <v>0</v>
      </c>
      <c r="CT2744" s="166">
        <v>0</v>
      </c>
      <c r="CU2744" s="166">
        <v>0</v>
      </c>
      <c r="CV2744" s="166">
        <v>0</v>
      </c>
      <c r="CW2744" s="166">
        <v>0</v>
      </c>
      <c r="CX2744" s="166">
        <v>0</v>
      </c>
      <c r="CY2744" s="166">
        <v>0</v>
      </c>
      <c r="CZ2744" s="166">
        <v>0</v>
      </c>
    </row>
    <row r="2745" spans="1:104" x14ac:dyDescent="0.2">
      <c r="A2745" s="177" t="s">
        <v>590</v>
      </c>
      <c r="B2745" s="166">
        <v>9507520.5500000007</v>
      </c>
      <c r="C2745" s="166">
        <v>9507520.5500000007</v>
      </c>
      <c r="D2745" s="166">
        <v>0</v>
      </c>
      <c r="E2745" s="166">
        <v>0</v>
      </c>
      <c r="F2745" s="166">
        <v>0</v>
      </c>
      <c r="G2745" s="166">
        <v>0</v>
      </c>
      <c r="H2745" s="166">
        <v>0</v>
      </c>
      <c r="I2745" s="166">
        <v>0</v>
      </c>
      <c r="J2745" s="166">
        <v>0</v>
      </c>
      <c r="K2745" s="166">
        <v>0</v>
      </c>
      <c r="L2745" s="166">
        <v>0</v>
      </c>
      <c r="M2745" s="166">
        <v>0</v>
      </c>
      <c r="N2745" s="166">
        <v>0</v>
      </c>
      <c r="O2745" s="166">
        <v>0</v>
      </c>
      <c r="P2745" s="166">
        <v>0</v>
      </c>
      <c r="Q2745" s="166">
        <v>0</v>
      </c>
      <c r="R2745" s="166">
        <v>0</v>
      </c>
      <c r="S2745" s="166">
        <v>0</v>
      </c>
      <c r="T2745" s="166">
        <v>0</v>
      </c>
      <c r="U2745" s="166">
        <v>0</v>
      </c>
      <c r="V2745" s="166">
        <v>0</v>
      </c>
      <c r="W2745" s="166">
        <v>0</v>
      </c>
      <c r="X2745" s="166">
        <v>0</v>
      </c>
      <c r="Y2745" s="166">
        <v>0</v>
      </c>
      <c r="Z2745" s="166">
        <v>0</v>
      </c>
      <c r="AA2745" s="166">
        <v>0</v>
      </c>
      <c r="AB2745" s="166">
        <v>0</v>
      </c>
      <c r="AC2745" s="166">
        <v>0</v>
      </c>
      <c r="AD2745" s="166">
        <v>0</v>
      </c>
      <c r="AE2745" s="166">
        <v>0</v>
      </c>
      <c r="AF2745" s="166">
        <v>0</v>
      </c>
      <c r="AG2745" s="166">
        <v>0</v>
      </c>
      <c r="AH2745" s="166">
        <v>0</v>
      </c>
      <c r="AI2745" s="166">
        <v>0</v>
      </c>
      <c r="AJ2745" s="166">
        <v>0</v>
      </c>
      <c r="AK2745" s="166">
        <v>0</v>
      </c>
      <c r="AL2745" s="166">
        <v>0</v>
      </c>
      <c r="AM2745" s="166">
        <v>0</v>
      </c>
      <c r="AN2745" s="166">
        <v>0</v>
      </c>
      <c r="AO2745" s="166">
        <v>0</v>
      </c>
      <c r="AP2745" s="166">
        <v>0</v>
      </c>
      <c r="AQ2745" s="166">
        <v>0</v>
      </c>
      <c r="AR2745" s="166">
        <v>0</v>
      </c>
      <c r="AS2745" s="166">
        <v>0</v>
      </c>
      <c r="AT2745" s="166">
        <v>0</v>
      </c>
      <c r="AU2745" s="166">
        <v>0</v>
      </c>
      <c r="AV2745" s="166">
        <v>0</v>
      </c>
      <c r="AW2745" s="166">
        <v>0</v>
      </c>
      <c r="AX2745" s="166">
        <v>0</v>
      </c>
      <c r="AY2745" s="166">
        <v>0</v>
      </c>
      <c r="AZ2745" s="166">
        <v>0</v>
      </c>
      <c r="BA2745" s="166">
        <v>0</v>
      </c>
      <c r="BB2745" s="166">
        <v>0</v>
      </c>
      <c r="BC2745" s="166">
        <v>0</v>
      </c>
      <c r="BD2745" s="166">
        <v>0</v>
      </c>
      <c r="BE2745" s="166">
        <v>0</v>
      </c>
      <c r="BF2745" s="166">
        <v>0</v>
      </c>
      <c r="BG2745" s="166">
        <v>0</v>
      </c>
      <c r="BH2745" s="166">
        <v>0</v>
      </c>
      <c r="BI2745" s="166">
        <v>0</v>
      </c>
      <c r="BJ2745" s="166">
        <v>0</v>
      </c>
      <c r="BK2745" s="166">
        <v>0</v>
      </c>
      <c r="BL2745" s="166">
        <v>0</v>
      </c>
      <c r="BM2745" s="166">
        <v>0</v>
      </c>
      <c r="BN2745" s="166">
        <v>0</v>
      </c>
      <c r="BO2745" s="166">
        <v>0</v>
      </c>
      <c r="BP2745" s="166">
        <v>0</v>
      </c>
      <c r="BQ2745" s="166">
        <v>0</v>
      </c>
      <c r="BR2745" s="166">
        <v>9507520.5500000007</v>
      </c>
      <c r="BS2745" s="166">
        <v>9507520.5500000007</v>
      </c>
      <c r="BT2745" s="168">
        <v>0</v>
      </c>
      <c r="BU2745" s="166">
        <v>0</v>
      </c>
      <c r="BV2745" s="166">
        <v>0</v>
      </c>
      <c r="BW2745" s="166">
        <v>0</v>
      </c>
      <c r="BX2745" s="166">
        <v>0</v>
      </c>
      <c r="BY2745" s="166">
        <v>0</v>
      </c>
      <c r="BZ2745" s="166">
        <v>0</v>
      </c>
      <c r="CA2745" s="166">
        <v>0</v>
      </c>
      <c r="CB2745" s="166">
        <v>0</v>
      </c>
      <c r="CC2745" s="166">
        <v>0</v>
      </c>
      <c r="CD2745" s="166">
        <v>0</v>
      </c>
      <c r="CE2745" s="166">
        <v>0</v>
      </c>
      <c r="CF2745" s="166">
        <v>0</v>
      </c>
      <c r="CG2745" s="166">
        <v>0</v>
      </c>
      <c r="CH2745" s="166">
        <v>0</v>
      </c>
      <c r="CI2745" s="166">
        <v>0</v>
      </c>
      <c r="CJ2745" s="166">
        <v>0</v>
      </c>
      <c r="CK2745" s="166">
        <v>0</v>
      </c>
      <c r="CL2745" s="166">
        <v>0</v>
      </c>
      <c r="CM2745" s="166">
        <v>0</v>
      </c>
      <c r="CN2745" s="166">
        <v>0</v>
      </c>
      <c r="CO2745" s="166">
        <v>0</v>
      </c>
      <c r="CP2745" s="166">
        <v>0</v>
      </c>
      <c r="CQ2745" s="166">
        <v>0</v>
      </c>
      <c r="CR2745" s="166">
        <v>0</v>
      </c>
      <c r="CS2745" s="166">
        <v>0</v>
      </c>
      <c r="CT2745" s="166">
        <v>0</v>
      </c>
      <c r="CU2745" s="166">
        <v>0</v>
      </c>
      <c r="CV2745" s="166">
        <v>0</v>
      </c>
      <c r="CW2745" s="166">
        <v>0</v>
      </c>
      <c r="CX2745" s="166">
        <v>0</v>
      </c>
      <c r="CY2745" s="166">
        <v>0</v>
      </c>
      <c r="CZ2745" s="166">
        <v>0</v>
      </c>
    </row>
    <row r="2746" spans="1:104" x14ac:dyDescent="0.2">
      <c r="A2746" s="167" t="s">
        <v>591</v>
      </c>
      <c r="B2746" s="166">
        <v>0</v>
      </c>
      <c r="C2746" s="166">
        <v>0</v>
      </c>
      <c r="D2746" s="166">
        <v>0</v>
      </c>
      <c r="E2746" s="166">
        <v>0</v>
      </c>
      <c r="F2746" s="166">
        <v>0</v>
      </c>
      <c r="G2746" s="166">
        <v>0</v>
      </c>
      <c r="H2746" s="166">
        <v>0</v>
      </c>
      <c r="I2746" s="166">
        <v>0</v>
      </c>
      <c r="J2746" s="166">
        <v>0</v>
      </c>
      <c r="K2746" s="166">
        <v>0</v>
      </c>
      <c r="L2746" s="166">
        <v>0</v>
      </c>
      <c r="M2746" s="166">
        <v>0</v>
      </c>
      <c r="N2746" s="166">
        <v>0</v>
      </c>
      <c r="O2746" s="166">
        <v>0</v>
      </c>
      <c r="P2746" s="166">
        <v>0</v>
      </c>
      <c r="Q2746" s="166">
        <v>0</v>
      </c>
      <c r="R2746" s="166">
        <v>0</v>
      </c>
      <c r="S2746" s="166">
        <v>0</v>
      </c>
      <c r="T2746" s="166">
        <v>0</v>
      </c>
      <c r="U2746" s="166">
        <v>0</v>
      </c>
      <c r="V2746" s="166">
        <v>0</v>
      </c>
      <c r="W2746" s="166">
        <v>0</v>
      </c>
      <c r="X2746" s="166">
        <v>0</v>
      </c>
      <c r="Y2746" s="166">
        <v>0</v>
      </c>
      <c r="Z2746" s="166">
        <v>0</v>
      </c>
      <c r="AA2746" s="166">
        <v>0</v>
      </c>
      <c r="AB2746" s="166">
        <v>0</v>
      </c>
      <c r="AC2746" s="166">
        <v>0</v>
      </c>
      <c r="AD2746" s="166">
        <v>0</v>
      </c>
      <c r="AE2746" s="166">
        <v>0</v>
      </c>
      <c r="AF2746" s="166">
        <v>0</v>
      </c>
      <c r="AG2746" s="166">
        <v>0</v>
      </c>
      <c r="AH2746" s="166">
        <v>0</v>
      </c>
      <c r="AI2746" s="166">
        <v>0</v>
      </c>
      <c r="AJ2746" s="166">
        <v>0</v>
      </c>
      <c r="AK2746" s="166">
        <v>0</v>
      </c>
      <c r="AL2746" s="166">
        <v>0</v>
      </c>
      <c r="AM2746" s="166">
        <v>0</v>
      </c>
      <c r="AN2746" s="166">
        <v>0</v>
      </c>
      <c r="AO2746" s="166">
        <v>0</v>
      </c>
      <c r="AP2746" s="166">
        <v>0</v>
      </c>
      <c r="AQ2746" s="166">
        <v>0</v>
      </c>
      <c r="AR2746" s="166">
        <v>0</v>
      </c>
      <c r="AS2746" s="166">
        <v>0</v>
      </c>
      <c r="AT2746" s="166">
        <v>0</v>
      </c>
      <c r="AU2746" s="166">
        <v>0</v>
      </c>
      <c r="AV2746" s="166">
        <v>0</v>
      </c>
      <c r="AW2746" s="166">
        <v>0</v>
      </c>
      <c r="AX2746" s="166">
        <v>0</v>
      </c>
      <c r="AY2746" s="166">
        <v>0</v>
      </c>
      <c r="AZ2746" s="166">
        <v>0</v>
      </c>
      <c r="BA2746" s="166">
        <v>0</v>
      </c>
      <c r="BB2746" s="166">
        <v>0</v>
      </c>
      <c r="BC2746" s="166">
        <v>0</v>
      </c>
      <c r="BD2746" s="166">
        <v>0</v>
      </c>
      <c r="BE2746" s="166">
        <v>0</v>
      </c>
      <c r="BF2746" s="166">
        <v>0</v>
      </c>
      <c r="BG2746" s="166">
        <v>0</v>
      </c>
      <c r="BH2746" s="166">
        <v>0</v>
      </c>
      <c r="BI2746" s="166">
        <v>0</v>
      </c>
      <c r="BJ2746" s="166">
        <v>0</v>
      </c>
      <c r="BK2746" s="166">
        <v>0</v>
      </c>
      <c r="BL2746" s="166">
        <v>0</v>
      </c>
      <c r="BM2746" s="166">
        <v>0</v>
      </c>
      <c r="BN2746" s="166">
        <v>0</v>
      </c>
      <c r="BO2746" s="166">
        <v>0</v>
      </c>
      <c r="BP2746" s="166">
        <v>0</v>
      </c>
      <c r="BQ2746" s="166">
        <v>0</v>
      </c>
      <c r="BR2746" s="166">
        <v>0</v>
      </c>
      <c r="BS2746" s="166">
        <v>0</v>
      </c>
      <c r="BT2746" s="168">
        <v>0</v>
      </c>
      <c r="BU2746" s="166">
        <v>0</v>
      </c>
      <c r="BV2746" s="166">
        <v>0</v>
      </c>
      <c r="BW2746" s="166">
        <v>0</v>
      </c>
      <c r="BX2746" s="166">
        <v>0</v>
      </c>
      <c r="BY2746" s="166">
        <v>0</v>
      </c>
      <c r="BZ2746" s="166">
        <v>0</v>
      </c>
      <c r="CA2746" s="166">
        <v>0</v>
      </c>
      <c r="CB2746" s="166">
        <v>0</v>
      </c>
      <c r="CC2746" s="166">
        <v>0</v>
      </c>
      <c r="CD2746" s="166">
        <v>0</v>
      </c>
      <c r="CE2746" s="166">
        <v>0</v>
      </c>
      <c r="CF2746" s="166">
        <v>0</v>
      </c>
      <c r="CG2746" s="166">
        <v>0</v>
      </c>
      <c r="CH2746" s="166">
        <v>0</v>
      </c>
      <c r="CI2746" s="166">
        <v>0</v>
      </c>
      <c r="CJ2746" s="166">
        <v>0</v>
      </c>
      <c r="CK2746" s="166">
        <v>0</v>
      </c>
      <c r="CL2746" s="166">
        <v>0</v>
      </c>
      <c r="CM2746" s="166">
        <v>0</v>
      </c>
      <c r="CN2746" s="166">
        <v>0</v>
      </c>
      <c r="CO2746" s="166">
        <v>0</v>
      </c>
      <c r="CP2746" s="166">
        <v>0</v>
      </c>
      <c r="CQ2746" s="166">
        <v>0</v>
      </c>
      <c r="CR2746" s="166">
        <v>0</v>
      </c>
      <c r="CS2746" s="166">
        <v>0</v>
      </c>
      <c r="CT2746" s="166">
        <v>0</v>
      </c>
      <c r="CU2746" s="166">
        <v>0</v>
      </c>
      <c r="CV2746" s="166">
        <v>0</v>
      </c>
      <c r="CW2746" s="166">
        <v>0</v>
      </c>
      <c r="CX2746" s="166">
        <v>0</v>
      </c>
      <c r="CY2746" s="166">
        <v>0</v>
      </c>
      <c r="CZ2746" s="166">
        <v>0</v>
      </c>
    </row>
    <row r="2747" spans="1:104" x14ac:dyDescent="0.2">
      <c r="A2747" s="167" t="s">
        <v>592</v>
      </c>
      <c r="B2747" s="166">
        <v>0</v>
      </c>
      <c r="C2747" s="166">
        <v>0</v>
      </c>
      <c r="D2747" s="166">
        <v>0</v>
      </c>
      <c r="E2747" s="166">
        <v>0</v>
      </c>
      <c r="F2747" s="166">
        <v>0</v>
      </c>
      <c r="G2747" s="166">
        <v>0</v>
      </c>
      <c r="H2747" s="166">
        <v>0</v>
      </c>
      <c r="I2747" s="166">
        <v>0</v>
      </c>
      <c r="J2747" s="166">
        <v>0</v>
      </c>
      <c r="K2747" s="166">
        <v>0</v>
      </c>
      <c r="L2747" s="166">
        <v>0</v>
      </c>
      <c r="M2747" s="166">
        <v>0</v>
      </c>
      <c r="N2747" s="166">
        <v>0</v>
      </c>
      <c r="O2747" s="166">
        <v>0</v>
      </c>
      <c r="P2747" s="166">
        <v>0</v>
      </c>
      <c r="Q2747" s="166">
        <v>0</v>
      </c>
      <c r="R2747" s="166">
        <v>0</v>
      </c>
      <c r="S2747" s="166">
        <v>0</v>
      </c>
      <c r="T2747" s="166">
        <v>0</v>
      </c>
      <c r="U2747" s="166">
        <v>0</v>
      </c>
      <c r="V2747" s="166">
        <v>0</v>
      </c>
      <c r="W2747" s="166">
        <v>0</v>
      </c>
      <c r="X2747" s="166">
        <v>0</v>
      </c>
      <c r="Y2747" s="166">
        <v>0</v>
      </c>
      <c r="Z2747" s="166">
        <v>0</v>
      </c>
      <c r="AA2747" s="166">
        <v>0</v>
      </c>
      <c r="AB2747" s="166">
        <v>0</v>
      </c>
      <c r="AC2747" s="166">
        <v>0</v>
      </c>
      <c r="AD2747" s="166">
        <v>0</v>
      </c>
      <c r="AE2747" s="166">
        <v>0</v>
      </c>
      <c r="AF2747" s="166">
        <v>0</v>
      </c>
      <c r="AG2747" s="166">
        <v>0</v>
      </c>
      <c r="AH2747" s="166">
        <v>0</v>
      </c>
      <c r="AI2747" s="166">
        <v>0</v>
      </c>
      <c r="AJ2747" s="166">
        <v>0</v>
      </c>
      <c r="AK2747" s="166">
        <v>0</v>
      </c>
      <c r="AL2747" s="166">
        <v>0</v>
      </c>
      <c r="AM2747" s="166">
        <v>0</v>
      </c>
      <c r="AN2747" s="166">
        <v>0</v>
      </c>
      <c r="AO2747" s="166">
        <v>0</v>
      </c>
      <c r="AP2747" s="166">
        <v>0</v>
      </c>
      <c r="AQ2747" s="166">
        <v>0</v>
      </c>
      <c r="AR2747" s="166">
        <v>0</v>
      </c>
      <c r="AS2747" s="166">
        <v>0</v>
      </c>
      <c r="AT2747" s="166">
        <v>0</v>
      </c>
      <c r="AU2747" s="166">
        <v>0</v>
      </c>
      <c r="AV2747" s="166">
        <v>0</v>
      </c>
      <c r="AW2747" s="166">
        <v>0</v>
      </c>
      <c r="AX2747" s="166">
        <v>0</v>
      </c>
      <c r="AY2747" s="166">
        <v>0</v>
      </c>
      <c r="AZ2747" s="166">
        <v>0</v>
      </c>
      <c r="BA2747" s="166">
        <v>0</v>
      </c>
      <c r="BB2747" s="166">
        <v>0</v>
      </c>
      <c r="BC2747" s="166">
        <v>0</v>
      </c>
      <c r="BD2747" s="166">
        <v>0</v>
      </c>
      <c r="BE2747" s="166">
        <v>0</v>
      </c>
      <c r="BF2747" s="166">
        <v>0</v>
      </c>
      <c r="BG2747" s="166">
        <v>0</v>
      </c>
      <c r="BH2747" s="166">
        <v>0</v>
      </c>
      <c r="BI2747" s="166">
        <v>0</v>
      </c>
      <c r="BJ2747" s="166">
        <v>0</v>
      </c>
      <c r="BK2747" s="166">
        <v>0</v>
      </c>
      <c r="BL2747" s="166">
        <v>0</v>
      </c>
      <c r="BM2747" s="166">
        <v>0</v>
      </c>
      <c r="BN2747" s="166">
        <v>0</v>
      </c>
      <c r="BO2747" s="166">
        <v>0</v>
      </c>
      <c r="BP2747" s="166">
        <v>0</v>
      </c>
      <c r="BQ2747" s="166">
        <v>0</v>
      </c>
      <c r="BR2747" s="166">
        <v>0</v>
      </c>
      <c r="BS2747" s="166">
        <v>0</v>
      </c>
      <c r="BT2747" s="168">
        <v>0</v>
      </c>
      <c r="BU2747" s="166">
        <v>0</v>
      </c>
      <c r="BV2747" s="166">
        <v>0</v>
      </c>
      <c r="BW2747" s="166">
        <v>0</v>
      </c>
      <c r="BX2747" s="166">
        <v>0</v>
      </c>
      <c r="BY2747" s="166">
        <v>0</v>
      </c>
      <c r="BZ2747" s="166">
        <v>0</v>
      </c>
      <c r="CA2747" s="166">
        <v>0</v>
      </c>
      <c r="CB2747" s="166">
        <v>0</v>
      </c>
      <c r="CC2747" s="166">
        <v>0</v>
      </c>
      <c r="CD2747" s="166">
        <v>0</v>
      </c>
      <c r="CE2747" s="166">
        <v>0</v>
      </c>
      <c r="CF2747" s="166">
        <v>0</v>
      </c>
      <c r="CG2747" s="166">
        <v>0</v>
      </c>
      <c r="CH2747" s="166">
        <v>0</v>
      </c>
      <c r="CI2747" s="166">
        <v>0</v>
      </c>
      <c r="CJ2747" s="166">
        <v>0</v>
      </c>
      <c r="CK2747" s="166">
        <v>0</v>
      </c>
      <c r="CL2747" s="166">
        <v>0</v>
      </c>
      <c r="CM2747" s="166">
        <v>0</v>
      </c>
      <c r="CN2747" s="166">
        <v>0</v>
      </c>
      <c r="CO2747" s="166">
        <v>0</v>
      </c>
      <c r="CP2747" s="166">
        <v>0</v>
      </c>
      <c r="CQ2747" s="166">
        <v>0</v>
      </c>
      <c r="CR2747" s="166">
        <v>0</v>
      </c>
      <c r="CS2747" s="166">
        <v>0</v>
      </c>
      <c r="CT2747" s="166">
        <v>0</v>
      </c>
      <c r="CU2747" s="166">
        <v>0</v>
      </c>
      <c r="CV2747" s="166">
        <v>0</v>
      </c>
      <c r="CW2747" s="166">
        <v>0</v>
      </c>
      <c r="CX2747" s="166">
        <v>0</v>
      </c>
      <c r="CY2747" s="166">
        <v>0</v>
      </c>
      <c r="CZ2747" s="166">
        <v>0</v>
      </c>
    </row>
    <row r="2748" spans="1:104" x14ac:dyDescent="0.2">
      <c r="A2748" s="167" t="s">
        <v>593</v>
      </c>
      <c r="B2748" s="166">
        <v>0</v>
      </c>
      <c r="C2748" s="166">
        <v>0</v>
      </c>
      <c r="D2748" s="166">
        <v>0</v>
      </c>
      <c r="E2748" s="166">
        <v>0</v>
      </c>
      <c r="F2748" s="166">
        <v>0</v>
      </c>
      <c r="G2748" s="166">
        <v>0</v>
      </c>
      <c r="H2748" s="166">
        <v>0</v>
      </c>
      <c r="I2748" s="166">
        <v>0</v>
      </c>
      <c r="J2748" s="166">
        <v>0</v>
      </c>
      <c r="K2748" s="166">
        <v>0</v>
      </c>
      <c r="L2748" s="166">
        <v>0</v>
      </c>
      <c r="M2748" s="166">
        <v>0</v>
      </c>
      <c r="N2748" s="166">
        <v>0</v>
      </c>
      <c r="O2748" s="166">
        <v>0</v>
      </c>
      <c r="P2748" s="166">
        <v>0</v>
      </c>
      <c r="Q2748" s="166">
        <v>0</v>
      </c>
      <c r="R2748" s="166">
        <v>0</v>
      </c>
      <c r="S2748" s="166">
        <v>0</v>
      </c>
      <c r="T2748" s="166">
        <v>0</v>
      </c>
      <c r="U2748" s="166">
        <v>0</v>
      </c>
      <c r="V2748" s="166">
        <v>0</v>
      </c>
      <c r="W2748" s="166">
        <v>0</v>
      </c>
      <c r="X2748" s="166">
        <v>0</v>
      </c>
      <c r="Y2748" s="166">
        <v>0</v>
      </c>
      <c r="Z2748" s="166">
        <v>0</v>
      </c>
      <c r="AA2748" s="166">
        <v>0</v>
      </c>
      <c r="AB2748" s="166">
        <v>0</v>
      </c>
      <c r="AC2748" s="166">
        <v>0</v>
      </c>
      <c r="AD2748" s="166">
        <v>0</v>
      </c>
      <c r="AE2748" s="166">
        <v>0</v>
      </c>
      <c r="AF2748" s="166">
        <v>0</v>
      </c>
      <c r="AG2748" s="166">
        <v>0</v>
      </c>
      <c r="AH2748" s="166">
        <v>0</v>
      </c>
      <c r="AI2748" s="166">
        <v>0</v>
      </c>
      <c r="AJ2748" s="166">
        <v>0</v>
      </c>
      <c r="AK2748" s="166">
        <v>0</v>
      </c>
      <c r="AL2748" s="166">
        <v>0</v>
      </c>
      <c r="AM2748" s="166">
        <v>0</v>
      </c>
      <c r="AN2748" s="166">
        <v>0</v>
      </c>
      <c r="AO2748" s="166">
        <v>0</v>
      </c>
      <c r="AP2748" s="166">
        <v>0</v>
      </c>
      <c r="AQ2748" s="166">
        <v>0</v>
      </c>
      <c r="AR2748" s="166">
        <v>0</v>
      </c>
      <c r="AS2748" s="166">
        <v>0</v>
      </c>
      <c r="AT2748" s="166">
        <v>0</v>
      </c>
      <c r="AU2748" s="166">
        <v>0</v>
      </c>
      <c r="AV2748" s="166">
        <v>0</v>
      </c>
      <c r="AW2748" s="166">
        <v>0</v>
      </c>
      <c r="AX2748" s="166">
        <v>0</v>
      </c>
      <c r="AY2748" s="166">
        <v>0</v>
      </c>
      <c r="AZ2748" s="166">
        <v>0</v>
      </c>
      <c r="BA2748" s="166">
        <v>0</v>
      </c>
      <c r="BB2748" s="166">
        <v>0</v>
      </c>
      <c r="BC2748" s="166">
        <v>0</v>
      </c>
      <c r="BD2748" s="166">
        <v>0</v>
      </c>
      <c r="BE2748" s="166">
        <v>0</v>
      </c>
      <c r="BF2748" s="166">
        <v>0</v>
      </c>
      <c r="BG2748" s="166">
        <v>0</v>
      </c>
      <c r="BH2748" s="166">
        <v>0</v>
      </c>
      <c r="BI2748" s="166">
        <v>0</v>
      </c>
      <c r="BJ2748" s="166">
        <v>0</v>
      </c>
      <c r="BK2748" s="166">
        <v>0</v>
      </c>
      <c r="BL2748" s="166">
        <v>0</v>
      </c>
      <c r="BM2748" s="166">
        <v>0</v>
      </c>
      <c r="BN2748" s="166">
        <v>0</v>
      </c>
      <c r="BO2748" s="166">
        <v>0</v>
      </c>
      <c r="BP2748" s="166">
        <v>0</v>
      </c>
      <c r="BQ2748" s="166">
        <v>0</v>
      </c>
      <c r="BR2748" s="166">
        <v>0</v>
      </c>
      <c r="BS2748" s="166">
        <v>0</v>
      </c>
      <c r="BT2748" s="168">
        <v>0</v>
      </c>
      <c r="BU2748" s="166">
        <v>0</v>
      </c>
      <c r="BV2748" s="166">
        <v>0</v>
      </c>
      <c r="BW2748" s="166">
        <v>0</v>
      </c>
      <c r="BX2748" s="166">
        <v>0</v>
      </c>
      <c r="BY2748" s="166">
        <v>0</v>
      </c>
      <c r="BZ2748" s="166">
        <v>0</v>
      </c>
      <c r="CA2748" s="166">
        <v>0</v>
      </c>
      <c r="CB2748" s="166">
        <v>0</v>
      </c>
      <c r="CC2748" s="166">
        <v>0</v>
      </c>
      <c r="CD2748" s="166">
        <v>0</v>
      </c>
      <c r="CE2748" s="166">
        <v>0</v>
      </c>
      <c r="CF2748" s="166">
        <v>0</v>
      </c>
      <c r="CG2748" s="166">
        <v>0</v>
      </c>
      <c r="CH2748" s="166">
        <v>0</v>
      </c>
      <c r="CI2748" s="166">
        <v>0</v>
      </c>
      <c r="CJ2748" s="166">
        <v>0</v>
      </c>
      <c r="CK2748" s="166">
        <v>0</v>
      </c>
      <c r="CL2748" s="166">
        <v>0</v>
      </c>
      <c r="CM2748" s="166">
        <v>0</v>
      </c>
      <c r="CN2748" s="166">
        <v>0</v>
      </c>
      <c r="CO2748" s="166">
        <v>0</v>
      </c>
      <c r="CP2748" s="166">
        <v>0</v>
      </c>
      <c r="CQ2748" s="166">
        <v>0</v>
      </c>
      <c r="CR2748" s="166">
        <v>0</v>
      </c>
      <c r="CS2748" s="166">
        <v>0</v>
      </c>
      <c r="CT2748" s="166">
        <v>0</v>
      </c>
      <c r="CU2748" s="166">
        <v>0</v>
      </c>
      <c r="CV2748" s="166">
        <v>0</v>
      </c>
      <c r="CW2748" s="166">
        <v>0</v>
      </c>
      <c r="CX2748" s="166">
        <v>0</v>
      </c>
      <c r="CY2748" s="166">
        <v>0</v>
      </c>
      <c r="CZ2748" s="166">
        <v>0</v>
      </c>
    </row>
    <row r="2749" spans="1:104" x14ac:dyDescent="0.2">
      <c r="A2749" s="167" t="s">
        <v>594</v>
      </c>
      <c r="B2749" s="166">
        <v>0</v>
      </c>
      <c r="C2749" s="166">
        <v>0</v>
      </c>
      <c r="D2749" s="166">
        <v>0</v>
      </c>
      <c r="E2749" s="166">
        <v>0</v>
      </c>
      <c r="F2749" s="166">
        <v>0</v>
      </c>
      <c r="G2749" s="166">
        <v>0</v>
      </c>
      <c r="H2749" s="166">
        <v>0</v>
      </c>
      <c r="I2749" s="166">
        <v>0</v>
      </c>
      <c r="J2749" s="166">
        <v>0</v>
      </c>
      <c r="K2749" s="166">
        <v>0</v>
      </c>
      <c r="L2749" s="166">
        <v>0</v>
      </c>
      <c r="M2749" s="166">
        <v>0</v>
      </c>
      <c r="N2749" s="166">
        <v>0</v>
      </c>
      <c r="O2749" s="166">
        <v>0</v>
      </c>
      <c r="P2749" s="166">
        <v>0</v>
      </c>
      <c r="Q2749" s="166">
        <v>0</v>
      </c>
      <c r="R2749" s="166">
        <v>0</v>
      </c>
      <c r="S2749" s="166">
        <v>0</v>
      </c>
      <c r="T2749" s="166">
        <v>0</v>
      </c>
      <c r="U2749" s="166">
        <v>0</v>
      </c>
      <c r="V2749" s="166">
        <v>0</v>
      </c>
      <c r="W2749" s="166">
        <v>0</v>
      </c>
      <c r="X2749" s="166">
        <v>0</v>
      </c>
      <c r="Y2749" s="166">
        <v>0</v>
      </c>
      <c r="Z2749" s="166">
        <v>0</v>
      </c>
      <c r="AA2749" s="166">
        <v>0</v>
      </c>
      <c r="AB2749" s="166">
        <v>0</v>
      </c>
      <c r="AC2749" s="166">
        <v>0</v>
      </c>
      <c r="AD2749" s="166">
        <v>0</v>
      </c>
      <c r="AE2749" s="166">
        <v>0</v>
      </c>
      <c r="AF2749" s="166">
        <v>0</v>
      </c>
      <c r="AG2749" s="166">
        <v>0</v>
      </c>
      <c r="AH2749" s="166">
        <v>0</v>
      </c>
      <c r="AI2749" s="166">
        <v>0</v>
      </c>
      <c r="AJ2749" s="166">
        <v>0</v>
      </c>
      <c r="AK2749" s="166">
        <v>0</v>
      </c>
      <c r="AL2749" s="166">
        <v>0</v>
      </c>
      <c r="AM2749" s="166">
        <v>0</v>
      </c>
      <c r="AN2749" s="166">
        <v>0</v>
      </c>
      <c r="AO2749" s="166">
        <v>0</v>
      </c>
      <c r="AP2749" s="166">
        <v>0</v>
      </c>
      <c r="AQ2749" s="166">
        <v>0</v>
      </c>
      <c r="AR2749" s="166">
        <v>0</v>
      </c>
      <c r="AS2749" s="166">
        <v>0</v>
      </c>
      <c r="AT2749" s="166">
        <v>0</v>
      </c>
      <c r="AU2749" s="166">
        <v>0</v>
      </c>
      <c r="AV2749" s="166">
        <v>0</v>
      </c>
      <c r="AW2749" s="166">
        <v>0</v>
      </c>
      <c r="AX2749" s="166">
        <v>0</v>
      </c>
      <c r="AY2749" s="166">
        <v>0</v>
      </c>
      <c r="AZ2749" s="166">
        <v>0</v>
      </c>
      <c r="BA2749" s="166">
        <v>0</v>
      </c>
      <c r="BB2749" s="166">
        <v>0</v>
      </c>
      <c r="BC2749" s="166">
        <v>0</v>
      </c>
      <c r="BD2749" s="166">
        <v>0</v>
      </c>
      <c r="BE2749" s="166">
        <v>0</v>
      </c>
      <c r="BF2749" s="166">
        <v>0</v>
      </c>
      <c r="BG2749" s="166">
        <v>0</v>
      </c>
      <c r="BH2749" s="166">
        <v>0</v>
      </c>
      <c r="BI2749" s="166">
        <v>0</v>
      </c>
      <c r="BJ2749" s="166">
        <v>0</v>
      </c>
      <c r="BK2749" s="166">
        <v>0</v>
      </c>
      <c r="BL2749" s="166">
        <v>0</v>
      </c>
      <c r="BM2749" s="166">
        <v>0</v>
      </c>
      <c r="BN2749" s="166">
        <v>0</v>
      </c>
      <c r="BO2749" s="166">
        <v>0</v>
      </c>
      <c r="BP2749" s="166">
        <v>0</v>
      </c>
      <c r="BQ2749" s="166">
        <v>0</v>
      </c>
      <c r="BR2749" s="166">
        <v>0</v>
      </c>
      <c r="BS2749" s="166">
        <v>0</v>
      </c>
      <c r="BT2749" s="168">
        <v>0</v>
      </c>
      <c r="BU2749" s="166">
        <v>0</v>
      </c>
      <c r="BV2749" s="166">
        <v>0</v>
      </c>
      <c r="BW2749" s="166">
        <v>0</v>
      </c>
      <c r="BX2749" s="166">
        <v>0</v>
      </c>
      <c r="BY2749" s="166">
        <v>0</v>
      </c>
      <c r="BZ2749" s="166">
        <v>0</v>
      </c>
      <c r="CA2749" s="166">
        <v>0</v>
      </c>
      <c r="CB2749" s="166">
        <v>0</v>
      </c>
      <c r="CC2749" s="166">
        <v>0</v>
      </c>
      <c r="CD2749" s="166">
        <v>0</v>
      </c>
      <c r="CE2749" s="166">
        <v>0</v>
      </c>
      <c r="CF2749" s="166">
        <v>0</v>
      </c>
      <c r="CG2749" s="166">
        <v>0</v>
      </c>
      <c r="CH2749" s="166">
        <v>0</v>
      </c>
      <c r="CI2749" s="166">
        <v>0</v>
      </c>
      <c r="CJ2749" s="166">
        <v>0</v>
      </c>
      <c r="CK2749" s="166">
        <v>0</v>
      </c>
      <c r="CL2749" s="166">
        <v>0</v>
      </c>
      <c r="CM2749" s="166">
        <v>0</v>
      </c>
      <c r="CN2749" s="166">
        <v>0</v>
      </c>
      <c r="CO2749" s="166">
        <v>0</v>
      </c>
      <c r="CP2749" s="166">
        <v>0</v>
      </c>
      <c r="CQ2749" s="166">
        <v>0</v>
      </c>
      <c r="CR2749" s="166">
        <v>0</v>
      </c>
      <c r="CS2749" s="166">
        <v>0</v>
      </c>
      <c r="CT2749" s="166">
        <v>0</v>
      </c>
      <c r="CU2749" s="166">
        <v>0</v>
      </c>
      <c r="CV2749" s="166">
        <v>0</v>
      </c>
      <c r="CW2749" s="166">
        <v>0</v>
      </c>
      <c r="CX2749" s="166">
        <v>0</v>
      </c>
      <c r="CY2749" s="166">
        <v>0</v>
      </c>
      <c r="CZ2749" s="166">
        <v>0</v>
      </c>
    </row>
    <row r="2750" spans="1:104" x14ac:dyDescent="0.2">
      <c r="A2750" s="167" t="s">
        <v>595</v>
      </c>
      <c r="B2750" s="166">
        <v>32078749.009999901</v>
      </c>
      <c r="C2750" s="166">
        <v>32078749.009999901</v>
      </c>
      <c r="D2750" s="166">
        <v>0</v>
      </c>
      <c r="E2750" s="166">
        <v>0</v>
      </c>
      <c r="F2750" s="166">
        <v>0</v>
      </c>
      <c r="G2750" s="166">
        <v>0</v>
      </c>
      <c r="H2750" s="166">
        <v>0</v>
      </c>
      <c r="I2750" s="166">
        <v>0</v>
      </c>
      <c r="J2750" s="166">
        <v>0</v>
      </c>
      <c r="K2750" s="166">
        <v>0</v>
      </c>
      <c r="L2750" s="166">
        <v>0</v>
      </c>
      <c r="M2750" s="166">
        <v>0</v>
      </c>
      <c r="N2750" s="166">
        <v>0</v>
      </c>
      <c r="O2750" s="166">
        <v>0</v>
      </c>
      <c r="P2750" s="166">
        <v>0</v>
      </c>
      <c r="Q2750" s="166">
        <v>0</v>
      </c>
      <c r="R2750" s="166">
        <v>0</v>
      </c>
      <c r="S2750" s="166">
        <v>0</v>
      </c>
      <c r="T2750" s="166">
        <v>0</v>
      </c>
      <c r="U2750" s="166">
        <v>0</v>
      </c>
      <c r="V2750" s="166">
        <v>0</v>
      </c>
      <c r="W2750" s="166">
        <v>0</v>
      </c>
      <c r="X2750" s="166">
        <v>0</v>
      </c>
      <c r="Y2750" s="166">
        <v>0</v>
      </c>
      <c r="Z2750" s="166">
        <v>0</v>
      </c>
      <c r="AA2750" s="166">
        <v>0</v>
      </c>
      <c r="AB2750" s="166">
        <v>0</v>
      </c>
      <c r="AC2750" s="166">
        <v>0</v>
      </c>
      <c r="AD2750" s="166">
        <v>0</v>
      </c>
      <c r="AE2750" s="166">
        <v>0</v>
      </c>
      <c r="AF2750" s="166">
        <v>0</v>
      </c>
      <c r="AG2750" s="166">
        <v>0</v>
      </c>
      <c r="AH2750" s="166">
        <v>0</v>
      </c>
      <c r="AI2750" s="166">
        <v>0</v>
      </c>
      <c r="AJ2750" s="166">
        <v>0</v>
      </c>
      <c r="AK2750" s="166">
        <v>0</v>
      </c>
      <c r="AL2750" s="166">
        <v>0</v>
      </c>
      <c r="AM2750" s="166">
        <v>0</v>
      </c>
      <c r="AN2750" s="166">
        <v>0</v>
      </c>
      <c r="AO2750" s="166">
        <v>0</v>
      </c>
      <c r="AP2750" s="166">
        <v>0</v>
      </c>
      <c r="AQ2750" s="166">
        <v>0</v>
      </c>
      <c r="AR2750" s="166">
        <v>0</v>
      </c>
      <c r="AS2750" s="166">
        <v>0</v>
      </c>
      <c r="AT2750" s="166">
        <v>0</v>
      </c>
      <c r="AU2750" s="166">
        <v>0</v>
      </c>
      <c r="AV2750" s="166">
        <v>0</v>
      </c>
      <c r="AW2750" s="166">
        <v>0</v>
      </c>
      <c r="AX2750" s="166">
        <v>0</v>
      </c>
      <c r="AY2750" s="166">
        <v>0</v>
      </c>
      <c r="AZ2750" s="166">
        <v>0</v>
      </c>
      <c r="BA2750" s="166">
        <v>0</v>
      </c>
      <c r="BB2750" s="166">
        <v>0</v>
      </c>
      <c r="BC2750" s="166">
        <v>0</v>
      </c>
      <c r="BD2750" s="166">
        <v>0</v>
      </c>
      <c r="BE2750" s="166">
        <v>0</v>
      </c>
      <c r="BF2750" s="166">
        <v>0</v>
      </c>
      <c r="BG2750" s="166">
        <v>0</v>
      </c>
      <c r="BH2750" s="166">
        <v>0</v>
      </c>
      <c r="BI2750" s="166">
        <v>0</v>
      </c>
      <c r="BJ2750" s="166">
        <v>0</v>
      </c>
      <c r="BK2750" s="166">
        <v>0</v>
      </c>
      <c r="BL2750" s="166">
        <v>0</v>
      </c>
      <c r="BM2750" s="166">
        <v>0</v>
      </c>
      <c r="BN2750" s="166">
        <v>0</v>
      </c>
      <c r="BO2750" s="166">
        <v>0</v>
      </c>
      <c r="BP2750" s="166">
        <v>0</v>
      </c>
      <c r="BQ2750" s="166">
        <v>0</v>
      </c>
      <c r="BR2750" s="166">
        <v>32078749.009999901</v>
      </c>
      <c r="BS2750" s="166">
        <v>32078749.009999901</v>
      </c>
      <c r="BT2750" s="168">
        <v>0</v>
      </c>
      <c r="BU2750" s="166">
        <v>0</v>
      </c>
      <c r="BV2750" s="166">
        <v>0</v>
      </c>
      <c r="BW2750" s="166">
        <v>0</v>
      </c>
      <c r="BX2750" s="166">
        <v>0</v>
      </c>
      <c r="BY2750" s="166">
        <v>0</v>
      </c>
      <c r="BZ2750" s="166">
        <v>0</v>
      </c>
      <c r="CA2750" s="166">
        <v>0</v>
      </c>
      <c r="CB2750" s="166">
        <v>0</v>
      </c>
      <c r="CC2750" s="166">
        <v>0</v>
      </c>
      <c r="CD2750" s="166">
        <v>0</v>
      </c>
      <c r="CE2750" s="166">
        <v>0</v>
      </c>
      <c r="CF2750" s="166">
        <v>0</v>
      </c>
      <c r="CG2750" s="166">
        <v>0</v>
      </c>
      <c r="CH2750" s="166">
        <v>0</v>
      </c>
      <c r="CI2750" s="166">
        <v>0</v>
      </c>
      <c r="CJ2750" s="166">
        <v>0</v>
      </c>
      <c r="CK2750" s="166">
        <v>0</v>
      </c>
      <c r="CL2750" s="166">
        <v>0</v>
      </c>
      <c r="CM2750" s="166">
        <v>0</v>
      </c>
      <c r="CN2750" s="166">
        <v>0</v>
      </c>
      <c r="CO2750" s="166">
        <v>0</v>
      </c>
      <c r="CP2750" s="166">
        <v>0</v>
      </c>
      <c r="CQ2750" s="166">
        <v>0</v>
      </c>
      <c r="CR2750" s="166">
        <v>0</v>
      </c>
      <c r="CS2750" s="166">
        <v>0</v>
      </c>
      <c r="CT2750" s="166">
        <v>0</v>
      </c>
      <c r="CU2750" s="166">
        <v>0</v>
      </c>
      <c r="CV2750" s="166">
        <v>0</v>
      </c>
      <c r="CW2750" s="166">
        <v>0</v>
      </c>
      <c r="CX2750" s="166">
        <v>0</v>
      </c>
      <c r="CY2750" s="166">
        <v>0</v>
      </c>
      <c r="CZ2750" s="166">
        <v>0</v>
      </c>
    </row>
    <row r="2751" spans="1:104" x14ac:dyDescent="0.2">
      <c r="A2751" s="167" t="s">
        <v>596</v>
      </c>
      <c r="B2751" s="166">
        <v>178510665.63692299</v>
      </c>
      <c r="C2751" s="166">
        <v>178510665.63692299</v>
      </c>
      <c r="D2751" s="166">
        <v>0</v>
      </c>
      <c r="E2751" s="166">
        <v>0</v>
      </c>
      <c r="F2751" s="166">
        <v>0</v>
      </c>
      <c r="G2751" s="166">
        <v>0</v>
      </c>
      <c r="H2751" s="166">
        <v>0</v>
      </c>
      <c r="I2751" s="166">
        <v>0</v>
      </c>
      <c r="J2751" s="166">
        <v>0</v>
      </c>
      <c r="K2751" s="166">
        <v>0</v>
      </c>
      <c r="L2751" s="166">
        <v>0</v>
      </c>
      <c r="M2751" s="166">
        <v>0</v>
      </c>
      <c r="N2751" s="166">
        <v>0</v>
      </c>
      <c r="O2751" s="166">
        <v>0</v>
      </c>
      <c r="P2751" s="166">
        <v>0</v>
      </c>
      <c r="Q2751" s="166">
        <v>0</v>
      </c>
      <c r="R2751" s="166">
        <v>0</v>
      </c>
      <c r="S2751" s="166">
        <v>0</v>
      </c>
      <c r="T2751" s="166">
        <v>0</v>
      </c>
      <c r="U2751" s="166">
        <v>0</v>
      </c>
      <c r="V2751" s="166">
        <v>0</v>
      </c>
      <c r="W2751" s="166">
        <v>0</v>
      </c>
      <c r="X2751" s="166">
        <v>0</v>
      </c>
      <c r="Y2751" s="166">
        <v>0</v>
      </c>
      <c r="Z2751" s="166">
        <v>0</v>
      </c>
      <c r="AA2751" s="166">
        <v>0</v>
      </c>
      <c r="AB2751" s="166">
        <v>0</v>
      </c>
      <c r="AC2751" s="166">
        <v>0</v>
      </c>
      <c r="AD2751" s="166">
        <v>0</v>
      </c>
      <c r="AE2751" s="166">
        <v>0</v>
      </c>
      <c r="AF2751" s="166">
        <v>0</v>
      </c>
      <c r="AG2751" s="166">
        <v>0</v>
      </c>
      <c r="AH2751" s="166">
        <v>0</v>
      </c>
      <c r="AI2751" s="166">
        <v>0</v>
      </c>
      <c r="AJ2751" s="166">
        <v>0</v>
      </c>
      <c r="AK2751" s="166">
        <v>0</v>
      </c>
      <c r="AL2751" s="166">
        <v>0</v>
      </c>
      <c r="AM2751" s="166">
        <v>0</v>
      </c>
      <c r="AN2751" s="166">
        <v>0</v>
      </c>
      <c r="AO2751" s="166">
        <v>0</v>
      </c>
      <c r="AP2751" s="166">
        <v>0</v>
      </c>
      <c r="AQ2751" s="166">
        <v>0</v>
      </c>
      <c r="AR2751" s="166">
        <v>0</v>
      </c>
      <c r="AS2751" s="166">
        <v>0</v>
      </c>
      <c r="AT2751" s="166">
        <v>0</v>
      </c>
      <c r="AU2751" s="166">
        <v>0</v>
      </c>
      <c r="AV2751" s="166">
        <v>0</v>
      </c>
      <c r="AW2751" s="166">
        <v>0</v>
      </c>
      <c r="AX2751" s="166">
        <v>0</v>
      </c>
      <c r="AY2751" s="166">
        <v>0</v>
      </c>
      <c r="AZ2751" s="166">
        <v>0</v>
      </c>
      <c r="BA2751" s="166">
        <v>0</v>
      </c>
      <c r="BB2751" s="166">
        <v>0</v>
      </c>
      <c r="BC2751" s="166">
        <v>0</v>
      </c>
      <c r="BD2751" s="166">
        <v>0</v>
      </c>
      <c r="BE2751" s="166">
        <v>0</v>
      </c>
      <c r="BF2751" s="166">
        <v>0</v>
      </c>
      <c r="BG2751" s="166">
        <v>0</v>
      </c>
      <c r="BH2751" s="166">
        <v>0</v>
      </c>
      <c r="BI2751" s="166">
        <v>0</v>
      </c>
      <c r="BJ2751" s="166">
        <v>0</v>
      </c>
      <c r="BK2751" s="166">
        <v>0</v>
      </c>
      <c r="BL2751" s="166">
        <v>0</v>
      </c>
      <c r="BM2751" s="166">
        <v>0</v>
      </c>
      <c r="BN2751" s="166">
        <v>0</v>
      </c>
      <c r="BO2751" s="166">
        <v>0</v>
      </c>
      <c r="BP2751" s="166">
        <v>0</v>
      </c>
      <c r="BQ2751" s="166">
        <v>0</v>
      </c>
      <c r="BR2751" s="166">
        <v>178510665.63692299</v>
      </c>
      <c r="BS2751" s="166">
        <v>178510665.63692299</v>
      </c>
      <c r="BT2751" s="168">
        <v>0</v>
      </c>
      <c r="BU2751" s="166">
        <v>0</v>
      </c>
      <c r="BV2751" s="166">
        <v>0</v>
      </c>
      <c r="BW2751" s="166">
        <v>0</v>
      </c>
      <c r="BX2751" s="166">
        <v>0</v>
      </c>
      <c r="BY2751" s="166">
        <v>0</v>
      </c>
      <c r="BZ2751" s="166">
        <v>0</v>
      </c>
      <c r="CA2751" s="166">
        <v>0</v>
      </c>
      <c r="CB2751" s="166">
        <v>0</v>
      </c>
      <c r="CC2751" s="166">
        <v>0</v>
      </c>
      <c r="CD2751" s="166">
        <v>0</v>
      </c>
      <c r="CE2751" s="166">
        <v>0</v>
      </c>
      <c r="CF2751" s="166">
        <v>0</v>
      </c>
      <c r="CG2751" s="166">
        <v>0</v>
      </c>
      <c r="CH2751" s="166">
        <v>0</v>
      </c>
      <c r="CI2751" s="166">
        <v>0</v>
      </c>
      <c r="CJ2751" s="166">
        <v>0</v>
      </c>
      <c r="CK2751" s="166">
        <v>0</v>
      </c>
      <c r="CL2751" s="166">
        <v>0</v>
      </c>
      <c r="CM2751" s="166">
        <v>0</v>
      </c>
      <c r="CN2751" s="166">
        <v>0</v>
      </c>
      <c r="CO2751" s="166">
        <v>0</v>
      </c>
      <c r="CP2751" s="166">
        <v>0</v>
      </c>
      <c r="CQ2751" s="166">
        <v>0</v>
      </c>
      <c r="CR2751" s="166">
        <v>0</v>
      </c>
      <c r="CS2751" s="166">
        <v>0</v>
      </c>
      <c r="CT2751" s="166">
        <v>0</v>
      </c>
      <c r="CU2751" s="166">
        <v>0</v>
      </c>
      <c r="CV2751" s="166">
        <v>0</v>
      </c>
      <c r="CW2751" s="166">
        <v>0</v>
      </c>
      <c r="CX2751" s="166">
        <v>0</v>
      </c>
      <c r="CY2751" s="166">
        <v>0</v>
      </c>
      <c r="CZ2751" s="166">
        <v>0</v>
      </c>
    </row>
    <row r="2752" spans="1:104" x14ac:dyDescent="0.2">
      <c r="A2752" s="167" t="s">
        <v>597</v>
      </c>
      <c r="B2752" s="166">
        <v>0</v>
      </c>
      <c r="C2752" s="166">
        <v>0</v>
      </c>
      <c r="D2752" s="166">
        <v>0</v>
      </c>
      <c r="E2752" s="166">
        <v>0</v>
      </c>
      <c r="F2752" s="166">
        <v>0</v>
      </c>
      <c r="G2752" s="166">
        <v>0</v>
      </c>
      <c r="H2752" s="166">
        <v>0</v>
      </c>
      <c r="I2752" s="166">
        <v>0</v>
      </c>
      <c r="J2752" s="166">
        <v>0</v>
      </c>
      <c r="K2752" s="166">
        <v>0</v>
      </c>
      <c r="L2752" s="166">
        <v>0</v>
      </c>
      <c r="M2752" s="166">
        <v>0</v>
      </c>
      <c r="N2752" s="166">
        <v>0</v>
      </c>
      <c r="O2752" s="166">
        <v>0</v>
      </c>
      <c r="P2752" s="166">
        <v>0</v>
      </c>
      <c r="Q2752" s="166">
        <v>0</v>
      </c>
      <c r="R2752" s="166">
        <v>0</v>
      </c>
      <c r="S2752" s="166">
        <v>0</v>
      </c>
      <c r="T2752" s="166">
        <v>0</v>
      </c>
      <c r="U2752" s="166">
        <v>0</v>
      </c>
      <c r="V2752" s="166">
        <v>0</v>
      </c>
      <c r="W2752" s="166">
        <v>0</v>
      </c>
      <c r="X2752" s="166">
        <v>0</v>
      </c>
      <c r="Y2752" s="166">
        <v>0</v>
      </c>
      <c r="Z2752" s="166">
        <v>0</v>
      </c>
      <c r="AA2752" s="166">
        <v>0</v>
      </c>
      <c r="AB2752" s="166">
        <v>0</v>
      </c>
      <c r="AC2752" s="166">
        <v>0</v>
      </c>
      <c r="AD2752" s="166">
        <v>0</v>
      </c>
      <c r="AE2752" s="166">
        <v>0</v>
      </c>
      <c r="AF2752" s="166">
        <v>0</v>
      </c>
      <c r="AG2752" s="166">
        <v>0</v>
      </c>
      <c r="AH2752" s="166">
        <v>0</v>
      </c>
      <c r="AI2752" s="166">
        <v>0</v>
      </c>
      <c r="AJ2752" s="166">
        <v>0</v>
      </c>
      <c r="AK2752" s="166">
        <v>0</v>
      </c>
      <c r="AL2752" s="166">
        <v>0</v>
      </c>
      <c r="AM2752" s="166">
        <v>0</v>
      </c>
      <c r="AN2752" s="166">
        <v>0</v>
      </c>
      <c r="AO2752" s="166">
        <v>0</v>
      </c>
      <c r="AP2752" s="166">
        <v>0</v>
      </c>
      <c r="AQ2752" s="166">
        <v>0</v>
      </c>
      <c r="AR2752" s="166">
        <v>0</v>
      </c>
      <c r="AS2752" s="166">
        <v>0</v>
      </c>
      <c r="AT2752" s="166">
        <v>0</v>
      </c>
      <c r="AU2752" s="166">
        <v>0</v>
      </c>
      <c r="AV2752" s="166">
        <v>0</v>
      </c>
      <c r="AW2752" s="166">
        <v>0</v>
      </c>
      <c r="AX2752" s="166">
        <v>0</v>
      </c>
      <c r="AY2752" s="166">
        <v>0</v>
      </c>
      <c r="AZ2752" s="166">
        <v>0</v>
      </c>
      <c r="BA2752" s="166">
        <v>0</v>
      </c>
      <c r="BB2752" s="166">
        <v>0</v>
      </c>
      <c r="BC2752" s="166">
        <v>0</v>
      </c>
      <c r="BD2752" s="166">
        <v>0</v>
      </c>
      <c r="BE2752" s="166">
        <v>0</v>
      </c>
      <c r="BF2752" s="166">
        <v>0</v>
      </c>
      <c r="BG2752" s="166">
        <v>0</v>
      </c>
      <c r="BH2752" s="166">
        <v>0</v>
      </c>
      <c r="BI2752" s="166">
        <v>0</v>
      </c>
      <c r="BJ2752" s="166">
        <v>0</v>
      </c>
      <c r="BK2752" s="166">
        <v>0</v>
      </c>
      <c r="BL2752" s="166">
        <v>0</v>
      </c>
      <c r="BM2752" s="166">
        <v>0</v>
      </c>
      <c r="BN2752" s="166">
        <v>0</v>
      </c>
      <c r="BO2752" s="166">
        <v>0</v>
      </c>
      <c r="BP2752" s="166">
        <v>0</v>
      </c>
      <c r="BQ2752" s="166">
        <v>0</v>
      </c>
      <c r="BR2752" s="166">
        <v>0</v>
      </c>
      <c r="BS2752" s="166">
        <v>0</v>
      </c>
      <c r="BT2752" s="168">
        <v>0</v>
      </c>
      <c r="BU2752" s="166">
        <v>0</v>
      </c>
      <c r="BV2752" s="166">
        <v>0</v>
      </c>
      <c r="BW2752" s="166">
        <v>0</v>
      </c>
      <c r="BX2752" s="166">
        <v>0</v>
      </c>
      <c r="BY2752" s="166">
        <v>0</v>
      </c>
      <c r="BZ2752" s="166">
        <v>0</v>
      </c>
      <c r="CA2752" s="166">
        <v>0</v>
      </c>
      <c r="CB2752" s="166">
        <v>0</v>
      </c>
      <c r="CC2752" s="166">
        <v>0</v>
      </c>
      <c r="CD2752" s="166">
        <v>0</v>
      </c>
      <c r="CE2752" s="166">
        <v>0</v>
      </c>
      <c r="CF2752" s="166">
        <v>0</v>
      </c>
      <c r="CG2752" s="166">
        <v>0</v>
      </c>
      <c r="CH2752" s="166">
        <v>0</v>
      </c>
      <c r="CI2752" s="166">
        <v>0</v>
      </c>
      <c r="CJ2752" s="166">
        <v>0</v>
      </c>
      <c r="CK2752" s="166">
        <v>0</v>
      </c>
      <c r="CL2752" s="166">
        <v>0</v>
      </c>
      <c r="CM2752" s="166">
        <v>0</v>
      </c>
      <c r="CN2752" s="166">
        <v>0</v>
      </c>
      <c r="CO2752" s="166">
        <v>0</v>
      </c>
      <c r="CP2752" s="166">
        <v>0</v>
      </c>
      <c r="CQ2752" s="166">
        <v>0</v>
      </c>
      <c r="CR2752" s="166">
        <v>0</v>
      </c>
      <c r="CS2752" s="166">
        <v>0</v>
      </c>
      <c r="CT2752" s="166">
        <v>0</v>
      </c>
      <c r="CU2752" s="166">
        <v>0</v>
      </c>
      <c r="CV2752" s="166">
        <v>0</v>
      </c>
      <c r="CW2752" s="166">
        <v>0</v>
      </c>
      <c r="CX2752" s="166">
        <v>0</v>
      </c>
      <c r="CY2752" s="166">
        <v>0</v>
      </c>
      <c r="CZ2752" s="166">
        <v>0</v>
      </c>
    </row>
    <row r="2753" spans="1:104" x14ac:dyDescent="0.2">
      <c r="A2753" s="167" t="s">
        <v>598</v>
      </c>
      <c r="B2753" s="166">
        <v>0</v>
      </c>
      <c r="C2753" s="166">
        <v>0</v>
      </c>
      <c r="D2753" s="166">
        <v>0</v>
      </c>
      <c r="E2753" s="166">
        <v>0</v>
      </c>
      <c r="F2753" s="166">
        <v>0</v>
      </c>
      <c r="G2753" s="166">
        <v>0</v>
      </c>
      <c r="H2753" s="166">
        <v>0</v>
      </c>
      <c r="I2753" s="166">
        <v>0</v>
      </c>
      <c r="J2753" s="166">
        <v>0</v>
      </c>
      <c r="K2753" s="166">
        <v>0</v>
      </c>
      <c r="L2753" s="166">
        <v>0</v>
      </c>
      <c r="M2753" s="166">
        <v>0</v>
      </c>
      <c r="N2753" s="166">
        <v>0</v>
      </c>
      <c r="O2753" s="166">
        <v>0</v>
      </c>
      <c r="P2753" s="166">
        <v>0</v>
      </c>
      <c r="Q2753" s="166">
        <v>0</v>
      </c>
      <c r="R2753" s="166">
        <v>0</v>
      </c>
      <c r="S2753" s="166">
        <v>0</v>
      </c>
      <c r="T2753" s="166">
        <v>0</v>
      </c>
      <c r="U2753" s="166">
        <v>0</v>
      </c>
      <c r="V2753" s="166">
        <v>0</v>
      </c>
      <c r="W2753" s="166">
        <v>0</v>
      </c>
      <c r="X2753" s="166">
        <v>0</v>
      </c>
      <c r="Y2753" s="166">
        <v>0</v>
      </c>
      <c r="Z2753" s="166">
        <v>0</v>
      </c>
      <c r="AA2753" s="166">
        <v>0</v>
      </c>
      <c r="AB2753" s="166">
        <v>0</v>
      </c>
      <c r="AC2753" s="166">
        <v>0</v>
      </c>
      <c r="AD2753" s="166">
        <v>0</v>
      </c>
      <c r="AE2753" s="166">
        <v>0</v>
      </c>
      <c r="AF2753" s="166">
        <v>0</v>
      </c>
      <c r="AG2753" s="166">
        <v>0</v>
      </c>
      <c r="AH2753" s="166">
        <v>0</v>
      </c>
      <c r="AI2753" s="166">
        <v>0</v>
      </c>
      <c r="AJ2753" s="166">
        <v>0</v>
      </c>
      <c r="AK2753" s="166">
        <v>0</v>
      </c>
      <c r="AL2753" s="166">
        <v>0</v>
      </c>
      <c r="AM2753" s="166">
        <v>0</v>
      </c>
      <c r="AN2753" s="166">
        <v>0</v>
      </c>
      <c r="AO2753" s="166">
        <v>0</v>
      </c>
      <c r="AP2753" s="166">
        <v>0</v>
      </c>
      <c r="AQ2753" s="166">
        <v>0</v>
      </c>
      <c r="AR2753" s="166">
        <v>0</v>
      </c>
      <c r="AS2753" s="166">
        <v>0</v>
      </c>
      <c r="AT2753" s="166">
        <v>0</v>
      </c>
      <c r="AU2753" s="166">
        <v>0</v>
      </c>
      <c r="AV2753" s="166">
        <v>0</v>
      </c>
      <c r="AW2753" s="166">
        <v>0</v>
      </c>
      <c r="AX2753" s="166">
        <v>0</v>
      </c>
      <c r="AY2753" s="166">
        <v>0</v>
      </c>
      <c r="AZ2753" s="166">
        <v>0</v>
      </c>
      <c r="BA2753" s="166">
        <v>0</v>
      </c>
      <c r="BB2753" s="166">
        <v>0</v>
      </c>
      <c r="BC2753" s="166">
        <v>0</v>
      </c>
      <c r="BD2753" s="166">
        <v>0</v>
      </c>
      <c r="BE2753" s="166">
        <v>0</v>
      </c>
      <c r="BF2753" s="166">
        <v>0</v>
      </c>
      <c r="BG2753" s="166">
        <v>0</v>
      </c>
      <c r="BH2753" s="166">
        <v>0</v>
      </c>
      <c r="BI2753" s="166">
        <v>0</v>
      </c>
      <c r="BJ2753" s="166">
        <v>0</v>
      </c>
      <c r="BK2753" s="166">
        <v>0</v>
      </c>
      <c r="BL2753" s="166">
        <v>0</v>
      </c>
      <c r="BM2753" s="166">
        <v>0</v>
      </c>
      <c r="BN2753" s="166">
        <v>0</v>
      </c>
      <c r="BO2753" s="166">
        <v>0</v>
      </c>
      <c r="BP2753" s="166">
        <v>0</v>
      </c>
      <c r="BQ2753" s="166">
        <v>0</v>
      </c>
      <c r="BR2753" s="166">
        <v>0</v>
      </c>
      <c r="BS2753" s="166">
        <v>0</v>
      </c>
      <c r="BT2753" s="168">
        <v>0</v>
      </c>
      <c r="BU2753" s="166">
        <v>0</v>
      </c>
      <c r="BV2753" s="166">
        <v>0</v>
      </c>
      <c r="BW2753" s="166">
        <v>0</v>
      </c>
      <c r="BX2753" s="166">
        <v>0</v>
      </c>
      <c r="BY2753" s="166">
        <v>0</v>
      </c>
      <c r="BZ2753" s="166">
        <v>0</v>
      </c>
      <c r="CA2753" s="166">
        <v>0</v>
      </c>
      <c r="CB2753" s="166">
        <v>0</v>
      </c>
      <c r="CC2753" s="166">
        <v>0</v>
      </c>
      <c r="CD2753" s="166">
        <v>0</v>
      </c>
      <c r="CE2753" s="166">
        <v>0</v>
      </c>
      <c r="CF2753" s="166">
        <v>0</v>
      </c>
      <c r="CG2753" s="166">
        <v>0</v>
      </c>
      <c r="CH2753" s="166">
        <v>0</v>
      </c>
      <c r="CI2753" s="166">
        <v>0</v>
      </c>
      <c r="CJ2753" s="166">
        <v>0</v>
      </c>
      <c r="CK2753" s="166">
        <v>0</v>
      </c>
      <c r="CL2753" s="166">
        <v>0</v>
      </c>
      <c r="CM2753" s="166">
        <v>0</v>
      </c>
      <c r="CN2753" s="166">
        <v>0</v>
      </c>
      <c r="CO2753" s="166">
        <v>0</v>
      </c>
      <c r="CP2753" s="166">
        <v>0</v>
      </c>
      <c r="CQ2753" s="166">
        <v>0</v>
      </c>
      <c r="CR2753" s="166">
        <v>0</v>
      </c>
      <c r="CS2753" s="166">
        <v>0</v>
      </c>
      <c r="CT2753" s="166">
        <v>0</v>
      </c>
      <c r="CU2753" s="166">
        <v>0</v>
      </c>
      <c r="CV2753" s="166">
        <v>0</v>
      </c>
      <c r="CW2753" s="166">
        <v>0</v>
      </c>
      <c r="CX2753" s="166">
        <v>0</v>
      </c>
      <c r="CY2753" s="166">
        <v>0</v>
      </c>
      <c r="CZ2753" s="166">
        <v>0</v>
      </c>
    </row>
    <row r="2754" spans="1:104" x14ac:dyDescent="0.2">
      <c r="A2754" s="167" t="s">
        <v>599</v>
      </c>
      <c r="B2754" s="166">
        <v>0</v>
      </c>
      <c r="C2754" s="166">
        <v>0</v>
      </c>
      <c r="D2754" s="166">
        <v>0</v>
      </c>
      <c r="E2754" s="166">
        <v>0</v>
      </c>
      <c r="F2754" s="166">
        <v>0</v>
      </c>
      <c r="G2754" s="166">
        <v>0</v>
      </c>
      <c r="H2754" s="166">
        <v>0</v>
      </c>
      <c r="I2754" s="166">
        <v>0</v>
      </c>
      <c r="J2754" s="166">
        <v>0</v>
      </c>
      <c r="K2754" s="166">
        <v>0</v>
      </c>
      <c r="L2754" s="166">
        <v>0</v>
      </c>
      <c r="M2754" s="166">
        <v>0</v>
      </c>
      <c r="N2754" s="166">
        <v>0</v>
      </c>
      <c r="O2754" s="166">
        <v>0</v>
      </c>
      <c r="P2754" s="166">
        <v>0</v>
      </c>
      <c r="Q2754" s="166">
        <v>0</v>
      </c>
      <c r="R2754" s="166">
        <v>0</v>
      </c>
      <c r="S2754" s="166">
        <v>0</v>
      </c>
      <c r="T2754" s="166">
        <v>0</v>
      </c>
      <c r="U2754" s="166">
        <v>0</v>
      </c>
      <c r="V2754" s="166">
        <v>0</v>
      </c>
      <c r="W2754" s="166">
        <v>0</v>
      </c>
      <c r="X2754" s="166">
        <v>0</v>
      </c>
      <c r="Y2754" s="166">
        <v>0</v>
      </c>
      <c r="Z2754" s="166">
        <v>0</v>
      </c>
      <c r="AA2754" s="166">
        <v>0</v>
      </c>
      <c r="AB2754" s="166">
        <v>0</v>
      </c>
      <c r="AC2754" s="166">
        <v>0</v>
      </c>
      <c r="AD2754" s="166">
        <v>0</v>
      </c>
      <c r="AE2754" s="166">
        <v>0</v>
      </c>
      <c r="AF2754" s="166">
        <v>0</v>
      </c>
      <c r="AG2754" s="166">
        <v>0</v>
      </c>
      <c r="AH2754" s="166">
        <v>0</v>
      </c>
      <c r="AI2754" s="166">
        <v>0</v>
      </c>
      <c r="AJ2754" s="166">
        <v>0</v>
      </c>
      <c r="AK2754" s="166">
        <v>0</v>
      </c>
      <c r="AL2754" s="166">
        <v>0</v>
      </c>
      <c r="AM2754" s="166">
        <v>0</v>
      </c>
      <c r="AN2754" s="166">
        <v>0</v>
      </c>
      <c r="AO2754" s="166">
        <v>0</v>
      </c>
      <c r="AP2754" s="166">
        <v>0</v>
      </c>
      <c r="AQ2754" s="166">
        <v>0</v>
      </c>
      <c r="AR2754" s="166">
        <v>0</v>
      </c>
      <c r="AS2754" s="166">
        <v>0</v>
      </c>
      <c r="AT2754" s="166">
        <v>0</v>
      </c>
      <c r="AU2754" s="166">
        <v>0</v>
      </c>
      <c r="AV2754" s="166">
        <v>0</v>
      </c>
      <c r="AW2754" s="166">
        <v>0</v>
      </c>
      <c r="AX2754" s="166">
        <v>0</v>
      </c>
      <c r="AY2754" s="166">
        <v>0</v>
      </c>
      <c r="AZ2754" s="166">
        <v>0</v>
      </c>
      <c r="BA2754" s="166">
        <v>0</v>
      </c>
      <c r="BB2754" s="166">
        <v>0</v>
      </c>
      <c r="BC2754" s="166">
        <v>0</v>
      </c>
      <c r="BD2754" s="166">
        <v>0</v>
      </c>
      <c r="BE2754" s="166">
        <v>0</v>
      </c>
      <c r="BF2754" s="166">
        <v>0</v>
      </c>
      <c r="BG2754" s="166">
        <v>0</v>
      </c>
      <c r="BH2754" s="166">
        <v>0</v>
      </c>
      <c r="BI2754" s="166">
        <v>0</v>
      </c>
      <c r="BJ2754" s="166">
        <v>0</v>
      </c>
      <c r="BK2754" s="166">
        <v>0</v>
      </c>
      <c r="BL2754" s="166">
        <v>0</v>
      </c>
      <c r="BM2754" s="166">
        <v>0</v>
      </c>
      <c r="BN2754" s="166">
        <v>0</v>
      </c>
      <c r="BO2754" s="166">
        <v>0</v>
      </c>
      <c r="BP2754" s="166">
        <v>0</v>
      </c>
      <c r="BQ2754" s="166">
        <v>0</v>
      </c>
      <c r="BR2754" s="166">
        <v>0</v>
      </c>
      <c r="BS2754" s="166">
        <v>0</v>
      </c>
      <c r="BT2754" s="168">
        <v>0</v>
      </c>
      <c r="BU2754" s="166">
        <v>0</v>
      </c>
      <c r="BV2754" s="166">
        <v>0</v>
      </c>
      <c r="BW2754" s="166">
        <v>0</v>
      </c>
      <c r="BX2754" s="166">
        <v>0</v>
      </c>
      <c r="BY2754" s="166">
        <v>0</v>
      </c>
      <c r="BZ2754" s="166">
        <v>0</v>
      </c>
      <c r="CA2754" s="166">
        <v>0</v>
      </c>
      <c r="CB2754" s="166">
        <v>0</v>
      </c>
      <c r="CC2754" s="166">
        <v>0</v>
      </c>
      <c r="CD2754" s="166">
        <v>0</v>
      </c>
      <c r="CE2754" s="166">
        <v>0</v>
      </c>
      <c r="CF2754" s="166">
        <v>0</v>
      </c>
      <c r="CG2754" s="166">
        <v>0</v>
      </c>
      <c r="CH2754" s="166">
        <v>0</v>
      </c>
      <c r="CI2754" s="166">
        <v>0</v>
      </c>
      <c r="CJ2754" s="166">
        <v>0</v>
      </c>
      <c r="CK2754" s="166">
        <v>0</v>
      </c>
      <c r="CL2754" s="166">
        <v>0</v>
      </c>
      <c r="CM2754" s="166">
        <v>0</v>
      </c>
      <c r="CN2754" s="166">
        <v>0</v>
      </c>
      <c r="CO2754" s="166">
        <v>0</v>
      </c>
      <c r="CP2754" s="166">
        <v>0</v>
      </c>
      <c r="CQ2754" s="166">
        <v>0</v>
      </c>
      <c r="CR2754" s="166">
        <v>0</v>
      </c>
      <c r="CS2754" s="166">
        <v>0</v>
      </c>
      <c r="CT2754" s="166">
        <v>0</v>
      </c>
      <c r="CU2754" s="166">
        <v>0</v>
      </c>
      <c r="CV2754" s="166">
        <v>0</v>
      </c>
      <c r="CW2754" s="166">
        <v>0</v>
      </c>
      <c r="CX2754" s="166">
        <v>0</v>
      </c>
      <c r="CY2754" s="166">
        <v>0</v>
      </c>
      <c r="CZ2754" s="166">
        <v>0</v>
      </c>
    </row>
    <row r="2755" spans="1:104" x14ac:dyDescent="0.2">
      <c r="A2755" s="167" t="s">
        <v>600</v>
      </c>
      <c r="B2755" s="166">
        <v>0</v>
      </c>
      <c r="C2755" s="166">
        <v>0</v>
      </c>
      <c r="D2755" s="166">
        <v>0</v>
      </c>
      <c r="E2755" s="166">
        <v>0</v>
      </c>
      <c r="F2755" s="166">
        <v>0</v>
      </c>
      <c r="G2755" s="166">
        <v>0</v>
      </c>
      <c r="H2755" s="166">
        <v>0</v>
      </c>
      <c r="I2755" s="166">
        <v>0</v>
      </c>
      <c r="J2755" s="166">
        <v>0</v>
      </c>
      <c r="K2755" s="166">
        <v>0</v>
      </c>
      <c r="L2755" s="166">
        <v>0</v>
      </c>
      <c r="M2755" s="166">
        <v>0</v>
      </c>
      <c r="N2755" s="166">
        <v>0</v>
      </c>
      <c r="O2755" s="166">
        <v>0</v>
      </c>
      <c r="P2755" s="166">
        <v>0</v>
      </c>
      <c r="Q2755" s="166">
        <v>0</v>
      </c>
      <c r="R2755" s="166">
        <v>0</v>
      </c>
      <c r="S2755" s="166">
        <v>0</v>
      </c>
      <c r="T2755" s="166">
        <v>0</v>
      </c>
      <c r="U2755" s="166">
        <v>0</v>
      </c>
      <c r="V2755" s="166">
        <v>0</v>
      </c>
      <c r="W2755" s="166">
        <v>0</v>
      </c>
      <c r="X2755" s="166">
        <v>0</v>
      </c>
      <c r="Y2755" s="166">
        <v>0</v>
      </c>
      <c r="Z2755" s="166">
        <v>0</v>
      </c>
      <c r="AA2755" s="166">
        <v>0</v>
      </c>
      <c r="AB2755" s="166">
        <v>0</v>
      </c>
      <c r="AC2755" s="166">
        <v>0</v>
      </c>
      <c r="AD2755" s="166">
        <v>0</v>
      </c>
      <c r="AE2755" s="166">
        <v>0</v>
      </c>
      <c r="AF2755" s="166">
        <v>0</v>
      </c>
      <c r="AG2755" s="166">
        <v>0</v>
      </c>
      <c r="AH2755" s="166">
        <v>0</v>
      </c>
      <c r="AI2755" s="166">
        <v>0</v>
      </c>
      <c r="AJ2755" s="166">
        <v>0</v>
      </c>
      <c r="AK2755" s="166">
        <v>0</v>
      </c>
      <c r="AL2755" s="166">
        <v>0</v>
      </c>
      <c r="AM2755" s="166">
        <v>0</v>
      </c>
      <c r="AN2755" s="166">
        <v>0</v>
      </c>
      <c r="AO2755" s="166">
        <v>0</v>
      </c>
      <c r="AP2755" s="166">
        <v>0</v>
      </c>
      <c r="AQ2755" s="166">
        <v>0</v>
      </c>
      <c r="AR2755" s="166">
        <v>0</v>
      </c>
      <c r="AS2755" s="166">
        <v>0</v>
      </c>
      <c r="AT2755" s="166">
        <v>0</v>
      </c>
      <c r="AU2755" s="166">
        <v>0</v>
      </c>
      <c r="AV2755" s="166">
        <v>0</v>
      </c>
      <c r="AW2755" s="166">
        <v>0</v>
      </c>
      <c r="AX2755" s="166">
        <v>0</v>
      </c>
      <c r="AY2755" s="166">
        <v>0</v>
      </c>
      <c r="AZ2755" s="166">
        <v>0</v>
      </c>
      <c r="BA2755" s="166">
        <v>0</v>
      </c>
      <c r="BB2755" s="166">
        <v>0</v>
      </c>
      <c r="BC2755" s="166">
        <v>0</v>
      </c>
      <c r="BD2755" s="166">
        <v>0</v>
      </c>
      <c r="BE2755" s="166">
        <v>0</v>
      </c>
      <c r="BF2755" s="166">
        <v>0</v>
      </c>
      <c r="BG2755" s="166">
        <v>0</v>
      </c>
      <c r="BH2755" s="166">
        <v>0</v>
      </c>
      <c r="BI2755" s="166">
        <v>0</v>
      </c>
      <c r="BJ2755" s="166">
        <v>0</v>
      </c>
      <c r="BK2755" s="166">
        <v>0</v>
      </c>
      <c r="BL2755" s="166">
        <v>0</v>
      </c>
      <c r="BM2755" s="166">
        <v>0</v>
      </c>
      <c r="BN2755" s="166">
        <v>0</v>
      </c>
      <c r="BO2755" s="166">
        <v>0</v>
      </c>
      <c r="BP2755" s="166">
        <v>0</v>
      </c>
      <c r="BQ2755" s="166">
        <v>0</v>
      </c>
      <c r="BR2755" s="166">
        <v>0</v>
      </c>
      <c r="BS2755" s="166">
        <v>0</v>
      </c>
      <c r="BT2755" s="168">
        <v>0</v>
      </c>
      <c r="BU2755" s="166">
        <v>0</v>
      </c>
      <c r="BV2755" s="166">
        <v>0</v>
      </c>
      <c r="BW2755" s="166">
        <v>0</v>
      </c>
      <c r="BX2755" s="166">
        <v>0</v>
      </c>
      <c r="BY2755" s="166">
        <v>0</v>
      </c>
      <c r="BZ2755" s="166">
        <v>0</v>
      </c>
      <c r="CA2755" s="166">
        <v>0</v>
      </c>
      <c r="CB2755" s="166">
        <v>0</v>
      </c>
      <c r="CC2755" s="166">
        <v>0</v>
      </c>
      <c r="CD2755" s="166">
        <v>0</v>
      </c>
      <c r="CE2755" s="166">
        <v>0</v>
      </c>
      <c r="CF2755" s="166">
        <v>0</v>
      </c>
      <c r="CG2755" s="166">
        <v>0</v>
      </c>
      <c r="CH2755" s="166">
        <v>0</v>
      </c>
      <c r="CI2755" s="166">
        <v>0</v>
      </c>
      <c r="CJ2755" s="166">
        <v>0</v>
      </c>
      <c r="CK2755" s="166">
        <v>0</v>
      </c>
      <c r="CL2755" s="166">
        <v>0</v>
      </c>
      <c r="CM2755" s="166">
        <v>0</v>
      </c>
      <c r="CN2755" s="166">
        <v>0</v>
      </c>
      <c r="CO2755" s="166">
        <v>0</v>
      </c>
      <c r="CP2755" s="166">
        <v>0</v>
      </c>
      <c r="CQ2755" s="166">
        <v>0</v>
      </c>
      <c r="CR2755" s="166">
        <v>0</v>
      </c>
      <c r="CS2755" s="166">
        <v>0</v>
      </c>
      <c r="CT2755" s="166">
        <v>0</v>
      </c>
      <c r="CU2755" s="166">
        <v>0</v>
      </c>
      <c r="CV2755" s="166">
        <v>0</v>
      </c>
      <c r="CW2755" s="166">
        <v>0</v>
      </c>
      <c r="CX2755" s="166">
        <v>0</v>
      </c>
      <c r="CY2755" s="166">
        <v>0</v>
      </c>
      <c r="CZ2755" s="166">
        <v>0</v>
      </c>
    </row>
    <row r="2756" spans="1:104" x14ac:dyDescent="0.2">
      <c r="A2756" s="167" t="s">
        <v>601</v>
      </c>
      <c r="B2756" s="166">
        <v>0</v>
      </c>
      <c r="C2756" s="166">
        <v>0</v>
      </c>
      <c r="D2756" s="166">
        <v>0</v>
      </c>
      <c r="E2756" s="166">
        <v>0</v>
      </c>
      <c r="F2756" s="166">
        <v>0</v>
      </c>
      <c r="G2756" s="166">
        <v>0</v>
      </c>
      <c r="H2756" s="166">
        <v>0</v>
      </c>
      <c r="I2756" s="166">
        <v>0</v>
      </c>
      <c r="J2756" s="166">
        <v>0</v>
      </c>
      <c r="K2756" s="166">
        <v>0</v>
      </c>
      <c r="L2756" s="166">
        <v>0</v>
      </c>
      <c r="M2756" s="166">
        <v>0</v>
      </c>
      <c r="N2756" s="166">
        <v>0</v>
      </c>
      <c r="O2756" s="166">
        <v>0</v>
      </c>
      <c r="P2756" s="166">
        <v>0</v>
      </c>
      <c r="Q2756" s="166">
        <v>0</v>
      </c>
      <c r="R2756" s="166">
        <v>0</v>
      </c>
      <c r="S2756" s="166">
        <v>0</v>
      </c>
      <c r="T2756" s="166">
        <v>0</v>
      </c>
      <c r="U2756" s="166">
        <v>0</v>
      </c>
      <c r="V2756" s="166">
        <v>0</v>
      </c>
      <c r="W2756" s="166">
        <v>0</v>
      </c>
      <c r="X2756" s="166">
        <v>0</v>
      </c>
      <c r="Y2756" s="166">
        <v>0</v>
      </c>
      <c r="Z2756" s="166">
        <v>0</v>
      </c>
      <c r="AA2756" s="166">
        <v>0</v>
      </c>
      <c r="AB2756" s="166">
        <v>0</v>
      </c>
      <c r="AC2756" s="166">
        <v>0</v>
      </c>
      <c r="AD2756" s="166">
        <v>0</v>
      </c>
      <c r="AE2756" s="166">
        <v>0</v>
      </c>
      <c r="AF2756" s="166">
        <v>0</v>
      </c>
      <c r="AG2756" s="166">
        <v>0</v>
      </c>
      <c r="AH2756" s="166">
        <v>0</v>
      </c>
      <c r="AI2756" s="166">
        <v>0</v>
      </c>
      <c r="AJ2756" s="166">
        <v>0</v>
      </c>
      <c r="AK2756" s="166">
        <v>0</v>
      </c>
      <c r="AL2756" s="166">
        <v>0</v>
      </c>
      <c r="AM2756" s="166">
        <v>0</v>
      </c>
      <c r="AN2756" s="166">
        <v>0</v>
      </c>
      <c r="AO2756" s="166">
        <v>0</v>
      </c>
      <c r="AP2756" s="166">
        <v>0</v>
      </c>
      <c r="AQ2756" s="166">
        <v>0</v>
      </c>
      <c r="AR2756" s="166">
        <v>0</v>
      </c>
      <c r="AS2756" s="166">
        <v>0</v>
      </c>
      <c r="AT2756" s="166">
        <v>0</v>
      </c>
      <c r="AU2756" s="166">
        <v>0</v>
      </c>
      <c r="AV2756" s="166">
        <v>0</v>
      </c>
      <c r="AW2756" s="166">
        <v>0</v>
      </c>
      <c r="AX2756" s="166">
        <v>0</v>
      </c>
      <c r="AY2756" s="166">
        <v>0</v>
      </c>
      <c r="AZ2756" s="166">
        <v>0</v>
      </c>
      <c r="BA2756" s="166">
        <v>0</v>
      </c>
      <c r="BB2756" s="166">
        <v>0</v>
      </c>
      <c r="BC2756" s="166">
        <v>0</v>
      </c>
      <c r="BD2756" s="166">
        <v>0</v>
      </c>
      <c r="BE2756" s="166">
        <v>0</v>
      </c>
      <c r="BF2756" s="166">
        <v>0</v>
      </c>
      <c r="BG2756" s="166">
        <v>0</v>
      </c>
      <c r="BH2756" s="166">
        <v>0</v>
      </c>
      <c r="BI2756" s="166">
        <v>0</v>
      </c>
      <c r="BJ2756" s="166">
        <v>0</v>
      </c>
      <c r="BK2756" s="166">
        <v>0</v>
      </c>
      <c r="BL2756" s="166">
        <v>0</v>
      </c>
      <c r="BM2756" s="166">
        <v>0</v>
      </c>
      <c r="BN2756" s="166">
        <v>0</v>
      </c>
      <c r="BO2756" s="166">
        <v>0</v>
      </c>
      <c r="BP2756" s="166">
        <v>0</v>
      </c>
      <c r="BQ2756" s="166">
        <v>0</v>
      </c>
      <c r="BR2756" s="166">
        <v>0</v>
      </c>
      <c r="BS2756" s="166">
        <v>0</v>
      </c>
      <c r="BT2756" s="168">
        <v>0</v>
      </c>
      <c r="BU2756" s="166">
        <v>0</v>
      </c>
      <c r="BV2756" s="166">
        <v>0</v>
      </c>
      <c r="BW2756" s="166">
        <v>0</v>
      </c>
      <c r="BX2756" s="166">
        <v>0</v>
      </c>
      <c r="BY2756" s="166">
        <v>0</v>
      </c>
      <c r="BZ2756" s="166">
        <v>0</v>
      </c>
      <c r="CA2756" s="166">
        <v>0</v>
      </c>
      <c r="CB2756" s="166">
        <v>0</v>
      </c>
      <c r="CC2756" s="166">
        <v>0</v>
      </c>
      <c r="CD2756" s="166">
        <v>0</v>
      </c>
      <c r="CE2756" s="166">
        <v>0</v>
      </c>
      <c r="CF2756" s="166">
        <v>0</v>
      </c>
      <c r="CG2756" s="166">
        <v>0</v>
      </c>
      <c r="CH2756" s="166">
        <v>0</v>
      </c>
      <c r="CI2756" s="166">
        <v>0</v>
      </c>
      <c r="CJ2756" s="166">
        <v>0</v>
      </c>
      <c r="CK2756" s="166">
        <v>0</v>
      </c>
      <c r="CL2756" s="166">
        <v>0</v>
      </c>
      <c r="CM2756" s="166">
        <v>0</v>
      </c>
      <c r="CN2756" s="166">
        <v>0</v>
      </c>
      <c r="CO2756" s="166">
        <v>0</v>
      </c>
      <c r="CP2756" s="166">
        <v>0</v>
      </c>
      <c r="CQ2756" s="166">
        <v>0</v>
      </c>
      <c r="CR2756" s="166">
        <v>0</v>
      </c>
      <c r="CS2756" s="166">
        <v>0</v>
      </c>
      <c r="CT2756" s="166">
        <v>0</v>
      </c>
      <c r="CU2756" s="166">
        <v>0</v>
      </c>
      <c r="CV2756" s="166">
        <v>0</v>
      </c>
      <c r="CW2756" s="166">
        <v>0</v>
      </c>
      <c r="CX2756" s="166">
        <v>0</v>
      </c>
      <c r="CY2756" s="166">
        <v>0</v>
      </c>
      <c r="CZ2756" s="166">
        <v>0</v>
      </c>
    </row>
    <row r="2757" spans="1:104" x14ac:dyDescent="0.2">
      <c r="A2757" s="177" t="s">
        <v>602</v>
      </c>
      <c r="B2757" s="166">
        <v>210589414.64692301</v>
      </c>
      <c r="C2757" s="166">
        <v>210589414.64692301</v>
      </c>
      <c r="D2757" s="166">
        <v>0</v>
      </c>
      <c r="E2757" s="166">
        <v>0</v>
      </c>
      <c r="F2757" s="166">
        <v>0</v>
      </c>
      <c r="G2757" s="166">
        <v>0</v>
      </c>
      <c r="H2757" s="166">
        <v>0</v>
      </c>
      <c r="I2757" s="166">
        <v>0</v>
      </c>
      <c r="J2757" s="166">
        <v>0</v>
      </c>
      <c r="K2757" s="166">
        <v>0</v>
      </c>
      <c r="L2757" s="166">
        <v>0</v>
      </c>
      <c r="M2757" s="166">
        <v>0</v>
      </c>
      <c r="N2757" s="166">
        <v>0</v>
      </c>
      <c r="O2757" s="166">
        <v>0</v>
      </c>
      <c r="P2757" s="166">
        <v>0</v>
      </c>
      <c r="Q2757" s="166">
        <v>0</v>
      </c>
      <c r="R2757" s="166">
        <v>0</v>
      </c>
      <c r="S2757" s="166">
        <v>0</v>
      </c>
      <c r="T2757" s="166">
        <v>0</v>
      </c>
      <c r="U2757" s="166">
        <v>0</v>
      </c>
      <c r="V2757" s="166">
        <v>0</v>
      </c>
      <c r="W2757" s="166">
        <v>0</v>
      </c>
      <c r="X2757" s="166">
        <v>0</v>
      </c>
      <c r="Y2757" s="166">
        <v>0</v>
      </c>
      <c r="Z2757" s="166">
        <v>0</v>
      </c>
      <c r="AA2757" s="166">
        <v>0</v>
      </c>
      <c r="AB2757" s="166">
        <v>0</v>
      </c>
      <c r="AC2757" s="166">
        <v>0</v>
      </c>
      <c r="AD2757" s="166">
        <v>0</v>
      </c>
      <c r="AE2757" s="166">
        <v>0</v>
      </c>
      <c r="AF2757" s="166">
        <v>0</v>
      </c>
      <c r="AG2757" s="166">
        <v>0</v>
      </c>
      <c r="AH2757" s="166">
        <v>0</v>
      </c>
      <c r="AI2757" s="166">
        <v>0</v>
      </c>
      <c r="AJ2757" s="166">
        <v>0</v>
      </c>
      <c r="AK2757" s="166">
        <v>0</v>
      </c>
      <c r="AL2757" s="166">
        <v>0</v>
      </c>
      <c r="AM2757" s="166">
        <v>0</v>
      </c>
      <c r="AN2757" s="166">
        <v>0</v>
      </c>
      <c r="AO2757" s="166">
        <v>0</v>
      </c>
      <c r="AP2757" s="166">
        <v>0</v>
      </c>
      <c r="AQ2757" s="166">
        <v>0</v>
      </c>
      <c r="AR2757" s="166">
        <v>0</v>
      </c>
      <c r="AS2757" s="166">
        <v>0</v>
      </c>
      <c r="AT2757" s="166">
        <v>0</v>
      </c>
      <c r="AU2757" s="166">
        <v>0</v>
      </c>
      <c r="AV2757" s="166">
        <v>0</v>
      </c>
      <c r="AW2757" s="166">
        <v>0</v>
      </c>
      <c r="AX2757" s="166">
        <v>0</v>
      </c>
      <c r="AY2757" s="166">
        <v>0</v>
      </c>
      <c r="AZ2757" s="166">
        <v>0</v>
      </c>
      <c r="BA2757" s="166">
        <v>0</v>
      </c>
      <c r="BB2757" s="166">
        <v>0</v>
      </c>
      <c r="BC2757" s="166">
        <v>0</v>
      </c>
      <c r="BD2757" s="166">
        <v>0</v>
      </c>
      <c r="BE2757" s="166">
        <v>0</v>
      </c>
      <c r="BF2757" s="166">
        <v>0</v>
      </c>
      <c r="BG2757" s="166">
        <v>0</v>
      </c>
      <c r="BH2757" s="166">
        <v>0</v>
      </c>
      <c r="BI2757" s="166">
        <v>0</v>
      </c>
      <c r="BJ2757" s="166">
        <v>0</v>
      </c>
      <c r="BK2757" s="166">
        <v>0</v>
      </c>
      <c r="BL2757" s="166">
        <v>0</v>
      </c>
      <c r="BM2757" s="166">
        <v>0</v>
      </c>
      <c r="BN2757" s="166">
        <v>0</v>
      </c>
      <c r="BO2757" s="166">
        <v>0</v>
      </c>
      <c r="BP2757" s="166">
        <v>0</v>
      </c>
      <c r="BQ2757" s="166">
        <v>0</v>
      </c>
      <c r="BR2757" s="166">
        <v>210589414.64692301</v>
      </c>
      <c r="BS2757" s="166">
        <v>210589414.64692301</v>
      </c>
      <c r="BT2757" s="168">
        <v>0</v>
      </c>
      <c r="BU2757" s="166">
        <v>0</v>
      </c>
      <c r="BV2757" s="166">
        <v>0</v>
      </c>
      <c r="BW2757" s="166">
        <v>0</v>
      </c>
      <c r="BX2757" s="166">
        <v>0</v>
      </c>
      <c r="BY2757" s="166">
        <v>0</v>
      </c>
      <c r="BZ2757" s="166">
        <v>0</v>
      </c>
      <c r="CA2757" s="166">
        <v>0</v>
      </c>
      <c r="CB2757" s="166">
        <v>0</v>
      </c>
      <c r="CC2757" s="166">
        <v>0</v>
      </c>
      <c r="CD2757" s="166">
        <v>0</v>
      </c>
      <c r="CE2757" s="166">
        <v>0</v>
      </c>
      <c r="CF2757" s="166">
        <v>0</v>
      </c>
      <c r="CG2757" s="166">
        <v>0</v>
      </c>
      <c r="CH2757" s="166">
        <v>0</v>
      </c>
      <c r="CI2757" s="166">
        <v>0</v>
      </c>
      <c r="CJ2757" s="166">
        <v>0</v>
      </c>
      <c r="CK2757" s="166">
        <v>0</v>
      </c>
      <c r="CL2757" s="166">
        <v>0</v>
      </c>
      <c r="CM2757" s="166">
        <v>0</v>
      </c>
      <c r="CN2757" s="166">
        <v>0</v>
      </c>
      <c r="CO2757" s="166">
        <v>0</v>
      </c>
      <c r="CP2757" s="166">
        <v>0</v>
      </c>
      <c r="CQ2757" s="166">
        <v>0</v>
      </c>
      <c r="CR2757" s="166">
        <v>0</v>
      </c>
      <c r="CS2757" s="166">
        <v>0</v>
      </c>
      <c r="CT2757" s="166">
        <v>0</v>
      </c>
      <c r="CU2757" s="166">
        <v>0</v>
      </c>
      <c r="CV2757" s="166">
        <v>0</v>
      </c>
      <c r="CW2757" s="166">
        <v>0</v>
      </c>
      <c r="CX2757" s="166">
        <v>0</v>
      </c>
      <c r="CY2757" s="166">
        <v>0</v>
      </c>
      <c r="CZ2757" s="166">
        <v>0</v>
      </c>
    </row>
    <row r="2758" spans="1:104" x14ac:dyDescent="0.2">
      <c r="A2758" s="167" t="s">
        <v>603</v>
      </c>
      <c r="B2758" s="166">
        <v>0</v>
      </c>
      <c r="C2758" s="166">
        <v>0</v>
      </c>
      <c r="D2758" s="166">
        <v>0</v>
      </c>
      <c r="E2758" s="166">
        <v>0</v>
      </c>
      <c r="F2758" s="166">
        <v>0</v>
      </c>
      <c r="G2758" s="166">
        <v>0</v>
      </c>
      <c r="H2758" s="166">
        <v>0</v>
      </c>
      <c r="I2758" s="166">
        <v>0</v>
      </c>
      <c r="J2758" s="166">
        <v>0</v>
      </c>
      <c r="K2758" s="166">
        <v>0</v>
      </c>
      <c r="L2758" s="166">
        <v>0</v>
      </c>
      <c r="M2758" s="166">
        <v>0</v>
      </c>
      <c r="N2758" s="166">
        <v>0</v>
      </c>
      <c r="O2758" s="166">
        <v>0</v>
      </c>
      <c r="P2758" s="166">
        <v>0</v>
      </c>
      <c r="Q2758" s="166">
        <v>0</v>
      </c>
      <c r="R2758" s="166">
        <v>0</v>
      </c>
      <c r="S2758" s="166">
        <v>0</v>
      </c>
      <c r="T2758" s="166">
        <v>0</v>
      </c>
      <c r="U2758" s="166">
        <v>0</v>
      </c>
      <c r="V2758" s="166">
        <v>0</v>
      </c>
      <c r="W2758" s="166">
        <v>0</v>
      </c>
      <c r="X2758" s="166">
        <v>0</v>
      </c>
      <c r="Y2758" s="166">
        <v>0</v>
      </c>
      <c r="Z2758" s="166">
        <v>0</v>
      </c>
      <c r="AA2758" s="166">
        <v>0</v>
      </c>
      <c r="AB2758" s="166">
        <v>0</v>
      </c>
      <c r="AC2758" s="166">
        <v>0</v>
      </c>
      <c r="AD2758" s="166">
        <v>0</v>
      </c>
      <c r="AE2758" s="166">
        <v>0</v>
      </c>
      <c r="AF2758" s="166">
        <v>0</v>
      </c>
      <c r="AG2758" s="166">
        <v>0</v>
      </c>
      <c r="AH2758" s="166">
        <v>0</v>
      </c>
      <c r="AI2758" s="166">
        <v>0</v>
      </c>
      <c r="AJ2758" s="166">
        <v>0</v>
      </c>
      <c r="AK2758" s="166">
        <v>0</v>
      </c>
      <c r="AL2758" s="166">
        <v>0</v>
      </c>
      <c r="AM2758" s="166">
        <v>0</v>
      </c>
      <c r="AN2758" s="166">
        <v>0</v>
      </c>
      <c r="AO2758" s="166">
        <v>0</v>
      </c>
      <c r="AP2758" s="166">
        <v>0</v>
      </c>
      <c r="AQ2758" s="166">
        <v>0</v>
      </c>
      <c r="AR2758" s="166">
        <v>0</v>
      </c>
      <c r="AS2758" s="166">
        <v>0</v>
      </c>
      <c r="AT2758" s="166">
        <v>0</v>
      </c>
      <c r="AU2758" s="166">
        <v>0</v>
      </c>
      <c r="AV2758" s="166">
        <v>0</v>
      </c>
      <c r="AW2758" s="166">
        <v>0</v>
      </c>
      <c r="AX2758" s="166">
        <v>0</v>
      </c>
      <c r="AY2758" s="166">
        <v>0</v>
      </c>
      <c r="AZ2758" s="166">
        <v>0</v>
      </c>
      <c r="BA2758" s="166">
        <v>0</v>
      </c>
      <c r="BB2758" s="166">
        <v>0</v>
      </c>
      <c r="BC2758" s="166">
        <v>0</v>
      </c>
      <c r="BD2758" s="166">
        <v>0</v>
      </c>
      <c r="BE2758" s="166">
        <v>0</v>
      </c>
      <c r="BF2758" s="166">
        <v>0</v>
      </c>
      <c r="BG2758" s="166">
        <v>0</v>
      </c>
      <c r="BH2758" s="166">
        <v>0</v>
      </c>
      <c r="BI2758" s="166">
        <v>0</v>
      </c>
      <c r="BJ2758" s="166">
        <v>0</v>
      </c>
      <c r="BK2758" s="166">
        <v>0</v>
      </c>
      <c r="BL2758" s="166">
        <v>0</v>
      </c>
      <c r="BM2758" s="166">
        <v>0</v>
      </c>
      <c r="BN2758" s="166">
        <v>0</v>
      </c>
      <c r="BO2758" s="166">
        <v>0</v>
      </c>
      <c r="BP2758" s="166">
        <v>0</v>
      </c>
      <c r="BQ2758" s="166">
        <v>0</v>
      </c>
      <c r="BR2758" s="166">
        <v>0</v>
      </c>
      <c r="BS2758" s="166">
        <v>0</v>
      </c>
      <c r="BT2758" s="168">
        <v>0</v>
      </c>
      <c r="BU2758" s="166">
        <v>0</v>
      </c>
      <c r="BV2758" s="166">
        <v>0</v>
      </c>
      <c r="BW2758" s="166">
        <v>0</v>
      </c>
      <c r="BX2758" s="166">
        <v>0</v>
      </c>
      <c r="BY2758" s="166">
        <v>0</v>
      </c>
      <c r="BZ2758" s="166">
        <v>0</v>
      </c>
      <c r="CA2758" s="166">
        <v>0</v>
      </c>
      <c r="CB2758" s="166">
        <v>0</v>
      </c>
      <c r="CC2758" s="166">
        <v>0</v>
      </c>
      <c r="CD2758" s="166">
        <v>0</v>
      </c>
      <c r="CE2758" s="166">
        <v>0</v>
      </c>
      <c r="CF2758" s="166">
        <v>0</v>
      </c>
      <c r="CG2758" s="166">
        <v>0</v>
      </c>
      <c r="CH2758" s="166">
        <v>0</v>
      </c>
      <c r="CI2758" s="166">
        <v>0</v>
      </c>
      <c r="CJ2758" s="166">
        <v>0</v>
      </c>
      <c r="CK2758" s="166">
        <v>0</v>
      </c>
      <c r="CL2758" s="166">
        <v>0</v>
      </c>
      <c r="CM2758" s="166">
        <v>0</v>
      </c>
      <c r="CN2758" s="166">
        <v>0</v>
      </c>
      <c r="CO2758" s="166">
        <v>0</v>
      </c>
      <c r="CP2758" s="166">
        <v>0</v>
      </c>
      <c r="CQ2758" s="166">
        <v>0</v>
      </c>
      <c r="CR2758" s="166">
        <v>0</v>
      </c>
      <c r="CS2758" s="166">
        <v>0</v>
      </c>
      <c r="CT2758" s="166">
        <v>0</v>
      </c>
      <c r="CU2758" s="166">
        <v>0</v>
      </c>
      <c r="CV2758" s="166">
        <v>0</v>
      </c>
      <c r="CW2758" s="166">
        <v>0</v>
      </c>
      <c r="CX2758" s="166">
        <v>0</v>
      </c>
      <c r="CY2758" s="166">
        <v>0</v>
      </c>
      <c r="CZ2758" s="166">
        <v>0</v>
      </c>
    </row>
    <row r="2759" spans="1:104" x14ac:dyDescent="0.2">
      <c r="A2759" s="177" t="s">
        <v>604</v>
      </c>
      <c r="B2759" s="166">
        <v>700028732.13264501</v>
      </c>
      <c r="C2759" s="166">
        <v>700028732.13264501</v>
      </c>
      <c r="D2759" s="166">
        <v>0</v>
      </c>
      <c r="E2759" s="166">
        <v>0</v>
      </c>
      <c r="F2759" s="166">
        <v>0</v>
      </c>
      <c r="G2759" s="166">
        <v>0</v>
      </c>
      <c r="H2759" s="166">
        <v>0</v>
      </c>
      <c r="I2759" s="166">
        <v>0</v>
      </c>
      <c r="J2759" s="166">
        <v>0</v>
      </c>
      <c r="K2759" s="166">
        <v>0</v>
      </c>
      <c r="L2759" s="166">
        <v>0</v>
      </c>
      <c r="M2759" s="166">
        <v>0</v>
      </c>
      <c r="N2759" s="166">
        <v>0</v>
      </c>
      <c r="O2759" s="166">
        <v>0</v>
      </c>
      <c r="P2759" s="166">
        <v>0</v>
      </c>
      <c r="Q2759" s="166">
        <v>0</v>
      </c>
      <c r="R2759" s="166">
        <v>0</v>
      </c>
      <c r="S2759" s="166">
        <v>0</v>
      </c>
      <c r="T2759" s="166">
        <v>0</v>
      </c>
      <c r="U2759" s="166">
        <v>0</v>
      </c>
      <c r="V2759" s="166">
        <v>0</v>
      </c>
      <c r="W2759" s="166">
        <v>0</v>
      </c>
      <c r="X2759" s="166">
        <v>0</v>
      </c>
      <c r="Y2759" s="166">
        <v>0</v>
      </c>
      <c r="Z2759" s="166">
        <v>0</v>
      </c>
      <c r="AA2759" s="166">
        <v>0</v>
      </c>
      <c r="AB2759" s="166">
        <v>0</v>
      </c>
      <c r="AC2759" s="166">
        <v>0</v>
      </c>
      <c r="AD2759" s="166">
        <v>0</v>
      </c>
      <c r="AE2759" s="166">
        <v>0</v>
      </c>
      <c r="AF2759" s="166">
        <v>0</v>
      </c>
      <c r="AG2759" s="166">
        <v>0</v>
      </c>
      <c r="AH2759" s="166">
        <v>0</v>
      </c>
      <c r="AI2759" s="166">
        <v>0</v>
      </c>
      <c r="AJ2759" s="166">
        <v>0</v>
      </c>
      <c r="AK2759" s="166">
        <v>0</v>
      </c>
      <c r="AL2759" s="166">
        <v>0</v>
      </c>
      <c r="AM2759" s="166">
        <v>0</v>
      </c>
      <c r="AN2759" s="166">
        <v>0</v>
      </c>
      <c r="AO2759" s="166">
        <v>0</v>
      </c>
      <c r="AP2759" s="166">
        <v>0</v>
      </c>
      <c r="AQ2759" s="166">
        <v>0</v>
      </c>
      <c r="AR2759" s="166">
        <v>0</v>
      </c>
      <c r="AS2759" s="166">
        <v>0</v>
      </c>
      <c r="AT2759" s="166">
        <v>0</v>
      </c>
      <c r="AU2759" s="166">
        <v>0</v>
      </c>
      <c r="AV2759" s="166">
        <v>0</v>
      </c>
      <c r="AW2759" s="166">
        <v>0</v>
      </c>
      <c r="AX2759" s="166">
        <v>0</v>
      </c>
      <c r="AY2759" s="166">
        <v>0</v>
      </c>
      <c r="AZ2759" s="166">
        <v>0</v>
      </c>
      <c r="BA2759" s="166">
        <v>0</v>
      </c>
      <c r="BB2759" s="166">
        <v>0</v>
      </c>
      <c r="BC2759" s="166">
        <v>0</v>
      </c>
      <c r="BD2759" s="166">
        <v>0</v>
      </c>
      <c r="BE2759" s="166">
        <v>0</v>
      </c>
      <c r="BF2759" s="166">
        <v>0</v>
      </c>
      <c r="BG2759" s="166">
        <v>0</v>
      </c>
      <c r="BH2759" s="166">
        <v>0</v>
      </c>
      <c r="BI2759" s="166">
        <v>0</v>
      </c>
      <c r="BJ2759" s="166">
        <v>0</v>
      </c>
      <c r="BK2759" s="166">
        <v>0</v>
      </c>
      <c r="BL2759" s="166">
        <v>0</v>
      </c>
      <c r="BM2759" s="166">
        <v>0</v>
      </c>
      <c r="BN2759" s="166">
        <v>0</v>
      </c>
      <c r="BO2759" s="166">
        <v>0</v>
      </c>
      <c r="BP2759" s="166">
        <v>0</v>
      </c>
      <c r="BQ2759" s="166">
        <v>0</v>
      </c>
      <c r="BR2759" s="166">
        <v>700028732.13264501</v>
      </c>
      <c r="BS2759" s="166">
        <v>700028732.13264501</v>
      </c>
      <c r="BT2759" s="168">
        <v>0</v>
      </c>
      <c r="BU2759" s="166">
        <v>0</v>
      </c>
      <c r="BV2759" s="166">
        <v>0</v>
      </c>
      <c r="BW2759" s="166">
        <v>0</v>
      </c>
      <c r="BX2759" s="166">
        <v>0</v>
      </c>
      <c r="BY2759" s="166">
        <v>0</v>
      </c>
      <c r="BZ2759" s="166">
        <v>0</v>
      </c>
      <c r="CA2759" s="166">
        <v>0</v>
      </c>
      <c r="CB2759" s="166">
        <v>0</v>
      </c>
      <c r="CC2759" s="166">
        <v>0</v>
      </c>
      <c r="CD2759" s="166">
        <v>0</v>
      </c>
      <c r="CE2759" s="166">
        <v>0</v>
      </c>
      <c r="CF2759" s="166">
        <v>0</v>
      </c>
      <c r="CG2759" s="166">
        <v>0</v>
      </c>
      <c r="CH2759" s="166">
        <v>0</v>
      </c>
      <c r="CI2759" s="166">
        <v>0</v>
      </c>
      <c r="CJ2759" s="166">
        <v>0</v>
      </c>
      <c r="CK2759" s="166">
        <v>0</v>
      </c>
      <c r="CL2759" s="166">
        <v>0</v>
      </c>
      <c r="CM2759" s="166">
        <v>0</v>
      </c>
      <c r="CN2759" s="166">
        <v>0</v>
      </c>
      <c r="CO2759" s="166">
        <v>0</v>
      </c>
      <c r="CP2759" s="166">
        <v>0</v>
      </c>
      <c r="CQ2759" s="166">
        <v>0</v>
      </c>
      <c r="CR2759" s="166">
        <v>0</v>
      </c>
      <c r="CS2759" s="166">
        <v>0</v>
      </c>
      <c r="CT2759" s="166">
        <v>0</v>
      </c>
      <c r="CU2759" s="166">
        <v>0</v>
      </c>
      <c r="CV2759" s="166">
        <v>0</v>
      </c>
      <c r="CW2759" s="166">
        <v>0</v>
      </c>
      <c r="CX2759" s="166">
        <v>0</v>
      </c>
      <c r="CY2759" s="166">
        <v>0</v>
      </c>
      <c r="CZ2759" s="166">
        <v>0</v>
      </c>
    </row>
    <row r="2760" spans="1:104" x14ac:dyDescent="0.2">
      <c r="A2760" s="167" t="s">
        <v>605</v>
      </c>
      <c r="B2760" s="166">
        <v>0</v>
      </c>
      <c r="C2760" s="166">
        <v>0</v>
      </c>
      <c r="D2760" s="166">
        <v>0</v>
      </c>
      <c r="E2760" s="166">
        <v>0</v>
      </c>
      <c r="F2760" s="166">
        <v>0</v>
      </c>
      <c r="G2760" s="166">
        <v>0</v>
      </c>
      <c r="H2760" s="166">
        <v>0</v>
      </c>
      <c r="I2760" s="166">
        <v>0</v>
      </c>
      <c r="J2760" s="166">
        <v>0</v>
      </c>
      <c r="K2760" s="166">
        <v>0</v>
      </c>
      <c r="L2760" s="166">
        <v>0</v>
      </c>
      <c r="M2760" s="166">
        <v>0</v>
      </c>
      <c r="N2760" s="166">
        <v>0</v>
      </c>
      <c r="O2760" s="166">
        <v>0</v>
      </c>
      <c r="P2760" s="166">
        <v>0</v>
      </c>
      <c r="Q2760" s="166">
        <v>0</v>
      </c>
      <c r="R2760" s="166">
        <v>0</v>
      </c>
      <c r="S2760" s="166">
        <v>0</v>
      </c>
      <c r="T2760" s="166">
        <v>0</v>
      </c>
      <c r="U2760" s="166">
        <v>0</v>
      </c>
      <c r="V2760" s="166">
        <v>0</v>
      </c>
      <c r="W2760" s="166">
        <v>0</v>
      </c>
      <c r="X2760" s="166">
        <v>0</v>
      </c>
      <c r="Y2760" s="166">
        <v>0</v>
      </c>
      <c r="Z2760" s="166">
        <v>0</v>
      </c>
      <c r="AA2760" s="166">
        <v>0</v>
      </c>
      <c r="AB2760" s="166">
        <v>0</v>
      </c>
      <c r="AC2760" s="166">
        <v>0</v>
      </c>
      <c r="AD2760" s="166">
        <v>0</v>
      </c>
      <c r="AE2760" s="166">
        <v>0</v>
      </c>
      <c r="AF2760" s="166">
        <v>0</v>
      </c>
      <c r="AG2760" s="166">
        <v>0</v>
      </c>
      <c r="AH2760" s="166">
        <v>0</v>
      </c>
      <c r="AI2760" s="166">
        <v>0</v>
      </c>
      <c r="AJ2760" s="166">
        <v>0</v>
      </c>
      <c r="AK2760" s="166">
        <v>0</v>
      </c>
      <c r="AL2760" s="166">
        <v>0</v>
      </c>
      <c r="AM2760" s="166">
        <v>0</v>
      </c>
      <c r="AN2760" s="166">
        <v>0</v>
      </c>
      <c r="AO2760" s="166">
        <v>0</v>
      </c>
      <c r="AP2760" s="166">
        <v>0</v>
      </c>
      <c r="AQ2760" s="166">
        <v>0</v>
      </c>
      <c r="AR2760" s="166">
        <v>0</v>
      </c>
      <c r="AS2760" s="166">
        <v>0</v>
      </c>
      <c r="AT2760" s="166">
        <v>0</v>
      </c>
      <c r="AU2760" s="166">
        <v>0</v>
      </c>
      <c r="AV2760" s="166">
        <v>0</v>
      </c>
      <c r="AW2760" s="166">
        <v>0</v>
      </c>
      <c r="AX2760" s="166">
        <v>0</v>
      </c>
      <c r="AY2760" s="166">
        <v>0</v>
      </c>
      <c r="AZ2760" s="166">
        <v>0</v>
      </c>
      <c r="BA2760" s="166">
        <v>0</v>
      </c>
      <c r="BB2760" s="166">
        <v>0</v>
      </c>
      <c r="BC2760" s="166">
        <v>0</v>
      </c>
      <c r="BD2760" s="166">
        <v>0</v>
      </c>
      <c r="BE2760" s="166">
        <v>0</v>
      </c>
      <c r="BF2760" s="166">
        <v>0</v>
      </c>
      <c r="BG2760" s="166">
        <v>0</v>
      </c>
      <c r="BH2760" s="166">
        <v>0</v>
      </c>
      <c r="BI2760" s="166">
        <v>0</v>
      </c>
      <c r="BJ2760" s="166">
        <v>0</v>
      </c>
      <c r="BK2760" s="166">
        <v>0</v>
      </c>
      <c r="BL2760" s="166">
        <v>0</v>
      </c>
      <c r="BM2760" s="166">
        <v>0</v>
      </c>
      <c r="BN2760" s="166">
        <v>0</v>
      </c>
      <c r="BO2760" s="166">
        <v>0</v>
      </c>
      <c r="BP2760" s="166">
        <v>0</v>
      </c>
      <c r="BQ2760" s="166">
        <v>0</v>
      </c>
      <c r="BR2760" s="166">
        <v>0</v>
      </c>
      <c r="BS2760" s="166">
        <v>0</v>
      </c>
      <c r="BT2760" s="168">
        <v>0</v>
      </c>
      <c r="BU2760" s="166">
        <v>0</v>
      </c>
      <c r="BV2760" s="166">
        <v>0</v>
      </c>
      <c r="BW2760" s="166">
        <v>0</v>
      </c>
      <c r="BX2760" s="166">
        <v>0</v>
      </c>
      <c r="BY2760" s="166">
        <v>0</v>
      </c>
      <c r="BZ2760" s="166">
        <v>0</v>
      </c>
      <c r="CA2760" s="166">
        <v>0</v>
      </c>
      <c r="CB2760" s="166">
        <v>0</v>
      </c>
      <c r="CC2760" s="166">
        <v>0</v>
      </c>
      <c r="CD2760" s="166">
        <v>0</v>
      </c>
      <c r="CE2760" s="166">
        <v>0</v>
      </c>
      <c r="CF2760" s="166">
        <v>0</v>
      </c>
      <c r="CG2760" s="166">
        <v>0</v>
      </c>
      <c r="CH2760" s="166">
        <v>0</v>
      </c>
      <c r="CI2760" s="166">
        <v>0</v>
      </c>
      <c r="CJ2760" s="166">
        <v>0</v>
      </c>
      <c r="CK2760" s="166">
        <v>0</v>
      </c>
      <c r="CL2760" s="166">
        <v>0</v>
      </c>
      <c r="CM2760" s="166">
        <v>0</v>
      </c>
      <c r="CN2760" s="166">
        <v>0</v>
      </c>
      <c r="CO2760" s="166">
        <v>0</v>
      </c>
      <c r="CP2760" s="166">
        <v>0</v>
      </c>
      <c r="CQ2760" s="166">
        <v>0</v>
      </c>
      <c r="CR2760" s="166">
        <v>0</v>
      </c>
      <c r="CS2760" s="166">
        <v>0</v>
      </c>
      <c r="CT2760" s="166">
        <v>0</v>
      </c>
      <c r="CU2760" s="166">
        <v>0</v>
      </c>
      <c r="CV2760" s="166">
        <v>0</v>
      </c>
      <c r="CW2760" s="166">
        <v>0</v>
      </c>
      <c r="CX2760" s="166">
        <v>0</v>
      </c>
      <c r="CY2760" s="166">
        <v>0</v>
      </c>
      <c r="CZ2760" s="166">
        <v>0</v>
      </c>
    </row>
    <row r="2761" spans="1:104" x14ac:dyDescent="0.2">
      <c r="A2761" s="167" t="s">
        <v>606</v>
      </c>
    </row>
    <row r="2762" spans="1:104" x14ac:dyDescent="0.2">
      <c r="A2762" s="167" t="s">
        <v>607</v>
      </c>
      <c r="B2762" s="166">
        <v>90686943.373261005</v>
      </c>
      <c r="C2762" s="166">
        <v>90686943.373261005</v>
      </c>
      <c r="D2762" s="166">
        <v>0</v>
      </c>
      <c r="E2762" s="166">
        <v>0</v>
      </c>
      <c r="F2762" s="166">
        <v>0</v>
      </c>
      <c r="G2762" s="166">
        <v>0</v>
      </c>
      <c r="H2762" s="166">
        <v>0</v>
      </c>
      <c r="I2762" s="166">
        <v>0</v>
      </c>
      <c r="J2762" s="166">
        <v>0</v>
      </c>
      <c r="K2762" s="166">
        <v>0</v>
      </c>
      <c r="L2762" s="166">
        <v>0</v>
      </c>
      <c r="M2762" s="166">
        <v>0</v>
      </c>
      <c r="N2762" s="166">
        <v>0</v>
      </c>
      <c r="O2762" s="166">
        <v>0</v>
      </c>
      <c r="P2762" s="166">
        <v>0</v>
      </c>
      <c r="Q2762" s="166">
        <v>0</v>
      </c>
      <c r="R2762" s="166">
        <v>0</v>
      </c>
      <c r="S2762" s="166">
        <v>0</v>
      </c>
      <c r="T2762" s="166">
        <v>0</v>
      </c>
      <c r="U2762" s="166">
        <v>0</v>
      </c>
      <c r="V2762" s="166">
        <v>0</v>
      </c>
      <c r="W2762" s="166">
        <v>0</v>
      </c>
      <c r="X2762" s="166">
        <v>0</v>
      </c>
      <c r="Y2762" s="166">
        <v>0</v>
      </c>
      <c r="Z2762" s="166">
        <v>0</v>
      </c>
      <c r="AA2762" s="166">
        <v>0</v>
      </c>
      <c r="AB2762" s="166">
        <v>0</v>
      </c>
      <c r="AC2762" s="166">
        <v>0</v>
      </c>
      <c r="AD2762" s="166">
        <v>0</v>
      </c>
      <c r="AE2762" s="166">
        <v>0</v>
      </c>
      <c r="AF2762" s="166">
        <v>0</v>
      </c>
      <c r="AG2762" s="166">
        <v>0</v>
      </c>
      <c r="AH2762" s="166">
        <v>0</v>
      </c>
      <c r="AI2762" s="166">
        <v>0</v>
      </c>
      <c r="AJ2762" s="166">
        <v>0</v>
      </c>
      <c r="AK2762" s="166">
        <v>0</v>
      </c>
      <c r="AL2762" s="166">
        <v>0</v>
      </c>
      <c r="AM2762" s="166">
        <v>0</v>
      </c>
      <c r="AN2762" s="166">
        <v>0</v>
      </c>
      <c r="AO2762" s="166">
        <v>0</v>
      </c>
      <c r="AP2762" s="166">
        <v>0</v>
      </c>
      <c r="AQ2762" s="166">
        <v>0</v>
      </c>
      <c r="AR2762" s="166">
        <v>0</v>
      </c>
      <c r="AS2762" s="166">
        <v>0</v>
      </c>
      <c r="AT2762" s="166">
        <v>0</v>
      </c>
      <c r="AU2762" s="166">
        <v>0</v>
      </c>
      <c r="AV2762" s="166">
        <v>0</v>
      </c>
      <c r="AW2762" s="166">
        <v>0</v>
      </c>
      <c r="AX2762" s="166">
        <v>0</v>
      </c>
      <c r="AY2762" s="166">
        <v>0</v>
      </c>
      <c r="AZ2762" s="166">
        <v>0</v>
      </c>
      <c r="BA2762" s="166">
        <v>0</v>
      </c>
      <c r="BB2762" s="166">
        <v>0</v>
      </c>
      <c r="BC2762" s="166">
        <v>0</v>
      </c>
      <c r="BD2762" s="166">
        <v>0</v>
      </c>
      <c r="BE2762" s="166">
        <v>0</v>
      </c>
      <c r="BF2762" s="166">
        <v>0</v>
      </c>
      <c r="BG2762" s="166">
        <v>0</v>
      </c>
      <c r="BH2762" s="166">
        <v>0</v>
      </c>
      <c r="BI2762" s="166">
        <v>0</v>
      </c>
      <c r="BJ2762" s="166">
        <v>0</v>
      </c>
      <c r="BK2762" s="166">
        <v>0</v>
      </c>
      <c r="BL2762" s="166">
        <v>0</v>
      </c>
      <c r="BM2762" s="166">
        <v>0</v>
      </c>
      <c r="BN2762" s="166">
        <v>0</v>
      </c>
      <c r="BO2762" s="166">
        <v>0</v>
      </c>
      <c r="BP2762" s="166">
        <v>0</v>
      </c>
      <c r="BQ2762" s="166">
        <v>0</v>
      </c>
      <c r="BR2762" s="166">
        <v>90686943.373261005</v>
      </c>
      <c r="BS2762" s="166">
        <v>90686943.373261005</v>
      </c>
      <c r="BT2762" s="168">
        <v>0</v>
      </c>
      <c r="BU2762" s="166">
        <v>5795950.4192080898</v>
      </c>
      <c r="BV2762" s="166">
        <v>90686773.134894103</v>
      </c>
      <c r="BW2762" s="166">
        <v>0</v>
      </c>
      <c r="BX2762" s="166">
        <v>0</v>
      </c>
      <c r="BY2762" s="166">
        <v>0</v>
      </c>
      <c r="BZ2762" s="166">
        <v>0</v>
      </c>
      <c r="CA2762" s="166">
        <v>0</v>
      </c>
      <c r="CB2762" s="166">
        <v>0</v>
      </c>
      <c r="CC2762" s="166">
        <v>0</v>
      </c>
      <c r="CD2762" s="166">
        <v>0</v>
      </c>
      <c r="CE2762" s="166">
        <v>0</v>
      </c>
      <c r="CF2762" s="166">
        <v>0</v>
      </c>
      <c r="CG2762" s="166">
        <v>0</v>
      </c>
      <c r="CH2762" s="166">
        <v>0</v>
      </c>
      <c r="CI2762" s="166">
        <v>0</v>
      </c>
      <c r="CJ2762" s="166">
        <v>0</v>
      </c>
      <c r="CK2762" s="166">
        <v>0</v>
      </c>
      <c r="CL2762" s="166">
        <v>0</v>
      </c>
      <c r="CM2762" s="166">
        <v>0</v>
      </c>
      <c r="CN2762" s="166">
        <v>0</v>
      </c>
      <c r="CO2762" s="166">
        <v>0</v>
      </c>
      <c r="CP2762" s="166">
        <v>0</v>
      </c>
      <c r="CQ2762" s="166">
        <v>0</v>
      </c>
      <c r="CR2762" s="166">
        <v>0</v>
      </c>
      <c r="CS2762" s="166">
        <v>0</v>
      </c>
      <c r="CT2762" s="166">
        <v>0</v>
      </c>
      <c r="CU2762" s="166">
        <v>0</v>
      </c>
      <c r="CV2762" s="166">
        <v>0</v>
      </c>
      <c r="CW2762" s="166">
        <v>0</v>
      </c>
      <c r="CX2762" s="166">
        <v>0</v>
      </c>
      <c r="CY2762" s="166">
        <v>90686773.134893999</v>
      </c>
      <c r="CZ2762" s="166">
        <v>90686773.134894103</v>
      </c>
    </row>
    <row r="2763" spans="1:104" x14ac:dyDescent="0.2">
      <c r="A2763" s="167" t="s">
        <v>608</v>
      </c>
      <c r="B2763" s="166">
        <v>13440837.084745901</v>
      </c>
      <c r="C2763" s="166">
        <v>13440837.084745901</v>
      </c>
      <c r="D2763" s="166">
        <v>0</v>
      </c>
      <c r="E2763" s="166">
        <v>0</v>
      </c>
      <c r="F2763" s="166">
        <v>0</v>
      </c>
      <c r="G2763" s="166">
        <v>0</v>
      </c>
      <c r="H2763" s="166">
        <v>0</v>
      </c>
      <c r="I2763" s="166">
        <v>0</v>
      </c>
      <c r="J2763" s="166">
        <v>0</v>
      </c>
      <c r="K2763" s="166">
        <v>0</v>
      </c>
      <c r="L2763" s="166">
        <v>0</v>
      </c>
      <c r="M2763" s="166">
        <v>0</v>
      </c>
      <c r="N2763" s="166">
        <v>0</v>
      </c>
      <c r="O2763" s="166">
        <v>0</v>
      </c>
      <c r="P2763" s="166">
        <v>0</v>
      </c>
      <c r="Q2763" s="166">
        <v>0</v>
      </c>
      <c r="R2763" s="166">
        <v>0</v>
      </c>
      <c r="S2763" s="166">
        <v>0</v>
      </c>
      <c r="T2763" s="166">
        <v>0</v>
      </c>
      <c r="U2763" s="166">
        <v>0</v>
      </c>
      <c r="V2763" s="166">
        <v>0</v>
      </c>
      <c r="W2763" s="166">
        <v>0</v>
      </c>
      <c r="X2763" s="166">
        <v>0</v>
      </c>
      <c r="Y2763" s="166">
        <v>0</v>
      </c>
      <c r="Z2763" s="166">
        <v>0</v>
      </c>
      <c r="AA2763" s="166">
        <v>0</v>
      </c>
      <c r="AB2763" s="166">
        <v>0</v>
      </c>
      <c r="AC2763" s="166">
        <v>0</v>
      </c>
      <c r="AD2763" s="166">
        <v>0</v>
      </c>
      <c r="AE2763" s="166">
        <v>0</v>
      </c>
      <c r="AF2763" s="166">
        <v>0</v>
      </c>
      <c r="AG2763" s="166">
        <v>0</v>
      </c>
      <c r="AH2763" s="166">
        <v>0</v>
      </c>
      <c r="AI2763" s="166">
        <v>0</v>
      </c>
      <c r="AJ2763" s="166">
        <v>0</v>
      </c>
      <c r="AK2763" s="166">
        <v>0</v>
      </c>
      <c r="AL2763" s="166">
        <v>0</v>
      </c>
      <c r="AM2763" s="166">
        <v>0</v>
      </c>
      <c r="AN2763" s="166">
        <v>0</v>
      </c>
      <c r="AO2763" s="166">
        <v>0</v>
      </c>
      <c r="AP2763" s="166">
        <v>0</v>
      </c>
      <c r="AQ2763" s="166">
        <v>0</v>
      </c>
      <c r="AR2763" s="166">
        <v>0</v>
      </c>
      <c r="AS2763" s="166">
        <v>0</v>
      </c>
      <c r="AT2763" s="166">
        <v>0</v>
      </c>
      <c r="AU2763" s="166">
        <v>0</v>
      </c>
      <c r="AV2763" s="166">
        <v>0</v>
      </c>
      <c r="AW2763" s="166">
        <v>0</v>
      </c>
      <c r="AX2763" s="166">
        <v>0</v>
      </c>
      <c r="AY2763" s="166">
        <v>0</v>
      </c>
      <c r="AZ2763" s="166">
        <v>0</v>
      </c>
      <c r="BA2763" s="166">
        <v>0</v>
      </c>
      <c r="BB2763" s="166">
        <v>0</v>
      </c>
      <c r="BC2763" s="166">
        <v>0</v>
      </c>
      <c r="BD2763" s="166">
        <v>0</v>
      </c>
      <c r="BE2763" s="166">
        <v>0</v>
      </c>
      <c r="BF2763" s="166">
        <v>0</v>
      </c>
      <c r="BG2763" s="166">
        <v>0</v>
      </c>
      <c r="BH2763" s="166">
        <v>0</v>
      </c>
      <c r="BI2763" s="166">
        <v>0</v>
      </c>
      <c r="BJ2763" s="166">
        <v>0</v>
      </c>
      <c r="BK2763" s="166">
        <v>0</v>
      </c>
      <c r="BL2763" s="166">
        <v>0</v>
      </c>
      <c r="BM2763" s="166">
        <v>0</v>
      </c>
      <c r="BN2763" s="166">
        <v>0</v>
      </c>
      <c r="BO2763" s="166">
        <v>0</v>
      </c>
      <c r="BP2763" s="166">
        <v>0</v>
      </c>
      <c r="BQ2763" s="166">
        <v>0</v>
      </c>
      <c r="BR2763" s="166">
        <v>13440837.084745901</v>
      </c>
      <c r="BS2763" s="166">
        <v>13440837.084745901</v>
      </c>
      <c r="BT2763" s="168">
        <v>0</v>
      </c>
      <c r="BU2763" s="166">
        <v>1075410.9629534699</v>
      </c>
      <c r="BV2763" s="166">
        <v>12789662.3087033</v>
      </c>
      <c r="BW2763" s="166">
        <v>0</v>
      </c>
      <c r="BX2763" s="166">
        <v>0</v>
      </c>
      <c r="BY2763" s="166">
        <v>0</v>
      </c>
      <c r="BZ2763" s="166">
        <v>0</v>
      </c>
      <c r="CA2763" s="166">
        <v>0</v>
      </c>
      <c r="CB2763" s="166">
        <v>0</v>
      </c>
      <c r="CC2763" s="166">
        <v>0</v>
      </c>
      <c r="CD2763" s="166">
        <v>0</v>
      </c>
      <c r="CE2763" s="166">
        <v>0</v>
      </c>
      <c r="CF2763" s="166">
        <v>0</v>
      </c>
      <c r="CG2763" s="166">
        <v>0</v>
      </c>
      <c r="CH2763" s="166">
        <v>0</v>
      </c>
      <c r="CI2763" s="166">
        <v>0</v>
      </c>
      <c r="CJ2763" s="166">
        <v>0</v>
      </c>
      <c r="CK2763" s="166">
        <v>0</v>
      </c>
      <c r="CL2763" s="166">
        <v>0</v>
      </c>
      <c r="CM2763" s="166">
        <v>0</v>
      </c>
      <c r="CN2763" s="166">
        <v>0</v>
      </c>
      <c r="CO2763" s="166">
        <v>0</v>
      </c>
      <c r="CP2763" s="166">
        <v>0</v>
      </c>
      <c r="CQ2763" s="166">
        <v>0</v>
      </c>
      <c r="CR2763" s="166">
        <v>0</v>
      </c>
      <c r="CS2763" s="166">
        <v>0</v>
      </c>
      <c r="CT2763" s="166">
        <v>0</v>
      </c>
      <c r="CU2763" s="166">
        <v>0</v>
      </c>
      <c r="CV2763" s="166">
        <v>0</v>
      </c>
      <c r="CW2763" s="166">
        <v>0</v>
      </c>
      <c r="CX2763" s="166">
        <v>0</v>
      </c>
      <c r="CY2763" s="166">
        <v>12789662.3087033</v>
      </c>
      <c r="CZ2763" s="166">
        <v>12789662.3087033</v>
      </c>
    </row>
    <row r="2764" spans="1:104" x14ac:dyDescent="0.2">
      <c r="A2764" s="167" t="s">
        <v>609</v>
      </c>
      <c r="B2764" s="166">
        <v>12627897.7354916</v>
      </c>
      <c r="C2764" s="166">
        <v>12627897.7354916</v>
      </c>
      <c r="D2764" s="166">
        <v>0</v>
      </c>
      <c r="E2764" s="166">
        <v>0</v>
      </c>
      <c r="F2764" s="166">
        <v>0</v>
      </c>
      <c r="G2764" s="166">
        <v>0</v>
      </c>
      <c r="H2764" s="166">
        <v>0</v>
      </c>
      <c r="I2764" s="166">
        <v>0</v>
      </c>
      <c r="J2764" s="166">
        <v>0</v>
      </c>
      <c r="K2764" s="166">
        <v>0</v>
      </c>
      <c r="L2764" s="166">
        <v>0</v>
      </c>
      <c r="M2764" s="166">
        <v>0</v>
      </c>
      <c r="N2764" s="166">
        <v>0</v>
      </c>
      <c r="O2764" s="166">
        <v>0</v>
      </c>
      <c r="P2764" s="166">
        <v>0</v>
      </c>
      <c r="Q2764" s="166">
        <v>0</v>
      </c>
      <c r="R2764" s="166">
        <v>0</v>
      </c>
      <c r="S2764" s="166">
        <v>0</v>
      </c>
      <c r="T2764" s="166">
        <v>0</v>
      </c>
      <c r="U2764" s="166">
        <v>0</v>
      </c>
      <c r="V2764" s="166">
        <v>0</v>
      </c>
      <c r="W2764" s="166">
        <v>0</v>
      </c>
      <c r="X2764" s="166">
        <v>0</v>
      </c>
      <c r="Y2764" s="166">
        <v>0</v>
      </c>
      <c r="Z2764" s="166">
        <v>0</v>
      </c>
      <c r="AA2764" s="166">
        <v>0</v>
      </c>
      <c r="AB2764" s="166">
        <v>0</v>
      </c>
      <c r="AC2764" s="166">
        <v>0</v>
      </c>
      <c r="AD2764" s="166">
        <v>0</v>
      </c>
      <c r="AE2764" s="166">
        <v>0</v>
      </c>
      <c r="AF2764" s="166">
        <v>0</v>
      </c>
      <c r="AG2764" s="166">
        <v>0</v>
      </c>
      <c r="AH2764" s="166">
        <v>0</v>
      </c>
      <c r="AI2764" s="166">
        <v>0</v>
      </c>
      <c r="AJ2764" s="166">
        <v>0</v>
      </c>
      <c r="AK2764" s="166">
        <v>0</v>
      </c>
      <c r="AL2764" s="166">
        <v>0</v>
      </c>
      <c r="AM2764" s="166">
        <v>0</v>
      </c>
      <c r="AN2764" s="166">
        <v>0</v>
      </c>
      <c r="AO2764" s="166">
        <v>0</v>
      </c>
      <c r="AP2764" s="166">
        <v>0</v>
      </c>
      <c r="AQ2764" s="166">
        <v>0</v>
      </c>
      <c r="AR2764" s="166">
        <v>0</v>
      </c>
      <c r="AS2764" s="166">
        <v>0</v>
      </c>
      <c r="AT2764" s="166">
        <v>0</v>
      </c>
      <c r="AU2764" s="166">
        <v>0</v>
      </c>
      <c r="AV2764" s="166">
        <v>0</v>
      </c>
      <c r="AW2764" s="166">
        <v>0</v>
      </c>
      <c r="AX2764" s="166">
        <v>0</v>
      </c>
      <c r="AY2764" s="166">
        <v>0</v>
      </c>
      <c r="AZ2764" s="166">
        <v>0</v>
      </c>
      <c r="BA2764" s="166">
        <v>0</v>
      </c>
      <c r="BB2764" s="166">
        <v>0</v>
      </c>
      <c r="BC2764" s="166">
        <v>0</v>
      </c>
      <c r="BD2764" s="166">
        <v>0</v>
      </c>
      <c r="BE2764" s="166">
        <v>0</v>
      </c>
      <c r="BF2764" s="166">
        <v>0</v>
      </c>
      <c r="BG2764" s="166">
        <v>0</v>
      </c>
      <c r="BH2764" s="166">
        <v>0</v>
      </c>
      <c r="BI2764" s="166">
        <v>0</v>
      </c>
      <c r="BJ2764" s="166">
        <v>0</v>
      </c>
      <c r="BK2764" s="166">
        <v>0</v>
      </c>
      <c r="BL2764" s="166">
        <v>0</v>
      </c>
      <c r="BM2764" s="166">
        <v>0</v>
      </c>
      <c r="BN2764" s="166">
        <v>0</v>
      </c>
      <c r="BO2764" s="166">
        <v>0</v>
      </c>
      <c r="BP2764" s="166">
        <v>0</v>
      </c>
      <c r="BQ2764" s="166">
        <v>0</v>
      </c>
      <c r="BR2764" s="166">
        <v>12627897.7354916</v>
      </c>
      <c r="BS2764" s="166">
        <v>12627897.7354916</v>
      </c>
      <c r="BT2764" s="168">
        <v>0</v>
      </c>
      <c r="BU2764" s="166">
        <v>1100906.8427733199</v>
      </c>
      <c r="BV2764" s="166">
        <v>12349358.943600699</v>
      </c>
      <c r="BW2764" s="166">
        <v>0</v>
      </c>
      <c r="BX2764" s="166">
        <v>0</v>
      </c>
      <c r="BY2764" s="166">
        <v>0</v>
      </c>
      <c r="BZ2764" s="166">
        <v>0</v>
      </c>
      <c r="CA2764" s="166">
        <v>0</v>
      </c>
      <c r="CB2764" s="166">
        <v>0</v>
      </c>
      <c r="CC2764" s="166">
        <v>0</v>
      </c>
      <c r="CD2764" s="166">
        <v>0</v>
      </c>
      <c r="CE2764" s="166">
        <v>0</v>
      </c>
      <c r="CF2764" s="166">
        <v>0</v>
      </c>
      <c r="CG2764" s="166">
        <v>0</v>
      </c>
      <c r="CH2764" s="166">
        <v>0</v>
      </c>
      <c r="CI2764" s="166">
        <v>0</v>
      </c>
      <c r="CJ2764" s="166">
        <v>0</v>
      </c>
      <c r="CK2764" s="166">
        <v>0</v>
      </c>
      <c r="CL2764" s="166">
        <v>0</v>
      </c>
      <c r="CM2764" s="166">
        <v>0</v>
      </c>
      <c r="CN2764" s="166">
        <v>0</v>
      </c>
      <c r="CO2764" s="166">
        <v>0</v>
      </c>
      <c r="CP2764" s="166">
        <v>0</v>
      </c>
      <c r="CQ2764" s="166">
        <v>0</v>
      </c>
      <c r="CR2764" s="166">
        <v>0</v>
      </c>
      <c r="CS2764" s="166">
        <v>0</v>
      </c>
      <c r="CT2764" s="166">
        <v>0</v>
      </c>
      <c r="CU2764" s="166">
        <v>0</v>
      </c>
      <c r="CV2764" s="166">
        <v>0</v>
      </c>
      <c r="CW2764" s="166">
        <v>0</v>
      </c>
      <c r="CX2764" s="166">
        <v>0</v>
      </c>
      <c r="CY2764" s="166">
        <v>12349358.943600699</v>
      </c>
      <c r="CZ2764" s="166">
        <v>12349358.943600699</v>
      </c>
    </row>
    <row r="2765" spans="1:104" x14ac:dyDescent="0.2">
      <c r="A2765" s="167" t="s">
        <v>610</v>
      </c>
      <c r="B2765" s="166">
        <v>99452418.880806804</v>
      </c>
      <c r="C2765" s="166">
        <v>99452418.880806804</v>
      </c>
      <c r="D2765" s="166">
        <v>0</v>
      </c>
      <c r="E2765" s="166">
        <v>0</v>
      </c>
      <c r="F2765" s="166">
        <v>0</v>
      </c>
      <c r="G2765" s="166">
        <v>0</v>
      </c>
      <c r="H2765" s="166">
        <v>0</v>
      </c>
      <c r="I2765" s="166">
        <v>0</v>
      </c>
      <c r="J2765" s="166">
        <v>0</v>
      </c>
      <c r="K2765" s="166">
        <v>0</v>
      </c>
      <c r="L2765" s="166">
        <v>0</v>
      </c>
      <c r="M2765" s="166">
        <v>0</v>
      </c>
      <c r="N2765" s="166">
        <v>0</v>
      </c>
      <c r="O2765" s="166">
        <v>0</v>
      </c>
      <c r="P2765" s="166">
        <v>0</v>
      </c>
      <c r="Q2765" s="166">
        <v>0</v>
      </c>
      <c r="R2765" s="166">
        <v>0</v>
      </c>
      <c r="S2765" s="166">
        <v>0</v>
      </c>
      <c r="T2765" s="166">
        <v>0</v>
      </c>
      <c r="U2765" s="166">
        <v>0</v>
      </c>
      <c r="V2765" s="166">
        <v>0</v>
      </c>
      <c r="W2765" s="166">
        <v>0</v>
      </c>
      <c r="X2765" s="166">
        <v>0</v>
      </c>
      <c r="Y2765" s="166">
        <v>0</v>
      </c>
      <c r="Z2765" s="166">
        <v>0</v>
      </c>
      <c r="AA2765" s="166">
        <v>0</v>
      </c>
      <c r="AB2765" s="166">
        <v>0</v>
      </c>
      <c r="AC2765" s="166">
        <v>0</v>
      </c>
      <c r="AD2765" s="166">
        <v>0</v>
      </c>
      <c r="AE2765" s="166">
        <v>0</v>
      </c>
      <c r="AF2765" s="166">
        <v>0</v>
      </c>
      <c r="AG2765" s="166">
        <v>0</v>
      </c>
      <c r="AH2765" s="166">
        <v>0</v>
      </c>
      <c r="AI2765" s="166">
        <v>0</v>
      </c>
      <c r="AJ2765" s="166">
        <v>0</v>
      </c>
      <c r="AK2765" s="166">
        <v>0</v>
      </c>
      <c r="AL2765" s="166">
        <v>0</v>
      </c>
      <c r="AM2765" s="166">
        <v>0</v>
      </c>
      <c r="AN2765" s="166">
        <v>0</v>
      </c>
      <c r="AO2765" s="166">
        <v>0</v>
      </c>
      <c r="AP2765" s="166">
        <v>0</v>
      </c>
      <c r="AQ2765" s="166">
        <v>0</v>
      </c>
      <c r="AR2765" s="166">
        <v>0</v>
      </c>
      <c r="AS2765" s="166">
        <v>0</v>
      </c>
      <c r="AT2765" s="166">
        <v>0</v>
      </c>
      <c r="AU2765" s="166">
        <v>0</v>
      </c>
      <c r="AV2765" s="166">
        <v>0</v>
      </c>
      <c r="AW2765" s="166">
        <v>0</v>
      </c>
      <c r="AX2765" s="166">
        <v>0</v>
      </c>
      <c r="AY2765" s="166">
        <v>0</v>
      </c>
      <c r="AZ2765" s="166">
        <v>0</v>
      </c>
      <c r="BA2765" s="166">
        <v>0</v>
      </c>
      <c r="BB2765" s="166">
        <v>0</v>
      </c>
      <c r="BC2765" s="166">
        <v>0</v>
      </c>
      <c r="BD2765" s="166">
        <v>0</v>
      </c>
      <c r="BE2765" s="166">
        <v>0</v>
      </c>
      <c r="BF2765" s="166">
        <v>0</v>
      </c>
      <c r="BG2765" s="166">
        <v>0</v>
      </c>
      <c r="BH2765" s="166">
        <v>0</v>
      </c>
      <c r="BI2765" s="166">
        <v>0</v>
      </c>
      <c r="BJ2765" s="166">
        <v>0</v>
      </c>
      <c r="BK2765" s="166">
        <v>0</v>
      </c>
      <c r="BL2765" s="166">
        <v>0</v>
      </c>
      <c r="BM2765" s="166">
        <v>0</v>
      </c>
      <c r="BN2765" s="166">
        <v>0</v>
      </c>
      <c r="BO2765" s="166">
        <v>0</v>
      </c>
      <c r="BP2765" s="166">
        <v>0</v>
      </c>
      <c r="BQ2765" s="166">
        <v>0</v>
      </c>
      <c r="BR2765" s="166">
        <v>99452418.880806804</v>
      </c>
      <c r="BS2765" s="166">
        <v>99452418.880806804</v>
      </c>
      <c r="BT2765" s="168">
        <v>0</v>
      </c>
      <c r="BU2765" s="166">
        <v>8623229.8632332701</v>
      </c>
      <c r="BV2765" s="166">
        <v>99451949.198635593</v>
      </c>
      <c r="BW2765" s="166">
        <v>0</v>
      </c>
      <c r="BX2765" s="166">
        <v>0</v>
      </c>
      <c r="BY2765" s="166">
        <v>0</v>
      </c>
      <c r="BZ2765" s="166">
        <v>0</v>
      </c>
      <c r="CA2765" s="166">
        <v>0</v>
      </c>
      <c r="CB2765" s="166">
        <v>0</v>
      </c>
      <c r="CC2765" s="166">
        <v>0</v>
      </c>
      <c r="CD2765" s="166">
        <v>0</v>
      </c>
      <c r="CE2765" s="166">
        <v>0</v>
      </c>
      <c r="CF2765" s="166">
        <v>0</v>
      </c>
      <c r="CG2765" s="166">
        <v>0</v>
      </c>
      <c r="CH2765" s="166">
        <v>0</v>
      </c>
      <c r="CI2765" s="166">
        <v>0</v>
      </c>
      <c r="CJ2765" s="166">
        <v>0</v>
      </c>
      <c r="CK2765" s="166">
        <v>0</v>
      </c>
      <c r="CL2765" s="166">
        <v>0</v>
      </c>
      <c r="CM2765" s="166">
        <v>0</v>
      </c>
      <c r="CN2765" s="166">
        <v>0</v>
      </c>
      <c r="CO2765" s="166">
        <v>0</v>
      </c>
      <c r="CP2765" s="166">
        <v>0</v>
      </c>
      <c r="CQ2765" s="166">
        <v>0</v>
      </c>
      <c r="CR2765" s="166">
        <v>0</v>
      </c>
      <c r="CS2765" s="166">
        <v>0</v>
      </c>
      <c r="CT2765" s="166">
        <v>0</v>
      </c>
      <c r="CU2765" s="166">
        <v>0</v>
      </c>
      <c r="CV2765" s="166">
        <v>0</v>
      </c>
      <c r="CW2765" s="166">
        <v>0</v>
      </c>
      <c r="CX2765" s="166">
        <v>0</v>
      </c>
      <c r="CY2765" s="166">
        <v>99451949.198635593</v>
      </c>
      <c r="CZ2765" s="166">
        <v>99451949.198635593</v>
      </c>
    </row>
    <row r="2766" spans="1:104" x14ac:dyDescent="0.2">
      <c r="A2766" s="167" t="s">
        <v>611</v>
      </c>
      <c r="B2766" s="166">
        <v>6572322.6830095099</v>
      </c>
      <c r="C2766" s="166">
        <v>6572322.6830095099</v>
      </c>
      <c r="D2766" s="166">
        <v>0</v>
      </c>
      <c r="E2766" s="166">
        <v>0</v>
      </c>
      <c r="F2766" s="166">
        <v>0</v>
      </c>
      <c r="G2766" s="166">
        <v>0</v>
      </c>
      <c r="H2766" s="166">
        <v>0</v>
      </c>
      <c r="I2766" s="166">
        <v>0</v>
      </c>
      <c r="J2766" s="166">
        <v>0</v>
      </c>
      <c r="K2766" s="166">
        <v>0</v>
      </c>
      <c r="L2766" s="166">
        <v>0</v>
      </c>
      <c r="M2766" s="166">
        <v>0</v>
      </c>
      <c r="N2766" s="166">
        <v>0</v>
      </c>
      <c r="O2766" s="166">
        <v>0</v>
      </c>
      <c r="P2766" s="166">
        <v>0</v>
      </c>
      <c r="Q2766" s="166">
        <v>0</v>
      </c>
      <c r="R2766" s="166">
        <v>0</v>
      </c>
      <c r="S2766" s="166">
        <v>0</v>
      </c>
      <c r="T2766" s="166">
        <v>0</v>
      </c>
      <c r="U2766" s="166">
        <v>0</v>
      </c>
      <c r="V2766" s="166">
        <v>0</v>
      </c>
      <c r="W2766" s="166">
        <v>0</v>
      </c>
      <c r="X2766" s="166">
        <v>0</v>
      </c>
      <c r="Y2766" s="166">
        <v>0</v>
      </c>
      <c r="Z2766" s="166">
        <v>0</v>
      </c>
      <c r="AA2766" s="166">
        <v>0</v>
      </c>
      <c r="AB2766" s="166">
        <v>0</v>
      </c>
      <c r="AC2766" s="166">
        <v>0</v>
      </c>
      <c r="AD2766" s="166">
        <v>0</v>
      </c>
      <c r="AE2766" s="166">
        <v>0</v>
      </c>
      <c r="AF2766" s="166">
        <v>0</v>
      </c>
      <c r="AG2766" s="166">
        <v>0</v>
      </c>
      <c r="AH2766" s="166">
        <v>0</v>
      </c>
      <c r="AI2766" s="166">
        <v>0</v>
      </c>
      <c r="AJ2766" s="166">
        <v>0</v>
      </c>
      <c r="AK2766" s="166">
        <v>0</v>
      </c>
      <c r="AL2766" s="166">
        <v>0</v>
      </c>
      <c r="AM2766" s="166">
        <v>0</v>
      </c>
      <c r="AN2766" s="166">
        <v>0</v>
      </c>
      <c r="AO2766" s="166">
        <v>0</v>
      </c>
      <c r="AP2766" s="166">
        <v>0</v>
      </c>
      <c r="AQ2766" s="166">
        <v>0</v>
      </c>
      <c r="AR2766" s="166">
        <v>0</v>
      </c>
      <c r="AS2766" s="166">
        <v>0</v>
      </c>
      <c r="AT2766" s="166">
        <v>0</v>
      </c>
      <c r="AU2766" s="166">
        <v>0</v>
      </c>
      <c r="AV2766" s="166">
        <v>0</v>
      </c>
      <c r="AW2766" s="166">
        <v>0</v>
      </c>
      <c r="AX2766" s="166">
        <v>0</v>
      </c>
      <c r="AY2766" s="166">
        <v>0</v>
      </c>
      <c r="AZ2766" s="166">
        <v>0</v>
      </c>
      <c r="BA2766" s="166">
        <v>0</v>
      </c>
      <c r="BB2766" s="166">
        <v>0</v>
      </c>
      <c r="BC2766" s="166">
        <v>0</v>
      </c>
      <c r="BD2766" s="166">
        <v>0</v>
      </c>
      <c r="BE2766" s="166">
        <v>0</v>
      </c>
      <c r="BF2766" s="166">
        <v>0</v>
      </c>
      <c r="BG2766" s="166">
        <v>0</v>
      </c>
      <c r="BH2766" s="166">
        <v>0</v>
      </c>
      <c r="BI2766" s="166">
        <v>0</v>
      </c>
      <c r="BJ2766" s="166">
        <v>0</v>
      </c>
      <c r="BK2766" s="166">
        <v>0</v>
      </c>
      <c r="BL2766" s="166">
        <v>0</v>
      </c>
      <c r="BM2766" s="166">
        <v>0</v>
      </c>
      <c r="BN2766" s="166">
        <v>0</v>
      </c>
      <c r="BO2766" s="166">
        <v>0</v>
      </c>
      <c r="BP2766" s="166">
        <v>0</v>
      </c>
      <c r="BQ2766" s="166">
        <v>0</v>
      </c>
      <c r="BR2766" s="166">
        <v>6572322.6830095099</v>
      </c>
      <c r="BS2766" s="166">
        <v>6572322.6830095099</v>
      </c>
      <c r="BT2766" s="168">
        <v>0</v>
      </c>
      <c r="BU2766" s="166">
        <v>302268.79706544301</v>
      </c>
      <c r="BV2766" s="166">
        <v>6198769.4301519897</v>
      </c>
      <c r="BW2766" s="166">
        <v>0</v>
      </c>
      <c r="BX2766" s="166">
        <v>0</v>
      </c>
      <c r="BY2766" s="166">
        <v>0</v>
      </c>
      <c r="BZ2766" s="166">
        <v>0</v>
      </c>
      <c r="CA2766" s="166">
        <v>0</v>
      </c>
      <c r="CB2766" s="166">
        <v>0</v>
      </c>
      <c r="CC2766" s="166">
        <v>0</v>
      </c>
      <c r="CD2766" s="166">
        <v>0</v>
      </c>
      <c r="CE2766" s="166">
        <v>0</v>
      </c>
      <c r="CF2766" s="166">
        <v>0</v>
      </c>
      <c r="CG2766" s="166">
        <v>0</v>
      </c>
      <c r="CH2766" s="166">
        <v>0</v>
      </c>
      <c r="CI2766" s="166">
        <v>0</v>
      </c>
      <c r="CJ2766" s="166">
        <v>0</v>
      </c>
      <c r="CK2766" s="166">
        <v>0</v>
      </c>
      <c r="CL2766" s="166">
        <v>0</v>
      </c>
      <c r="CM2766" s="166">
        <v>0</v>
      </c>
      <c r="CN2766" s="166">
        <v>0</v>
      </c>
      <c r="CO2766" s="166">
        <v>0</v>
      </c>
      <c r="CP2766" s="166">
        <v>0</v>
      </c>
      <c r="CQ2766" s="166">
        <v>0</v>
      </c>
      <c r="CR2766" s="166">
        <v>0</v>
      </c>
      <c r="CS2766" s="166">
        <v>0</v>
      </c>
      <c r="CT2766" s="166">
        <v>0</v>
      </c>
      <c r="CU2766" s="166">
        <v>0</v>
      </c>
      <c r="CV2766" s="166">
        <v>0</v>
      </c>
      <c r="CW2766" s="166">
        <v>0</v>
      </c>
      <c r="CX2766" s="166">
        <v>0</v>
      </c>
      <c r="CY2766" s="166">
        <v>6198769.4301519897</v>
      </c>
      <c r="CZ2766" s="166">
        <v>6198769.4301519897</v>
      </c>
    </row>
    <row r="2767" spans="1:104" x14ac:dyDescent="0.2">
      <c r="A2767" s="167" t="s">
        <v>612</v>
      </c>
      <c r="B2767" s="166">
        <v>3813862.29515582</v>
      </c>
      <c r="C2767" s="166">
        <v>3813862.29515582</v>
      </c>
      <c r="D2767" s="166">
        <v>0</v>
      </c>
      <c r="E2767" s="166">
        <v>0</v>
      </c>
      <c r="F2767" s="166">
        <v>0</v>
      </c>
      <c r="G2767" s="166">
        <v>0</v>
      </c>
      <c r="H2767" s="166">
        <v>0</v>
      </c>
      <c r="I2767" s="166">
        <v>0</v>
      </c>
      <c r="J2767" s="166">
        <v>0</v>
      </c>
      <c r="K2767" s="166">
        <v>0</v>
      </c>
      <c r="L2767" s="166">
        <v>0</v>
      </c>
      <c r="M2767" s="166">
        <v>0</v>
      </c>
      <c r="N2767" s="166">
        <v>0</v>
      </c>
      <c r="O2767" s="166">
        <v>0</v>
      </c>
      <c r="P2767" s="166">
        <v>0</v>
      </c>
      <c r="Q2767" s="166">
        <v>0</v>
      </c>
      <c r="R2767" s="166">
        <v>0</v>
      </c>
      <c r="S2767" s="166">
        <v>0</v>
      </c>
      <c r="T2767" s="166">
        <v>0</v>
      </c>
      <c r="U2767" s="166">
        <v>0</v>
      </c>
      <c r="V2767" s="166">
        <v>0</v>
      </c>
      <c r="W2767" s="166">
        <v>0</v>
      </c>
      <c r="X2767" s="166">
        <v>0</v>
      </c>
      <c r="Y2767" s="166">
        <v>0</v>
      </c>
      <c r="Z2767" s="166">
        <v>0</v>
      </c>
      <c r="AA2767" s="166">
        <v>0</v>
      </c>
      <c r="AB2767" s="166">
        <v>0</v>
      </c>
      <c r="AC2767" s="166">
        <v>0</v>
      </c>
      <c r="AD2767" s="166">
        <v>0</v>
      </c>
      <c r="AE2767" s="166">
        <v>0</v>
      </c>
      <c r="AF2767" s="166">
        <v>0</v>
      </c>
      <c r="AG2767" s="166">
        <v>0</v>
      </c>
      <c r="AH2767" s="166">
        <v>0</v>
      </c>
      <c r="AI2767" s="166">
        <v>0</v>
      </c>
      <c r="AJ2767" s="166">
        <v>0</v>
      </c>
      <c r="AK2767" s="166">
        <v>0</v>
      </c>
      <c r="AL2767" s="166">
        <v>0</v>
      </c>
      <c r="AM2767" s="166">
        <v>0</v>
      </c>
      <c r="AN2767" s="166">
        <v>0</v>
      </c>
      <c r="AO2767" s="166">
        <v>0</v>
      </c>
      <c r="AP2767" s="166">
        <v>0</v>
      </c>
      <c r="AQ2767" s="166">
        <v>0</v>
      </c>
      <c r="AR2767" s="166">
        <v>0</v>
      </c>
      <c r="AS2767" s="166">
        <v>0</v>
      </c>
      <c r="AT2767" s="166">
        <v>0</v>
      </c>
      <c r="AU2767" s="166">
        <v>0</v>
      </c>
      <c r="AV2767" s="166">
        <v>0</v>
      </c>
      <c r="AW2767" s="166">
        <v>0</v>
      </c>
      <c r="AX2767" s="166">
        <v>0</v>
      </c>
      <c r="AY2767" s="166">
        <v>0</v>
      </c>
      <c r="AZ2767" s="166">
        <v>0</v>
      </c>
      <c r="BA2767" s="166">
        <v>0</v>
      </c>
      <c r="BB2767" s="166">
        <v>0</v>
      </c>
      <c r="BC2767" s="166">
        <v>0</v>
      </c>
      <c r="BD2767" s="166">
        <v>0</v>
      </c>
      <c r="BE2767" s="166">
        <v>0</v>
      </c>
      <c r="BF2767" s="166">
        <v>0</v>
      </c>
      <c r="BG2767" s="166">
        <v>0</v>
      </c>
      <c r="BH2767" s="166">
        <v>0</v>
      </c>
      <c r="BI2767" s="166">
        <v>0</v>
      </c>
      <c r="BJ2767" s="166">
        <v>0</v>
      </c>
      <c r="BK2767" s="166">
        <v>0</v>
      </c>
      <c r="BL2767" s="166">
        <v>0</v>
      </c>
      <c r="BM2767" s="166">
        <v>0</v>
      </c>
      <c r="BN2767" s="166">
        <v>0</v>
      </c>
      <c r="BO2767" s="166">
        <v>0</v>
      </c>
      <c r="BP2767" s="166">
        <v>0</v>
      </c>
      <c r="BQ2767" s="166">
        <v>0</v>
      </c>
      <c r="BR2767" s="166">
        <v>3813862.29515582</v>
      </c>
      <c r="BS2767" s="166">
        <v>3813862.29515582</v>
      </c>
      <c r="BT2767" s="168">
        <v>0</v>
      </c>
      <c r="BU2767" s="166">
        <v>273710.89890883799</v>
      </c>
      <c r="BV2767" s="166">
        <v>3694244.5159925199</v>
      </c>
      <c r="BW2767" s="166">
        <v>0</v>
      </c>
      <c r="BX2767" s="166">
        <v>0</v>
      </c>
      <c r="BY2767" s="166">
        <v>0</v>
      </c>
      <c r="BZ2767" s="166">
        <v>0</v>
      </c>
      <c r="CA2767" s="166">
        <v>0</v>
      </c>
      <c r="CB2767" s="166">
        <v>0</v>
      </c>
      <c r="CC2767" s="166">
        <v>0</v>
      </c>
      <c r="CD2767" s="166">
        <v>0</v>
      </c>
      <c r="CE2767" s="166">
        <v>0</v>
      </c>
      <c r="CF2767" s="166">
        <v>0</v>
      </c>
      <c r="CG2767" s="166">
        <v>0</v>
      </c>
      <c r="CH2767" s="166">
        <v>0</v>
      </c>
      <c r="CI2767" s="166">
        <v>0</v>
      </c>
      <c r="CJ2767" s="166">
        <v>0</v>
      </c>
      <c r="CK2767" s="166">
        <v>0</v>
      </c>
      <c r="CL2767" s="166">
        <v>0</v>
      </c>
      <c r="CM2767" s="166">
        <v>0</v>
      </c>
      <c r="CN2767" s="166">
        <v>0</v>
      </c>
      <c r="CO2767" s="166">
        <v>0</v>
      </c>
      <c r="CP2767" s="166">
        <v>0</v>
      </c>
      <c r="CQ2767" s="166">
        <v>0</v>
      </c>
      <c r="CR2767" s="166">
        <v>0</v>
      </c>
      <c r="CS2767" s="166">
        <v>0</v>
      </c>
      <c r="CT2767" s="166">
        <v>0</v>
      </c>
      <c r="CU2767" s="166">
        <v>0</v>
      </c>
      <c r="CV2767" s="166">
        <v>0</v>
      </c>
      <c r="CW2767" s="166">
        <v>0</v>
      </c>
      <c r="CX2767" s="166">
        <v>0</v>
      </c>
      <c r="CY2767" s="166">
        <v>3694244.5159925199</v>
      </c>
      <c r="CZ2767" s="166">
        <v>3694244.5159925199</v>
      </c>
    </row>
    <row r="2768" spans="1:104" x14ac:dyDescent="0.2">
      <c r="A2768" s="167" t="s">
        <v>613</v>
      </c>
      <c r="B2768" s="166">
        <v>226594282.05247</v>
      </c>
      <c r="C2768" s="166">
        <v>226594282.05247</v>
      </c>
      <c r="D2768" s="166">
        <v>0</v>
      </c>
      <c r="E2768" s="166">
        <v>0</v>
      </c>
      <c r="F2768" s="166">
        <v>0</v>
      </c>
      <c r="G2768" s="166">
        <v>0</v>
      </c>
      <c r="H2768" s="166">
        <v>0</v>
      </c>
      <c r="I2768" s="166">
        <v>0</v>
      </c>
      <c r="J2768" s="166">
        <v>0</v>
      </c>
      <c r="K2768" s="166">
        <v>0</v>
      </c>
      <c r="L2768" s="166">
        <v>0</v>
      </c>
      <c r="M2768" s="166">
        <v>0</v>
      </c>
      <c r="N2768" s="166">
        <v>0</v>
      </c>
      <c r="O2768" s="166">
        <v>0</v>
      </c>
      <c r="P2768" s="166">
        <v>0</v>
      </c>
      <c r="Q2768" s="166">
        <v>0</v>
      </c>
      <c r="R2768" s="166">
        <v>0</v>
      </c>
      <c r="S2768" s="166">
        <v>0</v>
      </c>
      <c r="T2768" s="166">
        <v>0</v>
      </c>
      <c r="U2768" s="166">
        <v>0</v>
      </c>
      <c r="V2768" s="166">
        <v>0</v>
      </c>
      <c r="W2768" s="166">
        <v>0</v>
      </c>
      <c r="X2768" s="166">
        <v>0</v>
      </c>
      <c r="Y2768" s="166">
        <v>0</v>
      </c>
      <c r="Z2768" s="166">
        <v>0</v>
      </c>
      <c r="AA2768" s="166">
        <v>0</v>
      </c>
      <c r="AB2768" s="166">
        <v>0</v>
      </c>
      <c r="AC2768" s="166">
        <v>0</v>
      </c>
      <c r="AD2768" s="166">
        <v>0</v>
      </c>
      <c r="AE2768" s="166">
        <v>0</v>
      </c>
      <c r="AF2768" s="166">
        <v>0</v>
      </c>
      <c r="AG2768" s="166">
        <v>0</v>
      </c>
      <c r="AH2768" s="166">
        <v>0</v>
      </c>
      <c r="AI2768" s="166">
        <v>0</v>
      </c>
      <c r="AJ2768" s="166">
        <v>0</v>
      </c>
      <c r="AK2768" s="166">
        <v>0</v>
      </c>
      <c r="AL2768" s="166">
        <v>0</v>
      </c>
      <c r="AM2768" s="166">
        <v>0</v>
      </c>
      <c r="AN2768" s="166">
        <v>0</v>
      </c>
      <c r="AO2768" s="166">
        <v>0</v>
      </c>
      <c r="AP2768" s="166">
        <v>0</v>
      </c>
      <c r="AQ2768" s="166">
        <v>0</v>
      </c>
      <c r="AR2768" s="166">
        <v>0</v>
      </c>
      <c r="AS2768" s="166">
        <v>0</v>
      </c>
      <c r="AT2768" s="166">
        <v>0</v>
      </c>
      <c r="AU2768" s="166">
        <v>0</v>
      </c>
      <c r="AV2768" s="166">
        <v>0</v>
      </c>
      <c r="AW2768" s="166">
        <v>0</v>
      </c>
      <c r="AX2768" s="166">
        <v>0</v>
      </c>
      <c r="AY2768" s="166">
        <v>0</v>
      </c>
      <c r="AZ2768" s="166">
        <v>0</v>
      </c>
      <c r="BA2768" s="166">
        <v>0</v>
      </c>
      <c r="BB2768" s="166">
        <v>0</v>
      </c>
      <c r="BC2768" s="166">
        <v>0</v>
      </c>
      <c r="BD2768" s="166">
        <v>0</v>
      </c>
      <c r="BE2768" s="166">
        <v>0</v>
      </c>
      <c r="BF2768" s="166">
        <v>0</v>
      </c>
      <c r="BG2768" s="166">
        <v>0</v>
      </c>
      <c r="BH2768" s="166">
        <v>0</v>
      </c>
      <c r="BI2768" s="166">
        <v>0</v>
      </c>
      <c r="BJ2768" s="166">
        <v>0</v>
      </c>
      <c r="BK2768" s="166">
        <v>0</v>
      </c>
      <c r="BL2768" s="166">
        <v>0</v>
      </c>
      <c r="BM2768" s="166">
        <v>0</v>
      </c>
      <c r="BN2768" s="166">
        <v>0</v>
      </c>
      <c r="BO2768" s="166">
        <v>0</v>
      </c>
      <c r="BP2768" s="166">
        <v>0</v>
      </c>
      <c r="BQ2768" s="166">
        <v>0</v>
      </c>
      <c r="BR2768" s="166">
        <v>226594282.05247</v>
      </c>
      <c r="BS2768" s="166">
        <v>226594282.05247</v>
      </c>
      <c r="BT2768" s="168">
        <v>0</v>
      </c>
      <c r="BU2768" s="166">
        <v>17171477.784142401</v>
      </c>
      <c r="BV2768" s="166">
        <v>225170757.53197801</v>
      </c>
      <c r="BW2768" s="166">
        <v>0</v>
      </c>
      <c r="BX2768" s="166">
        <v>0</v>
      </c>
      <c r="BY2768" s="166">
        <v>0</v>
      </c>
      <c r="BZ2768" s="166">
        <v>0</v>
      </c>
      <c r="CA2768" s="166">
        <v>0</v>
      </c>
      <c r="CB2768" s="166">
        <v>0</v>
      </c>
      <c r="CC2768" s="166">
        <v>0</v>
      </c>
      <c r="CD2768" s="166">
        <v>0</v>
      </c>
      <c r="CE2768" s="166">
        <v>0</v>
      </c>
      <c r="CF2768" s="166">
        <v>0</v>
      </c>
      <c r="CG2768" s="166">
        <v>0</v>
      </c>
      <c r="CH2768" s="166">
        <v>0</v>
      </c>
      <c r="CI2768" s="166">
        <v>0</v>
      </c>
      <c r="CJ2768" s="166">
        <v>0</v>
      </c>
      <c r="CK2768" s="166">
        <v>0</v>
      </c>
      <c r="CL2768" s="166">
        <v>0</v>
      </c>
      <c r="CM2768" s="166">
        <v>0</v>
      </c>
      <c r="CN2768" s="166">
        <v>0</v>
      </c>
      <c r="CO2768" s="166">
        <v>0</v>
      </c>
      <c r="CP2768" s="166">
        <v>0</v>
      </c>
      <c r="CQ2768" s="166">
        <v>0</v>
      </c>
      <c r="CR2768" s="166">
        <v>0</v>
      </c>
      <c r="CS2768" s="166">
        <v>0</v>
      </c>
      <c r="CT2768" s="166">
        <v>0</v>
      </c>
      <c r="CU2768" s="166">
        <v>0</v>
      </c>
      <c r="CV2768" s="166">
        <v>0</v>
      </c>
      <c r="CW2768" s="166">
        <v>0</v>
      </c>
      <c r="CX2768" s="166">
        <v>0</v>
      </c>
      <c r="CY2768" s="166">
        <v>225170757.53197801</v>
      </c>
      <c r="CZ2768" s="166">
        <v>225170757.53197801</v>
      </c>
    </row>
    <row r="2769" spans="1:104" x14ac:dyDescent="0.2">
      <c r="A2769" s="167" t="s">
        <v>614</v>
      </c>
      <c r="B2769" s="166">
        <v>0</v>
      </c>
      <c r="C2769" s="166">
        <v>0</v>
      </c>
      <c r="D2769" s="166">
        <v>0</v>
      </c>
      <c r="E2769" s="166">
        <v>0</v>
      </c>
      <c r="F2769" s="166">
        <v>0</v>
      </c>
      <c r="G2769" s="166">
        <v>0</v>
      </c>
      <c r="H2769" s="166">
        <v>0</v>
      </c>
      <c r="I2769" s="166">
        <v>0</v>
      </c>
      <c r="J2769" s="166">
        <v>0</v>
      </c>
      <c r="K2769" s="166">
        <v>0</v>
      </c>
      <c r="L2769" s="166">
        <v>0</v>
      </c>
      <c r="M2769" s="166">
        <v>0</v>
      </c>
      <c r="N2769" s="166">
        <v>0</v>
      </c>
      <c r="O2769" s="166">
        <v>0</v>
      </c>
      <c r="P2769" s="166">
        <v>0</v>
      </c>
      <c r="Q2769" s="166">
        <v>0</v>
      </c>
      <c r="R2769" s="166">
        <v>0</v>
      </c>
      <c r="S2769" s="166">
        <v>0</v>
      </c>
      <c r="T2769" s="166">
        <v>0</v>
      </c>
      <c r="U2769" s="166">
        <v>0</v>
      </c>
      <c r="V2769" s="166">
        <v>0</v>
      </c>
      <c r="W2769" s="166">
        <v>0</v>
      </c>
      <c r="X2769" s="166">
        <v>0</v>
      </c>
      <c r="Y2769" s="166">
        <v>0</v>
      </c>
      <c r="Z2769" s="166">
        <v>0</v>
      </c>
      <c r="AA2769" s="166">
        <v>0</v>
      </c>
      <c r="AB2769" s="166">
        <v>0</v>
      </c>
      <c r="AC2769" s="166">
        <v>0</v>
      </c>
      <c r="AD2769" s="166">
        <v>0</v>
      </c>
      <c r="AE2769" s="166">
        <v>0</v>
      </c>
      <c r="AF2769" s="166">
        <v>0</v>
      </c>
      <c r="AG2769" s="166">
        <v>0</v>
      </c>
      <c r="AH2769" s="166">
        <v>0</v>
      </c>
      <c r="AI2769" s="166">
        <v>0</v>
      </c>
      <c r="AJ2769" s="166">
        <v>0</v>
      </c>
      <c r="AK2769" s="166">
        <v>0</v>
      </c>
      <c r="AL2769" s="166">
        <v>0</v>
      </c>
      <c r="AM2769" s="166">
        <v>0</v>
      </c>
      <c r="AN2769" s="166">
        <v>0</v>
      </c>
      <c r="AO2769" s="166">
        <v>0</v>
      </c>
      <c r="AP2769" s="166">
        <v>0</v>
      </c>
      <c r="AQ2769" s="166">
        <v>0</v>
      </c>
      <c r="AR2769" s="166">
        <v>0</v>
      </c>
      <c r="AS2769" s="166">
        <v>0</v>
      </c>
      <c r="AT2769" s="166">
        <v>0</v>
      </c>
      <c r="AU2769" s="166">
        <v>0</v>
      </c>
      <c r="AV2769" s="166">
        <v>0</v>
      </c>
      <c r="AW2769" s="166">
        <v>0</v>
      </c>
      <c r="AX2769" s="166">
        <v>0</v>
      </c>
      <c r="AY2769" s="166">
        <v>0</v>
      </c>
      <c r="AZ2769" s="166">
        <v>0</v>
      </c>
      <c r="BA2769" s="166">
        <v>0</v>
      </c>
      <c r="BB2769" s="166">
        <v>0</v>
      </c>
      <c r="BC2769" s="166">
        <v>0</v>
      </c>
      <c r="BD2769" s="166">
        <v>0</v>
      </c>
      <c r="BE2769" s="166">
        <v>0</v>
      </c>
      <c r="BF2769" s="166">
        <v>0</v>
      </c>
      <c r="BG2769" s="166">
        <v>0</v>
      </c>
      <c r="BH2769" s="166">
        <v>0</v>
      </c>
      <c r="BI2769" s="166">
        <v>0</v>
      </c>
      <c r="BJ2769" s="166">
        <v>0</v>
      </c>
      <c r="BK2769" s="166">
        <v>0</v>
      </c>
      <c r="BL2769" s="166">
        <v>0</v>
      </c>
      <c r="BM2769" s="166">
        <v>0</v>
      </c>
      <c r="BN2769" s="166">
        <v>0</v>
      </c>
      <c r="BO2769" s="166">
        <v>0</v>
      </c>
      <c r="BP2769" s="166">
        <v>0</v>
      </c>
      <c r="BQ2769" s="166">
        <v>0</v>
      </c>
      <c r="BR2769" s="166">
        <v>0</v>
      </c>
      <c r="BS2769" s="166">
        <v>0</v>
      </c>
      <c r="BT2769" s="168">
        <v>0</v>
      </c>
      <c r="BU2769" s="166">
        <v>0</v>
      </c>
      <c r="BV2769" s="166">
        <v>0</v>
      </c>
      <c r="BW2769" s="166">
        <v>0</v>
      </c>
      <c r="BX2769" s="166">
        <v>0</v>
      </c>
      <c r="BY2769" s="166">
        <v>0</v>
      </c>
      <c r="BZ2769" s="166">
        <v>0</v>
      </c>
      <c r="CA2769" s="166">
        <v>0</v>
      </c>
      <c r="CB2769" s="166">
        <v>0</v>
      </c>
      <c r="CC2769" s="166">
        <v>0</v>
      </c>
      <c r="CD2769" s="166">
        <v>0</v>
      </c>
      <c r="CE2769" s="166">
        <v>0</v>
      </c>
      <c r="CF2769" s="166">
        <v>0</v>
      </c>
      <c r="CG2769" s="166">
        <v>0</v>
      </c>
      <c r="CH2769" s="166">
        <v>0</v>
      </c>
      <c r="CI2769" s="166">
        <v>0</v>
      </c>
      <c r="CJ2769" s="166">
        <v>0</v>
      </c>
      <c r="CK2769" s="166">
        <v>0</v>
      </c>
      <c r="CL2769" s="166">
        <v>0</v>
      </c>
      <c r="CM2769" s="166">
        <v>0</v>
      </c>
      <c r="CN2769" s="166">
        <v>0</v>
      </c>
      <c r="CO2769" s="166">
        <v>0</v>
      </c>
      <c r="CP2769" s="166">
        <v>0</v>
      </c>
      <c r="CQ2769" s="166">
        <v>0</v>
      </c>
      <c r="CR2769" s="166">
        <v>0</v>
      </c>
      <c r="CS2769" s="166">
        <v>0</v>
      </c>
      <c r="CT2769" s="166">
        <v>0</v>
      </c>
      <c r="CU2769" s="166">
        <v>0</v>
      </c>
      <c r="CV2769" s="166">
        <v>0</v>
      </c>
      <c r="CW2769" s="166">
        <v>0</v>
      </c>
      <c r="CX2769" s="166">
        <v>0</v>
      </c>
      <c r="CY2769" s="166">
        <v>0</v>
      </c>
      <c r="CZ2769" s="166">
        <v>0</v>
      </c>
    </row>
    <row r="2770" spans="1:104" x14ac:dyDescent="0.2">
      <c r="A2770" s="167" t="s">
        <v>615</v>
      </c>
      <c r="B2770" s="166">
        <v>188910.68335459201</v>
      </c>
      <c r="C2770" s="166">
        <v>188910.68335459201</v>
      </c>
      <c r="D2770" s="166">
        <v>0</v>
      </c>
      <c r="E2770" s="166">
        <v>0</v>
      </c>
      <c r="F2770" s="166">
        <v>0</v>
      </c>
      <c r="G2770" s="166">
        <v>0</v>
      </c>
      <c r="H2770" s="166">
        <v>0</v>
      </c>
      <c r="I2770" s="166">
        <v>0</v>
      </c>
      <c r="J2770" s="166">
        <v>0</v>
      </c>
      <c r="K2770" s="166">
        <v>0</v>
      </c>
      <c r="L2770" s="166">
        <v>0</v>
      </c>
      <c r="M2770" s="166">
        <v>0</v>
      </c>
      <c r="N2770" s="166">
        <v>0</v>
      </c>
      <c r="O2770" s="166">
        <v>0</v>
      </c>
      <c r="P2770" s="166">
        <v>0</v>
      </c>
      <c r="Q2770" s="166">
        <v>0</v>
      </c>
      <c r="R2770" s="166">
        <v>0</v>
      </c>
      <c r="S2770" s="166">
        <v>0</v>
      </c>
      <c r="T2770" s="166">
        <v>0</v>
      </c>
      <c r="U2770" s="166">
        <v>0</v>
      </c>
      <c r="V2770" s="166">
        <v>0</v>
      </c>
      <c r="W2770" s="166">
        <v>0</v>
      </c>
      <c r="X2770" s="166">
        <v>0</v>
      </c>
      <c r="Y2770" s="166">
        <v>0</v>
      </c>
      <c r="Z2770" s="166">
        <v>0</v>
      </c>
      <c r="AA2770" s="166">
        <v>0</v>
      </c>
      <c r="AB2770" s="166">
        <v>0</v>
      </c>
      <c r="AC2770" s="166">
        <v>0</v>
      </c>
      <c r="AD2770" s="166">
        <v>0</v>
      </c>
      <c r="AE2770" s="166">
        <v>0</v>
      </c>
      <c r="AF2770" s="166">
        <v>0</v>
      </c>
      <c r="AG2770" s="166">
        <v>0</v>
      </c>
      <c r="AH2770" s="166">
        <v>0</v>
      </c>
      <c r="AI2770" s="166">
        <v>0</v>
      </c>
      <c r="AJ2770" s="166">
        <v>0</v>
      </c>
      <c r="AK2770" s="166">
        <v>0</v>
      </c>
      <c r="AL2770" s="166">
        <v>0</v>
      </c>
      <c r="AM2770" s="166">
        <v>0</v>
      </c>
      <c r="AN2770" s="166">
        <v>0</v>
      </c>
      <c r="AO2770" s="166">
        <v>0</v>
      </c>
      <c r="AP2770" s="166">
        <v>0</v>
      </c>
      <c r="AQ2770" s="166">
        <v>0</v>
      </c>
      <c r="AR2770" s="166">
        <v>0</v>
      </c>
      <c r="AS2770" s="166">
        <v>0</v>
      </c>
      <c r="AT2770" s="166">
        <v>0</v>
      </c>
      <c r="AU2770" s="166">
        <v>0</v>
      </c>
      <c r="AV2770" s="166">
        <v>0</v>
      </c>
      <c r="AW2770" s="166">
        <v>0</v>
      </c>
      <c r="AX2770" s="166">
        <v>0</v>
      </c>
      <c r="AY2770" s="166">
        <v>0</v>
      </c>
      <c r="AZ2770" s="166">
        <v>0</v>
      </c>
      <c r="BA2770" s="166">
        <v>0</v>
      </c>
      <c r="BB2770" s="166">
        <v>0</v>
      </c>
      <c r="BC2770" s="166">
        <v>0</v>
      </c>
      <c r="BD2770" s="166">
        <v>0</v>
      </c>
      <c r="BE2770" s="166">
        <v>0</v>
      </c>
      <c r="BF2770" s="166">
        <v>0</v>
      </c>
      <c r="BG2770" s="166">
        <v>0</v>
      </c>
      <c r="BH2770" s="166">
        <v>0</v>
      </c>
      <c r="BI2770" s="166">
        <v>0</v>
      </c>
      <c r="BJ2770" s="166">
        <v>0</v>
      </c>
      <c r="BK2770" s="166">
        <v>0</v>
      </c>
      <c r="BL2770" s="166">
        <v>0</v>
      </c>
      <c r="BM2770" s="166">
        <v>0</v>
      </c>
      <c r="BN2770" s="166">
        <v>0</v>
      </c>
      <c r="BO2770" s="166">
        <v>0</v>
      </c>
      <c r="BP2770" s="166">
        <v>0</v>
      </c>
      <c r="BQ2770" s="166">
        <v>0</v>
      </c>
      <c r="BR2770" s="166">
        <v>188910.68335459201</v>
      </c>
      <c r="BS2770" s="166">
        <v>188910.68335459201</v>
      </c>
      <c r="BT2770" s="168">
        <v>0</v>
      </c>
      <c r="BU2770" s="166">
        <v>10558.566088440401</v>
      </c>
      <c r="BV2770" s="166">
        <v>188910.32872971401</v>
      </c>
      <c r="BW2770" s="166">
        <v>0</v>
      </c>
      <c r="BX2770" s="166">
        <v>0</v>
      </c>
      <c r="BY2770" s="166">
        <v>0</v>
      </c>
      <c r="BZ2770" s="166">
        <v>0</v>
      </c>
      <c r="CA2770" s="166">
        <v>0</v>
      </c>
      <c r="CB2770" s="166">
        <v>0</v>
      </c>
      <c r="CC2770" s="166">
        <v>0</v>
      </c>
      <c r="CD2770" s="166">
        <v>0</v>
      </c>
      <c r="CE2770" s="166">
        <v>0</v>
      </c>
      <c r="CF2770" s="166">
        <v>0</v>
      </c>
      <c r="CG2770" s="166">
        <v>0</v>
      </c>
      <c r="CH2770" s="166">
        <v>0</v>
      </c>
      <c r="CI2770" s="166">
        <v>0</v>
      </c>
      <c r="CJ2770" s="166">
        <v>0</v>
      </c>
      <c r="CK2770" s="166">
        <v>0</v>
      </c>
      <c r="CL2770" s="166">
        <v>0</v>
      </c>
      <c r="CM2770" s="166">
        <v>0</v>
      </c>
      <c r="CN2770" s="166">
        <v>0</v>
      </c>
      <c r="CO2770" s="166">
        <v>0</v>
      </c>
      <c r="CP2770" s="166">
        <v>0</v>
      </c>
      <c r="CQ2770" s="166">
        <v>0</v>
      </c>
      <c r="CR2770" s="166">
        <v>0</v>
      </c>
      <c r="CS2770" s="166">
        <v>0</v>
      </c>
      <c r="CT2770" s="166">
        <v>0</v>
      </c>
      <c r="CU2770" s="166">
        <v>0</v>
      </c>
      <c r="CV2770" s="166">
        <v>0</v>
      </c>
      <c r="CW2770" s="166">
        <v>0</v>
      </c>
      <c r="CX2770" s="166">
        <v>0</v>
      </c>
      <c r="CY2770" s="166">
        <v>188910.32872971401</v>
      </c>
      <c r="CZ2770" s="166">
        <v>188910.32872971401</v>
      </c>
    </row>
    <row r="2771" spans="1:104" x14ac:dyDescent="0.2">
      <c r="A2771" s="167" t="s">
        <v>616</v>
      </c>
      <c r="B2771" s="166">
        <v>5972.7026912357096</v>
      </c>
      <c r="C2771" s="166">
        <v>5972.7026912357096</v>
      </c>
      <c r="D2771" s="166">
        <v>0</v>
      </c>
      <c r="E2771" s="166">
        <v>0</v>
      </c>
      <c r="F2771" s="166">
        <v>0</v>
      </c>
      <c r="G2771" s="166">
        <v>0</v>
      </c>
      <c r="H2771" s="166">
        <v>0</v>
      </c>
      <c r="I2771" s="166">
        <v>0</v>
      </c>
      <c r="J2771" s="166">
        <v>0</v>
      </c>
      <c r="K2771" s="166">
        <v>0</v>
      </c>
      <c r="L2771" s="166">
        <v>0</v>
      </c>
      <c r="M2771" s="166">
        <v>0</v>
      </c>
      <c r="N2771" s="166">
        <v>0</v>
      </c>
      <c r="O2771" s="166">
        <v>0</v>
      </c>
      <c r="P2771" s="166">
        <v>0</v>
      </c>
      <c r="Q2771" s="166">
        <v>0</v>
      </c>
      <c r="R2771" s="166">
        <v>0</v>
      </c>
      <c r="S2771" s="166">
        <v>0</v>
      </c>
      <c r="T2771" s="166">
        <v>0</v>
      </c>
      <c r="U2771" s="166">
        <v>0</v>
      </c>
      <c r="V2771" s="166">
        <v>0</v>
      </c>
      <c r="W2771" s="166">
        <v>0</v>
      </c>
      <c r="X2771" s="166">
        <v>0</v>
      </c>
      <c r="Y2771" s="166">
        <v>0</v>
      </c>
      <c r="Z2771" s="166">
        <v>0</v>
      </c>
      <c r="AA2771" s="166">
        <v>0</v>
      </c>
      <c r="AB2771" s="166">
        <v>0</v>
      </c>
      <c r="AC2771" s="166">
        <v>0</v>
      </c>
      <c r="AD2771" s="166">
        <v>0</v>
      </c>
      <c r="AE2771" s="166">
        <v>0</v>
      </c>
      <c r="AF2771" s="166">
        <v>0</v>
      </c>
      <c r="AG2771" s="166">
        <v>0</v>
      </c>
      <c r="AH2771" s="166">
        <v>0</v>
      </c>
      <c r="AI2771" s="166">
        <v>0</v>
      </c>
      <c r="AJ2771" s="166">
        <v>0</v>
      </c>
      <c r="AK2771" s="166">
        <v>0</v>
      </c>
      <c r="AL2771" s="166">
        <v>0</v>
      </c>
      <c r="AM2771" s="166">
        <v>0</v>
      </c>
      <c r="AN2771" s="166">
        <v>0</v>
      </c>
      <c r="AO2771" s="166">
        <v>0</v>
      </c>
      <c r="AP2771" s="166">
        <v>0</v>
      </c>
      <c r="AQ2771" s="166">
        <v>0</v>
      </c>
      <c r="AR2771" s="166">
        <v>0</v>
      </c>
      <c r="AS2771" s="166">
        <v>0</v>
      </c>
      <c r="AT2771" s="166">
        <v>0</v>
      </c>
      <c r="AU2771" s="166">
        <v>0</v>
      </c>
      <c r="AV2771" s="166">
        <v>0</v>
      </c>
      <c r="AW2771" s="166">
        <v>0</v>
      </c>
      <c r="AX2771" s="166">
        <v>0</v>
      </c>
      <c r="AY2771" s="166">
        <v>0</v>
      </c>
      <c r="AZ2771" s="166">
        <v>0</v>
      </c>
      <c r="BA2771" s="166">
        <v>0</v>
      </c>
      <c r="BB2771" s="166">
        <v>0</v>
      </c>
      <c r="BC2771" s="166">
        <v>0</v>
      </c>
      <c r="BD2771" s="166">
        <v>0</v>
      </c>
      <c r="BE2771" s="166">
        <v>0</v>
      </c>
      <c r="BF2771" s="166">
        <v>0</v>
      </c>
      <c r="BG2771" s="166">
        <v>0</v>
      </c>
      <c r="BH2771" s="166">
        <v>0</v>
      </c>
      <c r="BI2771" s="166">
        <v>0</v>
      </c>
      <c r="BJ2771" s="166">
        <v>0</v>
      </c>
      <c r="BK2771" s="166">
        <v>0</v>
      </c>
      <c r="BL2771" s="166">
        <v>0</v>
      </c>
      <c r="BM2771" s="166">
        <v>0</v>
      </c>
      <c r="BN2771" s="166">
        <v>0</v>
      </c>
      <c r="BO2771" s="166">
        <v>0</v>
      </c>
      <c r="BP2771" s="166">
        <v>0</v>
      </c>
      <c r="BQ2771" s="166">
        <v>0</v>
      </c>
      <c r="BR2771" s="166">
        <v>5972.7026912357096</v>
      </c>
      <c r="BS2771" s="166">
        <v>5972.7026912357196</v>
      </c>
      <c r="BT2771" s="168">
        <v>0</v>
      </c>
      <c r="BU2771" s="166">
        <v>317.65295264627298</v>
      </c>
      <c r="BV2771" s="166">
        <v>5683.34025697573</v>
      </c>
      <c r="BW2771" s="166">
        <v>0</v>
      </c>
      <c r="BX2771" s="166">
        <v>0</v>
      </c>
      <c r="BY2771" s="166">
        <v>0</v>
      </c>
      <c r="BZ2771" s="166">
        <v>0</v>
      </c>
      <c r="CA2771" s="166">
        <v>0</v>
      </c>
      <c r="CB2771" s="166">
        <v>0</v>
      </c>
      <c r="CC2771" s="166">
        <v>0</v>
      </c>
      <c r="CD2771" s="166">
        <v>0</v>
      </c>
      <c r="CE2771" s="166">
        <v>0</v>
      </c>
      <c r="CF2771" s="166">
        <v>0</v>
      </c>
      <c r="CG2771" s="166">
        <v>0</v>
      </c>
      <c r="CH2771" s="166">
        <v>0</v>
      </c>
      <c r="CI2771" s="166">
        <v>0</v>
      </c>
      <c r="CJ2771" s="166">
        <v>0</v>
      </c>
      <c r="CK2771" s="166">
        <v>0</v>
      </c>
      <c r="CL2771" s="166">
        <v>0</v>
      </c>
      <c r="CM2771" s="166">
        <v>0</v>
      </c>
      <c r="CN2771" s="166">
        <v>0</v>
      </c>
      <c r="CO2771" s="166">
        <v>0</v>
      </c>
      <c r="CP2771" s="166">
        <v>0</v>
      </c>
      <c r="CQ2771" s="166">
        <v>0</v>
      </c>
      <c r="CR2771" s="166">
        <v>0</v>
      </c>
      <c r="CS2771" s="166">
        <v>0</v>
      </c>
      <c r="CT2771" s="166">
        <v>0</v>
      </c>
      <c r="CU2771" s="166">
        <v>0</v>
      </c>
      <c r="CV2771" s="166">
        <v>0</v>
      </c>
      <c r="CW2771" s="166">
        <v>0</v>
      </c>
      <c r="CX2771" s="166">
        <v>0</v>
      </c>
      <c r="CY2771" s="166">
        <v>5683.34025697573</v>
      </c>
      <c r="CZ2771" s="166">
        <v>5683.34025697573</v>
      </c>
    </row>
    <row r="2772" spans="1:104" x14ac:dyDescent="0.2">
      <c r="A2772" s="167" t="s">
        <v>617</v>
      </c>
      <c r="B2772" s="166">
        <v>43086.046547846898</v>
      </c>
      <c r="C2772" s="166">
        <v>43086.046547846898</v>
      </c>
      <c r="D2772" s="166">
        <v>0</v>
      </c>
      <c r="E2772" s="166">
        <v>0</v>
      </c>
      <c r="F2772" s="166">
        <v>0</v>
      </c>
      <c r="G2772" s="166">
        <v>0</v>
      </c>
      <c r="H2772" s="166">
        <v>0</v>
      </c>
      <c r="I2772" s="166">
        <v>0</v>
      </c>
      <c r="J2772" s="166">
        <v>0</v>
      </c>
      <c r="K2772" s="166">
        <v>0</v>
      </c>
      <c r="L2772" s="166">
        <v>0</v>
      </c>
      <c r="M2772" s="166">
        <v>0</v>
      </c>
      <c r="N2772" s="166">
        <v>0</v>
      </c>
      <c r="O2772" s="166">
        <v>0</v>
      </c>
      <c r="P2772" s="166">
        <v>0</v>
      </c>
      <c r="Q2772" s="166">
        <v>0</v>
      </c>
      <c r="R2772" s="166">
        <v>0</v>
      </c>
      <c r="S2772" s="166">
        <v>0</v>
      </c>
      <c r="T2772" s="166">
        <v>0</v>
      </c>
      <c r="U2772" s="166">
        <v>0</v>
      </c>
      <c r="V2772" s="166">
        <v>0</v>
      </c>
      <c r="W2772" s="166">
        <v>0</v>
      </c>
      <c r="X2772" s="166">
        <v>0</v>
      </c>
      <c r="Y2772" s="166">
        <v>0</v>
      </c>
      <c r="Z2772" s="166">
        <v>0</v>
      </c>
      <c r="AA2772" s="166">
        <v>0</v>
      </c>
      <c r="AB2772" s="166">
        <v>0</v>
      </c>
      <c r="AC2772" s="166">
        <v>0</v>
      </c>
      <c r="AD2772" s="166">
        <v>0</v>
      </c>
      <c r="AE2772" s="166">
        <v>0</v>
      </c>
      <c r="AF2772" s="166">
        <v>0</v>
      </c>
      <c r="AG2772" s="166">
        <v>0</v>
      </c>
      <c r="AH2772" s="166">
        <v>0</v>
      </c>
      <c r="AI2772" s="166">
        <v>0</v>
      </c>
      <c r="AJ2772" s="166">
        <v>0</v>
      </c>
      <c r="AK2772" s="166">
        <v>0</v>
      </c>
      <c r="AL2772" s="166">
        <v>0</v>
      </c>
      <c r="AM2772" s="166">
        <v>0</v>
      </c>
      <c r="AN2772" s="166">
        <v>0</v>
      </c>
      <c r="AO2772" s="166">
        <v>0</v>
      </c>
      <c r="AP2772" s="166">
        <v>0</v>
      </c>
      <c r="AQ2772" s="166">
        <v>0</v>
      </c>
      <c r="AR2772" s="166">
        <v>0</v>
      </c>
      <c r="AS2772" s="166">
        <v>0</v>
      </c>
      <c r="AT2772" s="166">
        <v>0</v>
      </c>
      <c r="AU2772" s="166">
        <v>0</v>
      </c>
      <c r="AV2772" s="166">
        <v>0</v>
      </c>
      <c r="AW2772" s="166">
        <v>0</v>
      </c>
      <c r="AX2772" s="166">
        <v>0</v>
      </c>
      <c r="AY2772" s="166">
        <v>0</v>
      </c>
      <c r="AZ2772" s="166">
        <v>0</v>
      </c>
      <c r="BA2772" s="166">
        <v>0</v>
      </c>
      <c r="BB2772" s="166">
        <v>0</v>
      </c>
      <c r="BC2772" s="166">
        <v>0</v>
      </c>
      <c r="BD2772" s="166">
        <v>0</v>
      </c>
      <c r="BE2772" s="166">
        <v>0</v>
      </c>
      <c r="BF2772" s="166">
        <v>0</v>
      </c>
      <c r="BG2772" s="166">
        <v>0</v>
      </c>
      <c r="BH2772" s="166">
        <v>0</v>
      </c>
      <c r="BI2772" s="166">
        <v>0</v>
      </c>
      <c r="BJ2772" s="166">
        <v>0</v>
      </c>
      <c r="BK2772" s="166">
        <v>0</v>
      </c>
      <c r="BL2772" s="166">
        <v>0</v>
      </c>
      <c r="BM2772" s="166">
        <v>0</v>
      </c>
      <c r="BN2772" s="166">
        <v>0</v>
      </c>
      <c r="BO2772" s="166">
        <v>0</v>
      </c>
      <c r="BP2772" s="166">
        <v>0</v>
      </c>
      <c r="BQ2772" s="166">
        <v>0</v>
      </c>
      <c r="BR2772" s="166">
        <v>43086.046547846898</v>
      </c>
      <c r="BS2772" s="166">
        <v>43086.046547846898</v>
      </c>
      <c r="BT2772" s="168">
        <v>0</v>
      </c>
      <c r="BU2772" s="166">
        <v>2355.04517829319</v>
      </c>
      <c r="BV2772" s="166">
        <v>42135.679701031098</v>
      </c>
      <c r="BW2772" s="166">
        <v>0</v>
      </c>
      <c r="BX2772" s="166">
        <v>0</v>
      </c>
      <c r="BY2772" s="166">
        <v>0</v>
      </c>
      <c r="BZ2772" s="166">
        <v>0</v>
      </c>
      <c r="CA2772" s="166">
        <v>0</v>
      </c>
      <c r="CB2772" s="166">
        <v>0</v>
      </c>
      <c r="CC2772" s="166">
        <v>0</v>
      </c>
      <c r="CD2772" s="166">
        <v>0</v>
      </c>
      <c r="CE2772" s="166">
        <v>0</v>
      </c>
      <c r="CF2772" s="166">
        <v>0</v>
      </c>
      <c r="CG2772" s="166">
        <v>0</v>
      </c>
      <c r="CH2772" s="166">
        <v>0</v>
      </c>
      <c r="CI2772" s="166">
        <v>0</v>
      </c>
      <c r="CJ2772" s="166">
        <v>0</v>
      </c>
      <c r="CK2772" s="166">
        <v>0</v>
      </c>
      <c r="CL2772" s="166">
        <v>0</v>
      </c>
      <c r="CM2772" s="166">
        <v>0</v>
      </c>
      <c r="CN2772" s="166">
        <v>0</v>
      </c>
      <c r="CO2772" s="166">
        <v>0</v>
      </c>
      <c r="CP2772" s="166">
        <v>0</v>
      </c>
      <c r="CQ2772" s="166">
        <v>0</v>
      </c>
      <c r="CR2772" s="166">
        <v>0</v>
      </c>
      <c r="CS2772" s="166">
        <v>0</v>
      </c>
      <c r="CT2772" s="166">
        <v>0</v>
      </c>
      <c r="CU2772" s="166">
        <v>0</v>
      </c>
      <c r="CV2772" s="166">
        <v>0</v>
      </c>
      <c r="CW2772" s="166">
        <v>0</v>
      </c>
      <c r="CX2772" s="166">
        <v>0</v>
      </c>
      <c r="CY2772" s="166">
        <v>42135.679701031098</v>
      </c>
      <c r="CZ2772" s="166">
        <v>42135.679701031098</v>
      </c>
    </row>
    <row r="2773" spans="1:104" x14ac:dyDescent="0.2">
      <c r="A2773" s="167" t="s">
        <v>618</v>
      </c>
      <c r="B2773" s="166">
        <v>31073874.584558699</v>
      </c>
      <c r="C2773" s="166">
        <v>31073874.584558699</v>
      </c>
      <c r="D2773" s="166">
        <v>0</v>
      </c>
      <c r="E2773" s="166">
        <v>0</v>
      </c>
      <c r="F2773" s="166">
        <v>0</v>
      </c>
      <c r="G2773" s="166">
        <v>0</v>
      </c>
      <c r="H2773" s="166">
        <v>0</v>
      </c>
      <c r="I2773" s="166">
        <v>0</v>
      </c>
      <c r="J2773" s="166">
        <v>0</v>
      </c>
      <c r="K2773" s="166">
        <v>0</v>
      </c>
      <c r="L2773" s="166">
        <v>0</v>
      </c>
      <c r="M2773" s="166">
        <v>0</v>
      </c>
      <c r="N2773" s="166">
        <v>0</v>
      </c>
      <c r="O2773" s="166">
        <v>0</v>
      </c>
      <c r="P2773" s="166">
        <v>0</v>
      </c>
      <c r="Q2773" s="166">
        <v>0</v>
      </c>
      <c r="R2773" s="166">
        <v>0</v>
      </c>
      <c r="S2773" s="166">
        <v>0</v>
      </c>
      <c r="T2773" s="166">
        <v>0</v>
      </c>
      <c r="U2773" s="166">
        <v>0</v>
      </c>
      <c r="V2773" s="166">
        <v>0</v>
      </c>
      <c r="W2773" s="166">
        <v>0</v>
      </c>
      <c r="X2773" s="166">
        <v>0</v>
      </c>
      <c r="Y2773" s="166">
        <v>0</v>
      </c>
      <c r="Z2773" s="166">
        <v>0</v>
      </c>
      <c r="AA2773" s="166">
        <v>0</v>
      </c>
      <c r="AB2773" s="166">
        <v>0</v>
      </c>
      <c r="AC2773" s="166">
        <v>0</v>
      </c>
      <c r="AD2773" s="166">
        <v>0</v>
      </c>
      <c r="AE2773" s="166">
        <v>0</v>
      </c>
      <c r="AF2773" s="166">
        <v>0</v>
      </c>
      <c r="AG2773" s="166">
        <v>0</v>
      </c>
      <c r="AH2773" s="166">
        <v>0</v>
      </c>
      <c r="AI2773" s="166">
        <v>0</v>
      </c>
      <c r="AJ2773" s="166">
        <v>0</v>
      </c>
      <c r="AK2773" s="166">
        <v>0</v>
      </c>
      <c r="AL2773" s="166">
        <v>0</v>
      </c>
      <c r="AM2773" s="166">
        <v>0</v>
      </c>
      <c r="AN2773" s="166">
        <v>0</v>
      </c>
      <c r="AO2773" s="166">
        <v>0</v>
      </c>
      <c r="AP2773" s="166">
        <v>0</v>
      </c>
      <c r="AQ2773" s="166">
        <v>0</v>
      </c>
      <c r="AR2773" s="166">
        <v>0</v>
      </c>
      <c r="AS2773" s="166">
        <v>0</v>
      </c>
      <c r="AT2773" s="166">
        <v>0</v>
      </c>
      <c r="AU2773" s="166">
        <v>0</v>
      </c>
      <c r="AV2773" s="166">
        <v>0</v>
      </c>
      <c r="AW2773" s="166">
        <v>0</v>
      </c>
      <c r="AX2773" s="166">
        <v>0</v>
      </c>
      <c r="AY2773" s="166">
        <v>0</v>
      </c>
      <c r="AZ2773" s="166">
        <v>0</v>
      </c>
      <c r="BA2773" s="166">
        <v>0</v>
      </c>
      <c r="BB2773" s="166">
        <v>0</v>
      </c>
      <c r="BC2773" s="166">
        <v>0</v>
      </c>
      <c r="BD2773" s="166">
        <v>0</v>
      </c>
      <c r="BE2773" s="166">
        <v>0</v>
      </c>
      <c r="BF2773" s="166">
        <v>0</v>
      </c>
      <c r="BG2773" s="166">
        <v>0</v>
      </c>
      <c r="BH2773" s="166">
        <v>0</v>
      </c>
      <c r="BI2773" s="166">
        <v>0</v>
      </c>
      <c r="BJ2773" s="166">
        <v>0</v>
      </c>
      <c r="BK2773" s="166">
        <v>0</v>
      </c>
      <c r="BL2773" s="166">
        <v>0</v>
      </c>
      <c r="BM2773" s="166">
        <v>0</v>
      </c>
      <c r="BN2773" s="166">
        <v>0</v>
      </c>
      <c r="BO2773" s="166">
        <v>0</v>
      </c>
      <c r="BP2773" s="166">
        <v>0</v>
      </c>
      <c r="BQ2773" s="166">
        <v>0</v>
      </c>
      <c r="BR2773" s="166">
        <v>31073874.584558699</v>
      </c>
      <c r="BS2773" s="166">
        <v>31073874.584558699</v>
      </c>
      <c r="BT2773" s="168">
        <v>0</v>
      </c>
      <c r="BU2773" s="166">
        <v>2054859.7284254699</v>
      </c>
      <c r="BV2773" s="166">
        <v>22004759.614192899</v>
      </c>
      <c r="BW2773" s="166">
        <v>0</v>
      </c>
      <c r="BX2773" s="166">
        <v>0</v>
      </c>
      <c r="BY2773" s="166">
        <v>0</v>
      </c>
      <c r="BZ2773" s="166">
        <v>0</v>
      </c>
      <c r="CA2773" s="166">
        <v>0</v>
      </c>
      <c r="CB2773" s="166">
        <v>0</v>
      </c>
      <c r="CC2773" s="166">
        <v>0</v>
      </c>
      <c r="CD2773" s="166">
        <v>0</v>
      </c>
      <c r="CE2773" s="166">
        <v>0</v>
      </c>
      <c r="CF2773" s="166">
        <v>0</v>
      </c>
      <c r="CG2773" s="166">
        <v>0</v>
      </c>
      <c r="CH2773" s="166">
        <v>0</v>
      </c>
      <c r="CI2773" s="166">
        <v>0</v>
      </c>
      <c r="CJ2773" s="166">
        <v>0</v>
      </c>
      <c r="CK2773" s="166">
        <v>0</v>
      </c>
      <c r="CL2773" s="166">
        <v>0</v>
      </c>
      <c r="CM2773" s="166">
        <v>0</v>
      </c>
      <c r="CN2773" s="166">
        <v>0</v>
      </c>
      <c r="CO2773" s="166">
        <v>0</v>
      </c>
      <c r="CP2773" s="166">
        <v>0</v>
      </c>
      <c r="CQ2773" s="166">
        <v>0</v>
      </c>
      <c r="CR2773" s="166">
        <v>0</v>
      </c>
      <c r="CS2773" s="166">
        <v>0</v>
      </c>
      <c r="CT2773" s="166">
        <v>0</v>
      </c>
      <c r="CU2773" s="166">
        <v>0</v>
      </c>
      <c r="CV2773" s="166">
        <v>0</v>
      </c>
      <c r="CW2773" s="166">
        <v>0</v>
      </c>
      <c r="CX2773" s="166">
        <v>0</v>
      </c>
      <c r="CY2773" s="166">
        <v>22004759.614192899</v>
      </c>
      <c r="CZ2773" s="166">
        <v>22004759.614192899</v>
      </c>
    </row>
    <row r="2774" spans="1:104" x14ac:dyDescent="0.2">
      <c r="A2774" s="167" t="s">
        <v>619</v>
      </c>
      <c r="B2774" s="166">
        <v>31311844.017152399</v>
      </c>
      <c r="C2774" s="166">
        <v>31311844.017152399</v>
      </c>
      <c r="D2774" s="166">
        <v>0</v>
      </c>
      <c r="E2774" s="166">
        <v>0</v>
      </c>
      <c r="F2774" s="166">
        <v>0</v>
      </c>
      <c r="G2774" s="166">
        <v>0</v>
      </c>
      <c r="H2774" s="166">
        <v>0</v>
      </c>
      <c r="I2774" s="166">
        <v>0</v>
      </c>
      <c r="J2774" s="166">
        <v>0</v>
      </c>
      <c r="K2774" s="166">
        <v>0</v>
      </c>
      <c r="L2774" s="166">
        <v>0</v>
      </c>
      <c r="M2774" s="166">
        <v>0</v>
      </c>
      <c r="N2774" s="166">
        <v>0</v>
      </c>
      <c r="O2774" s="166">
        <v>0</v>
      </c>
      <c r="P2774" s="166">
        <v>0</v>
      </c>
      <c r="Q2774" s="166">
        <v>0</v>
      </c>
      <c r="R2774" s="166">
        <v>0</v>
      </c>
      <c r="S2774" s="166">
        <v>0</v>
      </c>
      <c r="T2774" s="166">
        <v>0</v>
      </c>
      <c r="U2774" s="166">
        <v>0</v>
      </c>
      <c r="V2774" s="166">
        <v>0</v>
      </c>
      <c r="W2774" s="166">
        <v>0</v>
      </c>
      <c r="X2774" s="166">
        <v>0</v>
      </c>
      <c r="Y2774" s="166">
        <v>0</v>
      </c>
      <c r="Z2774" s="166">
        <v>0</v>
      </c>
      <c r="AA2774" s="166">
        <v>0</v>
      </c>
      <c r="AB2774" s="166">
        <v>0</v>
      </c>
      <c r="AC2774" s="166">
        <v>0</v>
      </c>
      <c r="AD2774" s="166">
        <v>0</v>
      </c>
      <c r="AE2774" s="166">
        <v>0</v>
      </c>
      <c r="AF2774" s="166">
        <v>0</v>
      </c>
      <c r="AG2774" s="166">
        <v>0</v>
      </c>
      <c r="AH2774" s="166">
        <v>0</v>
      </c>
      <c r="AI2774" s="166">
        <v>0</v>
      </c>
      <c r="AJ2774" s="166">
        <v>0</v>
      </c>
      <c r="AK2774" s="166">
        <v>0</v>
      </c>
      <c r="AL2774" s="166">
        <v>0</v>
      </c>
      <c r="AM2774" s="166">
        <v>0</v>
      </c>
      <c r="AN2774" s="166">
        <v>0</v>
      </c>
      <c r="AO2774" s="166">
        <v>0</v>
      </c>
      <c r="AP2774" s="166">
        <v>0</v>
      </c>
      <c r="AQ2774" s="166">
        <v>0</v>
      </c>
      <c r="AR2774" s="166">
        <v>0</v>
      </c>
      <c r="AS2774" s="166">
        <v>0</v>
      </c>
      <c r="AT2774" s="166">
        <v>0</v>
      </c>
      <c r="AU2774" s="166">
        <v>0</v>
      </c>
      <c r="AV2774" s="166">
        <v>0</v>
      </c>
      <c r="AW2774" s="166">
        <v>0</v>
      </c>
      <c r="AX2774" s="166">
        <v>0</v>
      </c>
      <c r="AY2774" s="166">
        <v>0</v>
      </c>
      <c r="AZ2774" s="166">
        <v>0</v>
      </c>
      <c r="BA2774" s="166">
        <v>0</v>
      </c>
      <c r="BB2774" s="166">
        <v>0</v>
      </c>
      <c r="BC2774" s="166">
        <v>0</v>
      </c>
      <c r="BD2774" s="166">
        <v>0</v>
      </c>
      <c r="BE2774" s="166">
        <v>0</v>
      </c>
      <c r="BF2774" s="166">
        <v>0</v>
      </c>
      <c r="BG2774" s="166">
        <v>0</v>
      </c>
      <c r="BH2774" s="166">
        <v>0</v>
      </c>
      <c r="BI2774" s="166">
        <v>0</v>
      </c>
      <c r="BJ2774" s="166">
        <v>0</v>
      </c>
      <c r="BK2774" s="166">
        <v>0</v>
      </c>
      <c r="BL2774" s="166">
        <v>0</v>
      </c>
      <c r="BM2774" s="166">
        <v>0</v>
      </c>
      <c r="BN2774" s="166">
        <v>0</v>
      </c>
      <c r="BO2774" s="166">
        <v>0</v>
      </c>
      <c r="BP2774" s="166">
        <v>0</v>
      </c>
      <c r="BQ2774" s="166">
        <v>0</v>
      </c>
      <c r="BR2774" s="166">
        <v>31311844.017152399</v>
      </c>
      <c r="BS2774" s="166">
        <v>31311844.017152399</v>
      </c>
      <c r="BT2774" s="168">
        <v>0</v>
      </c>
      <c r="BU2774" s="166">
        <v>2068090.9926448499</v>
      </c>
      <c r="BV2774" s="166">
        <v>22241488.9628806</v>
      </c>
      <c r="BW2774" s="166">
        <v>0</v>
      </c>
      <c r="BX2774" s="166">
        <v>0</v>
      </c>
      <c r="BY2774" s="166">
        <v>0</v>
      </c>
      <c r="BZ2774" s="166">
        <v>0</v>
      </c>
      <c r="CA2774" s="166">
        <v>0</v>
      </c>
      <c r="CB2774" s="166">
        <v>0</v>
      </c>
      <c r="CC2774" s="166">
        <v>0</v>
      </c>
      <c r="CD2774" s="166">
        <v>0</v>
      </c>
      <c r="CE2774" s="166">
        <v>0</v>
      </c>
      <c r="CF2774" s="166">
        <v>0</v>
      </c>
      <c r="CG2774" s="166">
        <v>0</v>
      </c>
      <c r="CH2774" s="166">
        <v>0</v>
      </c>
      <c r="CI2774" s="166">
        <v>0</v>
      </c>
      <c r="CJ2774" s="166">
        <v>0</v>
      </c>
      <c r="CK2774" s="166">
        <v>0</v>
      </c>
      <c r="CL2774" s="166">
        <v>0</v>
      </c>
      <c r="CM2774" s="166">
        <v>0</v>
      </c>
      <c r="CN2774" s="166">
        <v>0</v>
      </c>
      <c r="CO2774" s="166">
        <v>0</v>
      </c>
      <c r="CP2774" s="166">
        <v>0</v>
      </c>
      <c r="CQ2774" s="166">
        <v>0</v>
      </c>
      <c r="CR2774" s="166">
        <v>0</v>
      </c>
      <c r="CS2774" s="166">
        <v>0</v>
      </c>
      <c r="CT2774" s="166">
        <v>0</v>
      </c>
      <c r="CU2774" s="166">
        <v>0</v>
      </c>
      <c r="CV2774" s="166">
        <v>0</v>
      </c>
      <c r="CW2774" s="166">
        <v>0</v>
      </c>
      <c r="CX2774" s="166">
        <v>0</v>
      </c>
      <c r="CY2774" s="166">
        <v>22241488.9628806</v>
      </c>
      <c r="CZ2774" s="166">
        <v>22241488.9628806</v>
      </c>
    </row>
    <row r="2775" spans="1:104" x14ac:dyDescent="0.2">
      <c r="A2775" s="167" t="s">
        <v>620</v>
      </c>
      <c r="B2775" s="166">
        <v>0</v>
      </c>
      <c r="C2775" s="166">
        <v>0</v>
      </c>
      <c r="D2775" s="166">
        <v>0</v>
      </c>
      <c r="E2775" s="166">
        <v>0</v>
      </c>
      <c r="F2775" s="166">
        <v>0</v>
      </c>
      <c r="G2775" s="166">
        <v>0</v>
      </c>
      <c r="H2775" s="166">
        <v>0</v>
      </c>
      <c r="I2775" s="166">
        <v>0</v>
      </c>
      <c r="J2775" s="166">
        <v>0</v>
      </c>
      <c r="K2775" s="166">
        <v>0</v>
      </c>
      <c r="L2775" s="166">
        <v>0</v>
      </c>
      <c r="M2775" s="166">
        <v>0</v>
      </c>
      <c r="N2775" s="166">
        <v>0</v>
      </c>
      <c r="O2775" s="166">
        <v>0</v>
      </c>
      <c r="P2775" s="166">
        <v>0</v>
      </c>
      <c r="Q2775" s="166">
        <v>0</v>
      </c>
      <c r="R2775" s="166">
        <v>0</v>
      </c>
      <c r="S2775" s="166">
        <v>0</v>
      </c>
      <c r="T2775" s="166">
        <v>0</v>
      </c>
      <c r="U2775" s="166">
        <v>0</v>
      </c>
      <c r="V2775" s="166">
        <v>0</v>
      </c>
      <c r="W2775" s="166">
        <v>0</v>
      </c>
      <c r="X2775" s="166">
        <v>0</v>
      </c>
      <c r="Y2775" s="166">
        <v>0</v>
      </c>
      <c r="Z2775" s="166">
        <v>0</v>
      </c>
      <c r="AA2775" s="166">
        <v>0</v>
      </c>
      <c r="AB2775" s="166">
        <v>0</v>
      </c>
      <c r="AC2775" s="166">
        <v>0</v>
      </c>
      <c r="AD2775" s="166">
        <v>0</v>
      </c>
      <c r="AE2775" s="166">
        <v>0</v>
      </c>
      <c r="AF2775" s="166">
        <v>0</v>
      </c>
      <c r="AG2775" s="166">
        <v>0</v>
      </c>
      <c r="AH2775" s="166">
        <v>0</v>
      </c>
      <c r="AI2775" s="166">
        <v>0</v>
      </c>
      <c r="AJ2775" s="166">
        <v>0</v>
      </c>
      <c r="AK2775" s="166">
        <v>0</v>
      </c>
      <c r="AL2775" s="166">
        <v>0</v>
      </c>
      <c r="AM2775" s="166">
        <v>0</v>
      </c>
      <c r="AN2775" s="166">
        <v>0</v>
      </c>
      <c r="AO2775" s="166">
        <v>0</v>
      </c>
      <c r="AP2775" s="166">
        <v>0</v>
      </c>
      <c r="AQ2775" s="166">
        <v>0</v>
      </c>
      <c r="AR2775" s="166">
        <v>0</v>
      </c>
      <c r="AS2775" s="166">
        <v>0</v>
      </c>
      <c r="AT2775" s="166">
        <v>0</v>
      </c>
      <c r="AU2775" s="166">
        <v>0</v>
      </c>
      <c r="AV2775" s="166">
        <v>0</v>
      </c>
      <c r="AW2775" s="166">
        <v>0</v>
      </c>
      <c r="AX2775" s="166">
        <v>0</v>
      </c>
      <c r="AY2775" s="166">
        <v>0</v>
      </c>
      <c r="AZ2775" s="166">
        <v>0</v>
      </c>
      <c r="BA2775" s="166">
        <v>0</v>
      </c>
      <c r="BB2775" s="166">
        <v>0</v>
      </c>
      <c r="BC2775" s="166">
        <v>0</v>
      </c>
      <c r="BD2775" s="166">
        <v>0</v>
      </c>
      <c r="BE2775" s="166">
        <v>0</v>
      </c>
      <c r="BF2775" s="166">
        <v>0</v>
      </c>
      <c r="BG2775" s="166">
        <v>0</v>
      </c>
      <c r="BH2775" s="166">
        <v>0</v>
      </c>
      <c r="BI2775" s="166">
        <v>0</v>
      </c>
      <c r="BJ2775" s="166">
        <v>0</v>
      </c>
      <c r="BK2775" s="166">
        <v>0</v>
      </c>
      <c r="BL2775" s="166">
        <v>0</v>
      </c>
      <c r="BM2775" s="166">
        <v>0</v>
      </c>
      <c r="BN2775" s="166">
        <v>0</v>
      </c>
      <c r="BO2775" s="166">
        <v>0</v>
      </c>
      <c r="BP2775" s="166">
        <v>0</v>
      </c>
      <c r="BQ2775" s="166">
        <v>0</v>
      </c>
      <c r="BR2775" s="166">
        <v>0</v>
      </c>
      <c r="BS2775" s="166">
        <v>0</v>
      </c>
      <c r="BT2775" s="168">
        <v>0</v>
      </c>
      <c r="BU2775" s="166">
        <v>0</v>
      </c>
      <c r="BV2775" s="166">
        <v>0</v>
      </c>
      <c r="BW2775" s="166">
        <v>0</v>
      </c>
      <c r="BX2775" s="166">
        <v>0</v>
      </c>
      <c r="BY2775" s="166">
        <v>0</v>
      </c>
      <c r="BZ2775" s="166">
        <v>0</v>
      </c>
      <c r="CA2775" s="166">
        <v>0</v>
      </c>
      <c r="CB2775" s="166">
        <v>0</v>
      </c>
      <c r="CC2775" s="166">
        <v>0</v>
      </c>
      <c r="CD2775" s="166">
        <v>0</v>
      </c>
      <c r="CE2775" s="166">
        <v>0</v>
      </c>
      <c r="CF2775" s="166">
        <v>0</v>
      </c>
      <c r="CG2775" s="166">
        <v>0</v>
      </c>
      <c r="CH2775" s="166">
        <v>0</v>
      </c>
      <c r="CI2775" s="166">
        <v>0</v>
      </c>
      <c r="CJ2775" s="166">
        <v>0</v>
      </c>
      <c r="CK2775" s="166">
        <v>0</v>
      </c>
      <c r="CL2775" s="166">
        <v>0</v>
      </c>
      <c r="CM2775" s="166">
        <v>0</v>
      </c>
      <c r="CN2775" s="166">
        <v>0</v>
      </c>
      <c r="CO2775" s="166">
        <v>0</v>
      </c>
      <c r="CP2775" s="166">
        <v>0</v>
      </c>
      <c r="CQ2775" s="166">
        <v>0</v>
      </c>
      <c r="CR2775" s="166">
        <v>0</v>
      </c>
      <c r="CS2775" s="166">
        <v>0</v>
      </c>
      <c r="CT2775" s="166">
        <v>0</v>
      </c>
      <c r="CU2775" s="166">
        <v>0</v>
      </c>
      <c r="CV2775" s="166">
        <v>0</v>
      </c>
      <c r="CW2775" s="166">
        <v>0</v>
      </c>
      <c r="CX2775" s="166">
        <v>0</v>
      </c>
      <c r="CY2775" s="166">
        <v>0</v>
      </c>
      <c r="CZ2775" s="166">
        <v>0</v>
      </c>
    </row>
    <row r="2776" spans="1:104" x14ac:dyDescent="0.2">
      <c r="A2776" s="167" t="s">
        <v>621</v>
      </c>
      <c r="B2776" s="166">
        <v>57919269.537776098</v>
      </c>
      <c r="C2776" s="166">
        <v>57919269.537776098</v>
      </c>
      <c r="D2776" s="166">
        <v>0</v>
      </c>
      <c r="E2776" s="166">
        <v>0</v>
      </c>
      <c r="F2776" s="166">
        <v>0</v>
      </c>
      <c r="G2776" s="166">
        <v>0</v>
      </c>
      <c r="H2776" s="166">
        <v>0</v>
      </c>
      <c r="I2776" s="166">
        <v>0</v>
      </c>
      <c r="J2776" s="166">
        <v>0</v>
      </c>
      <c r="K2776" s="166">
        <v>0</v>
      </c>
      <c r="L2776" s="166">
        <v>0</v>
      </c>
      <c r="M2776" s="166">
        <v>0</v>
      </c>
      <c r="N2776" s="166">
        <v>0</v>
      </c>
      <c r="O2776" s="166">
        <v>0</v>
      </c>
      <c r="P2776" s="166">
        <v>0</v>
      </c>
      <c r="Q2776" s="166">
        <v>0</v>
      </c>
      <c r="R2776" s="166">
        <v>0</v>
      </c>
      <c r="S2776" s="166">
        <v>0</v>
      </c>
      <c r="T2776" s="166">
        <v>0</v>
      </c>
      <c r="U2776" s="166">
        <v>0</v>
      </c>
      <c r="V2776" s="166">
        <v>0</v>
      </c>
      <c r="W2776" s="166">
        <v>0</v>
      </c>
      <c r="X2776" s="166">
        <v>0</v>
      </c>
      <c r="Y2776" s="166">
        <v>0</v>
      </c>
      <c r="Z2776" s="166">
        <v>0</v>
      </c>
      <c r="AA2776" s="166">
        <v>0</v>
      </c>
      <c r="AB2776" s="166">
        <v>0</v>
      </c>
      <c r="AC2776" s="166">
        <v>0</v>
      </c>
      <c r="AD2776" s="166">
        <v>0</v>
      </c>
      <c r="AE2776" s="166">
        <v>0</v>
      </c>
      <c r="AF2776" s="166">
        <v>0</v>
      </c>
      <c r="AG2776" s="166">
        <v>0</v>
      </c>
      <c r="AH2776" s="166">
        <v>0</v>
      </c>
      <c r="AI2776" s="166">
        <v>0</v>
      </c>
      <c r="AJ2776" s="166">
        <v>0</v>
      </c>
      <c r="AK2776" s="166">
        <v>0</v>
      </c>
      <c r="AL2776" s="166">
        <v>0</v>
      </c>
      <c r="AM2776" s="166">
        <v>0</v>
      </c>
      <c r="AN2776" s="166">
        <v>0</v>
      </c>
      <c r="AO2776" s="166">
        <v>0</v>
      </c>
      <c r="AP2776" s="166">
        <v>0</v>
      </c>
      <c r="AQ2776" s="166">
        <v>0</v>
      </c>
      <c r="AR2776" s="166">
        <v>0</v>
      </c>
      <c r="AS2776" s="166">
        <v>0</v>
      </c>
      <c r="AT2776" s="166">
        <v>0</v>
      </c>
      <c r="AU2776" s="166">
        <v>0</v>
      </c>
      <c r="AV2776" s="166">
        <v>0</v>
      </c>
      <c r="AW2776" s="166">
        <v>0</v>
      </c>
      <c r="AX2776" s="166">
        <v>0</v>
      </c>
      <c r="AY2776" s="166">
        <v>0</v>
      </c>
      <c r="AZ2776" s="166">
        <v>0</v>
      </c>
      <c r="BA2776" s="166">
        <v>0</v>
      </c>
      <c r="BB2776" s="166">
        <v>0</v>
      </c>
      <c r="BC2776" s="166">
        <v>0</v>
      </c>
      <c r="BD2776" s="166">
        <v>0</v>
      </c>
      <c r="BE2776" s="166">
        <v>0</v>
      </c>
      <c r="BF2776" s="166">
        <v>0</v>
      </c>
      <c r="BG2776" s="166">
        <v>0</v>
      </c>
      <c r="BH2776" s="166">
        <v>0</v>
      </c>
      <c r="BI2776" s="166">
        <v>0</v>
      </c>
      <c r="BJ2776" s="166">
        <v>0</v>
      </c>
      <c r="BK2776" s="166">
        <v>0</v>
      </c>
      <c r="BL2776" s="166">
        <v>0</v>
      </c>
      <c r="BM2776" s="166">
        <v>0</v>
      </c>
      <c r="BN2776" s="166">
        <v>0</v>
      </c>
      <c r="BO2776" s="166">
        <v>0</v>
      </c>
      <c r="BP2776" s="166">
        <v>0</v>
      </c>
      <c r="BQ2776" s="166">
        <v>0</v>
      </c>
      <c r="BR2776" s="166">
        <v>57919269.537776098</v>
      </c>
      <c r="BS2776" s="166">
        <v>57919269.537776098</v>
      </c>
      <c r="BT2776" s="168">
        <v>0</v>
      </c>
      <c r="BU2776" s="166">
        <v>5147513.7283957005</v>
      </c>
      <c r="BV2776" s="166">
        <v>57919269.537776098</v>
      </c>
      <c r="BW2776" s="166">
        <v>0</v>
      </c>
      <c r="BX2776" s="166">
        <v>0</v>
      </c>
      <c r="BY2776" s="166">
        <v>0</v>
      </c>
      <c r="BZ2776" s="166">
        <v>0</v>
      </c>
      <c r="CA2776" s="166">
        <v>0</v>
      </c>
      <c r="CB2776" s="166">
        <v>0</v>
      </c>
      <c r="CC2776" s="166">
        <v>0</v>
      </c>
      <c r="CD2776" s="166">
        <v>0</v>
      </c>
      <c r="CE2776" s="166">
        <v>0</v>
      </c>
      <c r="CF2776" s="166">
        <v>0</v>
      </c>
      <c r="CG2776" s="166">
        <v>0</v>
      </c>
      <c r="CH2776" s="166">
        <v>0</v>
      </c>
      <c r="CI2776" s="166">
        <v>0</v>
      </c>
      <c r="CJ2776" s="166">
        <v>0</v>
      </c>
      <c r="CK2776" s="166">
        <v>0</v>
      </c>
      <c r="CL2776" s="166">
        <v>0</v>
      </c>
      <c r="CM2776" s="166">
        <v>0</v>
      </c>
      <c r="CN2776" s="166">
        <v>0</v>
      </c>
      <c r="CO2776" s="166">
        <v>0</v>
      </c>
      <c r="CP2776" s="166">
        <v>0</v>
      </c>
      <c r="CQ2776" s="166">
        <v>0</v>
      </c>
      <c r="CR2776" s="166">
        <v>0</v>
      </c>
      <c r="CS2776" s="166">
        <v>0</v>
      </c>
      <c r="CT2776" s="166">
        <v>0</v>
      </c>
      <c r="CU2776" s="166">
        <v>0</v>
      </c>
      <c r="CV2776" s="166">
        <v>0</v>
      </c>
      <c r="CW2776" s="166">
        <v>0</v>
      </c>
      <c r="CX2776" s="166">
        <v>0</v>
      </c>
      <c r="CY2776" s="166">
        <v>57919269.537776098</v>
      </c>
      <c r="CZ2776" s="166">
        <v>57919269.537776098</v>
      </c>
    </row>
    <row r="2777" spans="1:104" x14ac:dyDescent="0.2">
      <c r="A2777" s="167" t="s">
        <v>622</v>
      </c>
      <c r="B2777" s="166">
        <v>27493746.6274921</v>
      </c>
      <c r="C2777" s="166">
        <v>27493746.6274921</v>
      </c>
      <c r="D2777" s="166">
        <v>0</v>
      </c>
      <c r="E2777" s="166">
        <v>0</v>
      </c>
      <c r="F2777" s="166">
        <v>0</v>
      </c>
      <c r="G2777" s="166">
        <v>0</v>
      </c>
      <c r="H2777" s="166">
        <v>0</v>
      </c>
      <c r="I2777" s="166">
        <v>0</v>
      </c>
      <c r="J2777" s="166">
        <v>0</v>
      </c>
      <c r="K2777" s="166">
        <v>0</v>
      </c>
      <c r="L2777" s="166">
        <v>0</v>
      </c>
      <c r="M2777" s="166">
        <v>0</v>
      </c>
      <c r="N2777" s="166">
        <v>0</v>
      </c>
      <c r="O2777" s="166">
        <v>0</v>
      </c>
      <c r="P2777" s="166">
        <v>0</v>
      </c>
      <c r="Q2777" s="166">
        <v>0</v>
      </c>
      <c r="R2777" s="166">
        <v>0</v>
      </c>
      <c r="S2777" s="166">
        <v>0</v>
      </c>
      <c r="T2777" s="166">
        <v>0</v>
      </c>
      <c r="U2777" s="166">
        <v>0</v>
      </c>
      <c r="V2777" s="166">
        <v>0</v>
      </c>
      <c r="W2777" s="166">
        <v>0</v>
      </c>
      <c r="X2777" s="166">
        <v>0</v>
      </c>
      <c r="Y2777" s="166">
        <v>0</v>
      </c>
      <c r="Z2777" s="166">
        <v>0</v>
      </c>
      <c r="AA2777" s="166">
        <v>0</v>
      </c>
      <c r="AB2777" s="166">
        <v>0</v>
      </c>
      <c r="AC2777" s="166">
        <v>0</v>
      </c>
      <c r="AD2777" s="166">
        <v>0</v>
      </c>
      <c r="AE2777" s="166">
        <v>0</v>
      </c>
      <c r="AF2777" s="166">
        <v>0</v>
      </c>
      <c r="AG2777" s="166">
        <v>0</v>
      </c>
      <c r="AH2777" s="166">
        <v>0</v>
      </c>
      <c r="AI2777" s="166">
        <v>0</v>
      </c>
      <c r="AJ2777" s="166">
        <v>0</v>
      </c>
      <c r="AK2777" s="166">
        <v>0</v>
      </c>
      <c r="AL2777" s="166">
        <v>0</v>
      </c>
      <c r="AM2777" s="166">
        <v>0</v>
      </c>
      <c r="AN2777" s="166">
        <v>0</v>
      </c>
      <c r="AO2777" s="166">
        <v>0</v>
      </c>
      <c r="AP2777" s="166">
        <v>0</v>
      </c>
      <c r="AQ2777" s="166">
        <v>0</v>
      </c>
      <c r="AR2777" s="166">
        <v>0</v>
      </c>
      <c r="AS2777" s="166">
        <v>0</v>
      </c>
      <c r="AT2777" s="166">
        <v>0</v>
      </c>
      <c r="AU2777" s="166">
        <v>0</v>
      </c>
      <c r="AV2777" s="166">
        <v>0</v>
      </c>
      <c r="AW2777" s="166">
        <v>0</v>
      </c>
      <c r="AX2777" s="166">
        <v>0</v>
      </c>
      <c r="AY2777" s="166">
        <v>0</v>
      </c>
      <c r="AZ2777" s="166">
        <v>0</v>
      </c>
      <c r="BA2777" s="166">
        <v>0</v>
      </c>
      <c r="BB2777" s="166">
        <v>0</v>
      </c>
      <c r="BC2777" s="166">
        <v>0</v>
      </c>
      <c r="BD2777" s="166">
        <v>0</v>
      </c>
      <c r="BE2777" s="166">
        <v>0</v>
      </c>
      <c r="BF2777" s="166">
        <v>0</v>
      </c>
      <c r="BG2777" s="166">
        <v>0</v>
      </c>
      <c r="BH2777" s="166">
        <v>0</v>
      </c>
      <c r="BI2777" s="166">
        <v>0</v>
      </c>
      <c r="BJ2777" s="166">
        <v>0</v>
      </c>
      <c r="BK2777" s="166">
        <v>0</v>
      </c>
      <c r="BL2777" s="166">
        <v>0</v>
      </c>
      <c r="BM2777" s="166">
        <v>0</v>
      </c>
      <c r="BN2777" s="166">
        <v>0</v>
      </c>
      <c r="BO2777" s="166">
        <v>0</v>
      </c>
      <c r="BP2777" s="166">
        <v>0</v>
      </c>
      <c r="BQ2777" s="166">
        <v>0</v>
      </c>
      <c r="BR2777" s="166">
        <v>27493746.6274921</v>
      </c>
      <c r="BS2777" s="166">
        <v>27493746.6274921</v>
      </c>
      <c r="BT2777" s="168">
        <v>0</v>
      </c>
      <c r="BU2777" s="166">
        <v>2496804.3648663699</v>
      </c>
      <c r="BV2777" s="166">
        <v>27493746.6274921</v>
      </c>
      <c r="BW2777" s="166">
        <v>0</v>
      </c>
      <c r="BX2777" s="166">
        <v>0</v>
      </c>
      <c r="BY2777" s="166">
        <v>0</v>
      </c>
      <c r="BZ2777" s="166">
        <v>0</v>
      </c>
      <c r="CA2777" s="166">
        <v>0</v>
      </c>
      <c r="CB2777" s="166">
        <v>0</v>
      </c>
      <c r="CC2777" s="166">
        <v>0</v>
      </c>
      <c r="CD2777" s="166">
        <v>0</v>
      </c>
      <c r="CE2777" s="166">
        <v>0</v>
      </c>
      <c r="CF2777" s="166">
        <v>0</v>
      </c>
      <c r="CG2777" s="166">
        <v>0</v>
      </c>
      <c r="CH2777" s="166">
        <v>0</v>
      </c>
      <c r="CI2777" s="166">
        <v>0</v>
      </c>
      <c r="CJ2777" s="166">
        <v>0</v>
      </c>
      <c r="CK2777" s="166">
        <v>0</v>
      </c>
      <c r="CL2777" s="166">
        <v>0</v>
      </c>
      <c r="CM2777" s="166">
        <v>0</v>
      </c>
      <c r="CN2777" s="166">
        <v>0</v>
      </c>
      <c r="CO2777" s="166">
        <v>0</v>
      </c>
      <c r="CP2777" s="166">
        <v>0</v>
      </c>
      <c r="CQ2777" s="166">
        <v>0</v>
      </c>
      <c r="CR2777" s="166">
        <v>0</v>
      </c>
      <c r="CS2777" s="166">
        <v>0</v>
      </c>
      <c r="CT2777" s="166">
        <v>0</v>
      </c>
      <c r="CU2777" s="166">
        <v>0</v>
      </c>
      <c r="CV2777" s="166">
        <v>0</v>
      </c>
      <c r="CW2777" s="166">
        <v>0</v>
      </c>
      <c r="CX2777" s="166">
        <v>0</v>
      </c>
      <c r="CY2777" s="166">
        <v>27493746.6274921</v>
      </c>
      <c r="CZ2777" s="166">
        <v>27493746.6274921</v>
      </c>
    </row>
    <row r="2778" spans="1:104" x14ac:dyDescent="0.2">
      <c r="A2778" s="167" t="s">
        <v>623</v>
      </c>
      <c r="B2778" s="166">
        <v>9483697.8228737395</v>
      </c>
      <c r="C2778" s="166">
        <v>9483697.8228737395</v>
      </c>
      <c r="D2778" s="166">
        <v>0</v>
      </c>
      <c r="E2778" s="166">
        <v>0</v>
      </c>
      <c r="F2778" s="166">
        <v>0</v>
      </c>
      <c r="G2778" s="166">
        <v>0</v>
      </c>
      <c r="H2778" s="166">
        <v>0</v>
      </c>
      <c r="I2778" s="166">
        <v>0</v>
      </c>
      <c r="J2778" s="166">
        <v>0</v>
      </c>
      <c r="K2778" s="166">
        <v>0</v>
      </c>
      <c r="L2778" s="166">
        <v>0</v>
      </c>
      <c r="M2778" s="166">
        <v>0</v>
      </c>
      <c r="N2778" s="166">
        <v>0</v>
      </c>
      <c r="O2778" s="166">
        <v>0</v>
      </c>
      <c r="P2778" s="166">
        <v>0</v>
      </c>
      <c r="Q2778" s="166">
        <v>0</v>
      </c>
      <c r="R2778" s="166">
        <v>0</v>
      </c>
      <c r="S2778" s="166">
        <v>0</v>
      </c>
      <c r="T2778" s="166">
        <v>0</v>
      </c>
      <c r="U2778" s="166">
        <v>0</v>
      </c>
      <c r="V2778" s="166">
        <v>0</v>
      </c>
      <c r="W2778" s="166">
        <v>0</v>
      </c>
      <c r="X2778" s="166">
        <v>0</v>
      </c>
      <c r="Y2778" s="166">
        <v>0</v>
      </c>
      <c r="Z2778" s="166">
        <v>0</v>
      </c>
      <c r="AA2778" s="166">
        <v>0</v>
      </c>
      <c r="AB2778" s="166">
        <v>0</v>
      </c>
      <c r="AC2778" s="166">
        <v>0</v>
      </c>
      <c r="AD2778" s="166">
        <v>0</v>
      </c>
      <c r="AE2778" s="166">
        <v>0</v>
      </c>
      <c r="AF2778" s="166">
        <v>0</v>
      </c>
      <c r="AG2778" s="166">
        <v>0</v>
      </c>
      <c r="AH2778" s="166">
        <v>0</v>
      </c>
      <c r="AI2778" s="166">
        <v>0</v>
      </c>
      <c r="AJ2778" s="166">
        <v>0</v>
      </c>
      <c r="AK2778" s="166">
        <v>0</v>
      </c>
      <c r="AL2778" s="166">
        <v>0</v>
      </c>
      <c r="AM2778" s="166">
        <v>0</v>
      </c>
      <c r="AN2778" s="166">
        <v>0</v>
      </c>
      <c r="AO2778" s="166">
        <v>0</v>
      </c>
      <c r="AP2778" s="166">
        <v>0</v>
      </c>
      <c r="AQ2778" s="166">
        <v>0</v>
      </c>
      <c r="AR2778" s="166">
        <v>0</v>
      </c>
      <c r="AS2778" s="166">
        <v>0</v>
      </c>
      <c r="AT2778" s="166">
        <v>0</v>
      </c>
      <c r="AU2778" s="166">
        <v>0</v>
      </c>
      <c r="AV2778" s="166">
        <v>0</v>
      </c>
      <c r="AW2778" s="166">
        <v>0</v>
      </c>
      <c r="AX2778" s="166">
        <v>0</v>
      </c>
      <c r="AY2778" s="166">
        <v>0</v>
      </c>
      <c r="AZ2778" s="166">
        <v>0</v>
      </c>
      <c r="BA2778" s="166">
        <v>0</v>
      </c>
      <c r="BB2778" s="166">
        <v>0</v>
      </c>
      <c r="BC2778" s="166">
        <v>0</v>
      </c>
      <c r="BD2778" s="166">
        <v>0</v>
      </c>
      <c r="BE2778" s="166">
        <v>0</v>
      </c>
      <c r="BF2778" s="166">
        <v>0</v>
      </c>
      <c r="BG2778" s="166">
        <v>0</v>
      </c>
      <c r="BH2778" s="166">
        <v>0</v>
      </c>
      <c r="BI2778" s="166">
        <v>0</v>
      </c>
      <c r="BJ2778" s="166">
        <v>0</v>
      </c>
      <c r="BK2778" s="166">
        <v>0</v>
      </c>
      <c r="BL2778" s="166">
        <v>0</v>
      </c>
      <c r="BM2778" s="166">
        <v>0</v>
      </c>
      <c r="BN2778" s="166">
        <v>0</v>
      </c>
      <c r="BO2778" s="166">
        <v>0</v>
      </c>
      <c r="BP2778" s="166">
        <v>0</v>
      </c>
      <c r="BQ2778" s="166">
        <v>0</v>
      </c>
      <c r="BR2778" s="166">
        <v>9483697.8228737395</v>
      </c>
      <c r="BS2778" s="166">
        <v>9483697.8228737395</v>
      </c>
      <c r="BT2778" s="168">
        <v>0</v>
      </c>
      <c r="BU2778" s="166">
        <v>806788.16854881402</v>
      </c>
      <c r="BV2778" s="166">
        <v>9452007.4412271399</v>
      </c>
      <c r="BW2778" s="166">
        <v>0</v>
      </c>
      <c r="BX2778" s="166">
        <v>0</v>
      </c>
      <c r="BY2778" s="166">
        <v>0</v>
      </c>
      <c r="BZ2778" s="166">
        <v>0</v>
      </c>
      <c r="CA2778" s="166">
        <v>0</v>
      </c>
      <c r="CB2778" s="166">
        <v>0</v>
      </c>
      <c r="CC2778" s="166">
        <v>0</v>
      </c>
      <c r="CD2778" s="166">
        <v>0</v>
      </c>
      <c r="CE2778" s="166">
        <v>0</v>
      </c>
      <c r="CF2778" s="166">
        <v>0</v>
      </c>
      <c r="CG2778" s="166">
        <v>0</v>
      </c>
      <c r="CH2778" s="166">
        <v>0</v>
      </c>
      <c r="CI2778" s="166">
        <v>0</v>
      </c>
      <c r="CJ2778" s="166">
        <v>0</v>
      </c>
      <c r="CK2778" s="166">
        <v>0</v>
      </c>
      <c r="CL2778" s="166">
        <v>0</v>
      </c>
      <c r="CM2778" s="166">
        <v>0</v>
      </c>
      <c r="CN2778" s="166">
        <v>0</v>
      </c>
      <c r="CO2778" s="166">
        <v>0</v>
      </c>
      <c r="CP2778" s="166">
        <v>0</v>
      </c>
      <c r="CQ2778" s="166">
        <v>0</v>
      </c>
      <c r="CR2778" s="166">
        <v>0</v>
      </c>
      <c r="CS2778" s="166">
        <v>0</v>
      </c>
      <c r="CT2778" s="166">
        <v>0</v>
      </c>
      <c r="CU2778" s="166">
        <v>0</v>
      </c>
      <c r="CV2778" s="166">
        <v>0</v>
      </c>
      <c r="CW2778" s="166">
        <v>0</v>
      </c>
      <c r="CX2778" s="166">
        <v>0</v>
      </c>
      <c r="CY2778" s="166">
        <v>9452007.4412271399</v>
      </c>
      <c r="CZ2778" s="166">
        <v>9452007.4412271399</v>
      </c>
    </row>
    <row r="2779" spans="1:104" x14ac:dyDescent="0.2">
      <c r="A2779" s="167" t="s">
        <v>624</v>
      </c>
      <c r="B2779" s="166">
        <v>3182445.0373357199</v>
      </c>
      <c r="C2779" s="166">
        <v>3182445.0373357199</v>
      </c>
      <c r="D2779" s="166">
        <v>0</v>
      </c>
      <c r="E2779" s="166">
        <v>0</v>
      </c>
      <c r="F2779" s="166">
        <v>0</v>
      </c>
      <c r="G2779" s="166">
        <v>0</v>
      </c>
      <c r="H2779" s="166">
        <v>0</v>
      </c>
      <c r="I2779" s="166">
        <v>0</v>
      </c>
      <c r="J2779" s="166">
        <v>0</v>
      </c>
      <c r="K2779" s="166">
        <v>0</v>
      </c>
      <c r="L2779" s="166">
        <v>0</v>
      </c>
      <c r="M2779" s="166">
        <v>0</v>
      </c>
      <c r="N2779" s="166">
        <v>0</v>
      </c>
      <c r="O2779" s="166">
        <v>0</v>
      </c>
      <c r="P2779" s="166">
        <v>0</v>
      </c>
      <c r="Q2779" s="166">
        <v>0</v>
      </c>
      <c r="R2779" s="166">
        <v>0</v>
      </c>
      <c r="S2779" s="166">
        <v>0</v>
      </c>
      <c r="T2779" s="166">
        <v>0</v>
      </c>
      <c r="U2779" s="166">
        <v>0</v>
      </c>
      <c r="V2779" s="166">
        <v>0</v>
      </c>
      <c r="W2779" s="166">
        <v>0</v>
      </c>
      <c r="X2779" s="166">
        <v>0</v>
      </c>
      <c r="Y2779" s="166">
        <v>0</v>
      </c>
      <c r="Z2779" s="166">
        <v>0</v>
      </c>
      <c r="AA2779" s="166">
        <v>0</v>
      </c>
      <c r="AB2779" s="166">
        <v>0</v>
      </c>
      <c r="AC2779" s="166">
        <v>0</v>
      </c>
      <c r="AD2779" s="166">
        <v>0</v>
      </c>
      <c r="AE2779" s="166">
        <v>0</v>
      </c>
      <c r="AF2779" s="166">
        <v>0</v>
      </c>
      <c r="AG2779" s="166">
        <v>0</v>
      </c>
      <c r="AH2779" s="166">
        <v>0</v>
      </c>
      <c r="AI2779" s="166">
        <v>0</v>
      </c>
      <c r="AJ2779" s="166">
        <v>0</v>
      </c>
      <c r="AK2779" s="166">
        <v>0</v>
      </c>
      <c r="AL2779" s="166">
        <v>0</v>
      </c>
      <c r="AM2779" s="166">
        <v>0</v>
      </c>
      <c r="AN2779" s="166">
        <v>0</v>
      </c>
      <c r="AO2779" s="166">
        <v>0</v>
      </c>
      <c r="AP2779" s="166">
        <v>0</v>
      </c>
      <c r="AQ2779" s="166">
        <v>0</v>
      </c>
      <c r="AR2779" s="166">
        <v>0</v>
      </c>
      <c r="AS2779" s="166">
        <v>0</v>
      </c>
      <c r="AT2779" s="166">
        <v>0</v>
      </c>
      <c r="AU2779" s="166">
        <v>0</v>
      </c>
      <c r="AV2779" s="166">
        <v>0</v>
      </c>
      <c r="AW2779" s="166">
        <v>0</v>
      </c>
      <c r="AX2779" s="166">
        <v>0</v>
      </c>
      <c r="AY2779" s="166">
        <v>0</v>
      </c>
      <c r="AZ2779" s="166">
        <v>0</v>
      </c>
      <c r="BA2779" s="166">
        <v>0</v>
      </c>
      <c r="BB2779" s="166">
        <v>0</v>
      </c>
      <c r="BC2779" s="166">
        <v>0</v>
      </c>
      <c r="BD2779" s="166">
        <v>0</v>
      </c>
      <c r="BE2779" s="166">
        <v>0</v>
      </c>
      <c r="BF2779" s="166">
        <v>0</v>
      </c>
      <c r="BG2779" s="166">
        <v>0</v>
      </c>
      <c r="BH2779" s="166">
        <v>0</v>
      </c>
      <c r="BI2779" s="166">
        <v>0</v>
      </c>
      <c r="BJ2779" s="166">
        <v>0</v>
      </c>
      <c r="BK2779" s="166">
        <v>0</v>
      </c>
      <c r="BL2779" s="166">
        <v>0</v>
      </c>
      <c r="BM2779" s="166">
        <v>0</v>
      </c>
      <c r="BN2779" s="166">
        <v>0</v>
      </c>
      <c r="BO2779" s="166">
        <v>0</v>
      </c>
      <c r="BP2779" s="166">
        <v>0</v>
      </c>
      <c r="BQ2779" s="166">
        <v>0</v>
      </c>
      <c r="BR2779" s="166">
        <v>3182445.0373357199</v>
      </c>
      <c r="BS2779" s="166">
        <v>3182445.0373357199</v>
      </c>
      <c r="BT2779" s="168">
        <v>0</v>
      </c>
      <c r="BU2779" s="166">
        <v>252472.510729826</v>
      </c>
      <c r="BV2779" s="166">
        <v>3142696.2988193999</v>
      </c>
      <c r="BW2779" s="166">
        <v>0</v>
      </c>
      <c r="BX2779" s="166">
        <v>0</v>
      </c>
      <c r="BY2779" s="166">
        <v>0</v>
      </c>
      <c r="BZ2779" s="166">
        <v>0</v>
      </c>
      <c r="CA2779" s="166">
        <v>0</v>
      </c>
      <c r="CB2779" s="166">
        <v>0</v>
      </c>
      <c r="CC2779" s="166">
        <v>0</v>
      </c>
      <c r="CD2779" s="166">
        <v>0</v>
      </c>
      <c r="CE2779" s="166">
        <v>0</v>
      </c>
      <c r="CF2779" s="166">
        <v>0</v>
      </c>
      <c r="CG2779" s="166">
        <v>0</v>
      </c>
      <c r="CH2779" s="166">
        <v>0</v>
      </c>
      <c r="CI2779" s="166">
        <v>0</v>
      </c>
      <c r="CJ2779" s="166">
        <v>0</v>
      </c>
      <c r="CK2779" s="166">
        <v>0</v>
      </c>
      <c r="CL2779" s="166">
        <v>0</v>
      </c>
      <c r="CM2779" s="166">
        <v>0</v>
      </c>
      <c r="CN2779" s="166">
        <v>0</v>
      </c>
      <c r="CO2779" s="166">
        <v>0</v>
      </c>
      <c r="CP2779" s="166">
        <v>0</v>
      </c>
      <c r="CQ2779" s="166">
        <v>0</v>
      </c>
      <c r="CR2779" s="166">
        <v>0</v>
      </c>
      <c r="CS2779" s="166">
        <v>0</v>
      </c>
      <c r="CT2779" s="166">
        <v>0</v>
      </c>
      <c r="CU2779" s="166">
        <v>0</v>
      </c>
      <c r="CV2779" s="166">
        <v>0</v>
      </c>
      <c r="CW2779" s="166">
        <v>0</v>
      </c>
      <c r="CX2779" s="166">
        <v>0</v>
      </c>
      <c r="CY2779" s="166">
        <v>3142696.2988193999</v>
      </c>
      <c r="CZ2779" s="166">
        <v>3142696.2988193999</v>
      </c>
    </row>
    <row r="2780" spans="1:104" x14ac:dyDescent="0.2">
      <c r="A2780" s="167" t="s">
        <v>625</v>
      </c>
      <c r="B2780" s="166">
        <v>20359965.3445221</v>
      </c>
      <c r="C2780" s="166">
        <v>20359965.3445221</v>
      </c>
      <c r="D2780" s="166">
        <v>0</v>
      </c>
      <c r="E2780" s="166">
        <v>0</v>
      </c>
      <c r="F2780" s="166">
        <v>0</v>
      </c>
      <c r="G2780" s="166">
        <v>0</v>
      </c>
      <c r="H2780" s="166">
        <v>0</v>
      </c>
      <c r="I2780" s="166">
        <v>0</v>
      </c>
      <c r="J2780" s="166">
        <v>0</v>
      </c>
      <c r="K2780" s="166">
        <v>0</v>
      </c>
      <c r="L2780" s="166">
        <v>0</v>
      </c>
      <c r="M2780" s="166">
        <v>0</v>
      </c>
      <c r="N2780" s="166">
        <v>0</v>
      </c>
      <c r="O2780" s="166">
        <v>0</v>
      </c>
      <c r="P2780" s="166">
        <v>0</v>
      </c>
      <c r="Q2780" s="166">
        <v>0</v>
      </c>
      <c r="R2780" s="166">
        <v>0</v>
      </c>
      <c r="S2780" s="166">
        <v>0</v>
      </c>
      <c r="T2780" s="166">
        <v>0</v>
      </c>
      <c r="U2780" s="166">
        <v>0</v>
      </c>
      <c r="V2780" s="166">
        <v>0</v>
      </c>
      <c r="W2780" s="166">
        <v>0</v>
      </c>
      <c r="X2780" s="166">
        <v>0</v>
      </c>
      <c r="Y2780" s="166">
        <v>0</v>
      </c>
      <c r="Z2780" s="166">
        <v>0</v>
      </c>
      <c r="AA2780" s="166">
        <v>0</v>
      </c>
      <c r="AB2780" s="166">
        <v>0</v>
      </c>
      <c r="AC2780" s="166">
        <v>0</v>
      </c>
      <c r="AD2780" s="166">
        <v>0</v>
      </c>
      <c r="AE2780" s="166">
        <v>0</v>
      </c>
      <c r="AF2780" s="166">
        <v>0</v>
      </c>
      <c r="AG2780" s="166">
        <v>0</v>
      </c>
      <c r="AH2780" s="166">
        <v>0</v>
      </c>
      <c r="AI2780" s="166">
        <v>0</v>
      </c>
      <c r="AJ2780" s="166">
        <v>0</v>
      </c>
      <c r="AK2780" s="166">
        <v>0</v>
      </c>
      <c r="AL2780" s="166">
        <v>0</v>
      </c>
      <c r="AM2780" s="166">
        <v>0</v>
      </c>
      <c r="AN2780" s="166">
        <v>0</v>
      </c>
      <c r="AO2780" s="166">
        <v>0</v>
      </c>
      <c r="AP2780" s="166">
        <v>0</v>
      </c>
      <c r="AQ2780" s="166">
        <v>0</v>
      </c>
      <c r="AR2780" s="166">
        <v>0</v>
      </c>
      <c r="AS2780" s="166">
        <v>0</v>
      </c>
      <c r="AT2780" s="166">
        <v>0</v>
      </c>
      <c r="AU2780" s="166">
        <v>0</v>
      </c>
      <c r="AV2780" s="166">
        <v>0</v>
      </c>
      <c r="AW2780" s="166">
        <v>0</v>
      </c>
      <c r="AX2780" s="166">
        <v>0</v>
      </c>
      <c r="AY2780" s="166">
        <v>0</v>
      </c>
      <c r="AZ2780" s="166">
        <v>0</v>
      </c>
      <c r="BA2780" s="166">
        <v>0</v>
      </c>
      <c r="BB2780" s="166">
        <v>0</v>
      </c>
      <c r="BC2780" s="166">
        <v>0</v>
      </c>
      <c r="BD2780" s="166">
        <v>0</v>
      </c>
      <c r="BE2780" s="166">
        <v>0</v>
      </c>
      <c r="BF2780" s="166">
        <v>0</v>
      </c>
      <c r="BG2780" s="166">
        <v>0</v>
      </c>
      <c r="BH2780" s="166">
        <v>0</v>
      </c>
      <c r="BI2780" s="166">
        <v>0</v>
      </c>
      <c r="BJ2780" s="166">
        <v>0</v>
      </c>
      <c r="BK2780" s="166">
        <v>0</v>
      </c>
      <c r="BL2780" s="166">
        <v>0</v>
      </c>
      <c r="BM2780" s="166">
        <v>0</v>
      </c>
      <c r="BN2780" s="166">
        <v>0</v>
      </c>
      <c r="BO2780" s="166">
        <v>0</v>
      </c>
      <c r="BP2780" s="166">
        <v>0</v>
      </c>
      <c r="BQ2780" s="166">
        <v>0</v>
      </c>
      <c r="BR2780" s="166">
        <v>20359965.3445221</v>
      </c>
      <c r="BS2780" s="166">
        <v>20359965.3445221</v>
      </c>
      <c r="BT2780" s="168">
        <v>0</v>
      </c>
      <c r="BU2780" s="166">
        <v>1849168.3957469</v>
      </c>
      <c r="BV2780" s="166">
        <v>20359965.3445221</v>
      </c>
      <c r="BW2780" s="166">
        <v>0</v>
      </c>
      <c r="BX2780" s="166">
        <v>0</v>
      </c>
      <c r="BY2780" s="166">
        <v>0</v>
      </c>
      <c r="BZ2780" s="166">
        <v>0</v>
      </c>
      <c r="CA2780" s="166">
        <v>0</v>
      </c>
      <c r="CB2780" s="166">
        <v>0</v>
      </c>
      <c r="CC2780" s="166">
        <v>0</v>
      </c>
      <c r="CD2780" s="166">
        <v>0</v>
      </c>
      <c r="CE2780" s="166">
        <v>0</v>
      </c>
      <c r="CF2780" s="166">
        <v>0</v>
      </c>
      <c r="CG2780" s="166">
        <v>0</v>
      </c>
      <c r="CH2780" s="166">
        <v>0</v>
      </c>
      <c r="CI2780" s="166">
        <v>0</v>
      </c>
      <c r="CJ2780" s="166">
        <v>0</v>
      </c>
      <c r="CK2780" s="166">
        <v>0</v>
      </c>
      <c r="CL2780" s="166">
        <v>0</v>
      </c>
      <c r="CM2780" s="166">
        <v>0</v>
      </c>
      <c r="CN2780" s="166">
        <v>0</v>
      </c>
      <c r="CO2780" s="166">
        <v>0</v>
      </c>
      <c r="CP2780" s="166">
        <v>0</v>
      </c>
      <c r="CQ2780" s="166">
        <v>0</v>
      </c>
      <c r="CR2780" s="166">
        <v>0</v>
      </c>
      <c r="CS2780" s="166">
        <v>0</v>
      </c>
      <c r="CT2780" s="166">
        <v>0</v>
      </c>
      <c r="CU2780" s="166">
        <v>0</v>
      </c>
      <c r="CV2780" s="166">
        <v>0</v>
      </c>
      <c r="CW2780" s="166">
        <v>0</v>
      </c>
      <c r="CX2780" s="166">
        <v>0</v>
      </c>
      <c r="CY2780" s="166">
        <v>20359965.3445221</v>
      </c>
      <c r="CZ2780" s="166">
        <v>20359965.3445221</v>
      </c>
    </row>
    <row r="2781" spans="1:104" x14ac:dyDescent="0.2">
      <c r="A2781" s="167" t="s">
        <v>626</v>
      </c>
      <c r="B2781" s="166">
        <v>0</v>
      </c>
      <c r="C2781" s="166">
        <v>0</v>
      </c>
      <c r="D2781" s="166">
        <v>0</v>
      </c>
      <c r="E2781" s="166">
        <v>0</v>
      </c>
      <c r="F2781" s="166">
        <v>0</v>
      </c>
      <c r="G2781" s="166">
        <v>0</v>
      </c>
      <c r="H2781" s="166">
        <v>0</v>
      </c>
      <c r="I2781" s="166">
        <v>0</v>
      </c>
      <c r="J2781" s="166">
        <v>0</v>
      </c>
      <c r="K2781" s="166">
        <v>0</v>
      </c>
      <c r="L2781" s="166">
        <v>0</v>
      </c>
      <c r="M2781" s="166">
        <v>0</v>
      </c>
      <c r="N2781" s="166">
        <v>0</v>
      </c>
      <c r="O2781" s="166">
        <v>0</v>
      </c>
      <c r="P2781" s="166">
        <v>0</v>
      </c>
      <c r="Q2781" s="166">
        <v>0</v>
      </c>
      <c r="R2781" s="166">
        <v>0</v>
      </c>
      <c r="S2781" s="166">
        <v>0</v>
      </c>
      <c r="T2781" s="166">
        <v>0</v>
      </c>
      <c r="U2781" s="166">
        <v>0</v>
      </c>
      <c r="V2781" s="166">
        <v>0</v>
      </c>
      <c r="W2781" s="166">
        <v>0</v>
      </c>
      <c r="X2781" s="166">
        <v>0</v>
      </c>
      <c r="Y2781" s="166">
        <v>0</v>
      </c>
      <c r="Z2781" s="166">
        <v>0</v>
      </c>
      <c r="AA2781" s="166">
        <v>0</v>
      </c>
      <c r="AB2781" s="166">
        <v>0</v>
      </c>
      <c r="AC2781" s="166">
        <v>0</v>
      </c>
      <c r="AD2781" s="166">
        <v>0</v>
      </c>
      <c r="AE2781" s="166">
        <v>0</v>
      </c>
      <c r="AF2781" s="166">
        <v>0</v>
      </c>
      <c r="AG2781" s="166">
        <v>0</v>
      </c>
      <c r="AH2781" s="166">
        <v>0</v>
      </c>
      <c r="AI2781" s="166">
        <v>0</v>
      </c>
      <c r="AJ2781" s="166">
        <v>0</v>
      </c>
      <c r="AK2781" s="166">
        <v>0</v>
      </c>
      <c r="AL2781" s="166">
        <v>0</v>
      </c>
      <c r="AM2781" s="166">
        <v>0</v>
      </c>
      <c r="AN2781" s="166">
        <v>0</v>
      </c>
      <c r="AO2781" s="166">
        <v>0</v>
      </c>
      <c r="AP2781" s="166">
        <v>0</v>
      </c>
      <c r="AQ2781" s="166">
        <v>0</v>
      </c>
      <c r="AR2781" s="166">
        <v>0</v>
      </c>
      <c r="AS2781" s="166">
        <v>0</v>
      </c>
      <c r="AT2781" s="166">
        <v>0</v>
      </c>
      <c r="AU2781" s="166">
        <v>0</v>
      </c>
      <c r="AV2781" s="166">
        <v>0</v>
      </c>
      <c r="AW2781" s="166">
        <v>0</v>
      </c>
      <c r="AX2781" s="166">
        <v>0</v>
      </c>
      <c r="AY2781" s="166">
        <v>0</v>
      </c>
      <c r="AZ2781" s="166">
        <v>0</v>
      </c>
      <c r="BA2781" s="166">
        <v>0</v>
      </c>
      <c r="BB2781" s="166">
        <v>0</v>
      </c>
      <c r="BC2781" s="166">
        <v>0</v>
      </c>
      <c r="BD2781" s="166">
        <v>0</v>
      </c>
      <c r="BE2781" s="166">
        <v>0</v>
      </c>
      <c r="BF2781" s="166">
        <v>0</v>
      </c>
      <c r="BG2781" s="166">
        <v>0</v>
      </c>
      <c r="BH2781" s="166">
        <v>0</v>
      </c>
      <c r="BI2781" s="166">
        <v>0</v>
      </c>
      <c r="BJ2781" s="166">
        <v>0</v>
      </c>
      <c r="BK2781" s="166">
        <v>0</v>
      </c>
      <c r="BL2781" s="166">
        <v>0</v>
      </c>
      <c r="BM2781" s="166">
        <v>0</v>
      </c>
      <c r="BN2781" s="166">
        <v>0</v>
      </c>
      <c r="BO2781" s="166">
        <v>0</v>
      </c>
      <c r="BP2781" s="166">
        <v>0</v>
      </c>
      <c r="BQ2781" s="166">
        <v>0</v>
      </c>
      <c r="BR2781" s="166">
        <v>0</v>
      </c>
      <c r="BS2781" s="166">
        <v>0</v>
      </c>
      <c r="BT2781" s="168">
        <v>0</v>
      </c>
      <c r="BU2781" s="166">
        <v>0</v>
      </c>
      <c r="BV2781" s="166">
        <v>0</v>
      </c>
      <c r="BW2781" s="166">
        <v>0</v>
      </c>
      <c r="BX2781" s="166">
        <v>0</v>
      </c>
      <c r="BY2781" s="166">
        <v>0</v>
      </c>
      <c r="BZ2781" s="166">
        <v>0</v>
      </c>
      <c r="CA2781" s="166">
        <v>0</v>
      </c>
      <c r="CB2781" s="166">
        <v>0</v>
      </c>
      <c r="CC2781" s="166">
        <v>0</v>
      </c>
      <c r="CD2781" s="166">
        <v>0</v>
      </c>
      <c r="CE2781" s="166">
        <v>0</v>
      </c>
      <c r="CF2781" s="166">
        <v>0</v>
      </c>
      <c r="CG2781" s="166">
        <v>0</v>
      </c>
      <c r="CH2781" s="166">
        <v>0</v>
      </c>
      <c r="CI2781" s="166">
        <v>0</v>
      </c>
      <c r="CJ2781" s="166">
        <v>0</v>
      </c>
      <c r="CK2781" s="166">
        <v>0</v>
      </c>
      <c r="CL2781" s="166">
        <v>0</v>
      </c>
      <c r="CM2781" s="166">
        <v>0</v>
      </c>
      <c r="CN2781" s="166">
        <v>0</v>
      </c>
      <c r="CO2781" s="166">
        <v>0</v>
      </c>
      <c r="CP2781" s="166">
        <v>0</v>
      </c>
      <c r="CQ2781" s="166">
        <v>0</v>
      </c>
      <c r="CR2781" s="166">
        <v>0</v>
      </c>
      <c r="CS2781" s="166">
        <v>0</v>
      </c>
      <c r="CT2781" s="166">
        <v>0</v>
      </c>
      <c r="CU2781" s="166">
        <v>0</v>
      </c>
      <c r="CV2781" s="166">
        <v>0</v>
      </c>
      <c r="CW2781" s="166">
        <v>0</v>
      </c>
      <c r="CX2781" s="166">
        <v>0</v>
      </c>
      <c r="CY2781" s="166">
        <v>0</v>
      </c>
      <c r="CZ2781" s="166">
        <v>0</v>
      </c>
    </row>
    <row r="2782" spans="1:104" x14ac:dyDescent="0.2">
      <c r="A2782" s="167" t="s">
        <v>627</v>
      </c>
      <c r="B2782" s="166">
        <v>118439124.37</v>
      </c>
      <c r="C2782" s="166">
        <v>118439124.37</v>
      </c>
      <c r="D2782" s="166">
        <v>0</v>
      </c>
      <c r="E2782" s="166">
        <v>0</v>
      </c>
      <c r="F2782" s="166">
        <v>0</v>
      </c>
      <c r="G2782" s="166">
        <v>0</v>
      </c>
      <c r="H2782" s="166">
        <v>0</v>
      </c>
      <c r="I2782" s="166">
        <v>0</v>
      </c>
      <c r="J2782" s="166">
        <v>0</v>
      </c>
      <c r="K2782" s="166">
        <v>0</v>
      </c>
      <c r="L2782" s="166">
        <v>0</v>
      </c>
      <c r="M2782" s="166">
        <v>0</v>
      </c>
      <c r="N2782" s="166">
        <v>0</v>
      </c>
      <c r="O2782" s="166">
        <v>0</v>
      </c>
      <c r="P2782" s="166">
        <v>0</v>
      </c>
      <c r="Q2782" s="166">
        <v>0</v>
      </c>
      <c r="R2782" s="166">
        <v>0</v>
      </c>
      <c r="S2782" s="166">
        <v>0</v>
      </c>
      <c r="T2782" s="166">
        <v>0</v>
      </c>
      <c r="U2782" s="166">
        <v>0</v>
      </c>
      <c r="V2782" s="166">
        <v>0</v>
      </c>
      <c r="W2782" s="166">
        <v>0</v>
      </c>
      <c r="X2782" s="166">
        <v>0</v>
      </c>
      <c r="Y2782" s="166">
        <v>0</v>
      </c>
      <c r="Z2782" s="166">
        <v>0</v>
      </c>
      <c r="AA2782" s="166">
        <v>0</v>
      </c>
      <c r="AB2782" s="166">
        <v>0</v>
      </c>
      <c r="AC2782" s="166">
        <v>0</v>
      </c>
      <c r="AD2782" s="166">
        <v>0</v>
      </c>
      <c r="AE2782" s="166">
        <v>0</v>
      </c>
      <c r="AF2782" s="166">
        <v>0</v>
      </c>
      <c r="AG2782" s="166">
        <v>0</v>
      </c>
      <c r="AH2782" s="166">
        <v>0</v>
      </c>
      <c r="AI2782" s="166">
        <v>0</v>
      </c>
      <c r="AJ2782" s="166">
        <v>0</v>
      </c>
      <c r="AK2782" s="166">
        <v>0</v>
      </c>
      <c r="AL2782" s="166">
        <v>0</v>
      </c>
      <c r="AM2782" s="166">
        <v>0</v>
      </c>
      <c r="AN2782" s="166">
        <v>0</v>
      </c>
      <c r="AO2782" s="166">
        <v>0</v>
      </c>
      <c r="AP2782" s="166">
        <v>0</v>
      </c>
      <c r="AQ2782" s="166">
        <v>0</v>
      </c>
      <c r="AR2782" s="166">
        <v>0</v>
      </c>
      <c r="AS2782" s="166">
        <v>0</v>
      </c>
      <c r="AT2782" s="166">
        <v>0</v>
      </c>
      <c r="AU2782" s="166">
        <v>0</v>
      </c>
      <c r="AV2782" s="166">
        <v>0</v>
      </c>
      <c r="AW2782" s="166">
        <v>0</v>
      </c>
      <c r="AX2782" s="166">
        <v>0</v>
      </c>
      <c r="AY2782" s="166">
        <v>0</v>
      </c>
      <c r="AZ2782" s="166">
        <v>0</v>
      </c>
      <c r="BA2782" s="166">
        <v>0</v>
      </c>
      <c r="BB2782" s="166">
        <v>0</v>
      </c>
      <c r="BC2782" s="166">
        <v>0</v>
      </c>
      <c r="BD2782" s="166">
        <v>0</v>
      </c>
      <c r="BE2782" s="166">
        <v>0</v>
      </c>
      <c r="BF2782" s="166">
        <v>0</v>
      </c>
      <c r="BG2782" s="166">
        <v>0</v>
      </c>
      <c r="BH2782" s="166">
        <v>0</v>
      </c>
      <c r="BI2782" s="166">
        <v>0</v>
      </c>
      <c r="BJ2782" s="166">
        <v>0</v>
      </c>
      <c r="BK2782" s="166">
        <v>0</v>
      </c>
      <c r="BL2782" s="166">
        <v>0</v>
      </c>
      <c r="BM2782" s="166">
        <v>0</v>
      </c>
      <c r="BN2782" s="166">
        <v>0</v>
      </c>
      <c r="BO2782" s="166">
        <v>0</v>
      </c>
      <c r="BP2782" s="166">
        <v>0</v>
      </c>
      <c r="BQ2782" s="166">
        <v>0</v>
      </c>
      <c r="BR2782" s="166">
        <v>118439124.37</v>
      </c>
      <c r="BS2782" s="166">
        <v>118439124.37</v>
      </c>
      <c r="BT2782" s="168">
        <v>0</v>
      </c>
      <c r="BU2782" s="166">
        <v>10552747.168287599</v>
      </c>
      <c r="BV2782" s="166">
        <v>118367685.249837</v>
      </c>
      <c r="BW2782" s="166">
        <v>0</v>
      </c>
      <c r="BX2782" s="166">
        <v>0</v>
      </c>
      <c r="BY2782" s="166">
        <v>0</v>
      </c>
      <c r="BZ2782" s="166">
        <v>0</v>
      </c>
      <c r="CA2782" s="166">
        <v>0</v>
      </c>
      <c r="CB2782" s="166">
        <v>0</v>
      </c>
      <c r="CC2782" s="166">
        <v>0</v>
      </c>
      <c r="CD2782" s="166">
        <v>0</v>
      </c>
      <c r="CE2782" s="166">
        <v>0</v>
      </c>
      <c r="CF2782" s="166">
        <v>0</v>
      </c>
      <c r="CG2782" s="166">
        <v>0</v>
      </c>
      <c r="CH2782" s="166">
        <v>0</v>
      </c>
      <c r="CI2782" s="166">
        <v>0</v>
      </c>
      <c r="CJ2782" s="166">
        <v>0</v>
      </c>
      <c r="CK2782" s="166">
        <v>0</v>
      </c>
      <c r="CL2782" s="166">
        <v>0</v>
      </c>
      <c r="CM2782" s="166">
        <v>0</v>
      </c>
      <c r="CN2782" s="166">
        <v>0</v>
      </c>
      <c r="CO2782" s="166">
        <v>0</v>
      </c>
      <c r="CP2782" s="166">
        <v>0</v>
      </c>
      <c r="CQ2782" s="166">
        <v>0</v>
      </c>
      <c r="CR2782" s="166">
        <v>0</v>
      </c>
      <c r="CS2782" s="166">
        <v>0</v>
      </c>
      <c r="CT2782" s="166">
        <v>0</v>
      </c>
      <c r="CU2782" s="166">
        <v>0</v>
      </c>
      <c r="CV2782" s="166">
        <v>0</v>
      </c>
      <c r="CW2782" s="166">
        <v>0</v>
      </c>
      <c r="CX2782" s="166">
        <v>0</v>
      </c>
      <c r="CY2782" s="166">
        <v>118367685.249837</v>
      </c>
      <c r="CZ2782" s="166">
        <v>118367685.249837</v>
      </c>
    </row>
    <row r="2783" spans="1:104" x14ac:dyDescent="0.2">
      <c r="A2783" s="167" t="s">
        <v>628</v>
      </c>
      <c r="B2783" s="166">
        <v>0</v>
      </c>
      <c r="C2783" s="166">
        <v>0</v>
      </c>
      <c r="D2783" s="166">
        <v>0</v>
      </c>
      <c r="E2783" s="166">
        <v>0</v>
      </c>
      <c r="F2783" s="166">
        <v>0</v>
      </c>
      <c r="G2783" s="166">
        <v>0</v>
      </c>
      <c r="H2783" s="166">
        <v>0</v>
      </c>
      <c r="I2783" s="166">
        <v>0</v>
      </c>
      <c r="J2783" s="166">
        <v>0</v>
      </c>
      <c r="K2783" s="166">
        <v>0</v>
      </c>
      <c r="L2783" s="166">
        <v>0</v>
      </c>
      <c r="M2783" s="166">
        <v>0</v>
      </c>
      <c r="N2783" s="166">
        <v>0</v>
      </c>
      <c r="O2783" s="166">
        <v>0</v>
      </c>
      <c r="P2783" s="166">
        <v>0</v>
      </c>
      <c r="Q2783" s="166">
        <v>0</v>
      </c>
      <c r="R2783" s="166">
        <v>0</v>
      </c>
      <c r="S2783" s="166">
        <v>0</v>
      </c>
      <c r="T2783" s="166">
        <v>0</v>
      </c>
      <c r="U2783" s="166">
        <v>0</v>
      </c>
      <c r="V2783" s="166">
        <v>0</v>
      </c>
      <c r="W2783" s="166">
        <v>0</v>
      </c>
      <c r="X2783" s="166">
        <v>0</v>
      </c>
      <c r="Y2783" s="166">
        <v>0</v>
      </c>
      <c r="Z2783" s="166">
        <v>0</v>
      </c>
      <c r="AA2783" s="166">
        <v>0</v>
      </c>
      <c r="AB2783" s="166">
        <v>0</v>
      </c>
      <c r="AC2783" s="166">
        <v>0</v>
      </c>
      <c r="AD2783" s="166">
        <v>0</v>
      </c>
      <c r="AE2783" s="166">
        <v>0</v>
      </c>
      <c r="AF2783" s="166">
        <v>0</v>
      </c>
      <c r="AG2783" s="166">
        <v>0</v>
      </c>
      <c r="AH2783" s="166">
        <v>0</v>
      </c>
      <c r="AI2783" s="166">
        <v>0</v>
      </c>
      <c r="AJ2783" s="166">
        <v>0</v>
      </c>
      <c r="AK2783" s="166">
        <v>0</v>
      </c>
      <c r="AL2783" s="166">
        <v>0</v>
      </c>
      <c r="AM2783" s="166">
        <v>0</v>
      </c>
      <c r="AN2783" s="166">
        <v>0</v>
      </c>
      <c r="AO2783" s="166">
        <v>0</v>
      </c>
      <c r="AP2783" s="166">
        <v>0</v>
      </c>
      <c r="AQ2783" s="166">
        <v>0</v>
      </c>
      <c r="AR2783" s="166">
        <v>0</v>
      </c>
      <c r="AS2783" s="166">
        <v>0</v>
      </c>
      <c r="AT2783" s="166">
        <v>0</v>
      </c>
      <c r="AU2783" s="166">
        <v>0</v>
      </c>
      <c r="AV2783" s="166">
        <v>0</v>
      </c>
      <c r="AW2783" s="166">
        <v>0</v>
      </c>
      <c r="AX2783" s="166">
        <v>0</v>
      </c>
      <c r="AY2783" s="166">
        <v>0</v>
      </c>
      <c r="AZ2783" s="166">
        <v>0</v>
      </c>
      <c r="BA2783" s="166">
        <v>0</v>
      </c>
      <c r="BB2783" s="166">
        <v>0</v>
      </c>
      <c r="BC2783" s="166">
        <v>0</v>
      </c>
      <c r="BD2783" s="166">
        <v>0</v>
      </c>
      <c r="BE2783" s="166">
        <v>0</v>
      </c>
      <c r="BF2783" s="166">
        <v>0</v>
      </c>
      <c r="BG2783" s="166">
        <v>0</v>
      </c>
      <c r="BH2783" s="166">
        <v>0</v>
      </c>
      <c r="BI2783" s="166">
        <v>0</v>
      </c>
      <c r="BJ2783" s="166">
        <v>0</v>
      </c>
      <c r="BK2783" s="166">
        <v>0</v>
      </c>
      <c r="BL2783" s="166">
        <v>0</v>
      </c>
      <c r="BM2783" s="166">
        <v>0</v>
      </c>
      <c r="BN2783" s="166">
        <v>0</v>
      </c>
      <c r="BO2783" s="166">
        <v>0</v>
      </c>
      <c r="BP2783" s="166">
        <v>0</v>
      </c>
      <c r="BQ2783" s="166">
        <v>0</v>
      </c>
      <c r="BR2783" s="166">
        <v>0</v>
      </c>
      <c r="BS2783" s="166">
        <v>0</v>
      </c>
      <c r="BT2783" s="168">
        <v>0</v>
      </c>
      <c r="BU2783" s="166">
        <v>0</v>
      </c>
      <c r="BV2783" s="166">
        <v>0</v>
      </c>
      <c r="BW2783" s="166">
        <v>0</v>
      </c>
      <c r="BX2783" s="166">
        <v>0</v>
      </c>
      <c r="BY2783" s="166">
        <v>0</v>
      </c>
      <c r="BZ2783" s="166">
        <v>0</v>
      </c>
      <c r="CA2783" s="166">
        <v>0</v>
      </c>
      <c r="CB2783" s="166">
        <v>0</v>
      </c>
      <c r="CC2783" s="166">
        <v>0</v>
      </c>
      <c r="CD2783" s="166">
        <v>0</v>
      </c>
      <c r="CE2783" s="166">
        <v>0</v>
      </c>
      <c r="CF2783" s="166">
        <v>0</v>
      </c>
      <c r="CG2783" s="166">
        <v>0</v>
      </c>
      <c r="CH2783" s="166">
        <v>0</v>
      </c>
      <c r="CI2783" s="166">
        <v>0</v>
      </c>
      <c r="CJ2783" s="166">
        <v>0</v>
      </c>
      <c r="CK2783" s="166">
        <v>0</v>
      </c>
      <c r="CL2783" s="166">
        <v>0</v>
      </c>
      <c r="CM2783" s="166">
        <v>0</v>
      </c>
      <c r="CN2783" s="166">
        <v>0</v>
      </c>
      <c r="CO2783" s="166">
        <v>0</v>
      </c>
      <c r="CP2783" s="166">
        <v>0</v>
      </c>
      <c r="CQ2783" s="166">
        <v>0</v>
      </c>
      <c r="CR2783" s="166">
        <v>0</v>
      </c>
      <c r="CS2783" s="166">
        <v>0</v>
      </c>
      <c r="CT2783" s="166">
        <v>0</v>
      </c>
      <c r="CU2783" s="166">
        <v>0</v>
      </c>
      <c r="CV2783" s="166">
        <v>0</v>
      </c>
      <c r="CW2783" s="166">
        <v>0</v>
      </c>
      <c r="CX2783" s="166">
        <v>0</v>
      </c>
      <c r="CY2783" s="166">
        <v>0</v>
      </c>
      <c r="CZ2783" s="166">
        <v>0</v>
      </c>
    </row>
    <row r="2784" spans="1:104" x14ac:dyDescent="0.2">
      <c r="A2784" s="167" t="s">
        <v>629</v>
      </c>
      <c r="B2784" s="166">
        <v>324661770.32092297</v>
      </c>
      <c r="C2784" s="166">
        <v>324661770.32092297</v>
      </c>
      <c r="D2784" s="166">
        <v>0</v>
      </c>
      <c r="E2784" s="166">
        <v>0</v>
      </c>
      <c r="F2784" s="166">
        <v>0</v>
      </c>
      <c r="G2784" s="166">
        <v>0</v>
      </c>
      <c r="H2784" s="166">
        <v>0</v>
      </c>
      <c r="I2784" s="166">
        <v>0</v>
      </c>
      <c r="J2784" s="166">
        <v>0</v>
      </c>
      <c r="K2784" s="166">
        <v>0</v>
      </c>
      <c r="L2784" s="166">
        <v>0</v>
      </c>
      <c r="M2784" s="166">
        <v>0</v>
      </c>
      <c r="N2784" s="166">
        <v>0</v>
      </c>
      <c r="O2784" s="166">
        <v>0</v>
      </c>
      <c r="P2784" s="166">
        <v>0</v>
      </c>
      <c r="Q2784" s="166">
        <v>0</v>
      </c>
      <c r="R2784" s="166">
        <v>0</v>
      </c>
      <c r="S2784" s="166">
        <v>0</v>
      </c>
      <c r="T2784" s="166">
        <v>0</v>
      </c>
      <c r="U2784" s="166">
        <v>0</v>
      </c>
      <c r="V2784" s="166">
        <v>0</v>
      </c>
      <c r="W2784" s="166">
        <v>0</v>
      </c>
      <c r="X2784" s="166">
        <v>0</v>
      </c>
      <c r="Y2784" s="166">
        <v>0</v>
      </c>
      <c r="Z2784" s="166">
        <v>0</v>
      </c>
      <c r="AA2784" s="166">
        <v>0</v>
      </c>
      <c r="AB2784" s="166">
        <v>0</v>
      </c>
      <c r="AC2784" s="166">
        <v>0</v>
      </c>
      <c r="AD2784" s="166">
        <v>0</v>
      </c>
      <c r="AE2784" s="166">
        <v>0</v>
      </c>
      <c r="AF2784" s="166">
        <v>0</v>
      </c>
      <c r="AG2784" s="166">
        <v>0</v>
      </c>
      <c r="AH2784" s="166">
        <v>0</v>
      </c>
      <c r="AI2784" s="166">
        <v>0</v>
      </c>
      <c r="AJ2784" s="166">
        <v>0</v>
      </c>
      <c r="AK2784" s="166">
        <v>0</v>
      </c>
      <c r="AL2784" s="166">
        <v>0</v>
      </c>
      <c r="AM2784" s="166">
        <v>0</v>
      </c>
      <c r="AN2784" s="166">
        <v>0</v>
      </c>
      <c r="AO2784" s="166">
        <v>0</v>
      </c>
      <c r="AP2784" s="166">
        <v>0</v>
      </c>
      <c r="AQ2784" s="166">
        <v>0</v>
      </c>
      <c r="AR2784" s="166">
        <v>0</v>
      </c>
      <c r="AS2784" s="166">
        <v>0</v>
      </c>
      <c r="AT2784" s="166">
        <v>0</v>
      </c>
      <c r="AU2784" s="166">
        <v>0</v>
      </c>
      <c r="AV2784" s="166">
        <v>0</v>
      </c>
      <c r="AW2784" s="166">
        <v>0</v>
      </c>
      <c r="AX2784" s="166">
        <v>-4013023.0514417398</v>
      </c>
      <c r="AY2784" s="166">
        <v>0</v>
      </c>
      <c r="AZ2784" s="166">
        <v>0</v>
      </c>
      <c r="BA2784" s="166">
        <v>0</v>
      </c>
      <c r="BB2784" s="166">
        <v>0</v>
      </c>
      <c r="BC2784" s="166">
        <v>0</v>
      </c>
      <c r="BD2784" s="166">
        <v>0</v>
      </c>
      <c r="BE2784" s="166">
        <v>0</v>
      </c>
      <c r="BF2784" s="166">
        <v>0</v>
      </c>
      <c r="BG2784" s="166">
        <v>0</v>
      </c>
      <c r="BH2784" s="166">
        <v>0</v>
      </c>
      <c r="BI2784" s="166">
        <v>0</v>
      </c>
      <c r="BJ2784" s="166">
        <v>0</v>
      </c>
      <c r="BK2784" s="166">
        <v>0</v>
      </c>
      <c r="BL2784" s="166">
        <v>0</v>
      </c>
      <c r="BM2784" s="166">
        <v>0</v>
      </c>
      <c r="BN2784" s="166">
        <v>0</v>
      </c>
      <c r="BO2784" s="166">
        <v>-4013023.0514417398</v>
      </c>
      <c r="BP2784" s="166">
        <v>0</v>
      </c>
      <c r="BQ2784" s="166">
        <v>0</v>
      </c>
      <c r="BR2784" s="166">
        <v>324661770.32092297</v>
      </c>
      <c r="BS2784" s="166">
        <v>320648747.26948202</v>
      </c>
      <c r="BT2784" s="168">
        <v>0</v>
      </c>
      <c r="BU2784" s="166">
        <v>21130655.4620631</v>
      </c>
      <c r="BV2784" s="166">
        <v>316729758.32794201</v>
      </c>
      <c r="BW2784" s="166">
        <v>0</v>
      </c>
      <c r="BX2784" s="166">
        <v>0</v>
      </c>
      <c r="BY2784" s="166">
        <v>0</v>
      </c>
      <c r="BZ2784" s="166">
        <v>0</v>
      </c>
      <c r="CA2784" s="166">
        <v>0</v>
      </c>
      <c r="CB2784" s="166">
        <v>0</v>
      </c>
      <c r="CC2784" s="166">
        <v>0</v>
      </c>
      <c r="CD2784" s="166">
        <v>0</v>
      </c>
      <c r="CE2784" s="166">
        <v>0</v>
      </c>
      <c r="CF2784" s="166">
        <v>0</v>
      </c>
      <c r="CG2784" s="166">
        <v>0</v>
      </c>
      <c r="CH2784" s="166">
        <v>-4013023.0514417398</v>
      </c>
      <c r="CI2784" s="166">
        <v>0</v>
      </c>
      <c r="CJ2784" s="166">
        <v>0</v>
      </c>
      <c r="CK2784" s="166">
        <v>0</v>
      </c>
      <c r="CL2784" s="166">
        <v>0</v>
      </c>
      <c r="CM2784" s="166">
        <v>0</v>
      </c>
      <c r="CN2784" s="166">
        <v>0</v>
      </c>
      <c r="CO2784" s="166">
        <v>0</v>
      </c>
      <c r="CP2784" s="166">
        <v>0</v>
      </c>
      <c r="CQ2784" s="166">
        <v>0</v>
      </c>
      <c r="CR2784" s="166">
        <v>0</v>
      </c>
      <c r="CS2784" s="166">
        <v>0</v>
      </c>
      <c r="CT2784" s="166">
        <v>0</v>
      </c>
      <c r="CU2784" s="166">
        <v>0</v>
      </c>
      <c r="CV2784" s="166">
        <v>-4013023.0514417398</v>
      </c>
      <c r="CW2784" s="166">
        <v>0</v>
      </c>
      <c r="CX2784" s="166">
        <v>0</v>
      </c>
      <c r="CY2784" s="166">
        <v>312716735.27649999</v>
      </c>
      <c r="CZ2784" s="166">
        <v>312716735.27649999</v>
      </c>
    </row>
    <row r="2785" spans="1:104" x14ac:dyDescent="0.2">
      <c r="A2785" s="167" t="s">
        <v>630</v>
      </c>
      <c r="B2785" s="166">
        <v>0</v>
      </c>
      <c r="C2785" s="166">
        <v>0</v>
      </c>
      <c r="D2785" s="166">
        <v>0</v>
      </c>
      <c r="E2785" s="166">
        <v>0</v>
      </c>
      <c r="F2785" s="166">
        <v>0</v>
      </c>
      <c r="G2785" s="166">
        <v>0</v>
      </c>
      <c r="H2785" s="166">
        <v>0</v>
      </c>
      <c r="I2785" s="166">
        <v>0</v>
      </c>
      <c r="J2785" s="166">
        <v>0</v>
      </c>
      <c r="K2785" s="166">
        <v>0</v>
      </c>
      <c r="L2785" s="166">
        <v>0</v>
      </c>
      <c r="M2785" s="166">
        <v>0</v>
      </c>
      <c r="N2785" s="166">
        <v>0</v>
      </c>
      <c r="O2785" s="166">
        <v>0</v>
      </c>
      <c r="P2785" s="166">
        <v>0</v>
      </c>
      <c r="Q2785" s="166">
        <v>0</v>
      </c>
      <c r="R2785" s="166">
        <v>0</v>
      </c>
      <c r="S2785" s="166">
        <v>0</v>
      </c>
      <c r="T2785" s="166">
        <v>0</v>
      </c>
      <c r="U2785" s="166">
        <v>0</v>
      </c>
      <c r="V2785" s="166">
        <v>0</v>
      </c>
      <c r="W2785" s="166">
        <v>0</v>
      </c>
      <c r="X2785" s="166">
        <v>0</v>
      </c>
      <c r="Y2785" s="166">
        <v>0</v>
      </c>
      <c r="Z2785" s="166">
        <v>0</v>
      </c>
      <c r="AA2785" s="166">
        <v>0</v>
      </c>
      <c r="AB2785" s="166">
        <v>0</v>
      </c>
      <c r="AC2785" s="166">
        <v>0</v>
      </c>
      <c r="AD2785" s="166">
        <v>0</v>
      </c>
      <c r="AE2785" s="166">
        <v>0</v>
      </c>
      <c r="AF2785" s="166">
        <v>0</v>
      </c>
      <c r="AG2785" s="166">
        <v>0</v>
      </c>
      <c r="AH2785" s="166">
        <v>0</v>
      </c>
      <c r="AI2785" s="166">
        <v>0</v>
      </c>
      <c r="AJ2785" s="166">
        <v>0</v>
      </c>
      <c r="AK2785" s="166">
        <v>0</v>
      </c>
      <c r="AL2785" s="166">
        <v>0</v>
      </c>
      <c r="AM2785" s="166">
        <v>0</v>
      </c>
      <c r="AN2785" s="166">
        <v>0</v>
      </c>
      <c r="AO2785" s="166">
        <v>0</v>
      </c>
      <c r="AP2785" s="166">
        <v>0</v>
      </c>
      <c r="AQ2785" s="166">
        <v>0</v>
      </c>
      <c r="AR2785" s="166">
        <v>0</v>
      </c>
      <c r="AS2785" s="166">
        <v>0</v>
      </c>
      <c r="AT2785" s="166">
        <v>0</v>
      </c>
      <c r="AU2785" s="166">
        <v>0</v>
      </c>
      <c r="AV2785" s="166">
        <v>0</v>
      </c>
      <c r="AW2785" s="166">
        <v>0</v>
      </c>
      <c r="AX2785" s="166">
        <v>0</v>
      </c>
      <c r="AY2785" s="166">
        <v>0</v>
      </c>
      <c r="AZ2785" s="166">
        <v>0</v>
      </c>
      <c r="BA2785" s="166">
        <v>0</v>
      </c>
      <c r="BB2785" s="166">
        <v>0</v>
      </c>
      <c r="BC2785" s="166">
        <v>0</v>
      </c>
      <c r="BD2785" s="166">
        <v>0</v>
      </c>
      <c r="BE2785" s="166">
        <v>0</v>
      </c>
      <c r="BF2785" s="166">
        <v>0</v>
      </c>
      <c r="BG2785" s="166">
        <v>0</v>
      </c>
      <c r="BH2785" s="166">
        <v>0</v>
      </c>
      <c r="BI2785" s="166">
        <v>0</v>
      </c>
      <c r="BJ2785" s="166">
        <v>0</v>
      </c>
      <c r="BK2785" s="166">
        <v>0</v>
      </c>
      <c r="BL2785" s="166">
        <v>0</v>
      </c>
      <c r="BM2785" s="166">
        <v>0</v>
      </c>
      <c r="BN2785" s="166">
        <v>0</v>
      </c>
      <c r="BO2785" s="166">
        <v>0</v>
      </c>
      <c r="BP2785" s="166">
        <v>0</v>
      </c>
      <c r="BQ2785" s="166">
        <v>0</v>
      </c>
      <c r="BR2785" s="166">
        <v>0</v>
      </c>
      <c r="BS2785" s="166">
        <v>0</v>
      </c>
      <c r="BT2785" s="168">
        <v>0</v>
      </c>
      <c r="BU2785" s="166">
        <v>0</v>
      </c>
      <c r="BV2785" s="166">
        <v>0</v>
      </c>
      <c r="BW2785" s="166">
        <v>0</v>
      </c>
      <c r="BX2785" s="166">
        <v>0</v>
      </c>
      <c r="BY2785" s="166">
        <v>0</v>
      </c>
      <c r="BZ2785" s="166">
        <v>0</v>
      </c>
      <c r="CA2785" s="166">
        <v>0</v>
      </c>
      <c r="CB2785" s="166">
        <v>0</v>
      </c>
      <c r="CC2785" s="166">
        <v>0</v>
      </c>
      <c r="CD2785" s="166">
        <v>0</v>
      </c>
      <c r="CE2785" s="166">
        <v>0</v>
      </c>
      <c r="CF2785" s="166">
        <v>0</v>
      </c>
      <c r="CG2785" s="166">
        <v>0</v>
      </c>
      <c r="CH2785" s="166">
        <v>0</v>
      </c>
      <c r="CI2785" s="166">
        <v>0</v>
      </c>
      <c r="CJ2785" s="166">
        <v>0</v>
      </c>
      <c r="CK2785" s="166">
        <v>0</v>
      </c>
      <c r="CL2785" s="166">
        <v>0</v>
      </c>
      <c r="CM2785" s="166">
        <v>0</v>
      </c>
      <c r="CN2785" s="166">
        <v>0</v>
      </c>
      <c r="CO2785" s="166">
        <v>0</v>
      </c>
      <c r="CP2785" s="166">
        <v>0</v>
      </c>
      <c r="CQ2785" s="166">
        <v>0</v>
      </c>
      <c r="CR2785" s="166">
        <v>0</v>
      </c>
      <c r="CS2785" s="166">
        <v>0</v>
      </c>
      <c r="CT2785" s="166">
        <v>0</v>
      </c>
      <c r="CU2785" s="166">
        <v>0</v>
      </c>
      <c r="CV2785" s="166">
        <v>0</v>
      </c>
      <c r="CW2785" s="166">
        <v>0</v>
      </c>
      <c r="CX2785" s="166">
        <v>0</v>
      </c>
      <c r="CY2785" s="166">
        <v>0</v>
      </c>
      <c r="CZ2785" s="166">
        <v>0</v>
      </c>
    </row>
    <row r="2786" spans="1:104" x14ac:dyDescent="0.2">
      <c r="A2786" s="167" t="s">
        <v>631</v>
      </c>
      <c r="B2786" s="166">
        <v>701007020.76054597</v>
      </c>
      <c r="C2786" s="166">
        <v>701007020.76054597</v>
      </c>
      <c r="D2786" s="166">
        <v>0</v>
      </c>
      <c r="E2786" s="166">
        <v>0</v>
      </c>
      <c r="F2786" s="166">
        <v>0</v>
      </c>
      <c r="G2786" s="166">
        <v>0</v>
      </c>
      <c r="H2786" s="166">
        <v>0</v>
      </c>
      <c r="I2786" s="166">
        <v>0</v>
      </c>
      <c r="J2786" s="166">
        <v>0</v>
      </c>
      <c r="K2786" s="166">
        <v>0</v>
      </c>
      <c r="L2786" s="166">
        <v>0</v>
      </c>
      <c r="M2786" s="166">
        <v>0</v>
      </c>
      <c r="N2786" s="166">
        <v>0</v>
      </c>
      <c r="O2786" s="166">
        <v>0</v>
      </c>
      <c r="P2786" s="166">
        <v>0</v>
      </c>
      <c r="Q2786" s="166">
        <v>0</v>
      </c>
      <c r="R2786" s="166">
        <v>0</v>
      </c>
      <c r="S2786" s="166">
        <v>0</v>
      </c>
      <c r="T2786" s="166">
        <v>0</v>
      </c>
      <c r="U2786" s="166">
        <v>0</v>
      </c>
      <c r="V2786" s="166">
        <v>0</v>
      </c>
      <c r="W2786" s="166">
        <v>0</v>
      </c>
      <c r="X2786" s="166">
        <v>0</v>
      </c>
      <c r="Y2786" s="166">
        <v>0</v>
      </c>
      <c r="Z2786" s="166">
        <v>0</v>
      </c>
      <c r="AA2786" s="166">
        <v>0</v>
      </c>
      <c r="AB2786" s="166">
        <v>0</v>
      </c>
      <c r="AC2786" s="166">
        <v>0</v>
      </c>
      <c r="AD2786" s="166">
        <v>0</v>
      </c>
      <c r="AE2786" s="166">
        <v>0</v>
      </c>
      <c r="AF2786" s="166">
        <v>0</v>
      </c>
      <c r="AG2786" s="166">
        <v>0</v>
      </c>
      <c r="AH2786" s="166">
        <v>0</v>
      </c>
      <c r="AI2786" s="166">
        <v>0</v>
      </c>
      <c r="AJ2786" s="166">
        <v>0</v>
      </c>
      <c r="AK2786" s="166">
        <v>0</v>
      </c>
      <c r="AL2786" s="166">
        <v>0</v>
      </c>
      <c r="AM2786" s="166">
        <v>0</v>
      </c>
      <c r="AN2786" s="166">
        <v>0</v>
      </c>
      <c r="AO2786" s="166">
        <v>0</v>
      </c>
      <c r="AP2786" s="166">
        <v>0</v>
      </c>
      <c r="AQ2786" s="166">
        <v>0</v>
      </c>
      <c r="AR2786" s="166">
        <v>0</v>
      </c>
      <c r="AS2786" s="166">
        <v>0</v>
      </c>
      <c r="AT2786" s="166">
        <v>0</v>
      </c>
      <c r="AU2786" s="166">
        <v>0</v>
      </c>
      <c r="AV2786" s="166">
        <v>0</v>
      </c>
      <c r="AW2786" s="166">
        <v>0</v>
      </c>
      <c r="AX2786" s="166">
        <v>-4013023.0514417398</v>
      </c>
      <c r="AY2786" s="166">
        <v>0</v>
      </c>
      <c r="AZ2786" s="166">
        <v>0</v>
      </c>
      <c r="BA2786" s="166">
        <v>0</v>
      </c>
      <c r="BB2786" s="166">
        <v>0</v>
      </c>
      <c r="BC2786" s="166">
        <v>0</v>
      </c>
      <c r="BD2786" s="166">
        <v>0</v>
      </c>
      <c r="BE2786" s="166">
        <v>0</v>
      </c>
      <c r="BF2786" s="166">
        <v>0</v>
      </c>
      <c r="BG2786" s="166">
        <v>0</v>
      </c>
      <c r="BH2786" s="166">
        <v>0</v>
      </c>
      <c r="BI2786" s="166">
        <v>0</v>
      </c>
      <c r="BJ2786" s="166">
        <v>0</v>
      </c>
      <c r="BK2786" s="166">
        <v>0</v>
      </c>
      <c r="BL2786" s="166">
        <v>0</v>
      </c>
      <c r="BM2786" s="166">
        <v>0</v>
      </c>
      <c r="BN2786" s="166">
        <v>0</v>
      </c>
      <c r="BO2786" s="166">
        <v>-4013023.0514417398</v>
      </c>
      <c r="BP2786" s="166">
        <v>0</v>
      </c>
      <c r="BQ2786" s="166">
        <v>0</v>
      </c>
      <c r="BR2786" s="166">
        <v>701007020.76054597</v>
      </c>
      <c r="BS2786" s="166">
        <v>696993997.70910501</v>
      </c>
      <c r="BT2786" s="168">
        <v>0</v>
      </c>
      <c r="BU2786" s="166">
        <v>50922971.407137997</v>
      </c>
      <c r="BV2786" s="166">
        <v>682509690.07263803</v>
      </c>
      <c r="BW2786" s="166">
        <v>0</v>
      </c>
      <c r="BX2786" s="166">
        <v>0</v>
      </c>
      <c r="BY2786" s="166">
        <v>0</v>
      </c>
      <c r="BZ2786" s="166">
        <v>0</v>
      </c>
      <c r="CA2786" s="166">
        <v>0</v>
      </c>
      <c r="CB2786" s="166">
        <v>0</v>
      </c>
      <c r="CC2786" s="166">
        <v>0</v>
      </c>
      <c r="CD2786" s="166">
        <v>0</v>
      </c>
      <c r="CE2786" s="166">
        <v>0</v>
      </c>
      <c r="CF2786" s="166">
        <v>0</v>
      </c>
      <c r="CG2786" s="166">
        <v>0</v>
      </c>
      <c r="CH2786" s="166">
        <v>-4013023.0514417398</v>
      </c>
      <c r="CI2786" s="166">
        <v>0</v>
      </c>
      <c r="CJ2786" s="166">
        <v>0</v>
      </c>
      <c r="CK2786" s="166">
        <v>0</v>
      </c>
      <c r="CL2786" s="166">
        <v>0</v>
      </c>
      <c r="CM2786" s="166">
        <v>0</v>
      </c>
      <c r="CN2786" s="166">
        <v>0</v>
      </c>
      <c r="CO2786" s="166">
        <v>0</v>
      </c>
      <c r="CP2786" s="166">
        <v>0</v>
      </c>
      <c r="CQ2786" s="166">
        <v>0</v>
      </c>
      <c r="CR2786" s="166">
        <v>0</v>
      </c>
      <c r="CS2786" s="166">
        <v>0</v>
      </c>
      <c r="CT2786" s="166">
        <v>0</v>
      </c>
      <c r="CU2786" s="166">
        <v>0</v>
      </c>
      <c r="CV2786" s="166">
        <v>-4013023.0514417398</v>
      </c>
      <c r="CW2786" s="166">
        <v>0</v>
      </c>
      <c r="CX2786" s="166">
        <v>0</v>
      </c>
      <c r="CY2786" s="166">
        <v>678496667.02119601</v>
      </c>
      <c r="CZ2786" s="166">
        <v>678496667.02119601</v>
      </c>
    </row>
    <row r="2787" spans="1:104" x14ac:dyDescent="0.2">
      <c r="A2787" s="167" t="s">
        <v>632</v>
      </c>
      <c r="B2787" s="166">
        <v>754250968.56092298</v>
      </c>
      <c r="C2787" s="166">
        <v>754250968.56092298</v>
      </c>
      <c r="D2787" s="166">
        <v>0</v>
      </c>
      <c r="E2787" s="166">
        <v>0</v>
      </c>
      <c r="F2787" s="166">
        <v>0</v>
      </c>
      <c r="G2787" s="166">
        <v>0</v>
      </c>
      <c r="H2787" s="166">
        <v>0</v>
      </c>
      <c r="I2787" s="166">
        <v>0</v>
      </c>
      <c r="J2787" s="166">
        <v>0</v>
      </c>
      <c r="K2787" s="166">
        <v>0</v>
      </c>
      <c r="L2787" s="166">
        <v>0</v>
      </c>
      <c r="M2787" s="166">
        <v>0</v>
      </c>
      <c r="N2787" s="166">
        <v>0</v>
      </c>
      <c r="O2787" s="166">
        <v>0</v>
      </c>
      <c r="P2787" s="166">
        <v>0</v>
      </c>
      <c r="Q2787" s="166">
        <v>0</v>
      </c>
      <c r="R2787" s="166">
        <v>0</v>
      </c>
      <c r="S2787" s="166">
        <v>0</v>
      </c>
      <c r="T2787" s="166">
        <v>0</v>
      </c>
      <c r="U2787" s="166">
        <v>0</v>
      </c>
      <c r="V2787" s="166">
        <v>0</v>
      </c>
      <c r="W2787" s="166">
        <v>0</v>
      </c>
      <c r="X2787" s="166">
        <v>0</v>
      </c>
      <c r="Y2787" s="166">
        <v>0</v>
      </c>
      <c r="Z2787" s="166">
        <v>0</v>
      </c>
      <c r="AA2787" s="166">
        <v>0</v>
      </c>
      <c r="AB2787" s="166">
        <v>0</v>
      </c>
      <c r="AC2787" s="166">
        <v>0</v>
      </c>
      <c r="AD2787" s="166">
        <v>0</v>
      </c>
      <c r="AE2787" s="166">
        <v>0</v>
      </c>
      <c r="AF2787" s="166">
        <v>0</v>
      </c>
      <c r="AG2787" s="166">
        <v>0</v>
      </c>
      <c r="AH2787" s="166">
        <v>0</v>
      </c>
      <c r="AI2787" s="166">
        <v>0</v>
      </c>
      <c r="AJ2787" s="166">
        <v>0</v>
      </c>
      <c r="AK2787" s="166">
        <v>0</v>
      </c>
      <c r="AL2787" s="166">
        <v>0</v>
      </c>
      <c r="AM2787" s="166">
        <v>0</v>
      </c>
      <c r="AN2787" s="166">
        <v>0</v>
      </c>
      <c r="AO2787" s="166">
        <v>0</v>
      </c>
      <c r="AP2787" s="166">
        <v>0</v>
      </c>
      <c r="AQ2787" s="166">
        <v>0</v>
      </c>
      <c r="AR2787" s="166">
        <v>0</v>
      </c>
      <c r="AS2787" s="166">
        <v>0</v>
      </c>
      <c r="AT2787" s="166">
        <v>0</v>
      </c>
      <c r="AU2787" s="166">
        <v>0</v>
      </c>
      <c r="AV2787" s="166">
        <v>0</v>
      </c>
      <c r="AW2787" s="166">
        <v>0</v>
      </c>
      <c r="AX2787" s="166">
        <v>-4013023.0514417398</v>
      </c>
      <c r="AY2787" s="166">
        <v>0</v>
      </c>
      <c r="AZ2787" s="166">
        <v>0</v>
      </c>
      <c r="BA2787" s="166">
        <v>0</v>
      </c>
      <c r="BB2787" s="166">
        <v>0</v>
      </c>
      <c r="BC2787" s="166">
        <v>0</v>
      </c>
      <c r="BD2787" s="166">
        <v>0</v>
      </c>
      <c r="BE2787" s="166">
        <v>0</v>
      </c>
      <c r="BF2787" s="166">
        <v>0</v>
      </c>
      <c r="BG2787" s="166">
        <v>0</v>
      </c>
      <c r="BH2787" s="166">
        <v>0</v>
      </c>
      <c r="BI2787" s="166">
        <v>0</v>
      </c>
      <c r="BJ2787" s="166">
        <v>0</v>
      </c>
      <c r="BK2787" s="166">
        <v>0</v>
      </c>
      <c r="BL2787" s="166">
        <v>0</v>
      </c>
      <c r="BM2787" s="166">
        <v>0</v>
      </c>
      <c r="BN2787" s="166">
        <v>0</v>
      </c>
      <c r="BO2787" s="166">
        <v>-4013023.0514417398</v>
      </c>
      <c r="BP2787" s="166">
        <v>0</v>
      </c>
      <c r="BQ2787" s="166">
        <v>0</v>
      </c>
      <c r="BR2787" s="166">
        <v>754250968.56092298</v>
      </c>
      <c r="BS2787" s="166">
        <v>750237945.50948203</v>
      </c>
      <c r="BT2787" s="168">
        <v>0</v>
      </c>
      <c r="BU2787" s="166">
        <v>54891494.8994646</v>
      </c>
      <c r="BV2787" s="166">
        <v>735753483.55062997</v>
      </c>
      <c r="BW2787" s="166">
        <v>0</v>
      </c>
      <c r="BX2787" s="166">
        <v>0</v>
      </c>
      <c r="BY2787" s="166">
        <v>0</v>
      </c>
      <c r="BZ2787" s="166">
        <v>0</v>
      </c>
      <c r="CA2787" s="166">
        <v>0</v>
      </c>
      <c r="CB2787" s="166">
        <v>0</v>
      </c>
      <c r="CC2787" s="166">
        <v>0</v>
      </c>
      <c r="CD2787" s="166">
        <v>0</v>
      </c>
      <c r="CE2787" s="166">
        <v>0</v>
      </c>
      <c r="CF2787" s="166">
        <v>0</v>
      </c>
      <c r="CG2787" s="166">
        <v>0</v>
      </c>
      <c r="CH2787" s="166">
        <v>-4013023.0514417398</v>
      </c>
      <c r="CI2787" s="166">
        <v>0</v>
      </c>
      <c r="CJ2787" s="166">
        <v>0</v>
      </c>
      <c r="CK2787" s="166">
        <v>0</v>
      </c>
      <c r="CL2787" s="166">
        <v>0</v>
      </c>
      <c r="CM2787" s="166">
        <v>0</v>
      </c>
      <c r="CN2787" s="166">
        <v>0</v>
      </c>
      <c r="CO2787" s="166">
        <v>0</v>
      </c>
      <c r="CP2787" s="166">
        <v>0</v>
      </c>
      <c r="CQ2787" s="166">
        <v>0</v>
      </c>
      <c r="CR2787" s="166">
        <v>0</v>
      </c>
      <c r="CS2787" s="166">
        <v>0</v>
      </c>
      <c r="CT2787" s="166">
        <v>0</v>
      </c>
      <c r="CU2787" s="166">
        <v>0</v>
      </c>
      <c r="CV2787" s="166">
        <v>-4013023.0514417398</v>
      </c>
      <c r="CW2787" s="166">
        <v>0</v>
      </c>
      <c r="CX2787" s="166">
        <v>0</v>
      </c>
      <c r="CY2787" s="166">
        <v>731740460.49918795</v>
      </c>
      <c r="CZ2787" s="166">
        <v>731740460.49918795</v>
      </c>
    </row>
    <row r="2788" spans="1:104" x14ac:dyDescent="0.2">
      <c r="A2788" s="167" t="s">
        <v>633</v>
      </c>
      <c r="B2788" s="166">
        <v>-53243947.800376698</v>
      </c>
      <c r="C2788" s="166">
        <v>-53243947.800376698</v>
      </c>
      <c r="D2788" s="166">
        <v>0</v>
      </c>
      <c r="E2788" s="166">
        <v>0</v>
      </c>
      <c r="F2788" s="166">
        <v>0</v>
      </c>
      <c r="G2788" s="166">
        <v>0</v>
      </c>
      <c r="H2788" s="166">
        <v>0</v>
      </c>
      <c r="I2788" s="166">
        <v>0</v>
      </c>
      <c r="J2788" s="166">
        <v>0</v>
      </c>
      <c r="K2788" s="166">
        <v>0</v>
      </c>
      <c r="L2788" s="166">
        <v>0</v>
      </c>
      <c r="M2788" s="166">
        <v>0</v>
      </c>
      <c r="N2788" s="166">
        <v>0</v>
      </c>
      <c r="O2788" s="166">
        <v>0</v>
      </c>
      <c r="P2788" s="166">
        <v>0</v>
      </c>
      <c r="Q2788" s="166">
        <v>0</v>
      </c>
      <c r="R2788" s="166">
        <v>0</v>
      </c>
      <c r="S2788" s="166">
        <v>0</v>
      </c>
      <c r="T2788" s="166">
        <v>0</v>
      </c>
      <c r="U2788" s="166">
        <v>0</v>
      </c>
      <c r="V2788" s="166">
        <v>0</v>
      </c>
      <c r="W2788" s="166">
        <v>0</v>
      </c>
      <c r="X2788" s="166">
        <v>0</v>
      </c>
      <c r="Y2788" s="166">
        <v>0</v>
      </c>
      <c r="Z2788" s="166">
        <v>0</v>
      </c>
      <c r="AA2788" s="166">
        <v>0</v>
      </c>
      <c r="AB2788" s="166">
        <v>0</v>
      </c>
      <c r="AC2788" s="166">
        <v>0</v>
      </c>
      <c r="AD2788" s="166">
        <v>0</v>
      </c>
      <c r="AE2788" s="166">
        <v>0</v>
      </c>
      <c r="AF2788" s="166">
        <v>0</v>
      </c>
      <c r="AG2788" s="166">
        <v>0</v>
      </c>
      <c r="AH2788" s="166">
        <v>0</v>
      </c>
      <c r="AI2788" s="166">
        <v>0</v>
      </c>
      <c r="AJ2788" s="166">
        <v>0</v>
      </c>
      <c r="AK2788" s="166">
        <v>0</v>
      </c>
      <c r="AL2788" s="166">
        <v>0</v>
      </c>
      <c r="AM2788" s="166">
        <v>0</v>
      </c>
      <c r="AN2788" s="166">
        <v>0</v>
      </c>
      <c r="AO2788" s="166">
        <v>0</v>
      </c>
      <c r="AP2788" s="166">
        <v>0</v>
      </c>
      <c r="AQ2788" s="166">
        <v>0</v>
      </c>
      <c r="AR2788" s="166">
        <v>0</v>
      </c>
      <c r="AS2788" s="166">
        <v>0</v>
      </c>
      <c r="AT2788" s="166">
        <v>0</v>
      </c>
      <c r="AU2788" s="166">
        <v>0</v>
      </c>
      <c r="AV2788" s="166">
        <v>0</v>
      </c>
      <c r="AW2788" s="166">
        <v>0</v>
      </c>
      <c r="AX2788" s="166">
        <v>0</v>
      </c>
      <c r="AY2788" s="166">
        <v>0</v>
      </c>
      <c r="AZ2788" s="166">
        <v>0</v>
      </c>
      <c r="BA2788" s="166">
        <v>0</v>
      </c>
      <c r="BB2788" s="166">
        <v>0</v>
      </c>
      <c r="BC2788" s="166">
        <v>0</v>
      </c>
      <c r="BD2788" s="166">
        <v>0</v>
      </c>
      <c r="BE2788" s="166">
        <v>0</v>
      </c>
      <c r="BF2788" s="166">
        <v>0</v>
      </c>
      <c r="BG2788" s="166">
        <v>0</v>
      </c>
      <c r="BH2788" s="166">
        <v>0</v>
      </c>
      <c r="BI2788" s="166">
        <v>0</v>
      </c>
      <c r="BJ2788" s="166">
        <v>0</v>
      </c>
      <c r="BK2788" s="166">
        <v>0</v>
      </c>
      <c r="BL2788" s="166">
        <v>0</v>
      </c>
      <c r="BM2788" s="166">
        <v>0</v>
      </c>
      <c r="BN2788" s="166">
        <v>0</v>
      </c>
      <c r="BO2788" s="166">
        <v>0</v>
      </c>
      <c r="BP2788" s="166">
        <v>0</v>
      </c>
      <c r="BQ2788" s="166">
        <v>0</v>
      </c>
      <c r="BR2788" s="166">
        <v>-53243947.800376698</v>
      </c>
      <c r="BS2788" s="166">
        <v>-53243947.800376803</v>
      </c>
      <c r="BT2788" s="168">
        <v>0</v>
      </c>
      <c r="BU2788" s="166">
        <v>-3968523.4923265502</v>
      </c>
      <c r="BV2788" s="166">
        <v>-53243793.477991901</v>
      </c>
      <c r="BW2788" s="166">
        <v>0</v>
      </c>
      <c r="BX2788" s="166">
        <v>0</v>
      </c>
      <c r="BY2788" s="166">
        <v>0</v>
      </c>
      <c r="BZ2788" s="166">
        <v>0</v>
      </c>
      <c r="CA2788" s="166">
        <v>0</v>
      </c>
      <c r="CB2788" s="166">
        <v>0</v>
      </c>
      <c r="CC2788" s="166">
        <v>0</v>
      </c>
      <c r="CD2788" s="166">
        <v>0</v>
      </c>
      <c r="CE2788" s="166">
        <v>0</v>
      </c>
      <c r="CF2788" s="166">
        <v>0</v>
      </c>
      <c r="CG2788" s="166">
        <v>0</v>
      </c>
      <c r="CH2788" s="166">
        <v>0</v>
      </c>
      <c r="CI2788" s="166">
        <v>0</v>
      </c>
      <c r="CJ2788" s="166">
        <v>0</v>
      </c>
      <c r="CK2788" s="166">
        <v>0</v>
      </c>
      <c r="CL2788" s="166">
        <v>0</v>
      </c>
      <c r="CM2788" s="166">
        <v>0</v>
      </c>
      <c r="CN2788" s="166">
        <v>0</v>
      </c>
      <c r="CO2788" s="166">
        <v>0</v>
      </c>
      <c r="CP2788" s="166">
        <v>0</v>
      </c>
      <c r="CQ2788" s="166">
        <v>0</v>
      </c>
      <c r="CR2788" s="166">
        <v>0</v>
      </c>
      <c r="CS2788" s="166">
        <v>0</v>
      </c>
      <c r="CT2788" s="166">
        <v>0</v>
      </c>
      <c r="CU2788" s="166">
        <v>0</v>
      </c>
      <c r="CV2788" s="166">
        <v>0</v>
      </c>
      <c r="CW2788" s="166">
        <v>0</v>
      </c>
      <c r="CX2788" s="166">
        <v>0</v>
      </c>
      <c r="CY2788" s="166">
        <v>-53243793.477991797</v>
      </c>
      <c r="CZ2788" s="166">
        <v>-53243793.477991901</v>
      </c>
    </row>
    <row r="2789" spans="1:104" x14ac:dyDescent="0.2">
      <c r="A2789" s="167" t="s">
        <v>634</v>
      </c>
      <c r="B2789" s="166">
        <v>0</v>
      </c>
      <c r="C2789" s="166">
        <v>0</v>
      </c>
      <c r="D2789" s="166">
        <v>0</v>
      </c>
      <c r="E2789" s="166">
        <v>0</v>
      </c>
      <c r="F2789" s="166">
        <v>0</v>
      </c>
      <c r="G2789" s="166">
        <v>0</v>
      </c>
      <c r="H2789" s="166">
        <v>0</v>
      </c>
      <c r="I2789" s="166">
        <v>0</v>
      </c>
      <c r="J2789" s="166">
        <v>0</v>
      </c>
      <c r="K2789" s="166">
        <v>0</v>
      </c>
      <c r="L2789" s="166">
        <v>0</v>
      </c>
      <c r="M2789" s="166">
        <v>0</v>
      </c>
      <c r="N2789" s="166">
        <v>0</v>
      </c>
      <c r="O2789" s="166">
        <v>0</v>
      </c>
      <c r="P2789" s="166">
        <v>0</v>
      </c>
      <c r="Q2789" s="166">
        <v>0</v>
      </c>
      <c r="R2789" s="166">
        <v>0</v>
      </c>
      <c r="S2789" s="166">
        <v>0</v>
      </c>
      <c r="T2789" s="166">
        <v>0</v>
      </c>
      <c r="U2789" s="166">
        <v>0</v>
      </c>
      <c r="V2789" s="166">
        <v>0</v>
      </c>
      <c r="W2789" s="166">
        <v>0</v>
      </c>
      <c r="X2789" s="166">
        <v>0</v>
      </c>
      <c r="Y2789" s="166">
        <v>0</v>
      </c>
      <c r="Z2789" s="166">
        <v>0</v>
      </c>
      <c r="AA2789" s="166">
        <v>0</v>
      </c>
      <c r="AB2789" s="166">
        <v>0</v>
      </c>
      <c r="AC2789" s="166">
        <v>0</v>
      </c>
      <c r="AD2789" s="166">
        <v>0</v>
      </c>
      <c r="AE2789" s="166">
        <v>0</v>
      </c>
      <c r="AF2789" s="166">
        <v>0</v>
      </c>
      <c r="AG2789" s="166">
        <v>0</v>
      </c>
      <c r="AH2789" s="166">
        <v>0</v>
      </c>
      <c r="AI2789" s="166">
        <v>0</v>
      </c>
      <c r="AJ2789" s="166">
        <v>0</v>
      </c>
      <c r="AK2789" s="166">
        <v>0</v>
      </c>
      <c r="AL2789" s="166">
        <v>0</v>
      </c>
      <c r="AM2789" s="166">
        <v>0</v>
      </c>
      <c r="AN2789" s="166">
        <v>0</v>
      </c>
      <c r="AO2789" s="166">
        <v>0</v>
      </c>
      <c r="AP2789" s="166">
        <v>0</v>
      </c>
      <c r="AQ2789" s="166">
        <v>0</v>
      </c>
      <c r="AR2789" s="166">
        <v>0</v>
      </c>
      <c r="AS2789" s="166">
        <v>0</v>
      </c>
      <c r="AT2789" s="166">
        <v>0</v>
      </c>
      <c r="AU2789" s="166">
        <v>0</v>
      </c>
      <c r="AV2789" s="166">
        <v>0</v>
      </c>
      <c r="AW2789" s="166">
        <v>0</v>
      </c>
      <c r="AX2789" s="166">
        <v>0</v>
      </c>
      <c r="AY2789" s="166">
        <v>0</v>
      </c>
      <c r="AZ2789" s="166">
        <v>0</v>
      </c>
      <c r="BA2789" s="166">
        <v>0</v>
      </c>
      <c r="BB2789" s="166">
        <v>0</v>
      </c>
      <c r="BC2789" s="166">
        <v>0</v>
      </c>
      <c r="BD2789" s="166">
        <v>0</v>
      </c>
      <c r="BE2789" s="166">
        <v>0</v>
      </c>
      <c r="BF2789" s="166">
        <v>0</v>
      </c>
      <c r="BG2789" s="166">
        <v>0</v>
      </c>
      <c r="BH2789" s="166">
        <v>0</v>
      </c>
      <c r="BI2789" s="166">
        <v>0</v>
      </c>
      <c r="BJ2789" s="166">
        <v>0</v>
      </c>
      <c r="BK2789" s="166">
        <v>0</v>
      </c>
      <c r="BL2789" s="166">
        <v>0</v>
      </c>
      <c r="BM2789" s="166">
        <v>0</v>
      </c>
      <c r="BN2789" s="166">
        <v>0</v>
      </c>
      <c r="BO2789" s="166">
        <v>0</v>
      </c>
      <c r="BP2789" s="166">
        <v>0</v>
      </c>
      <c r="BQ2789" s="166">
        <v>0</v>
      </c>
      <c r="BR2789" s="166">
        <v>0</v>
      </c>
      <c r="BS2789" s="166">
        <v>0</v>
      </c>
      <c r="BT2789" s="168">
        <v>0</v>
      </c>
      <c r="BU2789" s="166">
        <v>0</v>
      </c>
      <c r="BV2789" s="166">
        <v>0</v>
      </c>
      <c r="BW2789" s="166">
        <v>0</v>
      </c>
      <c r="BX2789" s="166">
        <v>0</v>
      </c>
      <c r="BY2789" s="166">
        <v>0</v>
      </c>
      <c r="BZ2789" s="166">
        <v>0</v>
      </c>
      <c r="CA2789" s="166">
        <v>0</v>
      </c>
      <c r="CB2789" s="166">
        <v>0</v>
      </c>
      <c r="CC2789" s="166">
        <v>0</v>
      </c>
      <c r="CD2789" s="166">
        <v>0</v>
      </c>
      <c r="CE2789" s="166">
        <v>0</v>
      </c>
      <c r="CF2789" s="166">
        <v>0</v>
      </c>
      <c r="CG2789" s="166">
        <v>0</v>
      </c>
      <c r="CH2789" s="166">
        <v>0</v>
      </c>
      <c r="CI2789" s="166">
        <v>0</v>
      </c>
      <c r="CJ2789" s="166">
        <v>0</v>
      </c>
      <c r="CK2789" s="166">
        <v>0</v>
      </c>
      <c r="CL2789" s="166">
        <v>0</v>
      </c>
      <c r="CM2789" s="166">
        <v>0</v>
      </c>
      <c r="CN2789" s="166">
        <v>0</v>
      </c>
      <c r="CO2789" s="166">
        <v>0</v>
      </c>
      <c r="CP2789" s="166">
        <v>0</v>
      </c>
      <c r="CQ2789" s="166">
        <v>0</v>
      </c>
      <c r="CR2789" s="166">
        <v>0</v>
      </c>
      <c r="CS2789" s="166">
        <v>0</v>
      </c>
      <c r="CT2789" s="166">
        <v>0</v>
      </c>
      <c r="CU2789" s="166">
        <v>0</v>
      </c>
      <c r="CV2789" s="166">
        <v>0</v>
      </c>
      <c r="CW2789" s="166">
        <v>0</v>
      </c>
      <c r="CX2789" s="166">
        <v>0</v>
      </c>
      <c r="CY2789" s="166">
        <v>0</v>
      </c>
      <c r="CZ2789" s="166">
        <v>0</v>
      </c>
    </row>
    <row r="2790" spans="1:104" x14ac:dyDescent="0.2">
      <c r="A2790" s="167" t="s">
        <v>635</v>
      </c>
      <c r="B2790" s="166">
        <v>0</v>
      </c>
      <c r="C2790" s="166">
        <v>0</v>
      </c>
      <c r="D2790" s="166">
        <v>0</v>
      </c>
      <c r="E2790" s="166">
        <v>0</v>
      </c>
      <c r="F2790" s="166">
        <v>0</v>
      </c>
      <c r="G2790" s="166">
        <v>0</v>
      </c>
      <c r="H2790" s="166">
        <v>0</v>
      </c>
      <c r="I2790" s="166">
        <v>0</v>
      </c>
      <c r="J2790" s="166">
        <v>0</v>
      </c>
      <c r="K2790" s="166">
        <v>0</v>
      </c>
      <c r="L2790" s="166">
        <v>0</v>
      </c>
      <c r="M2790" s="166">
        <v>0</v>
      </c>
      <c r="N2790" s="166">
        <v>0</v>
      </c>
      <c r="O2790" s="166">
        <v>0</v>
      </c>
      <c r="P2790" s="166">
        <v>0</v>
      </c>
      <c r="Q2790" s="166">
        <v>0</v>
      </c>
      <c r="R2790" s="166">
        <v>0</v>
      </c>
      <c r="S2790" s="166">
        <v>0</v>
      </c>
      <c r="T2790" s="166">
        <v>0</v>
      </c>
      <c r="U2790" s="166">
        <v>0</v>
      </c>
      <c r="V2790" s="166">
        <v>0</v>
      </c>
      <c r="W2790" s="166">
        <v>0</v>
      </c>
      <c r="X2790" s="166">
        <v>0</v>
      </c>
      <c r="Y2790" s="166">
        <v>0</v>
      </c>
      <c r="Z2790" s="166">
        <v>0</v>
      </c>
      <c r="AA2790" s="166">
        <v>0</v>
      </c>
      <c r="AB2790" s="166">
        <v>0</v>
      </c>
      <c r="AC2790" s="166">
        <v>0</v>
      </c>
      <c r="AD2790" s="166">
        <v>0</v>
      </c>
      <c r="AE2790" s="166">
        <v>0</v>
      </c>
      <c r="AF2790" s="166">
        <v>0</v>
      </c>
      <c r="AG2790" s="166">
        <v>0</v>
      </c>
      <c r="AH2790" s="166">
        <v>0</v>
      </c>
      <c r="AI2790" s="166">
        <v>0</v>
      </c>
      <c r="AJ2790" s="166">
        <v>0</v>
      </c>
      <c r="AK2790" s="166">
        <v>0</v>
      </c>
      <c r="AL2790" s="166">
        <v>0</v>
      </c>
      <c r="AM2790" s="166">
        <v>0</v>
      </c>
      <c r="AN2790" s="166">
        <v>0</v>
      </c>
      <c r="AO2790" s="166">
        <v>0</v>
      </c>
      <c r="AP2790" s="166">
        <v>0</v>
      </c>
      <c r="AQ2790" s="166">
        <v>0</v>
      </c>
      <c r="AR2790" s="166">
        <v>0</v>
      </c>
      <c r="AS2790" s="166">
        <v>0</v>
      </c>
      <c r="AT2790" s="166">
        <v>0</v>
      </c>
      <c r="AU2790" s="166">
        <v>0</v>
      </c>
      <c r="AV2790" s="166">
        <v>0</v>
      </c>
      <c r="AW2790" s="166">
        <v>0</v>
      </c>
      <c r="AX2790" s="166">
        <v>0</v>
      </c>
      <c r="AY2790" s="166">
        <v>0</v>
      </c>
      <c r="AZ2790" s="166">
        <v>0</v>
      </c>
      <c r="BA2790" s="166">
        <v>0</v>
      </c>
      <c r="BB2790" s="166">
        <v>0</v>
      </c>
      <c r="BC2790" s="166">
        <v>0</v>
      </c>
      <c r="BD2790" s="166">
        <v>0</v>
      </c>
      <c r="BE2790" s="166">
        <v>0</v>
      </c>
      <c r="BF2790" s="166">
        <v>0</v>
      </c>
      <c r="BG2790" s="166">
        <v>0</v>
      </c>
      <c r="BH2790" s="166">
        <v>0</v>
      </c>
      <c r="BI2790" s="166">
        <v>0</v>
      </c>
      <c r="BJ2790" s="166">
        <v>0</v>
      </c>
      <c r="BK2790" s="166">
        <v>0</v>
      </c>
      <c r="BL2790" s="166">
        <v>0</v>
      </c>
      <c r="BM2790" s="166">
        <v>0</v>
      </c>
      <c r="BN2790" s="166">
        <v>0</v>
      </c>
      <c r="BO2790" s="166">
        <v>0</v>
      </c>
      <c r="BP2790" s="166">
        <v>0</v>
      </c>
      <c r="BQ2790" s="166">
        <v>0</v>
      </c>
      <c r="BR2790" s="166">
        <v>0</v>
      </c>
      <c r="BS2790" s="166">
        <v>0</v>
      </c>
      <c r="BT2790" s="168">
        <v>0</v>
      </c>
      <c r="BU2790" s="166">
        <v>0</v>
      </c>
      <c r="BV2790" s="166">
        <v>0</v>
      </c>
      <c r="BW2790" s="166">
        <v>0</v>
      </c>
      <c r="BX2790" s="166">
        <v>0</v>
      </c>
      <c r="BY2790" s="166">
        <v>0</v>
      </c>
      <c r="BZ2790" s="166">
        <v>0</v>
      </c>
      <c r="CA2790" s="166">
        <v>0</v>
      </c>
      <c r="CB2790" s="166">
        <v>0</v>
      </c>
      <c r="CC2790" s="166">
        <v>0</v>
      </c>
      <c r="CD2790" s="166">
        <v>0</v>
      </c>
      <c r="CE2790" s="166">
        <v>0</v>
      </c>
      <c r="CF2790" s="166">
        <v>0</v>
      </c>
      <c r="CG2790" s="166">
        <v>0</v>
      </c>
      <c r="CH2790" s="166">
        <v>0</v>
      </c>
      <c r="CI2790" s="166">
        <v>0</v>
      </c>
      <c r="CJ2790" s="166">
        <v>0</v>
      </c>
      <c r="CK2790" s="166">
        <v>0</v>
      </c>
      <c r="CL2790" s="166">
        <v>0</v>
      </c>
      <c r="CM2790" s="166">
        <v>0</v>
      </c>
      <c r="CN2790" s="166">
        <v>0</v>
      </c>
      <c r="CO2790" s="166">
        <v>0</v>
      </c>
      <c r="CP2790" s="166">
        <v>0</v>
      </c>
      <c r="CQ2790" s="166">
        <v>0</v>
      </c>
      <c r="CR2790" s="166">
        <v>0</v>
      </c>
      <c r="CS2790" s="166">
        <v>0</v>
      </c>
      <c r="CT2790" s="166">
        <v>0</v>
      </c>
      <c r="CU2790" s="166">
        <v>0</v>
      </c>
      <c r="CV2790" s="166">
        <v>0</v>
      </c>
      <c r="CW2790" s="166">
        <v>0</v>
      </c>
      <c r="CX2790" s="166">
        <v>0</v>
      </c>
      <c r="CY2790" s="166">
        <v>0</v>
      </c>
      <c r="CZ2790" s="166">
        <v>0</v>
      </c>
    </row>
    <row r="2791" spans="1:104" x14ac:dyDescent="0.2">
      <c r="A2791" s="167" t="s">
        <v>636</v>
      </c>
      <c r="B2791" s="166">
        <v>3943629.58</v>
      </c>
      <c r="C2791" s="166">
        <v>3943629.58</v>
      </c>
      <c r="D2791" s="166">
        <v>0</v>
      </c>
      <c r="E2791" s="166">
        <v>0</v>
      </c>
      <c r="F2791" s="166">
        <v>0</v>
      </c>
      <c r="G2791" s="166">
        <v>0</v>
      </c>
      <c r="H2791" s="166">
        <v>0</v>
      </c>
      <c r="I2791" s="166">
        <v>0</v>
      </c>
      <c r="J2791" s="166">
        <v>0</v>
      </c>
      <c r="K2791" s="166">
        <v>0</v>
      </c>
      <c r="L2791" s="166">
        <v>0</v>
      </c>
      <c r="M2791" s="166">
        <v>0</v>
      </c>
      <c r="N2791" s="166">
        <v>0</v>
      </c>
      <c r="O2791" s="166">
        <v>0</v>
      </c>
      <c r="P2791" s="166">
        <v>0</v>
      </c>
      <c r="Q2791" s="166">
        <v>0</v>
      </c>
      <c r="R2791" s="166">
        <v>0</v>
      </c>
      <c r="S2791" s="166">
        <v>0</v>
      </c>
      <c r="T2791" s="166">
        <v>0</v>
      </c>
      <c r="U2791" s="166">
        <v>-3943629.58</v>
      </c>
      <c r="V2791" s="166">
        <v>0</v>
      </c>
      <c r="W2791" s="166">
        <v>0</v>
      </c>
      <c r="X2791" s="166">
        <v>0</v>
      </c>
      <c r="Y2791" s="166">
        <v>0</v>
      </c>
      <c r="Z2791" s="166">
        <v>0</v>
      </c>
      <c r="AA2791" s="166">
        <v>0</v>
      </c>
      <c r="AB2791" s="166">
        <v>0</v>
      </c>
      <c r="AC2791" s="166">
        <v>0</v>
      </c>
      <c r="AD2791" s="166">
        <v>0</v>
      </c>
      <c r="AE2791" s="166">
        <v>0</v>
      </c>
      <c r="AF2791" s="166">
        <v>0</v>
      </c>
      <c r="AG2791" s="166">
        <v>0</v>
      </c>
      <c r="AH2791" s="166">
        <v>0</v>
      </c>
      <c r="AI2791" s="166">
        <v>0</v>
      </c>
      <c r="AJ2791" s="166">
        <v>0</v>
      </c>
      <c r="AK2791" s="166">
        <v>0</v>
      </c>
      <c r="AL2791" s="166">
        <v>0</v>
      </c>
      <c r="AM2791" s="166">
        <v>0</v>
      </c>
      <c r="AN2791" s="166">
        <v>0</v>
      </c>
      <c r="AO2791" s="166">
        <v>0</v>
      </c>
      <c r="AP2791" s="166">
        <v>0</v>
      </c>
      <c r="AQ2791" s="166">
        <v>0</v>
      </c>
      <c r="AR2791" s="166">
        <v>0</v>
      </c>
      <c r="AS2791" s="166">
        <v>0</v>
      </c>
      <c r="AT2791" s="166">
        <v>0</v>
      </c>
      <c r="AU2791" s="166">
        <v>0</v>
      </c>
      <c r="AV2791" s="166">
        <v>0</v>
      </c>
      <c r="AW2791" s="166">
        <v>0</v>
      </c>
      <c r="AX2791" s="166">
        <v>0</v>
      </c>
      <c r="AY2791" s="166">
        <v>0</v>
      </c>
      <c r="AZ2791" s="166">
        <v>0</v>
      </c>
      <c r="BA2791" s="166">
        <v>0</v>
      </c>
      <c r="BB2791" s="166">
        <v>0</v>
      </c>
      <c r="BC2791" s="166">
        <v>0</v>
      </c>
      <c r="BD2791" s="166">
        <v>0</v>
      </c>
      <c r="BE2791" s="166">
        <v>0</v>
      </c>
      <c r="BF2791" s="166">
        <v>0</v>
      </c>
      <c r="BG2791" s="166">
        <v>0</v>
      </c>
      <c r="BH2791" s="166">
        <v>0</v>
      </c>
      <c r="BI2791" s="166">
        <v>-3943629.58</v>
      </c>
      <c r="BJ2791" s="166">
        <v>0</v>
      </c>
      <c r="BK2791" s="166">
        <v>0</v>
      </c>
      <c r="BL2791" s="166">
        <v>0</v>
      </c>
      <c r="BM2791" s="166">
        <v>0</v>
      </c>
      <c r="BN2791" s="166">
        <v>0</v>
      </c>
      <c r="BO2791" s="166">
        <v>0</v>
      </c>
      <c r="BP2791" s="166">
        <v>0</v>
      </c>
      <c r="BQ2791" s="166">
        <v>0</v>
      </c>
      <c r="BR2791" s="166">
        <v>3943629.58</v>
      </c>
      <c r="BS2791" s="166">
        <v>0</v>
      </c>
      <c r="BT2791" s="168">
        <v>0</v>
      </c>
      <c r="BU2791" s="166">
        <v>224205.14911923499</v>
      </c>
      <c r="BV2791" s="166">
        <v>3943622.1769821602</v>
      </c>
      <c r="BW2791" s="166">
        <v>0</v>
      </c>
      <c r="BX2791" s="166">
        <v>0</v>
      </c>
      <c r="BY2791" s="166">
        <v>0</v>
      </c>
      <c r="BZ2791" s="166">
        <v>0</v>
      </c>
      <c r="CA2791" s="166">
        <v>0</v>
      </c>
      <c r="CB2791" s="166">
        <v>-3943622.1769821602</v>
      </c>
      <c r="CC2791" s="166">
        <v>0</v>
      </c>
      <c r="CD2791" s="166">
        <v>0</v>
      </c>
      <c r="CE2791" s="166">
        <v>0</v>
      </c>
      <c r="CF2791" s="166">
        <v>0</v>
      </c>
      <c r="CG2791" s="166">
        <v>0</v>
      </c>
      <c r="CH2791" s="166">
        <v>0</v>
      </c>
      <c r="CI2791" s="166">
        <v>0</v>
      </c>
      <c r="CJ2791" s="166">
        <v>0</v>
      </c>
      <c r="CK2791" s="166">
        <v>0</v>
      </c>
      <c r="CL2791" s="166">
        <v>0</v>
      </c>
      <c r="CM2791" s="166">
        <v>0</v>
      </c>
      <c r="CN2791" s="166">
        <v>0</v>
      </c>
      <c r="CO2791" s="166">
        <v>0</v>
      </c>
      <c r="CP2791" s="166">
        <v>-3943622.1769821602</v>
      </c>
      <c r="CQ2791" s="166">
        <v>0</v>
      </c>
      <c r="CR2791" s="166">
        <v>0</v>
      </c>
      <c r="CS2791" s="166">
        <v>0</v>
      </c>
      <c r="CT2791" s="166">
        <v>0</v>
      </c>
      <c r="CU2791" s="166">
        <v>0</v>
      </c>
      <c r="CV2791" s="166">
        <v>0</v>
      </c>
      <c r="CW2791" s="166">
        <v>0</v>
      </c>
      <c r="CX2791" s="166">
        <v>0</v>
      </c>
      <c r="CY2791" s="166">
        <v>0</v>
      </c>
      <c r="CZ2791" s="166">
        <v>0</v>
      </c>
    </row>
    <row r="2792" spans="1:104" x14ac:dyDescent="0.2">
      <c r="A2792" s="167" t="s">
        <v>637</v>
      </c>
      <c r="B2792" s="166">
        <v>7610510.7599999998</v>
      </c>
      <c r="C2792" s="166">
        <v>7610510.7599999998</v>
      </c>
      <c r="D2792" s="166">
        <v>0</v>
      </c>
      <c r="E2792" s="166">
        <v>0</v>
      </c>
      <c r="F2792" s="166">
        <v>0</v>
      </c>
      <c r="G2792" s="166">
        <v>0</v>
      </c>
      <c r="H2792" s="166">
        <v>0</v>
      </c>
      <c r="I2792" s="166">
        <v>0</v>
      </c>
      <c r="J2792" s="166">
        <v>0</v>
      </c>
      <c r="K2792" s="166">
        <v>0</v>
      </c>
      <c r="L2792" s="166">
        <v>0</v>
      </c>
      <c r="M2792" s="166">
        <v>0</v>
      </c>
      <c r="N2792" s="166">
        <v>0</v>
      </c>
      <c r="O2792" s="166">
        <v>0</v>
      </c>
      <c r="P2792" s="166">
        <v>0</v>
      </c>
      <c r="Q2792" s="166">
        <v>0</v>
      </c>
      <c r="R2792" s="166">
        <v>0</v>
      </c>
      <c r="S2792" s="166">
        <v>0</v>
      </c>
      <c r="T2792" s="166">
        <v>0</v>
      </c>
      <c r="U2792" s="166">
        <v>-7610510.7599999998</v>
      </c>
      <c r="V2792" s="166">
        <v>0</v>
      </c>
      <c r="W2792" s="166">
        <v>0</v>
      </c>
      <c r="X2792" s="166">
        <v>0</v>
      </c>
      <c r="Y2792" s="166">
        <v>0</v>
      </c>
      <c r="Z2792" s="166">
        <v>0</v>
      </c>
      <c r="AA2792" s="166">
        <v>0</v>
      </c>
      <c r="AB2792" s="166">
        <v>0</v>
      </c>
      <c r="AC2792" s="166">
        <v>0</v>
      </c>
      <c r="AD2792" s="166">
        <v>0</v>
      </c>
      <c r="AE2792" s="166">
        <v>0</v>
      </c>
      <c r="AF2792" s="166">
        <v>0</v>
      </c>
      <c r="AG2792" s="166">
        <v>0</v>
      </c>
      <c r="AH2792" s="166">
        <v>0</v>
      </c>
      <c r="AI2792" s="166">
        <v>0</v>
      </c>
      <c r="AJ2792" s="166">
        <v>0</v>
      </c>
      <c r="AK2792" s="166">
        <v>0</v>
      </c>
      <c r="AL2792" s="166">
        <v>0</v>
      </c>
      <c r="AM2792" s="166">
        <v>0</v>
      </c>
      <c r="AN2792" s="166">
        <v>0</v>
      </c>
      <c r="AO2792" s="166">
        <v>0</v>
      </c>
      <c r="AP2792" s="166">
        <v>0</v>
      </c>
      <c r="AQ2792" s="166">
        <v>0</v>
      </c>
      <c r="AR2792" s="166">
        <v>0</v>
      </c>
      <c r="AS2792" s="166">
        <v>0</v>
      </c>
      <c r="AT2792" s="166">
        <v>0</v>
      </c>
      <c r="AU2792" s="166">
        <v>0</v>
      </c>
      <c r="AV2792" s="166">
        <v>0</v>
      </c>
      <c r="AW2792" s="166">
        <v>0</v>
      </c>
      <c r="AX2792" s="166">
        <v>0</v>
      </c>
      <c r="AY2792" s="166">
        <v>0</v>
      </c>
      <c r="AZ2792" s="166">
        <v>0</v>
      </c>
      <c r="BA2792" s="166">
        <v>0</v>
      </c>
      <c r="BB2792" s="166">
        <v>0</v>
      </c>
      <c r="BC2792" s="166">
        <v>0</v>
      </c>
      <c r="BD2792" s="166">
        <v>0</v>
      </c>
      <c r="BE2792" s="166">
        <v>0</v>
      </c>
      <c r="BF2792" s="166">
        <v>0</v>
      </c>
      <c r="BG2792" s="166">
        <v>0</v>
      </c>
      <c r="BH2792" s="166">
        <v>0</v>
      </c>
      <c r="BI2792" s="166">
        <v>-7610510.7599999998</v>
      </c>
      <c r="BJ2792" s="166">
        <v>0</v>
      </c>
      <c r="BK2792" s="166">
        <v>0</v>
      </c>
      <c r="BL2792" s="166">
        <v>0</v>
      </c>
      <c r="BM2792" s="166">
        <v>0</v>
      </c>
      <c r="BN2792" s="166">
        <v>0</v>
      </c>
      <c r="BO2792" s="166">
        <v>0</v>
      </c>
      <c r="BP2792" s="166">
        <v>0</v>
      </c>
      <c r="BQ2792" s="166">
        <v>0</v>
      </c>
      <c r="BR2792" s="166">
        <v>7610510.7599999998</v>
      </c>
      <c r="BS2792" s="166">
        <v>0</v>
      </c>
      <c r="BT2792" s="168">
        <v>0</v>
      </c>
      <c r="BU2792" s="166">
        <v>634205.88483299303</v>
      </c>
      <c r="BV2792" s="166">
        <v>7610474.8179760799</v>
      </c>
      <c r="BW2792" s="166">
        <v>0</v>
      </c>
      <c r="BX2792" s="166">
        <v>0</v>
      </c>
      <c r="BY2792" s="166">
        <v>0</v>
      </c>
      <c r="BZ2792" s="166">
        <v>0</v>
      </c>
      <c r="CA2792" s="166">
        <v>0</v>
      </c>
      <c r="CB2792" s="166">
        <v>-7610474.8179760799</v>
      </c>
      <c r="CC2792" s="166">
        <v>0</v>
      </c>
      <c r="CD2792" s="166">
        <v>0</v>
      </c>
      <c r="CE2792" s="166">
        <v>0</v>
      </c>
      <c r="CF2792" s="166">
        <v>0</v>
      </c>
      <c r="CG2792" s="166">
        <v>0</v>
      </c>
      <c r="CH2792" s="166">
        <v>0</v>
      </c>
      <c r="CI2792" s="166">
        <v>0</v>
      </c>
      <c r="CJ2792" s="166">
        <v>0</v>
      </c>
      <c r="CK2792" s="166">
        <v>0</v>
      </c>
      <c r="CL2792" s="166">
        <v>0</v>
      </c>
      <c r="CM2792" s="166">
        <v>0</v>
      </c>
      <c r="CN2792" s="166">
        <v>0</v>
      </c>
      <c r="CO2792" s="166">
        <v>0</v>
      </c>
      <c r="CP2792" s="166">
        <v>-7610474.8179760799</v>
      </c>
      <c r="CQ2792" s="166">
        <v>0</v>
      </c>
      <c r="CR2792" s="166">
        <v>0</v>
      </c>
      <c r="CS2792" s="166">
        <v>0</v>
      </c>
      <c r="CT2792" s="166">
        <v>0</v>
      </c>
      <c r="CU2792" s="166">
        <v>0</v>
      </c>
      <c r="CV2792" s="166">
        <v>0</v>
      </c>
      <c r="CW2792" s="166">
        <v>0</v>
      </c>
      <c r="CX2792" s="166">
        <v>0</v>
      </c>
      <c r="CY2792" s="166">
        <v>0</v>
      </c>
      <c r="CZ2792" s="166">
        <v>0</v>
      </c>
    </row>
    <row r="2793" spans="1:104" x14ac:dyDescent="0.2">
      <c r="A2793" s="167" t="s">
        <v>638</v>
      </c>
      <c r="B2793" s="166">
        <v>0</v>
      </c>
      <c r="C2793" s="166">
        <v>0</v>
      </c>
      <c r="D2793" s="166">
        <v>0</v>
      </c>
      <c r="E2793" s="166">
        <v>0</v>
      </c>
      <c r="F2793" s="166">
        <v>0</v>
      </c>
      <c r="G2793" s="166">
        <v>0</v>
      </c>
      <c r="H2793" s="166">
        <v>0</v>
      </c>
      <c r="I2793" s="166">
        <v>0</v>
      </c>
      <c r="J2793" s="166">
        <v>0</v>
      </c>
      <c r="K2793" s="166">
        <v>0</v>
      </c>
      <c r="L2793" s="166">
        <v>0</v>
      </c>
      <c r="M2793" s="166">
        <v>0</v>
      </c>
      <c r="N2793" s="166">
        <v>0</v>
      </c>
      <c r="O2793" s="166">
        <v>0</v>
      </c>
      <c r="P2793" s="166">
        <v>0</v>
      </c>
      <c r="Q2793" s="166">
        <v>0</v>
      </c>
      <c r="R2793" s="166">
        <v>0</v>
      </c>
      <c r="S2793" s="166">
        <v>0</v>
      </c>
      <c r="T2793" s="166">
        <v>0</v>
      </c>
      <c r="U2793" s="166">
        <v>0</v>
      </c>
      <c r="V2793" s="166">
        <v>0</v>
      </c>
      <c r="W2793" s="166">
        <v>0</v>
      </c>
      <c r="X2793" s="166">
        <v>0</v>
      </c>
      <c r="Y2793" s="166">
        <v>0</v>
      </c>
      <c r="Z2793" s="166">
        <v>0</v>
      </c>
      <c r="AA2793" s="166">
        <v>0</v>
      </c>
      <c r="AB2793" s="166">
        <v>0</v>
      </c>
      <c r="AC2793" s="166">
        <v>0</v>
      </c>
      <c r="AD2793" s="166">
        <v>0</v>
      </c>
      <c r="AE2793" s="166">
        <v>0</v>
      </c>
      <c r="AF2793" s="166">
        <v>0</v>
      </c>
      <c r="AG2793" s="166">
        <v>0</v>
      </c>
      <c r="AH2793" s="166">
        <v>0</v>
      </c>
      <c r="AI2793" s="166">
        <v>0</v>
      </c>
      <c r="AJ2793" s="166">
        <v>0</v>
      </c>
      <c r="AK2793" s="166">
        <v>0</v>
      </c>
      <c r="AL2793" s="166">
        <v>0</v>
      </c>
      <c r="AM2793" s="166">
        <v>0</v>
      </c>
      <c r="AN2793" s="166">
        <v>0</v>
      </c>
      <c r="AO2793" s="166">
        <v>0</v>
      </c>
      <c r="AP2793" s="166">
        <v>0</v>
      </c>
      <c r="AQ2793" s="166">
        <v>0</v>
      </c>
      <c r="AR2793" s="166">
        <v>0</v>
      </c>
      <c r="AS2793" s="166">
        <v>0</v>
      </c>
      <c r="AT2793" s="166">
        <v>0</v>
      </c>
      <c r="AU2793" s="166">
        <v>0</v>
      </c>
      <c r="AV2793" s="166">
        <v>0</v>
      </c>
      <c r="AW2793" s="166">
        <v>0</v>
      </c>
      <c r="AX2793" s="166">
        <v>0</v>
      </c>
      <c r="AY2793" s="166">
        <v>0</v>
      </c>
      <c r="AZ2793" s="166">
        <v>0</v>
      </c>
      <c r="BA2793" s="166">
        <v>0</v>
      </c>
      <c r="BB2793" s="166">
        <v>0</v>
      </c>
      <c r="BC2793" s="166">
        <v>0</v>
      </c>
      <c r="BD2793" s="166">
        <v>0</v>
      </c>
      <c r="BE2793" s="166">
        <v>0</v>
      </c>
      <c r="BF2793" s="166">
        <v>0</v>
      </c>
      <c r="BG2793" s="166">
        <v>0</v>
      </c>
      <c r="BH2793" s="166">
        <v>0</v>
      </c>
      <c r="BI2793" s="166">
        <v>0</v>
      </c>
      <c r="BJ2793" s="166">
        <v>0</v>
      </c>
      <c r="BK2793" s="166">
        <v>0</v>
      </c>
      <c r="BL2793" s="166">
        <v>0</v>
      </c>
      <c r="BM2793" s="166">
        <v>0</v>
      </c>
      <c r="BN2793" s="166">
        <v>0</v>
      </c>
      <c r="BO2793" s="166">
        <v>0</v>
      </c>
      <c r="BP2793" s="166">
        <v>0</v>
      </c>
      <c r="BQ2793" s="166">
        <v>0</v>
      </c>
      <c r="BR2793" s="166">
        <v>0</v>
      </c>
      <c r="BS2793" s="166">
        <v>0</v>
      </c>
      <c r="BT2793" s="168">
        <v>0</v>
      </c>
      <c r="BU2793" s="166">
        <v>0</v>
      </c>
      <c r="BV2793" s="166">
        <v>0</v>
      </c>
      <c r="BW2793" s="166">
        <v>0</v>
      </c>
      <c r="BX2793" s="166">
        <v>0</v>
      </c>
      <c r="BY2793" s="166">
        <v>0</v>
      </c>
      <c r="BZ2793" s="166">
        <v>0</v>
      </c>
      <c r="CA2793" s="166">
        <v>0</v>
      </c>
      <c r="CB2793" s="166">
        <v>0</v>
      </c>
      <c r="CC2793" s="166">
        <v>0</v>
      </c>
      <c r="CD2793" s="166">
        <v>0</v>
      </c>
      <c r="CE2793" s="166">
        <v>0</v>
      </c>
      <c r="CF2793" s="166">
        <v>0</v>
      </c>
      <c r="CG2793" s="166">
        <v>0</v>
      </c>
      <c r="CH2793" s="166">
        <v>0</v>
      </c>
      <c r="CI2793" s="166">
        <v>0</v>
      </c>
      <c r="CJ2793" s="166">
        <v>0</v>
      </c>
      <c r="CK2793" s="166">
        <v>0</v>
      </c>
      <c r="CL2793" s="166">
        <v>0</v>
      </c>
      <c r="CM2793" s="166">
        <v>0</v>
      </c>
      <c r="CN2793" s="166">
        <v>0</v>
      </c>
      <c r="CO2793" s="166">
        <v>0</v>
      </c>
      <c r="CP2793" s="166">
        <v>0</v>
      </c>
      <c r="CQ2793" s="166">
        <v>0</v>
      </c>
      <c r="CR2793" s="166">
        <v>0</v>
      </c>
      <c r="CS2793" s="166">
        <v>0</v>
      </c>
      <c r="CT2793" s="166">
        <v>0</v>
      </c>
      <c r="CU2793" s="166">
        <v>0</v>
      </c>
      <c r="CV2793" s="166">
        <v>0</v>
      </c>
      <c r="CW2793" s="166">
        <v>0</v>
      </c>
      <c r="CX2793" s="166">
        <v>0</v>
      </c>
      <c r="CY2793" s="166">
        <v>0</v>
      </c>
      <c r="CZ2793" s="166">
        <v>0</v>
      </c>
    </row>
    <row r="2794" spans="1:104" x14ac:dyDescent="0.2">
      <c r="A2794" s="167" t="s">
        <v>639</v>
      </c>
      <c r="B2794" s="166">
        <v>0</v>
      </c>
      <c r="C2794" s="166">
        <v>0</v>
      </c>
      <c r="D2794" s="166">
        <v>0</v>
      </c>
      <c r="E2794" s="166">
        <v>0</v>
      </c>
      <c r="F2794" s="166">
        <v>0</v>
      </c>
      <c r="G2794" s="166">
        <v>0</v>
      </c>
      <c r="H2794" s="166">
        <v>0</v>
      </c>
      <c r="I2794" s="166">
        <v>0</v>
      </c>
      <c r="J2794" s="166">
        <v>0</v>
      </c>
      <c r="K2794" s="166">
        <v>0</v>
      </c>
      <c r="L2794" s="166">
        <v>0</v>
      </c>
      <c r="M2794" s="166">
        <v>0</v>
      </c>
      <c r="N2794" s="166">
        <v>0</v>
      </c>
      <c r="O2794" s="166">
        <v>0</v>
      </c>
      <c r="P2794" s="166">
        <v>0</v>
      </c>
      <c r="Q2794" s="166">
        <v>0</v>
      </c>
      <c r="R2794" s="166">
        <v>0</v>
      </c>
      <c r="S2794" s="166">
        <v>0</v>
      </c>
      <c r="T2794" s="166">
        <v>0</v>
      </c>
      <c r="U2794" s="166">
        <v>0</v>
      </c>
      <c r="V2794" s="166">
        <v>0</v>
      </c>
      <c r="W2794" s="166">
        <v>0</v>
      </c>
      <c r="X2794" s="166">
        <v>0</v>
      </c>
      <c r="Y2794" s="166">
        <v>0</v>
      </c>
      <c r="Z2794" s="166">
        <v>0</v>
      </c>
      <c r="AA2794" s="166">
        <v>0</v>
      </c>
      <c r="AB2794" s="166">
        <v>0</v>
      </c>
      <c r="AC2794" s="166">
        <v>0</v>
      </c>
      <c r="AD2794" s="166">
        <v>0</v>
      </c>
      <c r="AE2794" s="166">
        <v>0</v>
      </c>
      <c r="AF2794" s="166">
        <v>0</v>
      </c>
      <c r="AG2794" s="166">
        <v>0</v>
      </c>
      <c r="AH2794" s="166">
        <v>0</v>
      </c>
      <c r="AI2794" s="166">
        <v>0</v>
      </c>
      <c r="AJ2794" s="166">
        <v>0</v>
      </c>
      <c r="AK2794" s="166">
        <v>0</v>
      </c>
      <c r="AL2794" s="166">
        <v>0</v>
      </c>
      <c r="AM2794" s="166">
        <v>0</v>
      </c>
      <c r="AN2794" s="166">
        <v>0</v>
      </c>
      <c r="AO2794" s="166">
        <v>0</v>
      </c>
      <c r="AP2794" s="166">
        <v>0</v>
      </c>
      <c r="AQ2794" s="166">
        <v>0</v>
      </c>
      <c r="AR2794" s="166">
        <v>0</v>
      </c>
      <c r="AS2794" s="166">
        <v>0</v>
      </c>
      <c r="AT2794" s="166">
        <v>0</v>
      </c>
      <c r="AU2794" s="166">
        <v>0</v>
      </c>
      <c r="AV2794" s="166">
        <v>0</v>
      </c>
      <c r="AW2794" s="166">
        <v>0</v>
      </c>
      <c r="AX2794" s="166">
        <v>0</v>
      </c>
      <c r="AY2794" s="166">
        <v>0</v>
      </c>
      <c r="AZ2794" s="166">
        <v>0</v>
      </c>
      <c r="BA2794" s="166">
        <v>0</v>
      </c>
      <c r="BB2794" s="166">
        <v>0</v>
      </c>
      <c r="BC2794" s="166">
        <v>0</v>
      </c>
      <c r="BD2794" s="166">
        <v>0</v>
      </c>
      <c r="BE2794" s="166">
        <v>0</v>
      </c>
      <c r="BF2794" s="166">
        <v>0</v>
      </c>
      <c r="BG2794" s="166">
        <v>0</v>
      </c>
      <c r="BH2794" s="166">
        <v>0</v>
      </c>
      <c r="BI2794" s="166">
        <v>0</v>
      </c>
      <c r="BJ2794" s="166">
        <v>0</v>
      </c>
      <c r="BK2794" s="166">
        <v>0</v>
      </c>
      <c r="BL2794" s="166">
        <v>0</v>
      </c>
      <c r="BM2794" s="166">
        <v>0</v>
      </c>
      <c r="BN2794" s="166">
        <v>0</v>
      </c>
      <c r="BO2794" s="166">
        <v>0</v>
      </c>
      <c r="BP2794" s="166">
        <v>0</v>
      </c>
      <c r="BQ2794" s="166">
        <v>0</v>
      </c>
      <c r="BR2794" s="166">
        <v>0</v>
      </c>
      <c r="BS2794" s="166">
        <v>0</v>
      </c>
      <c r="BT2794" s="168">
        <v>0</v>
      </c>
      <c r="BU2794" s="166">
        <v>0</v>
      </c>
      <c r="BV2794" s="166">
        <v>0</v>
      </c>
      <c r="BW2794" s="166">
        <v>0</v>
      </c>
      <c r="BX2794" s="166">
        <v>0</v>
      </c>
      <c r="BY2794" s="166">
        <v>0</v>
      </c>
      <c r="BZ2794" s="166">
        <v>0</v>
      </c>
      <c r="CA2794" s="166">
        <v>0</v>
      </c>
      <c r="CB2794" s="166">
        <v>0</v>
      </c>
      <c r="CC2794" s="166">
        <v>0</v>
      </c>
      <c r="CD2794" s="166">
        <v>0</v>
      </c>
      <c r="CE2794" s="166">
        <v>0</v>
      </c>
      <c r="CF2794" s="166">
        <v>0</v>
      </c>
      <c r="CG2794" s="166">
        <v>0</v>
      </c>
      <c r="CH2794" s="166">
        <v>0</v>
      </c>
      <c r="CI2794" s="166">
        <v>0</v>
      </c>
      <c r="CJ2794" s="166">
        <v>0</v>
      </c>
      <c r="CK2794" s="166">
        <v>0</v>
      </c>
      <c r="CL2794" s="166">
        <v>0</v>
      </c>
      <c r="CM2794" s="166">
        <v>0</v>
      </c>
      <c r="CN2794" s="166">
        <v>0</v>
      </c>
      <c r="CO2794" s="166">
        <v>0</v>
      </c>
      <c r="CP2794" s="166">
        <v>0</v>
      </c>
      <c r="CQ2794" s="166">
        <v>0</v>
      </c>
      <c r="CR2794" s="166">
        <v>0</v>
      </c>
      <c r="CS2794" s="166">
        <v>0</v>
      </c>
      <c r="CT2794" s="166">
        <v>0</v>
      </c>
      <c r="CU2794" s="166">
        <v>0</v>
      </c>
      <c r="CV2794" s="166">
        <v>0</v>
      </c>
      <c r="CW2794" s="166">
        <v>0</v>
      </c>
      <c r="CX2794" s="166">
        <v>0</v>
      </c>
      <c r="CY2794" s="166">
        <v>0</v>
      </c>
      <c r="CZ2794" s="166">
        <v>0</v>
      </c>
    </row>
    <row r="2795" spans="1:104" x14ac:dyDescent="0.2">
      <c r="A2795" s="167" t="s">
        <v>640</v>
      </c>
      <c r="B2795" s="166">
        <v>12564645.76</v>
      </c>
      <c r="C2795" s="166">
        <v>12564645.76</v>
      </c>
      <c r="D2795" s="166">
        <v>0</v>
      </c>
      <c r="E2795" s="166">
        <v>0</v>
      </c>
      <c r="F2795" s="166">
        <v>0</v>
      </c>
      <c r="G2795" s="166">
        <v>-12564645.76</v>
      </c>
      <c r="H2795" s="166">
        <v>0</v>
      </c>
      <c r="I2795" s="166">
        <v>0</v>
      </c>
      <c r="J2795" s="166">
        <v>0</v>
      </c>
      <c r="K2795" s="166">
        <v>0</v>
      </c>
      <c r="L2795" s="166">
        <v>0</v>
      </c>
      <c r="M2795" s="166">
        <v>0</v>
      </c>
      <c r="N2795" s="166">
        <v>0</v>
      </c>
      <c r="O2795" s="166">
        <v>0</v>
      </c>
      <c r="P2795" s="166">
        <v>0</v>
      </c>
      <c r="Q2795" s="166">
        <v>0</v>
      </c>
      <c r="R2795" s="166">
        <v>0</v>
      </c>
      <c r="S2795" s="166">
        <v>0</v>
      </c>
      <c r="T2795" s="166">
        <v>0</v>
      </c>
      <c r="U2795" s="166">
        <v>0</v>
      </c>
      <c r="V2795" s="166">
        <v>0</v>
      </c>
      <c r="W2795" s="166">
        <v>0</v>
      </c>
      <c r="X2795" s="166">
        <v>0</v>
      </c>
      <c r="Y2795" s="166">
        <v>0</v>
      </c>
      <c r="Z2795" s="166">
        <v>0</v>
      </c>
      <c r="AA2795" s="166">
        <v>0</v>
      </c>
      <c r="AB2795" s="166">
        <v>0</v>
      </c>
      <c r="AC2795" s="166">
        <v>0</v>
      </c>
      <c r="AD2795" s="166">
        <v>0</v>
      </c>
      <c r="AE2795" s="166">
        <v>0</v>
      </c>
      <c r="AF2795" s="166">
        <v>0</v>
      </c>
      <c r="AG2795" s="166">
        <v>0</v>
      </c>
      <c r="AH2795" s="166">
        <v>0</v>
      </c>
      <c r="AI2795" s="166">
        <v>0</v>
      </c>
      <c r="AJ2795" s="166">
        <v>0</v>
      </c>
      <c r="AK2795" s="166">
        <v>0</v>
      </c>
      <c r="AL2795" s="166">
        <v>0</v>
      </c>
      <c r="AM2795" s="166">
        <v>0</v>
      </c>
      <c r="AN2795" s="166">
        <v>0</v>
      </c>
      <c r="AO2795" s="166">
        <v>0</v>
      </c>
      <c r="AP2795" s="166">
        <v>0</v>
      </c>
      <c r="AQ2795" s="166">
        <v>0</v>
      </c>
      <c r="AR2795" s="166">
        <v>0</v>
      </c>
      <c r="AS2795" s="166">
        <v>0</v>
      </c>
      <c r="AT2795" s="166">
        <v>0</v>
      </c>
      <c r="AU2795" s="166">
        <v>0</v>
      </c>
      <c r="AV2795" s="166">
        <v>0</v>
      </c>
      <c r="AW2795" s="166">
        <v>0</v>
      </c>
      <c r="AX2795" s="166">
        <v>0</v>
      </c>
      <c r="AY2795" s="166">
        <v>0</v>
      </c>
      <c r="AZ2795" s="166">
        <v>0</v>
      </c>
      <c r="BA2795" s="166">
        <v>0</v>
      </c>
      <c r="BB2795" s="166">
        <v>0</v>
      </c>
      <c r="BC2795" s="166">
        <v>0</v>
      </c>
      <c r="BD2795" s="166">
        <v>-12564645.76</v>
      </c>
      <c r="BE2795" s="166">
        <v>0</v>
      </c>
      <c r="BF2795" s="166">
        <v>0</v>
      </c>
      <c r="BG2795" s="166">
        <v>0</v>
      </c>
      <c r="BH2795" s="166">
        <v>0</v>
      </c>
      <c r="BI2795" s="166">
        <v>0</v>
      </c>
      <c r="BJ2795" s="166">
        <v>0</v>
      </c>
      <c r="BK2795" s="166">
        <v>0</v>
      </c>
      <c r="BL2795" s="166">
        <v>0</v>
      </c>
      <c r="BM2795" s="166">
        <v>0</v>
      </c>
      <c r="BN2795" s="166">
        <v>0</v>
      </c>
      <c r="BO2795" s="166">
        <v>0</v>
      </c>
      <c r="BP2795" s="166">
        <v>0</v>
      </c>
      <c r="BQ2795" s="166">
        <v>0</v>
      </c>
      <c r="BR2795" s="166">
        <v>12564645.76</v>
      </c>
      <c r="BS2795" s="166">
        <v>0</v>
      </c>
      <c r="BT2795" s="168">
        <v>0</v>
      </c>
      <c r="BU2795" s="166">
        <v>0</v>
      </c>
      <c r="BV2795" s="166">
        <v>11770756.533381199</v>
      </c>
      <c r="BW2795" s="166">
        <v>-11770756.533381199</v>
      </c>
      <c r="BX2795" s="166">
        <v>0</v>
      </c>
      <c r="BY2795" s="166">
        <v>0</v>
      </c>
      <c r="BZ2795" s="166">
        <v>0</v>
      </c>
      <c r="CA2795" s="166">
        <v>0</v>
      </c>
      <c r="CB2795" s="166">
        <v>0</v>
      </c>
      <c r="CC2795" s="166">
        <v>0</v>
      </c>
      <c r="CD2795" s="166">
        <v>0</v>
      </c>
      <c r="CE2795" s="166">
        <v>0</v>
      </c>
      <c r="CF2795" s="166">
        <v>0</v>
      </c>
      <c r="CG2795" s="166">
        <v>0</v>
      </c>
      <c r="CH2795" s="166">
        <v>0</v>
      </c>
      <c r="CI2795" s="166">
        <v>0</v>
      </c>
      <c r="CJ2795" s="166">
        <v>0</v>
      </c>
      <c r="CK2795" s="166">
        <v>-11770756.533381199</v>
      </c>
      <c r="CL2795" s="166">
        <v>0</v>
      </c>
      <c r="CM2795" s="166">
        <v>0</v>
      </c>
      <c r="CN2795" s="166">
        <v>0</v>
      </c>
      <c r="CO2795" s="166">
        <v>0</v>
      </c>
      <c r="CP2795" s="166">
        <v>0</v>
      </c>
      <c r="CQ2795" s="166">
        <v>0</v>
      </c>
      <c r="CR2795" s="166">
        <v>0</v>
      </c>
      <c r="CS2795" s="166">
        <v>0</v>
      </c>
      <c r="CT2795" s="166">
        <v>0</v>
      </c>
      <c r="CU2795" s="166">
        <v>0</v>
      </c>
      <c r="CV2795" s="166">
        <v>0</v>
      </c>
      <c r="CW2795" s="166">
        <v>0</v>
      </c>
      <c r="CX2795" s="166">
        <v>0</v>
      </c>
      <c r="CY2795" s="166">
        <v>0</v>
      </c>
      <c r="CZ2795" s="166">
        <v>0</v>
      </c>
    </row>
    <row r="2796" spans="1:104" x14ac:dyDescent="0.2">
      <c r="A2796" s="167" t="s">
        <v>641</v>
      </c>
      <c r="B2796" s="166">
        <v>1626426614.8592501</v>
      </c>
      <c r="C2796" s="166">
        <v>1626426614.8592501</v>
      </c>
      <c r="D2796" s="166">
        <v>0</v>
      </c>
      <c r="E2796" s="166">
        <v>0</v>
      </c>
      <c r="F2796" s="166">
        <v>0</v>
      </c>
      <c r="G2796" s="166">
        <v>0</v>
      </c>
      <c r="H2796" s="166">
        <v>0</v>
      </c>
      <c r="I2796" s="166">
        <v>0</v>
      </c>
      <c r="J2796" s="166">
        <v>0</v>
      </c>
      <c r="K2796" s="166">
        <v>0</v>
      </c>
      <c r="L2796" s="166">
        <v>0</v>
      </c>
      <c r="M2796" s="166">
        <v>0</v>
      </c>
      <c r="N2796" s="166">
        <v>0</v>
      </c>
      <c r="O2796" s="166">
        <v>0</v>
      </c>
      <c r="P2796" s="166">
        <v>0</v>
      </c>
      <c r="Q2796" s="166">
        <v>0</v>
      </c>
      <c r="R2796" s="166">
        <v>0</v>
      </c>
      <c r="S2796" s="166">
        <v>0</v>
      </c>
      <c r="T2796" s="166">
        <v>0</v>
      </c>
      <c r="U2796" s="166">
        <v>0</v>
      </c>
      <c r="V2796" s="166">
        <v>0</v>
      </c>
      <c r="W2796" s="166">
        <v>0</v>
      </c>
      <c r="X2796" s="166">
        <v>0</v>
      </c>
      <c r="Y2796" s="166">
        <v>0</v>
      </c>
      <c r="Z2796" s="166">
        <v>0</v>
      </c>
      <c r="AA2796" s="166">
        <v>0</v>
      </c>
      <c r="AB2796" s="166">
        <v>-1626426614.8592501</v>
      </c>
      <c r="AC2796" s="166">
        <v>0</v>
      </c>
      <c r="AD2796" s="166">
        <v>0</v>
      </c>
      <c r="AE2796" s="166">
        <v>0</v>
      </c>
      <c r="AF2796" s="166">
        <v>0</v>
      </c>
      <c r="AG2796" s="166">
        <v>0</v>
      </c>
      <c r="AH2796" s="166">
        <v>0</v>
      </c>
      <c r="AI2796" s="166">
        <v>0</v>
      </c>
      <c r="AJ2796" s="166">
        <v>0</v>
      </c>
      <c r="AK2796" s="166">
        <v>0</v>
      </c>
      <c r="AL2796" s="166">
        <v>0</v>
      </c>
      <c r="AM2796" s="166">
        <v>0</v>
      </c>
      <c r="AN2796" s="166">
        <v>0</v>
      </c>
      <c r="AO2796" s="166">
        <v>0</v>
      </c>
      <c r="AP2796" s="166">
        <v>0</v>
      </c>
      <c r="AQ2796" s="166">
        <v>0</v>
      </c>
      <c r="AR2796" s="166">
        <v>0</v>
      </c>
      <c r="AS2796" s="166">
        <v>0</v>
      </c>
      <c r="AT2796" s="166">
        <v>0</v>
      </c>
      <c r="AU2796" s="166">
        <v>0</v>
      </c>
      <c r="AV2796" s="166">
        <v>0</v>
      </c>
      <c r="AW2796" s="166">
        <v>0</v>
      </c>
      <c r="AX2796" s="166">
        <v>0</v>
      </c>
      <c r="AY2796" s="166">
        <v>0</v>
      </c>
      <c r="AZ2796" s="166">
        <v>0</v>
      </c>
      <c r="BA2796" s="166">
        <v>0</v>
      </c>
      <c r="BB2796" s="166">
        <v>0</v>
      </c>
      <c r="BC2796" s="166">
        <v>0</v>
      </c>
      <c r="BD2796" s="166">
        <v>0</v>
      </c>
      <c r="BE2796" s="166">
        <v>0</v>
      </c>
      <c r="BF2796" s="166">
        <v>0</v>
      </c>
      <c r="BG2796" s="166">
        <v>0</v>
      </c>
      <c r="BH2796" s="166">
        <v>0</v>
      </c>
      <c r="BI2796" s="166">
        <v>0</v>
      </c>
      <c r="BJ2796" s="166">
        <v>-1626426614.8592501</v>
      </c>
      <c r="BK2796" s="166">
        <v>0</v>
      </c>
      <c r="BL2796" s="166">
        <v>0</v>
      </c>
      <c r="BM2796" s="166">
        <v>0</v>
      </c>
      <c r="BN2796" s="166">
        <v>0</v>
      </c>
      <c r="BO2796" s="166">
        <v>0</v>
      </c>
      <c r="BP2796" s="166">
        <v>0</v>
      </c>
      <c r="BQ2796" s="166">
        <v>0</v>
      </c>
      <c r="BR2796" s="166">
        <v>1626426614.8592501</v>
      </c>
      <c r="BS2796" s="166">
        <v>0</v>
      </c>
      <c r="BT2796" s="168">
        <v>0</v>
      </c>
      <c r="BU2796" s="166">
        <v>123556511.186974</v>
      </c>
      <c r="BV2796" s="166">
        <v>1620307147.48634</v>
      </c>
      <c r="BW2796" s="166">
        <v>0</v>
      </c>
      <c r="BX2796" s="166">
        <v>0</v>
      </c>
      <c r="BY2796" s="166">
        <v>0</v>
      </c>
      <c r="BZ2796" s="166">
        <v>0</v>
      </c>
      <c r="CA2796" s="166">
        <v>0</v>
      </c>
      <c r="CB2796" s="166">
        <v>0</v>
      </c>
      <c r="CC2796" s="166">
        <v>-1620307147.48634</v>
      </c>
      <c r="CD2796" s="166">
        <v>0</v>
      </c>
      <c r="CE2796" s="166">
        <v>0</v>
      </c>
      <c r="CF2796" s="166">
        <v>0</v>
      </c>
      <c r="CG2796" s="166">
        <v>0</v>
      </c>
      <c r="CH2796" s="166">
        <v>0</v>
      </c>
      <c r="CI2796" s="166">
        <v>0</v>
      </c>
      <c r="CJ2796" s="166">
        <v>0</v>
      </c>
      <c r="CK2796" s="166">
        <v>0</v>
      </c>
      <c r="CL2796" s="166">
        <v>0</v>
      </c>
      <c r="CM2796" s="166">
        <v>0</v>
      </c>
      <c r="CN2796" s="166">
        <v>0</v>
      </c>
      <c r="CO2796" s="166">
        <v>0</v>
      </c>
      <c r="CP2796" s="166">
        <v>0</v>
      </c>
      <c r="CQ2796" s="166">
        <v>-1620307147.48634</v>
      </c>
      <c r="CR2796" s="166">
        <v>0</v>
      </c>
      <c r="CS2796" s="166">
        <v>0</v>
      </c>
      <c r="CT2796" s="166">
        <v>0</v>
      </c>
      <c r="CU2796" s="166">
        <v>0</v>
      </c>
      <c r="CV2796" s="166">
        <v>0</v>
      </c>
      <c r="CW2796" s="166">
        <v>0</v>
      </c>
      <c r="CX2796" s="166">
        <v>0</v>
      </c>
      <c r="CY2796" s="166">
        <v>0</v>
      </c>
      <c r="CZ2796" s="166">
        <v>0</v>
      </c>
    </row>
    <row r="2797" spans="1:104" x14ac:dyDescent="0.2">
      <c r="A2797" s="167" t="s">
        <v>642</v>
      </c>
      <c r="B2797" s="166">
        <v>1650545400.95925</v>
      </c>
      <c r="C2797" s="166">
        <v>1650545400.95925</v>
      </c>
      <c r="D2797" s="166">
        <v>0</v>
      </c>
      <c r="E2797" s="166">
        <v>0</v>
      </c>
      <c r="F2797" s="166">
        <v>0</v>
      </c>
      <c r="G2797" s="166">
        <v>-12564645.76</v>
      </c>
      <c r="H2797" s="166">
        <v>0</v>
      </c>
      <c r="I2797" s="166">
        <v>0</v>
      </c>
      <c r="J2797" s="166">
        <v>0</v>
      </c>
      <c r="K2797" s="166">
        <v>0</v>
      </c>
      <c r="L2797" s="166">
        <v>0</v>
      </c>
      <c r="M2797" s="166">
        <v>0</v>
      </c>
      <c r="N2797" s="166">
        <v>0</v>
      </c>
      <c r="O2797" s="166">
        <v>0</v>
      </c>
      <c r="P2797" s="166">
        <v>0</v>
      </c>
      <c r="Q2797" s="166">
        <v>0</v>
      </c>
      <c r="R2797" s="166">
        <v>0</v>
      </c>
      <c r="S2797" s="166">
        <v>0</v>
      </c>
      <c r="T2797" s="166">
        <v>0</v>
      </c>
      <c r="U2797" s="166">
        <v>-11554140.34</v>
      </c>
      <c r="V2797" s="166">
        <v>0</v>
      </c>
      <c r="W2797" s="166">
        <v>0</v>
      </c>
      <c r="X2797" s="166">
        <v>0</v>
      </c>
      <c r="Y2797" s="166">
        <v>0</v>
      </c>
      <c r="Z2797" s="166">
        <v>0</v>
      </c>
      <c r="AA2797" s="166">
        <v>0</v>
      </c>
      <c r="AB2797" s="166">
        <v>-1626426614.8592501</v>
      </c>
      <c r="AC2797" s="166">
        <v>0</v>
      </c>
      <c r="AD2797" s="166">
        <v>0</v>
      </c>
      <c r="AE2797" s="166">
        <v>0</v>
      </c>
      <c r="AF2797" s="166">
        <v>0</v>
      </c>
      <c r="AG2797" s="166">
        <v>0</v>
      </c>
      <c r="AH2797" s="166">
        <v>0</v>
      </c>
      <c r="AI2797" s="166">
        <v>0</v>
      </c>
      <c r="AJ2797" s="166">
        <v>0</v>
      </c>
      <c r="AK2797" s="166">
        <v>0</v>
      </c>
      <c r="AL2797" s="166">
        <v>0</v>
      </c>
      <c r="AM2797" s="166">
        <v>0</v>
      </c>
      <c r="AN2797" s="166">
        <v>0</v>
      </c>
      <c r="AO2797" s="166">
        <v>0</v>
      </c>
      <c r="AP2797" s="166">
        <v>0</v>
      </c>
      <c r="AQ2797" s="166">
        <v>0</v>
      </c>
      <c r="AR2797" s="166">
        <v>0</v>
      </c>
      <c r="AS2797" s="166">
        <v>0</v>
      </c>
      <c r="AT2797" s="166">
        <v>0</v>
      </c>
      <c r="AU2797" s="166">
        <v>0</v>
      </c>
      <c r="AV2797" s="166">
        <v>0</v>
      </c>
      <c r="AW2797" s="166">
        <v>0</v>
      </c>
      <c r="AX2797" s="166">
        <v>0</v>
      </c>
      <c r="AY2797" s="166">
        <v>0</v>
      </c>
      <c r="AZ2797" s="166">
        <v>0</v>
      </c>
      <c r="BA2797" s="166">
        <v>0</v>
      </c>
      <c r="BB2797" s="166">
        <v>0</v>
      </c>
      <c r="BC2797" s="166">
        <v>0</v>
      </c>
      <c r="BD2797" s="166">
        <v>-12564645.76</v>
      </c>
      <c r="BE2797" s="166">
        <v>0</v>
      </c>
      <c r="BF2797" s="166">
        <v>0</v>
      </c>
      <c r="BG2797" s="166">
        <v>0</v>
      </c>
      <c r="BH2797" s="166">
        <v>0</v>
      </c>
      <c r="BI2797" s="166">
        <v>-11554140.34</v>
      </c>
      <c r="BJ2797" s="166">
        <v>-1626426614.8592501</v>
      </c>
      <c r="BK2797" s="166">
        <v>0</v>
      </c>
      <c r="BL2797" s="166">
        <v>0</v>
      </c>
      <c r="BM2797" s="166">
        <v>0</v>
      </c>
      <c r="BN2797" s="166">
        <v>0</v>
      </c>
      <c r="BO2797" s="166">
        <v>0</v>
      </c>
      <c r="BP2797" s="166">
        <v>0</v>
      </c>
      <c r="BQ2797" s="166">
        <v>0</v>
      </c>
      <c r="BR2797" s="166">
        <v>1650545400.95925</v>
      </c>
      <c r="BS2797" s="166">
        <v>0</v>
      </c>
      <c r="BT2797" s="168">
        <v>0</v>
      </c>
      <c r="BU2797" s="166">
        <v>124414922.220926</v>
      </c>
      <c r="BV2797" s="166">
        <v>1643632001.0146799</v>
      </c>
      <c r="BW2797" s="166">
        <v>-11770756.533381199</v>
      </c>
      <c r="BX2797" s="166">
        <v>0</v>
      </c>
      <c r="BY2797" s="166">
        <v>0</v>
      </c>
      <c r="BZ2797" s="166">
        <v>0</v>
      </c>
      <c r="CA2797" s="166">
        <v>0</v>
      </c>
      <c r="CB2797" s="166">
        <v>-11554096.9949582</v>
      </c>
      <c r="CC2797" s="166">
        <v>-1620307147.48634</v>
      </c>
      <c r="CD2797" s="166">
        <v>0</v>
      </c>
      <c r="CE2797" s="166">
        <v>0</v>
      </c>
      <c r="CF2797" s="166">
        <v>0</v>
      </c>
      <c r="CG2797" s="166">
        <v>0</v>
      </c>
      <c r="CH2797" s="166">
        <v>0</v>
      </c>
      <c r="CI2797" s="166">
        <v>0</v>
      </c>
      <c r="CJ2797" s="166">
        <v>0</v>
      </c>
      <c r="CK2797" s="166">
        <v>-11770756.533381199</v>
      </c>
      <c r="CL2797" s="166">
        <v>0</v>
      </c>
      <c r="CM2797" s="166">
        <v>0</v>
      </c>
      <c r="CN2797" s="166">
        <v>0</v>
      </c>
      <c r="CO2797" s="166">
        <v>0</v>
      </c>
      <c r="CP2797" s="166">
        <v>-11554096.9949582</v>
      </c>
      <c r="CQ2797" s="166">
        <v>-1620307147.48634</v>
      </c>
      <c r="CR2797" s="166">
        <v>0</v>
      </c>
      <c r="CS2797" s="166">
        <v>0</v>
      </c>
      <c r="CT2797" s="166">
        <v>0</v>
      </c>
      <c r="CU2797" s="166">
        <v>0</v>
      </c>
      <c r="CV2797" s="166">
        <v>0</v>
      </c>
      <c r="CW2797" s="166">
        <v>0</v>
      </c>
      <c r="CX2797" s="166">
        <v>0</v>
      </c>
      <c r="CY2797" s="166">
        <v>0</v>
      </c>
      <c r="CZ2797" s="166">
        <v>0</v>
      </c>
    </row>
    <row r="2798" spans="1:104" x14ac:dyDescent="0.2">
      <c r="A2798" s="167" t="s">
        <v>643</v>
      </c>
      <c r="B2798" s="166">
        <v>0</v>
      </c>
      <c r="C2798" s="166">
        <v>0</v>
      </c>
      <c r="D2798" s="166">
        <v>0</v>
      </c>
      <c r="E2798" s="166">
        <v>0</v>
      </c>
      <c r="F2798" s="166">
        <v>0</v>
      </c>
      <c r="G2798" s="166">
        <v>0</v>
      </c>
      <c r="H2798" s="166">
        <v>0</v>
      </c>
      <c r="I2798" s="166">
        <v>0</v>
      </c>
      <c r="J2798" s="166">
        <v>0</v>
      </c>
      <c r="K2798" s="166">
        <v>0</v>
      </c>
      <c r="L2798" s="166">
        <v>0</v>
      </c>
      <c r="M2798" s="166">
        <v>0</v>
      </c>
      <c r="N2798" s="166">
        <v>0</v>
      </c>
      <c r="O2798" s="166">
        <v>0</v>
      </c>
      <c r="P2798" s="166">
        <v>0</v>
      </c>
      <c r="Q2798" s="166">
        <v>0</v>
      </c>
      <c r="R2798" s="166">
        <v>0</v>
      </c>
      <c r="S2798" s="166">
        <v>0</v>
      </c>
      <c r="T2798" s="166">
        <v>0</v>
      </c>
      <c r="U2798" s="166">
        <v>0</v>
      </c>
      <c r="V2798" s="166">
        <v>0</v>
      </c>
      <c r="W2798" s="166">
        <v>0</v>
      </c>
      <c r="X2798" s="166">
        <v>0</v>
      </c>
      <c r="Y2798" s="166">
        <v>0</v>
      </c>
      <c r="Z2798" s="166">
        <v>0</v>
      </c>
      <c r="AA2798" s="166">
        <v>0</v>
      </c>
      <c r="AB2798" s="166">
        <v>0</v>
      </c>
      <c r="AC2798" s="166">
        <v>0</v>
      </c>
      <c r="AD2798" s="166">
        <v>0</v>
      </c>
      <c r="AE2798" s="166">
        <v>0</v>
      </c>
      <c r="AF2798" s="166">
        <v>0</v>
      </c>
      <c r="AG2798" s="166">
        <v>0</v>
      </c>
      <c r="AH2798" s="166">
        <v>0</v>
      </c>
      <c r="AI2798" s="166">
        <v>0</v>
      </c>
      <c r="AJ2798" s="166">
        <v>0</v>
      </c>
      <c r="AK2798" s="166">
        <v>0</v>
      </c>
      <c r="AL2798" s="166">
        <v>0</v>
      </c>
      <c r="AM2798" s="166">
        <v>0</v>
      </c>
      <c r="AN2798" s="166">
        <v>0</v>
      </c>
      <c r="AO2798" s="166">
        <v>0</v>
      </c>
      <c r="AP2798" s="166">
        <v>0</v>
      </c>
      <c r="AQ2798" s="166">
        <v>0</v>
      </c>
      <c r="AR2798" s="166">
        <v>0</v>
      </c>
      <c r="AS2798" s="166">
        <v>0</v>
      </c>
      <c r="AT2798" s="166">
        <v>0</v>
      </c>
      <c r="AU2798" s="166">
        <v>0</v>
      </c>
      <c r="AV2798" s="166">
        <v>0</v>
      </c>
      <c r="AW2798" s="166">
        <v>0</v>
      </c>
      <c r="AX2798" s="166">
        <v>0</v>
      </c>
      <c r="AY2798" s="166">
        <v>0</v>
      </c>
      <c r="AZ2798" s="166">
        <v>0</v>
      </c>
      <c r="BA2798" s="166">
        <v>0</v>
      </c>
      <c r="BB2798" s="166">
        <v>0</v>
      </c>
      <c r="BC2798" s="166">
        <v>0</v>
      </c>
      <c r="BD2798" s="166">
        <v>0</v>
      </c>
      <c r="BE2798" s="166">
        <v>0</v>
      </c>
      <c r="BF2798" s="166">
        <v>0</v>
      </c>
      <c r="BG2798" s="166">
        <v>0</v>
      </c>
      <c r="BH2798" s="166">
        <v>0</v>
      </c>
      <c r="BI2798" s="166">
        <v>0</v>
      </c>
      <c r="BJ2798" s="166">
        <v>0</v>
      </c>
      <c r="BK2798" s="166">
        <v>0</v>
      </c>
      <c r="BL2798" s="166">
        <v>0</v>
      </c>
      <c r="BM2798" s="166">
        <v>0</v>
      </c>
      <c r="BN2798" s="166">
        <v>0</v>
      </c>
      <c r="BO2798" s="166">
        <v>0</v>
      </c>
      <c r="BP2798" s="166">
        <v>0</v>
      </c>
      <c r="BQ2798" s="166">
        <v>0</v>
      </c>
      <c r="BR2798" s="166">
        <v>0</v>
      </c>
      <c r="BS2798" s="166">
        <v>0</v>
      </c>
      <c r="BT2798" s="166">
        <v>0</v>
      </c>
      <c r="BU2798" s="166">
        <v>0</v>
      </c>
      <c r="BV2798" s="166">
        <v>0</v>
      </c>
      <c r="BW2798" s="166">
        <v>0</v>
      </c>
      <c r="BX2798" s="166">
        <v>0</v>
      </c>
      <c r="BY2798" s="166">
        <v>0</v>
      </c>
      <c r="BZ2798" s="166">
        <v>0</v>
      </c>
      <c r="CA2798" s="166">
        <v>0</v>
      </c>
      <c r="CB2798" s="166">
        <v>0</v>
      </c>
      <c r="CC2798" s="166">
        <v>0</v>
      </c>
      <c r="CD2798" s="166">
        <v>0</v>
      </c>
      <c r="CE2798" s="166">
        <v>0</v>
      </c>
      <c r="CF2798" s="166">
        <v>0</v>
      </c>
      <c r="CG2798" s="166">
        <v>0</v>
      </c>
      <c r="CH2798" s="166">
        <v>0</v>
      </c>
      <c r="CI2798" s="166">
        <v>0</v>
      </c>
      <c r="CJ2798" s="166">
        <v>0</v>
      </c>
      <c r="CK2798" s="166">
        <v>0</v>
      </c>
      <c r="CL2798" s="166">
        <v>0</v>
      </c>
      <c r="CM2798" s="166">
        <v>0</v>
      </c>
      <c r="CN2798" s="166">
        <v>0</v>
      </c>
      <c r="CO2798" s="166">
        <v>0</v>
      </c>
      <c r="CP2798" s="166">
        <v>0</v>
      </c>
      <c r="CQ2798" s="166">
        <v>0</v>
      </c>
      <c r="CR2798" s="166">
        <v>0</v>
      </c>
      <c r="CS2798" s="166">
        <v>0</v>
      </c>
      <c r="CT2798" s="166">
        <v>0</v>
      </c>
      <c r="CU2798" s="166">
        <v>0</v>
      </c>
      <c r="CV2798" s="166">
        <v>0</v>
      </c>
      <c r="CW2798" s="166">
        <v>0</v>
      </c>
      <c r="CX2798" s="166">
        <v>0</v>
      </c>
      <c r="CY2798" s="166">
        <v>0</v>
      </c>
      <c r="CZ2798" s="166">
        <v>0</v>
      </c>
    </row>
    <row r="2799" spans="1:104" x14ac:dyDescent="0.2">
      <c r="A2799" s="167" t="s">
        <v>644</v>
      </c>
    </row>
    <row r="2800" spans="1:104" ht="10.8" thickBot="1" x14ac:dyDescent="0.25">
      <c r="A2800" s="178" t="s">
        <v>645</v>
      </c>
      <c r="B2800" s="166">
        <v>0</v>
      </c>
      <c r="C2800" s="166">
        <v>0</v>
      </c>
      <c r="D2800" s="166">
        <v>0</v>
      </c>
      <c r="E2800" s="166">
        <v>0</v>
      </c>
      <c r="F2800" s="166">
        <v>0</v>
      </c>
      <c r="G2800" s="166">
        <v>0</v>
      </c>
      <c r="H2800" s="166">
        <v>0</v>
      </c>
      <c r="I2800" s="166">
        <v>0</v>
      </c>
      <c r="J2800" s="166">
        <v>0</v>
      </c>
      <c r="K2800" s="166">
        <v>0</v>
      </c>
      <c r="L2800" s="166">
        <v>0</v>
      </c>
      <c r="M2800" s="166">
        <v>0</v>
      </c>
      <c r="N2800" s="166">
        <v>0</v>
      </c>
      <c r="O2800" s="166">
        <v>0</v>
      </c>
      <c r="P2800" s="166">
        <v>0</v>
      </c>
      <c r="Q2800" s="166">
        <v>0</v>
      </c>
      <c r="R2800" s="166">
        <v>0</v>
      </c>
      <c r="S2800" s="166">
        <v>0</v>
      </c>
      <c r="T2800" s="166">
        <v>0</v>
      </c>
      <c r="U2800" s="166">
        <v>0</v>
      </c>
      <c r="V2800" s="166">
        <v>0</v>
      </c>
      <c r="W2800" s="166">
        <v>0</v>
      </c>
      <c r="X2800" s="166">
        <v>0</v>
      </c>
      <c r="Y2800" s="166">
        <v>0</v>
      </c>
      <c r="Z2800" s="166">
        <v>0</v>
      </c>
      <c r="AA2800" s="166">
        <v>0</v>
      </c>
      <c r="AB2800" s="166">
        <v>0</v>
      </c>
      <c r="AC2800" s="166">
        <v>0</v>
      </c>
      <c r="AD2800" s="166">
        <v>0</v>
      </c>
      <c r="AE2800" s="166">
        <v>0</v>
      </c>
      <c r="AF2800" s="166">
        <v>0</v>
      </c>
      <c r="AG2800" s="166">
        <v>0</v>
      </c>
      <c r="AH2800" s="166">
        <v>0</v>
      </c>
      <c r="AI2800" s="166">
        <v>0</v>
      </c>
      <c r="AJ2800" s="166">
        <v>0</v>
      </c>
      <c r="AK2800" s="166">
        <v>0</v>
      </c>
      <c r="AL2800" s="166">
        <v>0</v>
      </c>
      <c r="AM2800" s="166">
        <v>0</v>
      </c>
      <c r="AN2800" s="166">
        <v>0</v>
      </c>
      <c r="AO2800" s="166">
        <v>0</v>
      </c>
      <c r="AP2800" s="166">
        <v>0</v>
      </c>
      <c r="AQ2800" s="166">
        <v>0</v>
      </c>
      <c r="AR2800" s="166">
        <v>0</v>
      </c>
      <c r="AS2800" s="166">
        <v>0</v>
      </c>
      <c r="AT2800" s="166">
        <v>0</v>
      </c>
      <c r="AU2800" s="166">
        <v>0</v>
      </c>
      <c r="AV2800" s="166">
        <v>0</v>
      </c>
      <c r="AW2800" s="166">
        <v>0</v>
      </c>
      <c r="AX2800" s="166">
        <v>0</v>
      </c>
      <c r="AY2800" s="166">
        <v>0</v>
      </c>
      <c r="AZ2800" s="166">
        <v>0</v>
      </c>
      <c r="BA2800" s="166">
        <v>0</v>
      </c>
      <c r="BB2800" s="166">
        <v>0</v>
      </c>
      <c r="BC2800" s="166">
        <v>0</v>
      </c>
      <c r="BD2800" s="166">
        <v>0</v>
      </c>
      <c r="BE2800" s="166">
        <v>0</v>
      </c>
      <c r="BF2800" s="166">
        <v>0</v>
      </c>
      <c r="BG2800" s="166">
        <v>0</v>
      </c>
      <c r="BH2800" s="166">
        <v>0</v>
      </c>
      <c r="BI2800" s="166">
        <v>0</v>
      </c>
      <c r="BJ2800" s="166">
        <v>0</v>
      </c>
      <c r="BK2800" s="166">
        <v>0</v>
      </c>
      <c r="BL2800" s="166">
        <v>0</v>
      </c>
      <c r="BM2800" s="166">
        <v>0</v>
      </c>
      <c r="BN2800" s="166">
        <v>0</v>
      </c>
      <c r="BO2800" s="166">
        <v>0</v>
      </c>
      <c r="BP2800" s="166">
        <v>0</v>
      </c>
      <c r="BQ2800" s="166">
        <v>0</v>
      </c>
      <c r="BR2800" s="166">
        <v>0</v>
      </c>
      <c r="BS2800" s="166">
        <v>0</v>
      </c>
      <c r="BT2800" s="168">
        <v>0</v>
      </c>
      <c r="BU2800" s="166">
        <v>0</v>
      </c>
      <c r="BV2800" s="166">
        <v>0</v>
      </c>
      <c r="BW2800" s="166">
        <v>0</v>
      </c>
      <c r="BX2800" s="166">
        <v>0</v>
      </c>
      <c r="BY2800" s="166">
        <v>0</v>
      </c>
      <c r="BZ2800" s="166">
        <v>0</v>
      </c>
      <c r="CA2800" s="166">
        <v>0</v>
      </c>
      <c r="CB2800" s="166">
        <v>0</v>
      </c>
      <c r="CC2800" s="166">
        <v>0</v>
      </c>
      <c r="CD2800" s="166">
        <v>0</v>
      </c>
      <c r="CE2800" s="166">
        <v>0</v>
      </c>
      <c r="CF2800" s="166">
        <v>0</v>
      </c>
      <c r="CG2800" s="166">
        <v>0</v>
      </c>
      <c r="CH2800" s="166">
        <v>0</v>
      </c>
      <c r="CI2800" s="166">
        <v>0</v>
      </c>
      <c r="CJ2800" s="166">
        <v>0</v>
      </c>
      <c r="CK2800" s="166">
        <v>0</v>
      </c>
      <c r="CL2800" s="166">
        <v>0</v>
      </c>
      <c r="CM2800" s="166">
        <v>0</v>
      </c>
      <c r="CN2800" s="166">
        <v>0</v>
      </c>
      <c r="CO2800" s="166">
        <v>0</v>
      </c>
      <c r="CP2800" s="166">
        <v>0</v>
      </c>
      <c r="CQ2800" s="166">
        <v>0</v>
      </c>
      <c r="CR2800" s="166">
        <v>0</v>
      </c>
      <c r="CS2800" s="166">
        <v>0</v>
      </c>
      <c r="CT2800" s="166">
        <v>0</v>
      </c>
      <c r="CU2800" s="166">
        <v>0</v>
      </c>
      <c r="CV2800" s="166">
        <v>0</v>
      </c>
      <c r="CW2800" s="166">
        <v>0</v>
      </c>
      <c r="CX2800" s="166">
        <v>0</v>
      </c>
      <c r="CY2800" s="166">
        <v>0</v>
      </c>
      <c r="CZ2800" s="166">
        <v>0</v>
      </c>
    </row>
    <row r="2801" spans="1:104" x14ac:dyDescent="0.2">
      <c r="A2801" s="167" t="s">
        <v>646</v>
      </c>
      <c r="B2801" s="166">
        <v>0</v>
      </c>
      <c r="C2801" s="166">
        <v>0</v>
      </c>
      <c r="D2801" s="166">
        <v>0</v>
      </c>
      <c r="E2801" s="166">
        <v>0</v>
      </c>
      <c r="F2801" s="166">
        <v>0</v>
      </c>
      <c r="G2801" s="166">
        <v>0</v>
      </c>
      <c r="H2801" s="166">
        <v>0</v>
      </c>
      <c r="I2801" s="166">
        <v>0</v>
      </c>
      <c r="J2801" s="166">
        <v>0</v>
      </c>
      <c r="K2801" s="166">
        <v>0</v>
      </c>
      <c r="L2801" s="166">
        <v>0</v>
      </c>
      <c r="M2801" s="166">
        <v>0</v>
      </c>
      <c r="N2801" s="166">
        <v>0</v>
      </c>
      <c r="O2801" s="166">
        <v>0</v>
      </c>
      <c r="P2801" s="166">
        <v>0</v>
      </c>
      <c r="Q2801" s="166">
        <v>0</v>
      </c>
      <c r="R2801" s="166">
        <v>0</v>
      </c>
      <c r="S2801" s="166">
        <v>0</v>
      </c>
      <c r="T2801" s="166">
        <v>0</v>
      </c>
      <c r="U2801" s="166">
        <v>0</v>
      </c>
      <c r="V2801" s="166">
        <v>0</v>
      </c>
      <c r="W2801" s="166">
        <v>0</v>
      </c>
      <c r="X2801" s="166">
        <v>0</v>
      </c>
      <c r="Y2801" s="166">
        <v>0</v>
      </c>
      <c r="Z2801" s="166">
        <v>0</v>
      </c>
      <c r="AA2801" s="166">
        <v>0</v>
      </c>
      <c r="AB2801" s="166">
        <v>0</v>
      </c>
      <c r="AC2801" s="166">
        <v>0</v>
      </c>
      <c r="AD2801" s="166">
        <v>0</v>
      </c>
      <c r="AE2801" s="166">
        <v>0</v>
      </c>
      <c r="AF2801" s="166">
        <v>0</v>
      </c>
      <c r="AG2801" s="166">
        <v>0</v>
      </c>
      <c r="AH2801" s="166">
        <v>0</v>
      </c>
      <c r="AI2801" s="166">
        <v>0</v>
      </c>
      <c r="AJ2801" s="166">
        <v>0</v>
      </c>
      <c r="AK2801" s="166">
        <v>0</v>
      </c>
      <c r="AL2801" s="166">
        <v>0</v>
      </c>
      <c r="AM2801" s="166">
        <v>0</v>
      </c>
      <c r="AN2801" s="166">
        <v>0</v>
      </c>
      <c r="AO2801" s="166">
        <v>0</v>
      </c>
      <c r="AP2801" s="166">
        <v>0</v>
      </c>
      <c r="AQ2801" s="166">
        <v>0</v>
      </c>
      <c r="AR2801" s="166">
        <v>0</v>
      </c>
      <c r="AS2801" s="166">
        <v>0</v>
      </c>
      <c r="AT2801" s="166">
        <v>0</v>
      </c>
      <c r="AU2801" s="166">
        <v>0</v>
      </c>
      <c r="AV2801" s="166">
        <v>0</v>
      </c>
      <c r="AW2801" s="166">
        <v>0</v>
      </c>
      <c r="AX2801" s="166">
        <v>0</v>
      </c>
      <c r="AY2801" s="166">
        <v>0</v>
      </c>
      <c r="AZ2801" s="166">
        <v>0</v>
      </c>
      <c r="BA2801" s="166">
        <v>0</v>
      </c>
      <c r="BB2801" s="166">
        <v>0</v>
      </c>
      <c r="BC2801" s="166">
        <v>0</v>
      </c>
      <c r="BD2801" s="166">
        <v>0</v>
      </c>
      <c r="BE2801" s="166">
        <v>0</v>
      </c>
      <c r="BF2801" s="166">
        <v>0</v>
      </c>
      <c r="BG2801" s="166">
        <v>0</v>
      </c>
      <c r="BH2801" s="166">
        <v>0</v>
      </c>
      <c r="BI2801" s="166">
        <v>0</v>
      </c>
      <c r="BJ2801" s="166">
        <v>0</v>
      </c>
      <c r="BK2801" s="166">
        <v>0</v>
      </c>
      <c r="BL2801" s="166">
        <v>0</v>
      </c>
      <c r="BM2801" s="166">
        <v>0</v>
      </c>
      <c r="BN2801" s="166">
        <v>0</v>
      </c>
      <c r="BO2801" s="166">
        <v>0</v>
      </c>
      <c r="BP2801" s="166">
        <v>0</v>
      </c>
      <c r="BQ2801" s="166">
        <v>0</v>
      </c>
      <c r="BR2801" s="166">
        <v>0</v>
      </c>
      <c r="BS2801" s="166">
        <v>0</v>
      </c>
      <c r="BT2801" s="168">
        <v>0</v>
      </c>
      <c r="BU2801" s="166">
        <v>0</v>
      </c>
      <c r="BV2801" s="166">
        <v>0</v>
      </c>
      <c r="BW2801" s="166">
        <v>0</v>
      </c>
      <c r="BX2801" s="166">
        <v>0</v>
      </c>
      <c r="BY2801" s="166">
        <v>0</v>
      </c>
      <c r="BZ2801" s="166">
        <v>0</v>
      </c>
      <c r="CA2801" s="166">
        <v>0</v>
      </c>
      <c r="CB2801" s="166">
        <v>0</v>
      </c>
      <c r="CC2801" s="166">
        <v>0</v>
      </c>
      <c r="CD2801" s="166">
        <v>0</v>
      </c>
      <c r="CE2801" s="166">
        <v>0</v>
      </c>
      <c r="CF2801" s="166">
        <v>0</v>
      </c>
      <c r="CG2801" s="166">
        <v>0</v>
      </c>
      <c r="CH2801" s="166">
        <v>0</v>
      </c>
      <c r="CI2801" s="166">
        <v>0</v>
      </c>
      <c r="CJ2801" s="166">
        <v>0</v>
      </c>
      <c r="CK2801" s="166">
        <v>0</v>
      </c>
      <c r="CL2801" s="166">
        <v>0</v>
      </c>
      <c r="CM2801" s="166">
        <v>0</v>
      </c>
      <c r="CN2801" s="166">
        <v>0</v>
      </c>
      <c r="CO2801" s="166">
        <v>0</v>
      </c>
      <c r="CP2801" s="166">
        <v>0</v>
      </c>
      <c r="CQ2801" s="166">
        <v>0</v>
      </c>
      <c r="CR2801" s="166">
        <v>0</v>
      </c>
      <c r="CS2801" s="166">
        <v>0</v>
      </c>
      <c r="CT2801" s="166">
        <v>0</v>
      </c>
      <c r="CU2801" s="166">
        <v>0</v>
      </c>
      <c r="CV2801" s="166">
        <v>0</v>
      </c>
      <c r="CW2801" s="166">
        <v>0</v>
      </c>
      <c r="CX2801" s="166">
        <v>0</v>
      </c>
      <c r="CY2801" s="166">
        <v>0</v>
      </c>
      <c r="CZ2801" s="166">
        <v>7928976214.3582697</v>
      </c>
    </row>
    <row r="2802" spans="1:104" x14ac:dyDescent="0.2">
      <c r="A2802" s="167" t="s">
        <v>647</v>
      </c>
      <c r="B2802" s="166">
        <v>0</v>
      </c>
      <c r="C2802" s="166">
        <v>0</v>
      </c>
      <c r="D2802" s="166">
        <v>0</v>
      </c>
      <c r="E2802" s="166">
        <v>0</v>
      </c>
      <c r="F2802" s="166">
        <v>0</v>
      </c>
      <c r="G2802" s="166">
        <v>0</v>
      </c>
      <c r="H2802" s="166">
        <v>0</v>
      </c>
      <c r="I2802" s="166">
        <v>0</v>
      </c>
      <c r="J2802" s="166">
        <v>0</v>
      </c>
      <c r="K2802" s="166">
        <v>0</v>
      </c>
      <c r="L2802" s="166">
        <v>0</v>
      </c>
      <c r="M2802" s="166">
        <v>0</v>
      </c>
      <c r="N2802" s="166">
        <v>0</v>
      </c>
      <c r="O2802" s="166">
        <v>0</v>
      </c>
      <c r="P2802" s="166">
        <v>0</v>
      </c>
      <c r="Q2802" s="166">
        <v>0</v>
      </c>
      <c r="R2802" s="166">
        <v>0</v>
      </c>
      <c r="S2802" s="166">
        <v>0</v>
      </c>
      <c r="T2802" s="166">
        <v>0</v>
      </c>
      <c r="U2802" s="166">
        <v>0</v>
      </c>
      <c r="V2802" s="166">
        <v>0</v>
      </c>
      <c r="W2802" s="166">
        <v>0</v>
      </c>
      <c r="X2802" s="166">
        <v>0</v>
      </c>
      <c r="Y2802" s="166">
        <v>0</v>
      </c>
      <c r="Z2802" s="166">
        <v>0</v>
      </c>
      <c r="AA2802" s="166">
        <v>0</v>
      </c>
      <c r="AB2802" s="166">
        <v>0</v>
      </c>
      <c r="AC2802" s="166">
        <v>0</v>
      </c>
      <c r="AD2802" s="166">
        <v>0</v>
      </c>
      <c r="AE2802" s="166">
        <v>0</v>
      </c>
      <c r="AF2802" s="166">
        <v>0</v>
      </c>
      <c r="AG2802" s="166">
        <v>0</v>
      </c>
      <c r="AH2802" s="166">
        <v>0</v>
      </c>
      <c r="AI2802" s="166">
        <v>0</v>
      </c>
      <c r="AJ2802" s="166">
        <v>0</v>
      </c>
      <c r="AK2802" s="166">
        <v>0</v>
      </c>
      <c r="AL2802" s="166">
        <v>0</v>
      </c>
      <c r="AM2802" s="166">
        <v>0</v>
      </c>
      <c r="AN2802" s="166">
        <v>0</v>
      </c>
      <c r="AO2802" s="166">
        <v>0</v>
      </c>
      <c r="AP2802" s="166">
        <v>0</v>
      </c>
      <c r="AQ2802" s="166">
        <v>0</v>
      </c>
      <c r="AR2802" s="166">
        <v>0</v>
      </c>
      <c r="AS2802" s="166">
        <v>0</v>
      </c>
      <c r="AT2802" s="166">
        <v>0</v>
      </c>
      <c r="AU2802" s="166">
        <v>0</v>
      </c>
      <c r="AV2802" s="166">
        <v>0</v>
      </c>
      <c r="AW2802" s="166">
        <v>0</v>
      </c>
      <c r="AX2802" s="166">
        <v>0</v>
      </c>
      <c r="AY2802" s="166">
        <v>0</v>
      </c>
      <c r="AZ2802" s="166">
        <v>0</v>
      </c>
      <c r="BA2802" s="166">
        <v>0</v>
      </c>
      <c r="BB2802" s="166">
        <v>0</v>
      </c>
      <c r="BC2802" s="166">
        <v>0</v>
      </c>
      <c r="BD2802" s="166">
        <v>0</v>
      </c>
      <c r="BE2802" s="166">
        <v>0</v>
      </c>
      <c r="BF2802" s="166">
        <v>0</v>
      </c>
      <c r="BG2802" s="166">
        <v>0</v>
      </c>
      <c r="BH2802" s="166">
        <v>0</v>
      </c>
      <c r="BI2802" s="166">
        <v>0</v>
      </c>
      <c r="BJ2802" s="166">
        <v>0</v>
      </c>
      <c r="BK2802" s="166">
        <v>0</v>
      </c>
      <c r="BL2802" s="166">
        <v>0</v>
      </c>
      <c r="BM2802" s="166">
        <v>0</v>
      </c>
      <c r="BN2802" s="166">
        <v>0</v>
      </c>
      <c r="BO2802" s="166">
        <v>0</v>
      </c>
      <c r="BP2802" s="166">
        <v>0</v>
      </c>
      <c r="BQ2802" s="166">
        <v>0</v>
      </c>
      <c r="BR2802" s="166">
        <v>0</v>
      </c>
      <c r="BS2802" s="166">
        <v>8141269499.3154497</v>
      </c>
      <c r="BT2802" s="168">
        <v>0</v>
      </c>
      <c r="BU2802" s="166">
        <v>0</v>
      </c>
      <c r="BV2802" s="166">
        <v>0</v>
      </c>
      <c r="BW2802" s="166">
        <v>0</v>
      </c>
      <c r="BX2802" s="166">
        <v>0</v>
      </c>
      <c r="BY2802" s="166">
        <v>0</v>
      </c>
      <c r="BZ2802" s="166">
        <v>0</v>
      </c>
      <c r="CA2802" s="166">
        <v>0</v>
      </c>
      <c r="CB2802" s="166">
        <v>0</v>
      </c>
      <c r="CC2802" s="166">
        <v>0</v>
      </c>
      <c r="CD2802" s="166">
        <v>0</v>
      </c>
      <c r="CE2802" s="166">
        <v>0</v>
      </c>
      <c r="CF2802" s="166">
        <v>0</v>
      </c>
      <c r="CG2802" s="166">
        <v>0</v>
      </c>
      <c r="CH2802" s="166">
        <v>0</v>
      </c>
      <c r="CI2802" s="166">
        <v>0</v>
      </c>
      <c r="CJ2802" s="166">
        <v>0</v>
      </c>
      <c r="CK2802" s="166">
        <v>0</v>
      </c>
      <c r="CL2802" s="166">
        <v>0</v>
      </c>
      <c r="CM2802" s="166">
        <v>0</v>
      </c>
      <c r="CN2802" s="166">
        <v>0</v>
      </c>
      <c r="CO2802" s="166">
        <v>0</v>
      </c>
      <c r="CP2802" s="166">
        <v>0</v>
      </c>
      <c r="CQ2802" s="166">
        <v>0</v>
      </c>
      <c r="CR2802" s="166">
        <v>0</v>
      </c>
      <c r="CS2802" s="166">
        <v>0</v>
      </c>
      <c r="CT2802" s="166">
        <v>0</v>
      </c>
      <c r="CU2802" s="166">
        <v>0</v>
      </c>
      <c r="CV2802" s="166">
        <v>0</v>
      </c>
      <c r="CW2802" s="166">
        <v>0</v>
      </c>
      <c r="CX2802" s="166">
        <v>0</v>
      </c>
      <c r="CY2802" s="166">
        <v>0</v>
      </c>
      <c r="CZ2802" s="166">
        <v>8141269499.3154497</v>
      </c>
    </row>
    <row r="2803" spans="1:104" x14ac:dyDescent="0.2">
      <c r="A2803" s="167" t="s">
        <v>648</v>
      </c>
      <c r="B2803" s="166">
        <v>0</v>
      </c>
      <c r="C2803" s="166">
        <v>0</v>
      </c>
      <c r="D2803" s="166">
        <v>0</v>
      </c>
      <c r="E2803" s="166">
        <v>0</v>
      </c>
      <c r="F2803" s="166">
        <v>0</v>
      </c>
      <c r="G2803" s="166">
        <v>0</v>
      </c>
      <c r="H2803" s="166">
        <v>0</v>
      </c>
      <c r="I2803" s="166">
        <v>0</v>
      </c>
      <c r="J2803" s="166">
        <v>0</v>
      </c>
      <c r="K2803" s="166">
        <v>0</v>
      </c>
      <c r="L2803" s="166">
        <v>0</v>
      </c>
      <c r="M2803" s="166">
        <v>0</v>
      </c>
      <c r="N2803" s="166">
        <v>0</v>
      </c>
      <c r="O2803" s="166">
        <v>0</v>
      </c>
      <c r="P2803" s="166">
        <v>0</v>
      </c>
      <c r="Q2803" s="166">
        <v>0</v>
      </c>
      <c r="R2803" s="166">
        <v>0</v>
      </c>
      <c r="S2803" s="166">
        <v>0</v>
      </c>
      <c r="T2803" s="166">
        <v>0</v>
      </c>
      <c r="U2803" s="166">
        <v>0</v>
      </c>
      <c r="V2803" s="166">
        <v>0</v>
      </c>
      <c r="W2803" s="166">
        <v>0</v>
      </c>
      <c r="X2803" s="166">
        <v>0</v>
      </c>
      <c r="Y2803" s="166">
        <v>0</v>
      </c>
      <c r="Z2803" s="166">
        <v>0</v>
      </c>
      <c r="AA2803" s="166">
        <v>0</v>
      </c>
      <c r="AB2803" s="166">
        <v>0</v>
      </c>
      <c r="AC2803" s="166">
        <v>0</v>
      </c>
      <c r="AD2803" s="166">
        <v>0</v>
      </c>
      <c r="AE2803" s="166">
        <v>0</v>
      </c>
      <c r="AF2803" s="166">
        <v>0</v>
      </c>
      <c r="AG2803" s="166">
        <v>0</v>
      </c>
      <c r="AH2803" s="166">
        <v>0</v>
      </c>
      <c r="AI2803" s="166">
        <v>0</v>
      </c>
      <c r="AJ2803" s="166">
        <v>0</v>
      </c>
      <c r="AK2803" s="166">
        <v>0</v>
      </c>
      <c r="AL2803" s="166">
        <v>0</v>
      </c>
      <c r="AM2803" s="166">
        <v>0</v>
      </c>
      <c r="AN2803" s="166">
        <v>0</v>
      </c>
      <c r="AO2803" s="166">
        <v>0</v>
      </c>
      <c r="AP2803" s="166">
        <v>0</v>
      </c>
      <c r="AQ2803" s="166">
        <v>0</v>
      </c>
      <c r="AR2803" s="166">
        <v>0</v>
      </c>
      <c r="AS2803" s="166">
        <v>0</v>
      </c>
      <c r="AT2803" s="166">
        <v>0</v>
      </c>
      <c r="AU2803" s="166">
        <v>0</v>
      </c>
      <c r="AV2803" s="166">
        <v>0</v>
      </c>
      <c r="AW2803" s="166">
        <v>0</v>
      </c>
      <c r="AX2803" s="166">
        <v>0</v>
      </c>
      <c r="AY2803" s="166">
        <v>0</v>
      </c>
      <c r="AZ2803" s="166">
        <v>0</v>
      </c>
      <c r="BA2803" s="166">
        <v>0</v>
      </c>
      <c r="BB2803" s="166">
        <v>0</v>
      </c>
      <c r="BC2803" s="166">
        <v>0</v>
      </c>
      <c r="BD2803" s="166">
        <v>0</v>
      </c>
      <c r="BE2803" s="166">
        <v>0</v>
      </c>
      <c r="BF2803" s="166">
        <v>0</v>
      </c>
      <c r="BG2803" s="166">
        <v>0</v>
      </c>
      <c r="BH2803" s="166">
        <v>0</v>
      </c>
      <c r="BI2803" s="166">
        <v>0</v>
      </c>
      <c r="BJ2803" s="166">
        <v>0</v>
      </c>
      <c r="BK2803" s="166">
        <v>0</v>
      </c>
      <c r="BL2803" s="166">
        <v>0</v>
      </c>
      <c r="BM2803" s="166">
        <v>0</v>
      </c>
      <c r="BN2803" s="166">
        <v>0</v>
      </c>
      <c r="BO2803" s="166">
        <v>0</v>
      </c>
      <c r="BP2803" s="166">
        <v>0</v>
      </c>
      <c r="BQ2803" s="166">
        <v>0</v>
      </c>
      <c r="BR2803" s="166">
        <v>0</v>
      </c>
      <c r="BS2803" s="166">
        <v>0</v>
      </c>
      <c r="BT2803" s="168">
        <v>0</v>
      </c>
      <c r="BU2803" s="166">
        <v>0</v>
      </c>
      <c r="BV2803" s="166">
        <v>0</v>
      </c>
      <c r="BW2803" s="166">
        <v>0</v>
      </c>
      <c r="BX2803" s="166">
        <v>0</v>
      </c>
      <c r="BY2803" s="166">
        <v>0</v>
      </c>
      <c r="BZ2803" s="166">
        <v>0</v>
      </c>
      <c r="CA2803" s="166">
        <v>0</v>
      </c>
      <c r="CB2803" s="166">
        <v>0</v>
      </c>
      <c r="CC2803" s="166">
        <v>0</v>
      </c>
      <c r="CD2803" s="166">
        <v>0</v>
      </c>
      <c r="CE2803" s="166">
        <v>0</v>
      </c>
      <c r="CF2803" s="166">
        <v>0</v>
      </c>
      <c r="CG2803" s="166">
        <v>0</v>
      </c>
      <c r="CH2803" s="166">
        <v>0</v>
      </c>
      <c r="CI2803" s="166">
        <v>0</v>
      </c>
      <c r="CJ2803" s="166">
        <v>0</v>
      </c>
      <c r="CK2803" s="166">
        <v>0</v>
      </c>
      <c r="CL2803" s="166">
        <v>0</v>
      </c>
      <c r="CM2803" s="166">
        <v>0</v>
      </c>
      <c r="CN2803" s="166">
        <v>0</v>
      </c>
      <c r="CO2803" s="166">
        <v>0</v>
      </c>
      <c r="CP2803" s="166">
        <v>0</v>
      </c>
      <c r="CQ2803" s="166">
        <v>0</v>
      </c>
      <c r="CR2803" s="166">
        <v>0</v>
      </c>
      <c r="CS2803" s="166">
        <v>0</v>
      </c>
      <c r="CT2803" s="166">
        <v>0</v>
      </c>
      <c r="CU2803" s="166">
        <v>0</v>
      </c>
      <c r="CV2803" s="166">
        <v>0</v>
      </c>
      <c r="CW2803" s="166">
        <v>0</v>
      </c>
      <c r="CX2803" s="166">
        <v>0</v>
      </c>
      <c r="CY2803" s="166">
        <v>0</v>
      </c>
      <c r="CZ2803" s="179">
        <v>11.6863197246946</v>
      </c>
    </row>
    <row r="2804" spans="1:104" x14ac:dyDescent="0.2">
      <c r="A2804" s="167" t="s">
        <v>649</v>
      </c>
      <c r="B2804" s="166">
        <v>0</v>
      </c>
      <c r="C2804" s="166">
        <v>0</v>
      </c>
      <c r="D2804" s="166">
        <v>0</v>
      </c>
      <c r="E2804" s="166">
        <v>0</v>
      </c>
      <c r="F2804" s="166">
        <v>0</v>
      </c>
      <c r="G2804" s="166">
        <v>0</v>
      </c>
      <c r="H2804" s="166">
        <v>0</v>
      </c>
      <c r="I2804" s="166">
        <v>0</v>
      </c>
      <c r="J2804" s="166">
        <v>0</v>
      </c>
      <c r="K2804" s="166">
        <v>0</v>
      </c>
      <c r="L2804" s="166">
        <v>0</v>
      </c>
      <c r="M2804" s="166">
        <v>0</v>
      </c>
      <c r="N2804" s="166">
        <v>0</v>
      </c>
      <c r="O2804" s="166">
        <v>0</v>
      </c>
      <c r="P2804" s="166">
        <v>0</v>
      </c>
      <c r="Q2804" s="166">
        <v>0</v>
      </c>
      <c r="R2804" s="166">
        <v>0</v>
      </c>
      <c r="S2804" s="166">
        <v>0</v>
      </c>
      <c r="T2804" s="166">
        <v>0</v>
      </c>
      <c r="U2804" s="166">
        <v>0</v>
      </c>
      <c r="V2804" s="166">
        <v>0</v>
      </c>
      <c r="W2804" s="166">
        <v>0</v>
      </c>
      <c r="X2804" s="166">
        <v>0</v>
      </c>
      <c r="Y2804" s="166">
        <v>0</v>
      </c>
      <c r="Z2804" s="166">
        <v>0</v>
      </c>
      <c r="AA2804" s="166">
        <v>0</v>
      </c>
      <c r="AB2804" s="166">
        <v>0</v>
      </c>
      <c r="AC2804" s="166">
        <v>0</v>
      </c>
      <c r="AD2804" s="166">
        <v>0</v>
      </c>
      <c r="AE2804" s="166">
        <v>0</v>
      </c>
      <c r="AF2804" s="166">
        <v>0</v>
      </c>
      <c r="AG2804" s="166">
        <v>0</v>
      </c>
      <c r="AH2804" s="166">
        <v>0</v>
      </c>
      <c r="AI2804" s="166">
        <v>0</v>
      </c>
      <c r="AJ2804" s="166">
        <v>0</v>
      </c>
      <c r="AK2804" s="166">
        <v>0</v>
      </c>
      <c r="AL2804" s="166">
        <v>0</v>
      </c>
      <c r="AM2804" s="166">
        <v>0</v>
      </c>
      <c r="AN2804" s="166">
        <v>0</v>
      </c>
      <c r="AO2804" s="166">
        <v>0</v>
      </c>
      <c r="AP2804" s="166">
        <v>0</v>
      </c>
      <c r="AQ2804" s="166">
        <v>0</v>
      </c>
      <c r="AR2804" s="166">
        <v>0</v>
      </c>
      <c r="AS2804" s="166">
        <v>0</v>
      </c>
      <c r="AT2804" s="166">
        <v>0</v>
      </c>
      <c r="AU2804" s="166">
        <v>0</v>
      </c>
      <c r="AV2804" s="166">
        <v>0</v>
      </c>
      <c r="AW2804" s="166">
        <v>0</v>
      </c>
      <c r="AX2804" s="166">
        <v>0</v>
      </c>
      <c r="AY2804" s="166">
        <v>0</v>
      </c>
      <c r="AZ2804" s="166">
        <v>0</v>
      </c>
      <c r="BA2804" s="166">
        <v>0</v>
      </c>
      <c r="BB2804" s="166">
        <v>0</v>
      </c>
      <c r="BC2804" s="166">
        <v>0</v>
      </c>
      <c r="BD2804" s="166">
        <v>0</v>
      </c>
      <c r="BE2804" s="166">
        <v>0</v>
      </c>
      <c r="BF2804" s="166">
        <v>0</v>
      </c>
      <c r="BG2804" s="166">
        <v>0</v>
      </c>
      <c r="BH2804" s="166">
        <v>0</v>
      </c>
      <c r="BI2804" s="166">
        <v>0</v>
      </c>
      <c r="BJ2804" s="166">
        <v>0</v>
      </c>
      <c r="BK2804" s="166">
        <v>0</v>
      </c>
      <c r="BL2804" s="166">
        <v>0</v>
      </c>
      <c r="BM2804" s="166">
        <v>0</v>
      </c>
      <c r="BN2804" s="166">
        <v>0</v>
      </c>
      <c r="BO2804" s="166">
        <v>0</v>
      </c>
      <c r="BP2804" s="166">
        <v>0</v>
      </c>
      <c r="BQ2804" s="166">
        <v>0</v>
      </c>
      <c r="BR2804" s="166">
        <v>0</v>
      </c>
      <c r="BS2804" s="166">
        <v>0</v>
      </c>
      <c r="BT2804" s="168">
        <v>0</v>
      </c>
      <c r="BU2804" s="166">
        <v>0</v>
      </c>
      <c r="BV2804" s="166">
        <v>0</v>
      </c>
      <c r="BW2804" s="166">
        <v>0</v>
      </c>
      <c r="BX2804" s="166">
        <v>0</v>
      </c>
      <c r="BY2804" s="166">
        <v>0</v>
      </c>
      <c r="BZ2804" s="166">
        <v>0</v>
      </c>
      <c r="CA2804" s="166">
        <v>0</v>
      </c>
      <c r="CB2804" s="166">
        <v>0</v>
      </c>
      <c r="CC2804" s="166">
        <v>0</v>
      </c>
      <c r="CD2804" s="166">
        <v>0</v>
      </c>
      <c r="CE2804" s="166">
        <v>0</v>
      </c>
      <c r="CF2804" s="166">
        <v>0</v>
      </c>
      <c r="CG2804" s="166">
        <v>0</v>
      </c>
      <c r="CH2804" s="166">
        <v>0</v>
      </c>
      <c r="CI2804" s="166">
        <v>0</v>
      </c>
      <c r="CJ2804" s="166">
        <v>0</v>
      </c>
      <c r="CK2804" s="166">
        <v>0</v>
      </c>
      <c r="CL2804" s="166">
        <v>0</v>
      </c>
      <c r="CM2804" s="166">
        <v>0</v>
      </c>
      <c r="CN2804" s="166">
        <v>0</v>
      </c>
      <c r="CO2804" s="166">
        <v>0</v>
      </c>
      <c r="CP2804" s="166">
        <v>0</v>
      </c>
      <c r="CQ2804" s="166">
        <v>0</v>
      </c>
      <c r="CR2804" s="166">
        <v>0</v>
      </c>
      <c r="CS2804" s="166">
        <v>0</v>
      </c>
      <c r="CT2804" s="166">
        <v>0</v>
      </c>
      <c r="CU2804" s="166">
        <v>0</v>
      </c>
      <c r="CV2804" s="166">
        <v>0</v>
      </c>
      <c r="CW2804" s="166">
        <v>0</v>
      </c>
      <c r="CX2804" s="166">
        <v>0</v>
      </c>
      <c r="CY2804" s="166">
        <v>0</v>
      </c>
      <c r="CZ2804" s="166">
        <v>0</v>
      </c>
    </row>
    <row r="2805" spans="1:104" x14ac:dyDescent="0.2">
      <c r="A2805" s="167" t="s">
        <v>650</v>
      </c>
      <c r="B2805" s="166">
        <v>0</v>
      </c>
      <c r="C2805" s="166">
        <v>0</v>
      </c>
      <c r="D2805" s="166">
        <v>0</v>
      </c>
      <c r="E2805" s="166">
        <v>0</v>
      </c>
      <c r="F2805" s="166">
        <v>0</v>
      </c>
      <c r="G2805" s="166">
        <v>0</v>
      </c>
      <c r="H2805" s="166">
        <v>0</v>
      </c>
      <c r="I2805" s="166">
        <v>0</v>
      </c>
      <c r="J2805" s="166">
        <v>0</v>
      </c>
      <c r="K2805" s="166">
        <v>0</v>
      </c>
      <c r="L2805" s="166">
        <v>0</v>
      </c>
      <c r="M2805" s="166">
        <v>0</v>
      </c>
      <c r="N2805" s="166">
        <v>0</v>
      </c>
      <c r="O2805" s="166">
        <v>0</v>
      </c>
      <c r="P2805" s="166">
        <v>0</v>
      </c>
      <c r="Q2805" s="166">
        <v>0</v>
      </c>
      <c r="R2805" s="166">
        <v>0</v>
      </c>
      <c r="S2805" s="166">
        <v>0</v>
      </c>
      <c r="T2805" s="166">
        <v>0</v>
      </c>
      <c r="U2805" s="166">
        <v>0</v>
      </c>
      <c r="V2805" s="166">
        <v>0</v>
      </c>
      <c r="W2805" s="166">
        <v>0</v>
      </c>
      <c r="X2805" s="166">
        <v>0</v>
      </c>
      <c r="Y2805" s="166">
        <v>0</v>
      </c>
      <c r="Z2805" s="166">
        <v>0</v>
      </c>
      <c r="AA2805" s="166">
        <v>0</v>
      </c>
      <c r="AB2805" s="166">
        <v>0</v>
      </c>
      <c r="AC2805" s="166">
        <v>0</v>
      </c>
      <c r="AD2805" s="166">
        <v>0</v>
      </c>
      <c r="AE2805" s="166">
        <v>0</v>
      </c>
      <c r="AF2805" s="166">
        <v>0</v>
      </c>
      <c r="AG2805" s="166">
        <v>0</v>
      </c>
      <c r="AH2805" s="166">
        <v>0</v>
      </c>
      <c r="AI2805" s="166">
        <v>0</v>
      </c>
      <c r="AJ2805" s="166">
        <v>0</v>
      </c>
      <c r="AK2805" s="166">
        <v>0</v>
      </c>
      <c r="AL2805" s="166">
        <v>0</v>
      </c>
      <c r="AM2805" s="166">
        <v>0</v>
      </c>
      <c r="AN2805" s="166">
        <v>0</v>
      </c>
      <c r="AO2805" s="166">
        <v>0</v>
      </c>
      <c r="AP2805" s="166">
        <v>0</v>
      </c>
      <c r="AQ2805" s="166">
        <v>0</v>
      </c>
      <c r="AR2805" s="166">
        <v>0</v>
      </c>
      <c r="AS2805" s="166">
        <v>0</v>
      </c>
      <c r="AT2805" s="166">
        <v>0</v>
      </c>
      <c r="AU2805" s="166">
        <v>0</v>
      </c>
      <c r="AV2805" s="166">
        <v>0</v>
      </c>
      <c r="AW2805" s="166">
        <v>0</v>
      </c>
      <c r="AX2805" s="166">
        <v>0</v>
      </c>
      <c r="AY2805" s="166">
        <v>0</v>
      </c>
      <c r="AZ2805" s="166">
        <v>0</v>
      </c>
      <c r="BA2805" s="166">
        <v>0</v>
      </c>
      <c r="BB2805" s="166">
        <v>0</v>
      </c>
      <c r="BC2805" s="166">
        <v>0</v>
      </c>
      <c r="BD2805" s="166">
        <v>0</v>
      </c>
      <c r="BE2805" s="166">
        <v>0</v>
      </c>
      <c r="BF2805" s="166">
        <v>0</v>
      </c>
      <c r="BG2805" s="166">
        <v>0</v>
      </c>
      <c r="BH2805" s="166">
        <v>0</v>
      </c>
      <c r="BI2805" s="166">
        <v>0</v>
      </c>
      <c r="BJ2805" s="166">
        <v>0</v>
      </c>
      <c r="BK2805" s="166">
        <v>0</v>
      </c>
      <c r="BL2805" s="166">
        <v>0</v>
      </c>
      <c r="BM2805" s="166">
        <v>0</v>
      </c>
      <c r="BN2805" s="166">
        <v>0</v>
      </c>
      <c r="BO2805" s="166">
        <v>0</v>
      </c>
      <c r="BP2805" s="166">
        <v>0</v>
      </c>
      <c r="BQ2805" s="166">
        <v>0</v>
      </c>
      <c r="BR2805" s="166">
        <v>0</v>
      </c>
      <c r="BS2805" s="166">
        <v>0</v>
      </c>
      <c r="BT2805" s="168">
        <v>0</v>
      </c>
      <c r="BU2805" s="166">
        <v>0</v>
      </c>
      <c r="BV2805" s="166">
        <v>0</v>
      </c>
      <c r="BW2805" s="166">
        <v>0</v>
      </c>
      <c r="BX2805" s="166">
        <v>0</v>
      </c>
      <c r="BY2805" s="166">
        <v>0</v>
      </c>
      <c r="BZ2805" s="166">
        <v>0</v>
      </c>
      <c r="CA2805" s="166">
        <v>0</v>
      </c>
      <c r="CB2805" s="166">
        <v>0</v>
      </c>
      <c r="CC2805" s="166">
        <v>0</v>
      </c>
      <c r="CD2805" s="166">
        <v>0</v>
      </c>
      <c r="CE2805" s="166">
        <v>0</v>
      </c>
      <c r="CF2805" s="166">
        <v>0</v>
      </c>
      <c r="CG2805" s="166">
        <v>0</v>
      </c>
      <c r="CH2805" s="166">
        <v>0</v>
      </c>
      <c r="CI2805" s="166">
        <v>0</v>
      </c>
      <c r="CJ2805" s="166">
        <v>0</v>
      </c>
      <c r="CK2805" s="166">
        <v>0</v>
      </c>
      <c r="CL2805" s="166">
        <v>0</v>
      </c>
      <c r="CM2805" s="166">
        <v>0</v>
      </c>
      <c r="CN2805" s="166">
        <v>0</v>
      </c>
      <c r="CO2805" s="166">
        <v>0</v>
      </c>
      <c r="CP2805" s="166">
        <v>0</v>
      </c>
      <c r="CQ2805" s="166">
        <v>0</v>
      </c>
      <c r="CR2805" s="166">
        <v>0</v>
      </c>
      <c r="CS2805" s="166">
        <v>0</v>
      </c>
      <c r="CT2805" s="166">
        <v>0</v>
      </c>
      <c r="CU2805" s="166">
        <v>0</v>
      </c>
      <c r="CV2805" s="166">
        <v>0</v>
      </c>
      <c r="CW2805" s="166">
        <v>0</v>
      </c>
      <c r="CX2805" s="166">
        <v>0</v>
      </c>
      <c r="CY2805" s="166">
        <v>0</v>
      </c>
      <c r="CZ2805" s="166">
        <v>0</v>
      </c>
    </row>
    <row r="2806" spans="1:104" x14ac:dyDescent="0.2">
      <c r="A2806" s="167" t="s">
        <v>651</v>
      </c>
    </row>
    <row r="2807" spans="1:104" x14ac:dyDescent="0.2">
      <c r="A2807" s="167" t="s">
        <v>652</v>
      </c>
    </row>
    <row r="2808" spans="1:104" x14ac:dyDescent="0.2">
      <c r="A2808" s="167" t="s">
        <v>653</v>
      </c>
    </row>
    <row r="2809" spans="1:104" x14ac:dyDescent="0.2">
      <c r="A2809" s="167" t="s">
        <v>1212</v>
      </c>
      <c r="B2809" s="166">
        <v>0</v>
      </c>
      <c r="C2809" s="166">
        <v>0</v>
      </c>
      <c r="D2809" s="166">
        <v>0</v>
      </c>
      <c r="E2809" s="166">
        <v>0</v>
      </c>
      <c r="F2809" s="166">
        <v>0</v>
      </c>
      <c r="G2809" s="166">
        <v>0</v>
      </c>
      <c r="H2809" s="166">
        <v>0</v>
      </c>
      <c r="I2809" s="166">
        <v>0</v>
      </c>
      <c r="J2809" s="166">
        <v>0</v>
      </c>
      <c r="K2809" s="166">
        <v>0</v>
      </c>
      <c r="L2809" s="166">
        <v>0</v>
      </c>
      <c r="M2809" s="166">
        <v>0</v>
      </c>
      <c r="N2809" s="166">
        <v>0</v>
      </c>
      <c r="O2809" s="166">
        <v>0</v>
      </c>
      <c r="P2809" s="166">
        <v>0</v>
      </c>
      <c r="Q2809" s="166">
        <v>0</v>
      </c>
      <c r="R2809" s="166">
        <v>0</v>
      </c>
      <c r="S2809" s="166">
        <v>0</v>
      </c>
      <c r="T2809" s="166">
        <v>0</v>
      </c>
      <c r="U2809" s="166">
        <v>0</v>
      </c>
      <c r="V2809" s="166">
        <v>0</v>
      </c>
      <c r="W2809" s="166">
        <v>0</v>
      </c>
      <c r="X2809" s="166">
        <v>0</v>
      </c>
      <c r="Y2809" s="166">
        <v>0</v>
      </c>
      <c r="Z2809" s="166">
        <v>0</v>
      </c>
      <c r="AA2809" s="166">
        <v>0</v>
      </c>
      <c r="AB2809" s="166">
        <v>0</v>
      </c>
      <c r="AC2809" s="166">
        <v>0</v>
      </c>
      <c r="AD2809" s="166">
        <v>0</v>
      </c>
      <c r="AE2809" s="166">
        <v>0</v>
      </c>
      <c r="AF2809" s="166">
        <v>0</v>
      </c>
      <c r="AG2809" s="166">
        <v>0</v>
      </c>
      <c r="AH2809" s="166">
        <v>0</v>
      </c>
      <c r="AI2809" s="166">
        <v>0</v>
      </c>
      <c r="AJ2809" s="166">
        <v>0</v>
      </c>
      <c r="AK2809" s="166">
        <v>0</v>
      </c>
      <c r="AL2809" s="166">
        <v>0</v>
      </c>
      <c r="AM2809" s="166">
        <v>0</v>
      </c>
      <c r="AN2809" s="166">
        <v>0</v>
      </c>
      <c r="AO2809" s="166">
        <v>0</v>
      </c>
      <c r="AP2809" s="166">
        <v>0</v>
      </c>
      <c r="AQ2809" s="166">
        <v>0</v>
      </c>
      <c r="AR2809" s="166">
        <v>0</v>
      </c>
      <c r="AS2809" s="166">
        <v>0</v>
      </c>
      <c r="AT2809" s="166">
        <v>0</v>
      </c>
      <c r="AU2809" s="166">
        <v>0</v>
      </c>
      <c r="AV2809" s="166">
        <v>0</v>
      </c>
      <c r="AW2809" s="166">
        <v>0</v>
      </c>
      <c r="AX2809" s="166">
        <v>0</v>
      </c>
      <c r="AY2809" s="166">
        <v>0</v>
      </c>
      <c r="AZ2809" s="166">
        <v>0</v>
      </c>
      <c r="BA2809" s="166">
        <v>0</v>
      </c>
      <c r="BB2809" s="166">
        <v>0</v>
      </c>
      <c r="BC2809" s="166">
        <v>0</v>
      </c>
      <c r="BD2809" s="166">
        <v>0</v>
      </c>
      <c r="BE2809" s="166">
        <v>0</v>
      </c>
      <c r="BF2809" s="166">
        <v>0</v>
      </c>
      <c r="BG2809" s="166">
        <v>0</v>
      </c>
      <c r="BH2809" s="166">
        <v>0</v>
      </c>
      <c r="BI2809" s="166">
        <v>0</v>
      </c>
      <c r="BJ2809" s="166">
        <v>0</v>
      </c>
      <c r="BK2809" s="166">
        <v>0</v>
      </c>
      <c r="BL2809" s="166">
        <v>0</v>
      </c>
      <c r="BM2809" s="166">
        <v>0</v>
      </c>
      <c r="BN2809" s="166">
        <v>0</v>
      </c>
      <c r="BO2809" s="166">
        <v>0</v>
      </c>
      <c r="BP2809" s="166">
        <v>0</v>
      </c>
      <c r="BQ2809" s="166">
        <v>0</v>
      </c>
      <c r="BR2809" s="166">
        <v>0</v>
      </c>
      <c r="BS2809" s="166">
        <v>0</v>
      </c>
      <c r="BT2809" s="166">
        <v>0</v>
      </c>
      <c r="BU2809" s="166">
        <v>0</v>
      </c>
      <c r="BV2809" s="166">
        <v>0</v>
      </c>
      <c r="BW2809" s="166">
        <v>0</v>
      </c>
      <c r="BX2809" s="166">
        <v>0</v>
      </c>
      <c r="BY2809" s="166">
        <v>0</v>
      </c>
      <c r="BZ2809" s="166">
        <v>0</v>
      </c>
      <c r="CA2809" s="166">
        <v>0</v>
      </c>
      <c r="CB2809" s="166">
        <v>0</v>
      </c>
      <c r="CC2809" s="166">
        <v>0</v>
      </c>
      <c r="CD2809" s="166">
        <v>0</v>
      </c>
      <c r="CE2809" s="166">
        <v>0</v>
      </c>
      <c r="CF2809" s="166">
        <v>0</v>
      </c>
      <c r="CG2809" s="166">
        <v>0</v>
      </c>
      <c r="CH2809" s="166">
        <v>0</v>
      </c>
      <c r="CI2809" s="166">
        <v>0</v>
      </c>
      <c r="CJ2809" s="166">
        <v>0</v>
      </c>
      <c r="CK2809" s="166">
        <v>0</v>
      </c>
      <c r="CL2809" s="166">
        <v>0</v>
      </c>
      <c r="CM2809" s="166">
        <v>0</v>
      </c>
      <c r="CN2809" s="166">
        <v>0</v>
      </c>
      <c r="CO2809" s="166">
        <v>0</v>
      </c>
      <c r="CP2809" s="166">
        <v>0</v>
      </c>
      <c r="CQ2809" s="166">
        <v>0</v>
      </c>
      <c r="CR2809" s="166">
        <v>0</v>
      </c>
      <c r="CS2809" s="166">
        <v>0</v>
      </c>
      <c r="CT2809" s="166">
        <v>0</v>
      </c>
      <c r="CU2809" s="166">
        <v>0</v>
      </c>
      <c r="CV2809" s="166">
        <v>0</v>
      </c>
      <c r="CW2809" s="166">
        <v>0</v>
      </c>
      <c r="CX2809" s="166">
        <v>0</v>
      </c>
      <c r="CY2809" s="166">
        <v>0</v>
      </c>
      <c r="CZ2809" s="166">
        <v>0</v>
      </c>
    </row>
    <row r="2810" spans="1:104" x14ac:dyDescent="0.2">
      <c r="A2810" s="167" t="s">
        <v>97</v>
      </c>
      <c r="B2810" s="166">
        <v>0</v>
      </c>
      <c r="C2810" s="166">
        <v>0</v>
      </c>
      <c r="D2810" s="166">
        <v>1000</v>
      </c>
      <c r="E2810" s="166">
        <v>1000</v>
      </c>
      <c r="F2810" s="166">
        <v>1000</v>
      </c>
      <c r="G2810" s="166">
        <v>1000</v>
      </c>
      <c r="H2810" s="166">
        <v>1000</v>
      </c>
      <c r="I2810" s="166">
        <v>1000</v>
      </c>
      <c r="J2810" s="166">
        <v>1000</v>
      </c>
      <c r="K2810" s="166">
        <v>1000</v>
      </c>
      <c r="L2810" s="166">
        <v>1000</v>
      </c>
      <c r="M2810" s="166">
        <v>1000</v>
      </c>
      <c r="N2810" s="166">
        <v>1000</v>
      </c>
      <c r="O2810" s="166">
        <v>1000</v>
      </c>
      <c r="P2810" s="166">
        <v>1000</v>
      </c>
      <c r="Q2810" s="166">
        <v>1000</v>
      </c>
      <c r="R2810" s="166">
        <v>1000</v>
      </c>
      <c r="S2810" s="166">
        <v>1000</v>
      </c>
      <c r="T2810" s="166">
        <v>1000</v>
      </c>
      <c r="U2810" s="166">
        <v>1000</v>
      </c>
      <c r="V2810" s="166">
        <v>1000</v>
      </c>
      <c r="W2810" s="166">
        <v>1000</v>
      </c>
      <c r="X2810" s="166">
        <v>1000</v>
      </c>
      <c r="Y2810" s="166">
        <v>1000</v>
      </c>
      <c r="Z2810" s="166">
        <v>1000</v>
      </c>
      <c r="AA2810" s="166">
        <v>1000</v>
      </c>
      <c r="AB2810" s="166">
        <v>1000</v>
      </c>
      <c r="AC2810" s="166">
        <v>1000</v>
      </c>
      <c r="AD2810" s="166">
        <v>1000</v>
      </c>
      <c r="AE2810" s="166">
        <v>1000</v>
      </c>
      <c r="AF2810" s="166">
        <v>1000</v>
      </c>
      <c r="AG2810" s="166">
        <v>1000</v>
      </c>
      <c r="AH2810" s="166">
        <v>1000</v>
      </c>
      <c r="AI2810" s="166">
        <v>1000</v>
      </c>
      <c r="AJ2810" s="166">
        <v>1000</v>
      </c>
      <c r="AK2810" s="166">
        <v>1000</v>
      </c>
      <c r="AL2810" s="166">
        <v>1000</v>
      </c>
      <c r="AM2810" s="166">
        <v>1000</v>
      </c>
      <c r="AN2810" s="166">
        <v>1000</v>
      </c>
      <c r="AO2810" s="166">
        <v>1000</v>
      </c>
      <c r="AP2810" s="166">
        <v>1000</v>
      </c>
      <c r="AQ2810" s="166">
        <v>1000</v>
      </c>
      <c r="AR2810" s="166">
        <v>1000</v>
      </c>
      <c r="AS2810" s="166">
        <v>1000</v>
      </c>
      <c r="AT2810" s="166">
        <v>1000</v>
      </c>
      <c r="AU2810" s="166">
        <v>1000</v>
      </c>
      <c r="AV2810" s="166">
        <v>1000</v>
      </c>
      <c r="AW2810" s="166">
        <v>1000</v>
      </c>
      <c r="AX2810" s="166">
        <v>1000</v>
      </c>
      <c r="AY2810" s="166">
        <v>1000</v>
      </c>
      <c r="AZ2810" s="166">
        <v>1000</v>
      </c>
      <c r="BA2810" s="166">
        <v>1000</v>
      </c>
      <c r="BB2810" s="166">
        <v>1000</v>
      </c>
      <c r="BC2810" s="166">
        <v>1000</v>
      </c>
      <c r="BD2810" s="166">
        <v>0</v>
      </c>
      <c r="BE2810" s="166">
        <v>0</v>
      </c>
      <c r="BF2810" s="166">
        <v>0</v>
      </c>
      <c r="BG2810" s="166">
        <v>0</v>
      </c>
      <c r="BH2810" s="166">
        <v>0</v>
      </c>
      <c r="BI2810" s="166">
        <v>0</v>
      </c>
      <c r="BJ2810" s="166">
        <v>0</v>
      </c>
      <c r="BK2810" s="166">
        <v>0</v>
      </c>
      <c r="BL2810" s="166">
        <v>0</v>
      </c>
      <c r="BM2810" s="166">
        <v>0</v>
      </c>
      <c r="BN2810" s="166">
        <v>0</v>
      </c>
      <c r="BO2810" s="166">
        <v>0</v>
      </c>
      <c r="BP2810" s="166">
        <v>0</v>
      </c>
      <c r="BQ2810" s="166">
        <v>0</v>
      </c>
      <c r="BR2810" s="166">
        <v>0</v>
      </c>
      <c r="BS2810" s="166">
        <v>0</v>
      </c>
      <c r="BT2810" s="166">
        <v>0</v>
      </c>
      <c r="BU2810" s="166">
        <v>0</v>
      </c>
      <c r="BV2810" s="166">
        <v>0</v>
      </c>
      <c r="BW2810" s="166">
        <v>0</v>
      </c>
      <c r="BX2810" s="166">
        <v>0</v>
      </c>
      <c r="BY2810" s="166">
        <v>0</v>
      </c>
      <c r="BZ2810" s="166">
        <v>0</v>
      </c>
      <c r="CA2810" s="166">
        <v>0</v>
      </c>
      <c r="CB2810" s="166">
        <v>0</v>
      </c>
      <c r="CC2810" s="166">
        <v>0</v>
      </c>
      <c r="CD2810" s="166">
        <v>0</v>
      </c>
      <c r="CE2810" s="166">
        <v>0</v>
      </c>
      <c r="CF2810" s="166">
        <v>0</v>
      </c>
      <c r="CG2810" s="166">
        <v>0</v>
      </c>
      <c r="CH2810" s="166">
        <v>0</v>
      </c>
      <c r="CI2810" s="166">
        <v>0</v>
      </c>
      <c r="CJ2810" s="166">
        <v>0</v>
      </c>
      <c r="CK2810" s="166">
        <v>0</v>
      </c>
      <c r="CL2810" s="166">
        <v>0</v>
      </c>
      <c r="CM2810" s="166">
        <v>0</v>
      </c>
      <c r="CN2810" s="166">
        <v>0</v>
      </c>
      <c r="CO2810" s="166">
        <v>0</v>
      </c>
      <c r="CP2810" s="166">
        <v>0</v>
      </c>
      <c r="CQ2810" s="166">
        <v>0</v>
      </c>
      <c r="CR2810" s="166">
        <v>0</v>
      </c>
      <c r="CS2810" s="166">
        <v>0</v>
      </c>
      <c r="CT2810" s="166">
        <v>0</v>
      </c>
      <c r="CU2810" s="166">
        <v>0</v>
      </c>
      <c r="CV2810" s="166">
        <v>0</v>
      </c>
      <c r="CW2810" s="166">
        <v>0</v>
      </c>
      <c r="CX2810" s="166">
        <v>0</v>
      </c>
      <c r="CY2810" s="166">
        <v>0</v>
      </c>
      <c r="CZ2810" s="166">
        <v>0</v>
      </c>
    </row>
    <row r="2811" spans="1:104" x14ac:dyDescent="0.2">
      <c r="A2811" s="167" t="s">
        <v>98</v>
      </c>
      <c r="B2811" s="166">
        <v>0</v>
      </c>
      <c r="C2811" s="166">
        <v>0</v>
      </c>
      <c r="D2811" s="166">
        <v>1929022000</v>
      </c>
      <c r="E2811" s="166">
        <v>5069008000</v>
      </c>
      <c r="F2811" s="166">
        <v>1929029000</v>
      </c>
      <c r="G2811" s="166">
        <v>1929027000</v>
      </c>
      <c r="H2811" s="166">
        <v>5035213000</v>
      </c>
      <c r="I2811" s="166">
        <v>3569408000</v>
      </c>
      <c r="J2811" s="166">
        <v>2008017000</v>
      </c>
      <c r="K2811" s="166">
        <v>2141607000</v>
      </c>
      <c r="L2811" s="166">
        <v>4381640000</v>
      </c>
      <c r="M2811" s="166">
        <v>1929028000</v>
      </c>
      <c r="N2811" s="166">
        <v>4381636000</v>
      </c>
      <c r="O2811" s="166">
        <v>2008008000</v>
      </c>
      <c r="P2811" s="166">
        <v>2008027000</v>
      </c>
      <c r="Q2811" s="166">
        <v>4381637000</v>
      </c>
      <c r="R2811" s="166">
        <v>1929023000</v>
      </c>
      <c r="S2811" s="166">
        <v>2008025000</v>
      </c>
      <c r="T2811" s="166">
        <v>4381639000</v>
      </c>
      <c r="U2811" s="166">
        <v>1929024000</v>
      </c>
      <c r="V2811" s="166">
        <v>2115210000</v>
      </c>
      <c r="W2811" s="166">
        <v>2115211000</v>
      </c>
      <c r="X2811" s="166">
        <v>2115212000</v>
      </c>
      <c r="Y2811" s="166">
        <v>4381635000</v>
      </c>
      <c r="Z2811" s="166">
        <v>2008009000</v>
      </c>
      <c r="AA2811" s="166">
        <v>2008018000</v>
      </c>
      <c r="AB2811" s="166">
        <v>1929025000</v>
      </c>
      <c r="AC2811" s="166">
        <v>2008020000</v>
      </c>
      <c r="AD2811" s="166">
        <v>2008015000</v>
      </c>
      <c r="AE2811" s="166">
        <v>4483608000</v>
      </c>
      <c r="AF2811" s="166">
        <v>2008022000</v>
      </c>
      <c r="AG2811" s="166">
        <v>2008028000</v>
      </c>
      <c r="AH2811" s="166">
        <v>2008010000</v>
      </c>
      <c r="AI2811" s="166">
        <v>2008011000</v>
      </c>
      <c r="AJ2811" s="166">
        <v>4664408000</v>
      </c>
      <c r="AK2811" s="166">
        <v>2008023000</v>
      </c>
      <c r="AL2811" s="166">
        <v>5048229000</v>
      </c>
      <c r="AM2811" s="166">
        <v>3161028000</v>
      </c>
      <c r="AN2811" s="166">
        <v>2008012000</v>
      </c>
      <c r="AO2811" s="166">
        <v>1929026000</v>
      </c>
      <c r="AP2811" s="166">
        <v>2008024000</v>
      </c>
      <c r="AQ2811" s="166">
        <v>2008026000</v>
      </c>
      <c r="AR2811" s="166">
        <v>2008021000</v>
      </c>
      <c r="AS2811" s="166">
        <v>4381633000</v>
      </c>
      <c r="AT2811" s="166">
        <v>2008013000</v>
      </c>
      <c r="AU2811" s="166">
        <v>4381634000</v>
      </c>
      <c r="AV2811" s="166">
        <v>4381632000</v>
      </c>
      <c r="AW2811" s="166">
        <v>2008014000</v>
      </c>
      <c r="AX2811" s="166">
        <v>2008019000</v>
      </c>
      <c r="AY2811" s="166">
        <v>4328307000</v>
      </c>
      <c r="AZ2811" s="166">
        <v>2008016000</v>
      </c>
      <c r="BA2811" s="166">
        <v>3674808000</v>
      </c>
      <c r="BB2811" s="166">
        <v>4381638000</v>
      </c>
      <c r="BC2811" s="166">
        <v>3079223000</v>
      </c>
      <c r="BD2811" s="166">
        <v>0</v>
      </c>
      <c r="BE2811" s="166">
        <v>0</v>
      </c>
      <c r="BF2811" s="166">
        <v>0</v>
      </c>
      <c r="BG2811" s="166">
        <v>0</v>
      </c>
      <c r="BH2811" s="166">
        <v>0</v>
      </c>
      <c r="BI2811" s="166">
        <v>0</v>
      </c>
      <c r="BJ2811" s="166">
        <v>0</v>
      </c>
      <c r="BK2811" s="166">
        <v>0</v>
      </c>
      <c r="BL2811" s="166">
        <v>0</v>
      </c>
      <c r="BM2811" s="166">
        <v>0</v>
      </c>
      <c r="BN2811" s="166">
        <v>0</v>
      </c>
      <c r="BO2811" s="166">
        <v>0</v>
      </c>
      <c r="BP2811" s="166">
        <v>0</v>
      </c>
      <c r="BQ2811" s="166">
        <v>0</v>
      </c>
      <c r="BR2811" s="166">
        <v>0</v>
      </c>
      <c r="BS2811" s="166">
        <v>0</v>
      </c>
      <c r="BT2811" s="166">
        <v>0</v>
      </c>
      <c r="BU2811" s="166">
        <v>0</v>
      </c>
      <c r="BV2811" s="166">
        <v>0</v>
      </c>
      <c r="BW2811" s="166">
        <v>0</v>
      </c>
      <c r="BX2811" s="166">
        <v>0</v>
      </c>
      <c r="BY2811" s="166">
        <v>0</v>
      </c>
      <c r="BZ2811" s="166">
        <v>0</v>
      </c>
      <c r="CA2811" s="166">
        <v>0</v>
      </c>
      <c r="CB2811" s="166">
        <v>0</v>
      </c>
      <c r="CC2811" s="166">
        <v>0</v>
      </c>
      <c r="CD2811" s="166">
        <v>0</v>
      </c>
      <c r="CE2811" s="166">
        <v>0</v>
      </c>
      <c r="CF2811" s="166">
        <v>0</v>
      </c>
      <c r="CG2811" s="166">
        <v>0</v>
      </c>
      <c r="CH2811" s="166">
        <v>0</v>
      </c>
      <c r="CI2811" s="166">
        <v>0</v>
      </c>
      <c r="CJ2811" s="166">
        <v>0</v>
      </c>
      <c r="CK2811" s="166">
        <v>0</v>
      </c>
      <c r="CL2811" s="166">
        <v>0</v>
      </c>
      <c r="CM2811" s="166">
        <v>0</v>
      </c>
      <c r="CN2811" s="166">
        <v>0</v>
      </c>
      <c r="CO2811" s="166">
        <v>0</v>
      </c>
      <c r="CP2811" s="166">
        <v>0</v>
      </c>
      <c r="CQ2811" s="166">
        <v>0</v>
      </c>
      <c r="CR2811" s="166">
        <v>0</v>
      </c>
      <c r="CS2811" s="166">
        <v>0</v>
      </c>
      <c r="CT2811" s="166">
        <v>0</v>
      </c>
      <c r="CU2811" s="166">
        <v>0</v>
      </c>
      <c r="CV2811" s="166">
        <v>0</v>
      </c>
      <c r="CW2811" s="166">
        <v>0</v>
      </c>
      <c r="CX2811" s="166">
        <v>0</v>
      </c>
      <c r="CY2811" s="166">
        <v>0</v>
      </c>
      <c r="CZ2811" s="166">
        <v>0</v>
      </c>
    </row>
    <row r="2812" spans="1:104" x14ac:dyDescent="0.2">
      <c r="A2812" s="167" t="s">
        <v>99</v>
      </c>
      <c r="B2812" s="166">
        <v>0</v>
      </c>
      <c r="C2812" s="166">
        <v>0</v>
      </c>
      <c r="D2812" s="166">
        <v>1929025000</v>
      </c>
      <c r="E2812" s="166">
        <v>1929025000</v>
      </c>
      <c r="F2812" s="166">
        <v>1929025000</v>
      </c>
      <c r="G2812" s="166">
        <v>1929025000</v>
      </c>
      <c r="H2812" s="166">
        <v>1929025000</v>
      </c>
      <c r="I2812" s="166">
        <v>1929025000</v>
      </c>
      <c r="J2812" s="166">
        <v>1929025000</v>
      </c>
      <c r="K2812" s="166">
        <v>1929025000</v>
      </c>
      <c r="L2812" s="166">
        <v>1929025000</v>
      </c>
      <c r="M2812" s="166">
        <v>1929025000</v>
      </c>
      <c r="N2812" s="166">
        <v>1929025000</v>
      </c>
      <c r="O2812" s="166">
        <v>1929025000</v>
      </c>
      <c r="P2812" s="166">
        <v>1929025000</v>
      </c>
      <c r="Q2812" s="166">
        <v>1929025000</v>
      </c>
      <c r="R2812" s="166">
        <v>1929025000</v>
      </c>
      <c r="S2812" s="166">
        <v>1929025000</v>
      </c>
      <c r="T2812" s="166">
        <v>1929025000</v>
      </c>
      <c r="U2812" s="166">
        <v>1929025000</v>
      </c>
      <c r="V2812" s="166">
        <v>1929025000</v>
      </c>
      <c r="W2812" s="166">
        <v>1929025000</v>
      </c>
      <c r="X2812" s="166">
        <v>1929025000</v>
      </c>
      <c r="Y2812" s="166">
        <v>1929025000</v>
      </c>
      <c r="Z2812" s="166">
        <v>1929025000</v>
      </c>
      <c r="AA2812" s="166">
        <v>1929025000</v>
      </c>
      <c r="AB2812" s="166">
        <v>1929025000</v>
      </c>
      <c r="AC2812" s="166">
        <v>1929025000</v>
      </c>
      <c r="AD2812" s="166">
        <v>1929025000</v>
      </c>
      <c r="AE2812" s="166">
        <v>1929025000</v>
      </c>
      <c r="AF2812" s="166">
        <v>1929025000</v>
      </c>
      <c r="AG2812" s="166">
        <v>1929025000</v>
      </c>
      <c r="AH2812" s="166">
        <v>1929025000</v>
      </c>
      <c r="AI2812" s="166">
        <v>1929025000</v>
      </c>
      <c r="AJ2812" s="166">
        <v>1929025000</v>
      </c>
      <c r="AK2812" s="166">
        <v>1929025000</v>
      </c>
      <c r="AL2812" s="166">
        <v>1929025000</v>
      </c>
      <c r="AM2812" s="166">
        <v>1929025000</v>
      </c>
      <c r="AN2812" s="166">
        <v>1929025000</v>
      </c>
      <c r="AO2812" s="166">
        <v>1929025000</v>
      </c>
      <c r="AP2812" s="166">
        <v>1929025000</v>
      </c>
      <c r="AQ2812" s="166">
        <v>1929025000</v>
      </c>
      <c r="AR2812" s="166">
        <v>1929025000</v>
      </c>
      <c r="AS2812" s="166">
        <v>1929025000</v>
      </c>
      <c r="AT2812" s="166">
        <v>1929025000</v>
      </c>
      <c r="AU2812" s="166">
        <v>1929025000</v>
      </c>
      <c r="AV2812" s="166">
        <v>1929025000</v>
      </c>
      <c r="AW2812" s="166">
        <v>1929025000</v>
      </c>
      <c r="AX2812" s="166">
        <v>1929025000</v>
      </c>
      <c r="AY2812" s="166">
        <v>1929025000</v>
      </c>
      <c r="AZ2812" s="166">
        <v>1929025000</v>
      </c>
      <c r="BA2812" s="166">
        <v>1929025000</v>
      </c>
      <c r="BB2812" s="166">
        <v>1929025000</v>
      </c>
      <c r="BC2812" s="166">
        <v>1929025000</v>
      </c>
      <c r="BD2812" s="166">
        <v>0</v>
      </c>
      <c r="BE2812" s="166">
        <v>0</v>
      </c>
      <c r="BF2812" s="166">
        <v>0</v>
      </c>
      <c r="BG2812" s="166">
        <v>0</v>
      </c>
      <c r="BH2812" s="166">
        <v>0</v>
      </c>
      <c r="BI2812" s="166">
        <v>0</v>
      </c>
      <c r="BJ2812" s="166">
        <v>0</v>
      </c>
      <c r="BK2812" s="166">
        <v>0</v>
      </c>
      <c r="BL2812" s="166">
        <v>0</v>
      </c>
      <c r="BM2812" s="166">
        <v>0</v>
      </c>
      <c r="BN2812" s="166">
        <v>0</v>
      </c>
      <c r="BO2812" s="166">
        <v>0</v>
      </c>
      <c r="BP2812" s="166">
        <v>0</v>
      </c>
      <c r="BQ2812" s="166">
        <v>0</v>
      </c>
      <c r="BR2812" s="166">
        <v>0</v>
      </c>
      <c r="BS2812" s="166">
        <v>0</v>
      </c>
      <c r="BT2812" s="166">
        <v>0</v>
      </c>
      <c r="BU2812" s="166">
        <v>0</v>
      </c>
      <c r="BV2812" s="166">
        <v>0</v>
      </c>
      <c r="BW2812" s="166">
        <v>0</v>
      </c>
      <c r="BX2812" s="166">
        <v>0</v>
      </c>
      <c r="BY2812" s="166">
        <v>0</v>
      </c>
      <c r="BZ2812" s="166">
        <v>0</v>
      </c>
      <c r="CA2812" s="166">
        <v>0</v>
      </c>
      <c r="CB2812" s="166">
        <v>0</v>
      </c>
      <c r="CC2812" s="166">
        <v>0</v>
      </c>
      <c r="CD2812" s="166">
        <v>0</v>
      </c>
      <c r="CE2812" s="166">
        <v>0</v>
      </c>
      <c r="CF2812" s="166">
        <v>0</v>
      </c>
      <c r="CG2812" s="166">
        <v>0</v>
      </c>
      <c r="CH2812" s="166">
        <v>0</v>
      </c>
      <c r="CI2812" s="166">
        <v>0</v>
      </c>
      <c r="CJ2812" s="166">
        <v>0</v>
      </c>
      <c r="CK2812" s="166">
        <v>0</v>
      </c>
      <c r="CL2812" s="166">
        <v>0</v>
      </c>
      <c r="CM2812" s="166">
        <v>0</v>
      </c>
      <c r="CN2812" s="166">
        <v>0</v>
      </c>
      <c r="CO2812" s="166">
        <v>0</v>
      </c>
      <c r="CP2812" s="166">
        <v>0</v>
      </c>
      <c r="CQ2812" s="166">
        <v>0</v>
      </c>
      <c r="CR2812" s="166">
        <v>0</v>
      </c>
      <c r="CS2812" s="166">
        <v>0</v>
      </c>
      <c r="CT2812" s="166">
        <v>0</v>
      </c>
      <c r="CU2812" s="166">
        <v>0</v>
      </c>
      <c r="CV2812" s="166">
        <v>0</v>
      </c>
      <c r="CW2812" s="166">
        <v>0</v>
      </c>
      <c r="CX2812" s="166">
        <v>0</v>
      </c>
      <c r="CY2812" s="166">
        <v>0</v>
      </c>
      <c r="CZ2812" s="166">
        <v>0</v>
      </c>
    </row>
    <row r="2813" spans="1:104" x14ac:dyDescent="0.2">
      <c r="A2813" s="167" t="s">
        <v>100</v>
      </c>
      <c r="B2813" s="166">
        <v>0</v>
      </c>
      <c r="C2813" s="166">
        <v>0</v>
      </c>
      <c r="D2813" s="166">
        <v>1929027000</v>
      </c>
      <c r="E2813" s="166">
        <v>1929027000</v>
      </c>
      <c r="F2813" s="166">
        <v>1929027000</v>
      </c>
      <c r="G2813" s="166">
        <v>1929027000</v>
      </c>
      <c r="H2813" s="166">
        <v>1929027000</v>
      </c>
      <c r="I2813" s="166">
        <v>1929027000</v>
      </c>
      <c r="J2813" s="166">
        <v>1929027000</v>
      </c>
      <c r="K2813" s="166">
        <v>1929027000</v>
      </c>
      <c r="L2813" s="166">
        <v>1929027000</v>
      </c>
      <c r="M2813" s="166">
        <v>1929027000</v>
      </c>
      <c r="N2813" s="166">
        <v>1929027000</v>
      </c>
      <c r="O2813" s="166">
        <v>1929027000</v>
      </c>
      <c r="P2813" s="166">
        <v>1929027000</v>
      </c>
      <c r="Q2813" s="166">
        <v>1929027000</v>
      </c>
      <c r="R2813" s="166">
        <v>1929027000</v>
      </c>
      <c r="S2813" s="166">
        <v>1929027000</v>
      </c>
      <c r="T2813" s="166">
        <v>1929027000</v>
      </c>
      <c r="U2813" s="166">
        <v>1929027000</v>
      </c>
      <c r="V2813" s="166">
        <v>1929027000</v>
      </c>
      <c r="W2813" s="166">
        <v>1929027000</v>
      </c>
      <c r="X2813" s="166">
        <v>1929027000</v>
      </c>
      <c r="Y2813" s="166">
        <v>1929027000</v>
      </c>
      <c r="Z2813" s="166">
        <v>1929027000</v>
      </c>
      <c r="AA2813" s="166">
        <v>1929027000</v>
      </c>
      <c r="AB2813" s="166">
        <v>1929027000</v>
      </c>
      <c r="AC2813" s="166">
        <v>1929027000</v>
      </c>
      <c r="AD2813" s="166">
        <v>1929027000</v>
      </c>
      <c r="AE2813" s="166">
        <v>1929027000</v>
      </c>
      <c r="AF2813" s="166">
        <v>1929027000</v>
      </c>
      <c r="AG2813" s="166">
        <v>1929027000</v>
      </c>
      <c r="AH2813" s="166">
        <v>1929027000</v>
      </c>
      <c r="AI2813" s="166">
        <v>1929027000</v>
      </c>
      <c r="AJ2813" s="166">
        <v>1929027000</v>
      </c>
      <c r="AK2813" s="166">
        <v>1929027000</v>
      </c>
      <c r="AL2813" s="166">
        <v>1929027000</v>
      </c>
      <c r="AM2813" s="166">
        <v>1929027000</v>
      </c>
      <c r="AN2813" s="166">
        <v>1929027000</v>
      </c>
      <c r="AO2813" s="166">
        <v>1929027000</v>
      </c>
      <c r="AP2813" s="166">
        <v>1929027000</v>
      </c>
      <c r="AQ2813" s="166">
        <v>1929027000</v>
      </c>
      <c r="AR2813" s="166">
        <v>1929027000</v>
      </c>
      <c r="AS2813" s="166">
        <v>1929027000</v>
      </c>
      <c r="AT2813" s="166">
        <v>1929027000</v>
      </c>
      <c r="AU2813" s="166">
        <v>1929027000</v>
      </c>
      <c r="AV2813" s="166">
        <v>1929027000</v>
      </c>
      <c r="AW2813" s="166">
        <v>1929027000</v>
      </c>
      <c r="AX2813" s="166">
        <v>1929027000</v>
      </c>
      <c r="AY2813" s="166">
        <v>1929027000</v>
      </c>
      <c r="AZ2813" s="166">
        <v>1929027000</v>
      </c>
      <c r="BA2813" s="166">
        <v>1929027000</v>
      </c>
      <c r="BB2813" s="166">
        <v>1929027000</v>
      </c>
      <c r="BC2813" s="166">
        <v>1929027000</v>
      </c>
      <c r="BD2813" s="166">
        <v>0</v>
      </c>
      <c r="BE2813" s="166">
        <v>0</v>
      </c>
      <c r="BF2813" s="166">
        <v>0</v>
      </c>
      <c r="BG2813" s="166">
        <v>0</v>
      </c>
      <c r="BH2813" s="166">
        <v>0</v>
      </c>
      <c r="BI2813" s="166">
        <v>0</v>
      </c>
      <c r="BJ2813" s="166">
        <v>0</v>
      </c>
      <c r="BK2813" s="166">
        <v>0</v>
      </c>
      <c r="BL2813" s="166">
        <v>0</v>
      </c>
      <c r="BM2813" s="166">
        <v>0</v>
      </c>
      <c r="BN2813" s="166">
        <v>0</v>
      </c>
      <c r="BO2813" s="166">
        <v>0</v>
      </c>
      <c r="BP2813" s="166">
        <v>0</v>
      </c>
      <c r="BQ2813" s="166">
        <v>0</v>
      </c>
      <c r="BR2813" s="166">
        <v>0</v>
      </c>
      <c r="BS2813" s="166">
        <v>0</v>
      </c>
      <c r="BT2813" s="166">
        <v>0</v>
      </c>
      <c r="BU2813" s="166">
        <v>0</v>
      </c>
      <c r="BV2813" s="166">
        <v>0</v>
      </c>
      <c r="BW2813" s="166">
        <v>0</v>
      </c>
      <c r="BX2813" s="166">
        <v>0</v>
      </c>
      <c r="BY2813" s="166">
        <v>0</v>
      </c>
      <c r="BZ2813" s="166">
        <v>0</v>
      </c>
      <c r="CA2813" s="166">
        <v>0</v>
      </c>
      <c r="CB2813" s="166">
        <v>0</v>
      </c>
      <c r="CC2813" s="166">
        <v>0</v>
      </c>
      <c r="CD2813" s="166">
        <v>0</v>
      </c>
      <c r="CE2813" s="166">
        <v>0</v>
      </c>
      <c r="CF2813" s="166">
        <v>0</v>
      </c>
      <c r="CG2813" s="166">
        <v>0</v>
      </c>
      <c r="CH2813" s="166">
        <v>0</v>
      </c>
      <c r="CI2813" s="166">
        <v>0</v>
      </c>
      <c r="CJ2813" s="166">
        <v>0</v>
      </c>
      <c r="CK2813" s="166">
        <v>0</v>
      </c>
      <c r="CL2813" s="166">
        <v>0</v>
      </c>
      <c r="CM2813" s="166">
        <v>0</v>
      </c>
      <c r="CN2813" s="166">
        <v>0</v>
      </c>
      <c r="CO2813" s="166">
        <v>0</v>
      </c>
      <c r="CP2813" s="166">
        <v>0</v>
      </c>
      <c r="CQ2813" s="166">
        <v>0</v>
      </c>
      <c r="CR2813" s="166">
        <v>0</v>
      </c>
      <c r="CS2813" s="166">
        <v>0</v>
      </c>
      <c r="CT2813" s="166">
        <v>0</v>
      </c>
      <c r="CU2813" s="166">
        <v>0</v>
      </c>
      <c r="CV2813" s="166">
        <v>0</v>
      </c>
      <c r="CW2813" s="166">
        <v>0</v>
      </c>
      <c r="CX2813" s="166">
        <v>0</v>
      </c>
      <c r="CY2813" s="166">
        <v>0</v>
      </c>
      <c r="CZ2813" s="166">
        <v>0</v>
      </c>
    </row>
    <row r="2814" spans="1:104" x14ac:dyDescent="0.2">
      <c r="A2814" s="167" t="s">
        <v>101</v>
      </c>
      <c r="B2814" s="166">
        <v>0</v>
      </c>
      <c r="C2814" s="166">
        <v>0</v>
      </c>
      <c r="D2814" s="166">
        <v>1929023000</v>
      </c>
      <c r="E2814" s="166">
        <v>1929023000</v>
      </c>
      <c r="F2814" s="166">
        <v>1929023000</v>
      </c>
      <c r="G2814" s="166">
        <v>1929023000</v>
      </c>
      <c r="H2814" s="166">
        <v>1929023000</v>
      </c>
      <c r="I2814" s="166">
        <v>1929023000</v>
      </c>
      <c r="J2814" s="166">
        <v>1929023000</v>
      </c>
      <c r="K2814" s="166">
        <v>1929023000</v>
      </c>
      <c r="L2814" s="166">
        <v>1929023000</v>
      </c>
      <c r="M2814" s="166">
        <v>1929023000</v>
      </c>
      <c r="N2814" s="166">
        <v>1929023000</v>
      </c>
      <c r="O2814" s="166">
        <v>1929023000</v>
      </c>
      <c r="P2814" s="166">
        <v>1929023000</v>
      </c>
      <c r="Q2814" s="166">
        <v>1929023000</v>
      </c>
      <c r="R2814" s="166">
        <v>1929023000</v>
      </c>
      <c r="S2814" s="166">
        <v>1929023000</v>
      </c>
      <c r="T2814" s="166">
        <v>1929023000</v>
      </c>
      <c r="U2814" s="166">
        <v>1929023000</v>
      </c>
      <c r="V2814" s="166">
        <v>1929023000</v>
      </c>
      <c r="W2814" s="166">
        <v>1929023000</v>
      </c>
      <c r="X2814" s="166">
        <v>1929023000</v>
      </c>
      <c r="Y2814" s="166">
        <v>1929023000</v>
      </c>
      <c r="Z2814" s="166">
        <v>1929023000</v>
      </c>
      <c r="AA2814" s="166">
        <v>1929023000</v>
      </c>
      <c r="AB2814" s="166">
        <v>1929023000</v>
      </c>
      <c r="AC2814" s="166">
        <v>1929023000</v>
      </c>
      <c r="AD2814" s="166">
        <v>1929023000</v>
      </c>
      <c r="AE2814" s="166">
        <v>1929023000</v>
      </c>
      <c r="AF2814" s="166">
        <v>1929023000</v>
      </c>
      <c r="AG2814" s="166">
        <v>1929023000</v>
      </c>
      <c r="AH2814" s="166">
        <v>1929023000</v>
      </c>
      <c r="AI2814" s="166">
        <v>1929023000</v>
      </c>
      <c r="AJ2814" s="166">
        <v>1929023000</v>
      </c>
      <c r="AK2814" s="166">
        <v>1929023000</v>
      </c>
      <c r="AL2814" s="166">
        <v>1929023000</v>
      </c>
      <c r="AM2814" s="166">
        <v>1929023000</v>
      </c>
      <c r="AN2814" s="166">
        <v>1929023000</v>
      </c>
      <c r="AO2814" s="166">
        <v>1929023000</v>
      </c>
      <c r="AP2814" s="166">
        <v>1929023000</v>
      </c>
      <c r="AQ2814" s="166">
        <v>1929023000</v>
      </c>
      <c r="AR2814" s="166">
        <v>1929023000</v>
      </c>
      <c r="AS2814" s="166">
        <v>1929023000</v>
      </c>
      <c r="AT2814" s="166">
        <v>1929023000</v>
      </c>
      <c r="AU2814" s="166">
        <v>1929023000</v>
      </c>
      <c r="AV2814" s="166">
        <v>1929023000</v>
      </c>
      <c r="AW2814" s="166">
        <v>1929023000</v>
      </c>
      <c r="AX2814" s="166">
        <v>1929023000</v>
      </c>
      <c r="AY2814" s="166">
        <v>1929023000</v>
      </c>
      <c r="AZ2814" s="166">
        <v>1929023000</v>
      </c>
      <c r="BA2814" s="166">
        <v>1929023000</v>
      </c>
      <c r="BB2814" s="166">
        <v>1929023000</v>
      </c>
      <c r="BC2814" s="166">
        <v>1929023000</v>
      </c>
      <c r="BD2814" s="166">
        <v>0</v>
      </c>
      <c r="BE2814" s="166">
        <v>0</v>
      </c>
      <c r="BF2814" s="166">
        <v>0</v>
      </c>
      <c r="BG2814" s="166">
        <v>0</v>
      </c>
      <c r="BH2814" s="166">
        <v>0</v>
      </c>
      <c r="BI2814" s="166">
        <v>0</v>
      </c>
      <c r="BJ2814" s="166">
        <v>0</v>
      </c>
      <c r="BK2814" s="166">
        <v>0</v>
      </c>
      <c r="BL2814" s="166">
        <v>0</v>
      </c>
      <c r="BM2814" s="166">
        <v>0</v>
      </c>
      <c r="BN2814" s="166">
        <v>0</v>
      </c>
      <c r="BO2814" s="166">
        <v>0</v>
      </c>
      <c r="BP2814" s="166">
        <v>0</v>
      </c>
      <c r="BQ2814" s="166">
        <v>0</v>
      </c>
      <c r="BR2814" s="166">
        <v>0</v>
      </c>
      <c r="BS2814" s="166">
        <v>0</v>
      </c>
      <c r="BT2814" s="166">
        <v>0</v>
      </c>
      <c r="BU2814" s="166">
        <v>0</v>
      </c>
      <c r="BV2814" s="166">
        <v>0</v>
      </c>
      <c r="BW2814" s="166">
        <v>0</v>
      </c>
      <c r="BX2814" s="166">
        <v>0</v>
      </c>
      <c r="BY2814" s="166">
        <v>0</v>
      </c>
      <c r="BZ2814" s="166">
        <v>0</v>
      </c>
      <c r="CA2814" s="166">
        <v>0</v>
      </c>
      <c r="CB2814" s="166">
        <v>0</v>
      </c>
      <c r="CC2814" s="166">
        <v>0</v>
      </c>
      <c r="CD2814" s="166">
        <v>0</v>
      </c>
      <c r="CE2814" s="166">
        <v>0</v>
      </c>
      <c r="CF2814" s="166">
        <v>0</v>
      </c>
      <c r="CG2814" s="166">
        <v>0</v>
      </c>
      <c r="CH2814" s="166">
        <v>0</v>
      </c>
      <c r="CI2814" s="166">
        <v>0</v>
      </c>
      <c r="CJ2814" s="166">
        <v>0</v>
      </c>
      <c r="CK2814" s="166">
        <v>0</v>
      </c>
      <c r="CL2814" s="166">
        <v>0</v>
      </c>
      <c r="CM2814" s="166">
        <v>0</v>
      </c>
      <c r="CN2814" s="166">
        <v>0</v>
      </c>
      <c r="CO2814" s="166">
        <v>0</v>
      </c>
      <c r="CP2814" s="166">
        <v>0</v>
      </c>
      <c r="CQ2814" s="166">
        <v>0</v>
      </c>
      <c r="CR2814" s="166">
        <v>0</v>
      </c>
      <c r="CS2814" s="166">
        <v>0</v>
      </c>
      <c r="CT2814" s="166">
        <v>0</v>
      </c>
      <c r="CU2814" s="166">
        <v>0</v>
      </c>
      <c r="CV2814" s="166">
        <v>0</v>
      </c>
      <c r="CW2814" s="166">
        <v>0</v>
      </c>
      <c r="CX2814" s="166">
        <v>0</v>
      </c>
      <c r="CY2814" s="166">
        <v>0</v>
      </c>
      <c r="CZ2814" s="166">
        <v>0</v>
      </c>
    </row>
    <row r="2815" spans="1:104" x14ac:dyDescent="0.2">
      <c r="A2815" s="167" t="s">
        <v>102</v>
      </c>
      <c r="B2815" s="166">
        <v>0</v>
      </c>
      <c r="C2815" s="166">
        <v>0</v>
      </c>
      <c r="D2815" s="166">
        <v>1929024000</v>
      </c>
      <c r="E2815" s="166">
        <v>1929024000</v>
      </c>
      <c r="F2815" s="166">
        <v>1929024000</v>
      </c>
      <c r="G2815" s="166">
        <v>1929024000</v>
      </c>
      <c r="H2815" s="166">
        <v>1929024000</v>
      </c>
      <c r="I2815" s="166">
        <v>1929024000</v>
      </c>
      <c r="J2815" s="166">
        <v>1929024000</v>
      </c>
      <c r="K2815" s="166">
        <v>1929024000</v>
      </c>
      <c r="L2815" s="166">
        <v>1929024000</v>
      </c>
      <c r="M2815" s="166">
        <v>1929024000</v>
      </c>
      <c r="N2815" s="166">
        <v>1929024000</v>
      </c>
      <c r="O2815" s="166">
        <v>1929024000</v>
      </c>
      <c r="P2815" s="166">
        <v>1929024000</v>
      </c>
      <c r="Q2815" s="166">
        <v>1929024000</v>
      </c>
      <c r="R2815" s="166">
        <v>1929024000</v>
      </c>
      <c r="S2815" s="166">
        <v>1929024000</v>
      </c>
      <c r="T2815" s="166">
        <v>1929024000</v>
      </c>
      <c r="U2815" s="166">
        <v>1929024000</v>
      </c>
      <c r="V2815" s="166">
        <v>1929024000</v>
      </c>
      <c r="W2815" s="166">
        <v>1929024000</v>
      </c>
      <c r="X2815" s="166">
        <v>1929024000</v>
      </c>
      <c r="Y2815" s="166">
        <v>1929024000</v>
      </c>
      <c r="Z2815" s="166">
        <v>1929024000</v>
      </c>
      <c r="AA2815" s="166">
        <v>1929024000</v>
      </c>
      <c r="AB2815" s="166">
        <v>1929024000</v>
      </c>
      <c r="AC2815" s="166">
        <v>1929024000</v>
      </c>
      <c r="AD2815" s="166">
        <v>1929024000</v>
      </c>
      <c r="AE2815" s="166">
        <v>1929024000</v>
      </c>
      <c r="AF2815" s="166">
        <v>1929024000</v>
      </c>
      <c r="AG2815" s="166">
        <v>1929024000</v>
      </c>
      <c r="AH2815" s="166">
        <v>1929024000</v>
      </c>
      <c r="AI2815" s="166">
        <v>1929024000</v>
      </c>
      <c r="AJ2815" s="166">
        <v>1929024000</v>
      </c>
      <c r="AK2815" s="166">
        <v>1929024000</v>
      </c>
      <c r="AL2815" s="166">
        <v>1929024000</v>
      </c>
      <c r="AM2815" s="166">
        <v>1929024000</v>
      </c>
      <c r="AN2815" s="166">
        <v>1929024000</v>
      </c>
      <c r="AO2815" s="166">
        <v>1929024000</v>
      </c>
      <c r="AP2815" s="166">
        <v>1929024000</v>
      </c>
      <c r="AQ2815" s="166">
        <v>1929024000</v>
      </c>
      <c r="AR2815" s="166">
        <v>1929024000</v>
      </c>
      <c r="AS2815" s="166">
        <v>1929024000</v>
      </c>
      <c r="AT2815" s="166">
        <v>1929024000</v>
      </c>
      <c r="AU2815" s="166">
        <v>1929024000</v>
      </c>
      <c r="AV2815" s="166">
        <v>1929024000</v>
      </c>
      <c r="AW2815" s="166">
        <v>1929024000</v>
      </c>
      <c r="AX2815" s="166">
        <v>1929024000</v>
      </c>
      <c r="AY2815" s="166">
        <v>1929024000</v>
      </c>
      <c r="AZ2815" s="166">
        <v>1929024000</v>
      </c>
      <c r="BA2815" s="166">
        <v>1929024000</v>
      </c>
      <c r="BB2815" s="166">
        <v>1929024000</v>
      </c>
      <c r="BC2815" s="166">
        <v>1929024000</v>
      </c>
      <c r="BD2815" s="166">
        <v>0</v>
      </c>
      <c r="BE2815" s="166">
        <v>0</v>
      </c>
      <c r="BF2815" s="166">
        <v>0</v>
      </c>
      <c r="BG2815" s="166">
        <v>0</v>
      </c>
      <c r="BH2815" s="166">
        <v>0</v>
      </c>
      <c r="BI2815" s="166">
        <v>0</v>
      </c>
      <c r="BJ2815" s="166">
        <v>0</v>
      </c>
      <c r="BK2815" s="166">
        <v>0</v>
      </c>
      <c r="BL2815" s="166">
        <v>0</v>
      </c>
      <c r="BM2815" s="166">
        <v>0</v>
      </c>
      <c r="BN2815" s="166">
        <v>0</v>
      </c>
      <c r="BO2815" s="166">
        <v>0</v>
      </c>
      <c r="BP2815" s="166">
        <v>0</v>
      </c>
      <c r="BQ2815" s="166">
        <v>0</v>
      </c>
      <c r="BR2815" s="166">
        <v>0</v>
      </c>
      <c r="BS2815" s="166">
        <v>0</v>
      </c>
      <c r="BT2815" s="166">
        <v>0</v>
      </c>
      <c r="BU2815" s="166">
        <v>0</v>
      </c>
      <c r="BV2815" s="166">
        <v>0</v>
      </c>
      <c r="BW2815" s="166">
        <v>0</v>
      </c>
      <c r="BX2815" s="166">
        <v>0</v>
      </c>
      <c r="BY2815" s="166">
        <v>0</v>
      </c>
      <c r="BZ2815" s="166">
        <v>0</v>
      </c>
      <c r="CA2815" s="166">
        <v>0</v>
      </c>
      <c r="CB2815" s="166">
        <v>0</v>
      </c>
      <c r="CC2815" s="166">
        <v>0</v>
      </c>
      <c r="CD2815" s="166">
        <v>0</v>
      </c>
      <c r="CE2815" s="166">
        <v>0</v>
      </c>
      <c r="CF2815" s="166">
        <v>0</v>
      </c>
      <c r="CG2815" s="166">
        <v>0</v>
      </c>
      <c r="CH2815" s="166">
        <v>0</v>
      </c>
      <c r="CI2815" s="166">
        <v>0</v>
      </c>
      <c r="CJ2815" s="166">
        <v>0</v>
      </c>
      <c r="CK2815" s="166">
        <v>0</v>
      </c>
      <c r="CL2815" s="166">
        <v>0</v>
      </c>
      <c r="CM2815" s="166">
        <v>0</v>
      </c>
      <c r="CN2815" s="166">
        <v>0</v>
      </c>
      <c r="CO2815" s="166">
        <v>0</v>
      </c>
      <c r="CP2815" s="166">
        <v>0</v>
      </c>
      <c r="CQ2815" s="166">
        <v>0</v>
      </c>
      <c r="CR2815" s="166">
        <v>0</v>
      </c>
      <c r="CS2815" s="166">
        <v>0</v>
      </c>
      <c r="CT2815" s="166">
        <v>0</v>
      </c>
      <c r="CU2815" s="166">
        <v>0</v>
      </c>
      <c r="CV2815" s="166">
        <v>0</v>
      </c>
      <c r="CW2815" s="166">
        <v>0</v>
      </c>
      <c r="CX2815" s="166">
        <v>0</v>
      </c>
      <c r="CY2815" s="166">
        <v>0</v>
      </c>
      <c r="CZ2815" s="166">
        <v>0</v>
      </c>
    </row>
    <row r="2816" spans="1:104" x14ac:dyDescent="0.2">
      <c r="A2816" s="167" t="s">
        <v>103</v>
      </c>
      <c r="B2816" s="166">
        <v>0</v>
      </c>
      <c r="C2816" s="166">
        <v>0</v>
      </c>
      <c r="D2816" s="166">
        <v>4328307000</v>
      </c>
      <c r="E2816" s="166">
        <v>4328307000</v>
      </c>
      <c r="F2816" s="166">
        <v>4328307000</v>
      </c>
      <c r="G2816" s="166">
        <v>4328307000</v>
      </c>
      <c r="H2816" s="166">
        <v>4328307000</v>
      </c>
      <c r="I2816" s="166">
        <v>4328307000</v>
      </c>
      <c r="J2816" s="166">
        <v>4328307000</v>
      </c>
      <c r="K2816" s="166">
        <v>4328307000</v>
      </c>
      <c r="L2816" s="166">
        <v>4328307000</v>
      </c>
      <c r="M2816" s="166">
        <v>4328307000</v>
      </c>
      <c r="N2816" s="166">
        <v>4328307000</v>
      </c>
      <c r="O2816" s="166">
        <v>4328307000</v>
      </c>
      <c r="P2816" s="166">
        <v>4328307000</v>
      </c>
      <c r="Q2816" s="166">
        <v>4328307000</v>
      </c>
      <c r="R2816" s="166">
        <v>4328307000</v>
      </c>
      <c r="S2816" s="166">
        <v>4328307000</v>
      </c>
      <c r="T2816" s="166">
        <v>4328307000</v>
      </c>
      <c r="U2816" s="166">
        <v>4328307000</v>
      </c>
      <c r="V2816" s="166">
        <v>4328307000</v>
      </c>
      <c r="W2816" s="166">
        <v>4328307000</v>
      </c>
      <c r="X2816" s="166">
        <v>4328307000</v>
      </c>
      <c r="Y2816" s="166">
        <v>4328307000</v>
      </c>
      <c r="Z2816" s="166">
        <v>4328307000</v>
      </c>
      <c r="AA2816" s="166">
        <v>4328307000</v>
      </c>
      <c r="AB2816" s="166">
        <v>4328307000</v>
      </c>
      <c r="AC2816" s="166">
        <v>4328307000</v>
      </c>
      <c r="AD2816" s="166">
        <v>4328307000</v>
      </c>
      <c r="AE2816" s="166">
        <v>4328307000</v>
      </c>
      <c r="AF2816" s="166">
        <v>4328307000</v>
      </c>
      <c r="AG2816" s="166">
        <v>4328307000</v>
      </c>
      <c r="AH2816" s="166">
        <v>4328307000</v>
      </c>
      <c r="AI2816" s="166">
        <v>4328307000</v>
      </c>
      <c r="AJ2816" s="166">
        <v>4328307000</v>
      </c>
      <c r="AK2816" s="166">
        <v>4328307000</v>
      </c>
      <c r="AL2816" s="166">
        <v>4328307000</v>
      </c>
      <c r="AM2816" s="166">
        <v>4328307000</v>
      </c>
      <c r="AN2816" s="166">
        <v>4328307000</v>
      </c>
      <c r="AO2816" s="166">
        <v>4328307000</v>
      </c>
      <c r="AP2816" s="166">
        <v>4328307000</v>
      </c>
      <c r="AQ2816" s="166">
        <v>4328307000</v>
      </c>
      <c r="AR2816" s="166">
        <v>4328307000</v>
      </c>
      <c r="AS2816" s="166">
        <v>4328307000</v>
      </c>
      <c r="AT2816" s="166">
        <v>4328307000</v>
      </c>
      <c r="AU2816" s="166">
        <v>4328307000</v>
      </c>
      <c r="AV2816" s="166">
        <v>4328307000</v>
      </c>
      <c r="AW2816" s="166">
        <v>4328307000</v>
      </c>
      <c r="AX2816" s="166">
        <v>4328307000</v>
      </c>
      <c r="AY2816" s="166">
        <v>4328307000</v>
      </c>
      <c r="AZ2816" s="166">
        <v>4328307000</v>
      </c>
      <c r="BA2816" s="166">
        <v>4328307000</v>
      </c>
      <c r="BB2816" s="166">
        <v>4328307000</v>
      </c>
      <c r="BC2816" s="166">
        <v>4328307000</v>
      </c>
      <c r="BD2816" s="166">
        <v>0</v>
      </c>
      <c r="BE2816" s="166">
        <v>0</v>
      </c>
      <c r="BF2816" s="166">
        <v>0</v>
      </c>
      <c r="BG2816" s="166">
        <v>0</v>
      </c>
      <c r="BH2816" s="166">
        <v>0</v>
      </c>
      <c r="BI2816" s="166">
        <v>0</v>
      </c>
      <c r="BJ2816" s="166">
        <v>0</v>
      </c>
      <c r="BK2816" s="166">
        <v>0</v>
      </c>
      <c r="BL2816" s="166">
        <v>0</v>
      </c>
      <c r="BM2816" s="166">
        <v>0</v>
      </c>
      <c r="BN2816" s="166">
        <v>0</v>
      </c>
      <c r="BO2816" s="166">
        <v>0</v>
      </c>
      <c r="BP2816" s="166">
        <v>0</v>
      </c>
      <c r="BQ2816" s="166">
        <v>0</v>
      </c>
      <c r="BR2816" s="166">
        <v>0</v>
      </c>
      <c r="BS2816" s="166">
        <v>0</v>
      </c>
      <c r="BT2816" s="166">
        <v>0</v>
      </c>
      <c r="BU2816" s="166">
        <v>0</v>
      </c>
      <c r="BV2816" s="166">
        <v>0</v>
      </c>
      <c r="BW2816" s="166">
        <v>0</v>
      </c>
      <c r="BX2816" s="166">
        <v>0</v>
      </c>
      <c r="BY2816" s="166">
        <v>0</v>
      </c>
      <c r="BZ2816" s="166">
        <v>0</v>
      </c>
      <c r="CA2816" s="166">
        <v>0</v>
      </c>
      <c r="CB2816" s="166">
        <v>0</v>
      </c>
      <c r="CC2816" s="166">
        <v>0</v>
      </c>
      <c r="CD2816" s="166">
        <v>0</v>
      </c>
      <c r="CE2816" s="166">
        <v>0</v>
      </c>
      <c r="CF2816" s="166">
        <v>0</v>
      </c>
      <c r="CG2816" s="166">
        <v>0</v>
      </c>
      <c r="CH2816" s="166">
        <v>0</v>
      </c>
      <c r="CI2816" s="166">
        <v>0</v>
      </c>
      <c r="CJ2816" s="166">
        <v>0</v>
      </c>
      <c r="CK2816" s="166">
        <v>0</v>
      </c>
      <c r="CL2816" s="166">
        <v>0</v>
      </c>
      <c r="CM2816" s="166">
        <v>0</v>
      </c>
      <c r="CN2816" s="166">
        <v>0</v>
      </c>
      <c r="CO2816" s="166">
        <v>0</v>
      </c>
      <c r="CP2816" s="166">
        <v>0</v>
      </c>
      <c r="CQ2816" s="166">
        <v>0</v>
      </c>
      <c r="CR2816" s="166">
        <v>0</v>
      </c>
      <c r="CS2816" s="166">
        <v>0</v>
      </c>
      <c r="CT2816" s="166">
        <v>0</v>
      </c>
      <c r="CU2816" s="166">
        <v>0</v>
      </c>
      <c r="CV2816" s="166">
        <v>0</v>
      </c>
      <c r="CW2816" s="166">
        <v>0</v>
      </c>
      <c r="CX2816" s="166">
        <v>0</v>
      </c>
      <c r="CY2816" s="166">
        <v>0</v>
      </c>
      <c r="CZ2816" s="166">
        <v>0</v>
      </c>
    </row>
    <row r="2817" spans="1:104" x14ac:dyDescent="0.2">
      <c r="A2817" s="167" t="s">
        <v>104</v>
      </c>
      <c r="B2817" s="166">
        <v>0</v>
      </c>
      <c r="C2817" s="166">
        <v>0</v>
      </c>
      <c r="D2817" s="166">
        <v>0</v>
      </c>
      <c r="E2817" s="166">
        <v>0</v>
      </c>
      <c r="F2817" s="166">
        <v>0</v>
      </c>
      <c r="G2817" s="166">
        <v>0</v>
      </c>
      <c r="H2817" s="166">
        <v>0</v>
      </c>
      <c r="I2817" s="166">
        <v>0</v>
      </c>
      <c r="J2817" s="166">
        <v>0</v>
      </c>
      <c r="K2817" s="166">
        <v>0</v>
      </c>
      <c r="L2817" s="166">
        <v>0</v>
      </c>
      <c r="M2817" s="166">
        <v>0</v>
      </c>
      <c r="N2817" s="166">
        <v>0</v>
      </c>
      <c r="O2817" s="166">
        <v>0</v>
      </c>
      <c r="P2817" s="166">
        <v>0</v>
      </c>
      <c r="Q2817" s="166">
        <v>0</v>
      </c>
      <c r="R2817" s="166">
        <v>0</v>
      </c>
      <c r="S2817" s="166">
        <v>0</v>
      </c>
      <c r="T2817" s="166">
        <v>0</v>
      </c>
      <c r="U2817" s="166">
        <v>0</v>
      </c>
      <c r="V2817" s="166">
        <v>0</v>
      </c>
      <c r="W2817" s="166">
        <v>0</v>
      </c>
      <c r="X2817" s="166">
        <v>0</v>
      </c>
      <c r="Y2817" s="166">
        <v>0</v>
      </c>
      <c r="Z2817" s="166">
        <v>0</v>
      </c>
      <c r="AA2817" s="166">
        <v>0</v>
      </c>
      <c r="AB2817" s="166">
        <v>1000</v>
      </c>
      <c r="AC2817" s="166">
        <v>0</v>
      </c>
      <c r="AD2817" s="166">
        <v>0</v>
      </c>
      <c r="AE2817" s="166">
        <v>0</v>
      </c>
      <c r="AF2817" s="166">
        <v>0</v>
      </c>
      <c r="AG2817" s="166">
        <v>0</v>
      </c>
      <c r="AH2817" s="166">
        <v>0</v>
      </c>
      <c r="AI2817" s="166">
        <v>0</v>
      </c>
      <c r="AJ2817" s="166">
        <v>0</v>
      </c>
      <c r="AK2817" s="166">
        <v>0</v>
      </c>
      <c r="AL2817" s="166">
        <v>0</v>
      </c>
      <c r="AM2817" s="166">
        <v>0</v>
      </c>
      <c r="AN2817" s="166">
        <v>0</v>
      </c>
      <c r="AO2817" s="166">
        <v>0</v>
      </c>
      <c r="AP2817" s="166">
        <v>0</v>
      </c>
      <c r="AQ2817" s="166">
        <v>0</v>
      </c>
      <c r="AR2817" s="166">
        <v>0</v>
      </c>
      <c r="AS2817" s="166">
        <v>0</v>
      </c>
      <c r="AT2817" s="166">
        <v>0</v>
      </c>
      <c r="AU2817" s="166">
        <v>0</v>
      </c>
      <c r="AV2817" s="166">
        <v>0</v>
      </c>
      <c r="AW2817" s="166">
        <v>0</v>
      </c>
      <c r="AX2817" s="166">
        <v>0</v>
      </c>
      <c r="AY2817" s="166">
        <v>0</v>
      </c>
      <c r="AZ2817" s="166">
        <v>0</v>
      </c>
      <c r="BA2817" s="166">
        <v>0</v>
      </c>
      <c r="BB2817" s="166">
        <v>0</v>
      </c>
      <c r="BC2817" s="166">
        <v>0</v>
      </c>
      <c r="BD2817" s="166">
        <v>0</v>
      </c>
      <c r="BE2817" s="166">
        <v>0</v>
      </c>
      <c r="BF2817" s="166">
        <v>0</v>
      </c>
      <c r="BG2817" s="166">
        <v>0</v>
      </c>
      <c r="BH2817" s="166">
        <v>0</v>
      </c>
      <c r="BI2817" s="166">
        <v>0</v>
      </c>
      <c r="BJ2817" s="166">
        <v>0</v>
      </c>
      <c r="BK2817" s="166">
        <v>0</v>
      </c>
      <c r="BL2817" s="166">
        <v>0</v>
      </c>
      <c r="BM2817" s="166">
        <v>0</v>
      </c>
      <c r="BN2817" s="166">
        <v>0</v>
      </c>
      <c r="BO2817" s="166">
        <v>0</v>
      </c>
      <c r="BP2817" s="166">
        <v>0</v>
      </c>
      <c r="BQ2817" s="166">
        <v>0</v>
      </c>
      <c r="BR2817" s="166">
        <v>0</v>
      </c>
      <c r="BS2817" s="166">
        <v>0</v>
      </c>
      <c r="BT2817" s="166">
        <v>0</v>
      </c>
      <c r="BU2817" s="166">
        <v>0</v>
      </c>
      <c r="BV2817" s="166">
        <v>0</v>
      </c>
      <c r="BW2817" s="166">
        <v>0</v>
      </c>
      <c r="BX2817" s="166">
        <v>0</v>
      </c>
      <c r="BY2817" s="166">
        <v>0</v>
      </c>
      <c r="BZ2817" s="166">
        <v>0</v>
      </c>
      <c r="CA2817" s="166">
        <v>0</v>
      </c>
      <c r="CB2817" s="166">
        <v>0</v>
      </c>
      <c r="CC2817" s="166">
        <v>0</v>
      </c>
      <c r="CD2817" s="166">
        <v>0</v>
      </c>
      <c r="CE2817" s="166">
        <v>0</v>
      </c>
      <c r="CF2817" s="166">
        <v>0</v>
      </c>
      <c r="CG2817" s="166">
        <v>0</v>
      </c>
      <c r="CH2817" s="166">
        <v>0</v>
      </c>
      <c r="CI2817" s="166">
        <v>0</v>
      </c>
      <c r="CJ2817" s="166">
        <v>0</v>
      </c>
      <c r="CK2817" s="166">
        <v>0</v>
      </c>
      <c r="CL2817" s="166">
        <v>0</v>
      </c>
      <c r="CM2817" s="166">
        <v>0</v>
      </c>
      <c r="CN2817" s="166">
        <v>0</v>
      </c>
      <c r="CO2817" s="166">
        <v>0</v>
      </c>
      <c r="CP2817" s="166">
        <v>0</v>
      </c>
      <c r="CQ2817" s="166">
        <v>0</v>
      </c>
      <c r="CR2817" s="166">
        <v>0</v>
      </c>
      <c r="CS2817" s="166">
        <v>0</v>
      </c>
      <c r="CT2817" s="166">
        <v>0</v>
      </c>
      <c r="CU2817" s="166">
        <v>0</v>
      </c>
      <c r="CV2817" s="166">
        <v>0</v>
      </c>
      <c r="CW2817" s="166">
        <v>0</v>
      </c>
      <c r="CX2817" s="166">
        <v>0</v>
      </c>
      <c r="CY2817" s="166">
        <v>0</v>
      </c>
      <c r="CZ2817" s="166">
        <v>0</v>
      </c>
    </row>
    <row r="2818" spans="1:104" x14ac:dyDescent="0.2">
      <c r="A2818" s="167" t="s">
        <v>105</v>
      </c>
      <c r="B2818" s="166">
        <v>0</v>
      </c>
      <c r="C2818" s="166">
        <v>0</v>
      </c>
      <c r="D2818" s="166">
        <v>0</v>
      </c>
      <c r="E2818" s="166">
        <v>0</v>
      </c>
      <c r="F2818" s="166">
        <v>0</v>
      </c>
      <c r="G2818" s="166">
        <v>1000</v>
      </c>
      <c r="H2818" s="166">
        <v>0</v>
      </c>
      <c r="I2818" s="166">
        <v>0</v>
      </c>
      <c r="J2818" s="166">
        <v>0</v>
      </c>
      <c r="K2818" s="166">
        <v>0</v>
      </c>
      <c r="L2818" s="166">
        <v>0</v>
      </c>
      <c r="M2818" s="166">
        <v>0</v>
      </c>
      <c r="N2818" s="166">
        <v>0</v>
      </c>
      <c r="O2818" s="166">
        <v>0</v>
      </c>
      <c r="P2818" s="166">
        <v>0</v>
      </c>
      <c r="Q2818" s="166">
        <v>0</v>
      </c>
      <c r="R2818" s="166">
        <v>0</v>
      </c>
      <c r="S2818" s="166">
        <v>0</v>
      </c>
      <c r="T2818" s="166">
        <v>0</v>
      </c>
      <c r="U2818" s="166">
        <v>0</v>
      </c>
      <c r="V2818" s="166">
        <v>0</v>
      </c>
      <c r="W2818" s="166">
        <v>0</v>
      </c>
      <c r="X2818" s="166">
        <v>0</v>
      </c>
      <c r="Y2818" s="166">
        <v>0</v>
      </c>
      <c r="Z2818" s="166">
        <v>0</v>
      </c>
      <c r="AA2818" s="166">
        <v>0</v>
      </c>
      <c r="AB2818" s="166">
        <v>0</v>
      </c>
      <c r="AC2818" s="166">
        <v>0</v>
      </c>
      <c r="AD2818" s="166">
        <v>0</v>
      </c>
      <c r="AE2818" s="166">
        <v>0</v>
      </c>
      <c r="AF2818" s="166">
        <v>0</v>
      </c>
      <c r="AG2818" s="166">
        <v>0</v>
      </c>
      <c r="AH2818" s="166">
        <v>0</v>
      </c>
      <c r="AI2818" s="166">
        <v>0</v>
      </c>
      <c r="AJ2818" s="166">
        <v>0</v>
      </c>
      <c r="AK2818" s="166">
        <v>0</v>
      </c>
      <c r="AL2818" s="166">
        <v>0</v>
      </c>
      <c r="AM2818" s="166">
        <v>0</v>
      </c>
      <c r="AN2818" s="166">
        <v>0</v>
      </c>
      <c r="AO2818" s="166">
        <v>0</v>
      </c>
      <c r="AP2818" s="166">
        <v>0</v>
      </c>
      <c r="AQ2818" s="166">
        <v>0</v>
      </c>
      <c r="AR2818" s="166">
        <v>0</v>
      </c>
      <c r="AS2818" s="166">
        <v>0</v>
      </c>
      <c r="AT2818" s="166">
        <v>0</v>
      </c>
      <c r="AU2818" s="166">
        <v>0</v>
      </c>
      <c r="AV2818" s="166">
        <v>0</v>
      </c>
      <c r="AW2818" s="166">
        <v>0</v>
      </c>
      <c r="AX2818" s="166">
        <v>0</v>
      </c>
      <c r="AY2818" s="166">
        <v>0</v>
      </c>
      <c r="AZ2818" s="166">
        <v>0</v>
      </c>
      <c r="BA2818" s="166">
        <v>0</v>
      </c>
      <c r="BB2818" s="166">
        <v>0</v>
      </c>
      <c r="BC2818" s="166">
        <v>0</v>
      </c>
      <c r="BD2818" s="166">
        <v>0</v>
      </c>
      <c r="BE2818" s="166">
        <v>0</v>
      </c>
      <c r="BF2818" s="166">
        <v>0</v>
      </c>
      <c r="BG2818" s="166">
        <v>0</v>
      </c>
      <c r="BH2818" s="166">
        <v>0</v>
      </c>
      <c r="BI2818" s="166">
        <v>0</v>
      </c>
      <c r="BJ2818" s="166">
        <v>0</v>
      </c>
      <c r="BK2818" s="166">
        <v>0</v>
      </c>
      <c r="BL2818" s="166">
        <v>0</v>
      </c>
      <c r="BM2818" s="166">
        <v>0</v>
      </c>
      <c r="BN2818" s="166">
        <v>0</v>
      </c>
      <c r="BO2818" s="166">
        <v>0</v>
      </c>
      <c r="BP2818" s="166">
        <v>0</v>
      </c>
      <c r="BQ2818" s="166">
        <v>0</v>
      </c>
      <c r="BR2818" s="166">
        <v>0</v>
      </c>
      <c r="BS2818" s="166">
        <v>0</v>
      </c>
      <c r="BT2818" s="166">
        <v>0</v>
      </c>
      <c r="BU2818" s="166">
        <v>0</v>
      </c>
      <c r="BV2818" s="166">
        <v>0</v>
      </c>
      <c r="BW2818" s="166">
        <v>0</v>
      </c>
      <c r="BX2818" s="166">
        <v>0</v>
      </c>
      <c r="BY2818" s="166">
        <v>0</v>
      </c>
      <c r="BZ2818" s="166">
        <v>0</v>
      </c>
      <c r="CA2818" s="166">
        <v>0</v>
      </c>
      <c r="CB2818" s="166">
        <v>0</v>
      </c>
      <c r="CC2818" s="166">
        <v>0</v>
      </c>
      <c r="CD2818" s="166">
        <v>0</v>
      </c>
      <c r="CE2818" s="166">
        <v>0</v>
      </c>
      <c r="CF2818" s="166">
        <v>0</v>
      </c>
      <c r="CG2818" s="166">
        <v>0</v>
      </c>
      <c r="CH2818" s="166">
        <v>0</v>
      </c>
      <c r="CI2818" s="166">
        <v>0</v>
      </c>
      <c r="CJ2818" s="166">
        <v>0</v>
      </c>
      <c r="CK2818" s="166">
        <v>0</v>
      </c>
      <c r="CL2818" s="166">
        <v>0</v>
      </c>
      <c r="CM2818" s="166">
        <v>0</v>
      </c>
      <c r="CN2818" s="166">
        <v>0</v>
      </c>
      <c r="CO2818" s="166">
        <v>0</v>
      </c>
      <c r="CP2818" s="166">
        <v>0</v>
      </c>
      <c r="CQ2818" s="166">
        <v>0</v>
      </c>
      <c r="CR2818" s="166">
        <v>0</v>
      </c>
      <c r="CS2818" s="166">
        <v>0</v>
      </c>
      <c r="CT2818" s="166">
        <v>0</v>
      </c>
      <c r="CU2818" s="166">
        <v>0</v>
      </c>
      <c r="CV2818" s="166">
        <v>0</v>
      </c>
      <c r="CW2818" s="166">
        <v>0</v>
      </c>
      <c r="CX2818" s="166">
        <v>0</v>
      </c>
      <c r="CY2818" s="166">
        <v>0</v>
      </c>
      <c r="CZ2818" s="166">
        <v>0</v>
      </c>
    </row>
    <row r="2819" spans="1:104" x14ac:dyDescent="0.2">
      <c r="A2819" s="167" t="s">
        <v>106</v>
      </c>
      <c r="B2819" s="166">
        <v>0</v>
      </c>
      <c r="C2819" s="166">
        <v>0</v>
      </c>
      <c r="D2819" s="166">
        <v>0</v>
      </c>
      <c r="E2819" s="166">
        <v>0</v>
      </c>
      <c r="F2819" s="166">
        <v>0</v>
      </c>
      <c r="G2819" s="166">
        <v>0</v>
      </c>
      <c r="H2819" s="166">
        <v>0</v>
      </c>
      <c r="I2819" s="166">
        <v>0</v>
      </c>
      <c r="J2819" s="166">
        <v>0</v>
      </c>
      <c r="K2819" s="166">
        <v>0</v>
      </c>
      <c r="L2819" s="166">
        <v>0</v>
      </c>
      <c r="M2819" s="166">
        <v>0</v>
      </c>
      <c r="N2819" s="166">
        <v>0</v>
      </c>
      <c r="O2819" s="166">
        <v>0</v>
      </c>
      <c r="P2819" s="166">
        <v>0</v>
      </c>
      <c r="Q2819" s="166">
        <v>0</v>
      </c>
      <c r="R2819" s="166">
        <v>1000</v>
      </c>
      <c r="S2819" s="166">
        <v>0</v>
      </c>
      <c r="T2819" s="166">
        <v>0</v>
      </c>
      <c r="U2819" s="166">
        <v>0</v>
      </c>
      <c r="V2819" s="166">
        <v>0</v>
      </c>
      <c r="W2819" s="166">
        <v>0</v>
      </c>
      <c r="X2819" s="166">
        <v>0</v>
      </c>
      <c r="Y2819" s="166">
        <v>0</v>
      </c>
      <c r="Z2819" s="166">
        <v>0</v>
      </c>
      <c r="AA2819" s="166">
        <v>0</v>
      </c>
      <c r="AB2819" s="166">
        <v>0</v>
      </c>
      <c r="AC2819" s="166">
        <v>0</v>
      </c>
      <c r="AD2819" s="166">
        <v>0</v>
      </c>
      <c r="AE2819" s="166">
        <v>0</v>
      </c>
      <c r="AF2819" s="166">
        <v>0</v>
      </c>
      <c r="AG2819" s="166">
        <v>0</v>
      </c>
      <c r="AH2819" s="166">
        <v>0</v>
      </c>
      <c r="AI2819" s="166">
        <v>0</v>
      </c>
      <c r="AJ2819" s="166">
        <v>0</v>
      </c>
      <c r="AK2819" s="166">
        <v>0</v>
      </c>
      <c r="AL2819" s="166">
        <v>0</v>
      </c>
      <c r="AM2819" s="166">
        <v>0</v>
      </c>
      <c r="AN2819" s="166">
        <v>0</v>
      </c>
      <c r="AO2819" s="166">
        <v>0</v>
      </c>
      <c r="AP2819" s="166">
        <v>0</v>
      </c>
      <c r="AQ2819" s="166">
        <v>0</v>
      </c>
      <c r="AR2819" s="166">
        <v>0</v>
      </c>
      <c r="AS2819" s="166">
        <v>0</v>
      </c>
      <c r="AT2819" s="166">
        <v>0</v>
      </c>
      <c r="AU2819" s="166">
        <v>0</v>
      </c>
      <c r="AV2819" s="166">
        <v>0</v>
      </c>
      <c r="AW2819" s="166">
        <v>0</v>
      </c>
      <c r="AX2819" s="166">
        <v>0</v>
      </c>
      <c r="AY2819" s="166">
        <v>0</v>
      </c>
      <c r="AZ2819" s="166">
        <v>0</v>
      </c>
      <c r="BA2819" s="166">
        <v>0</v>
      </c>
      <c r="BB2819" s="166">
        <v>0</v>
      </c>
      <c r="BC2819" s="166">
        <v>0</v>
      </c>
      <c r="BD2819" s="166">
        <v>0</v>
      </c>
      <c r="BE2819" s="166">
        <v>0</v>
      </c>
      <c r="BF2819" s="166">
        <v>0</v>
      </c>
      <c r="BG2819" s="166">
        <v>0</v>
      </c>
      <c r="BH2819" s="166">
        <v>0</v>
      </c>
      <c r="BI2819" s="166">
        <v>0</v>
      </c>
      <c r="BJ2819" s="166">
        <v>0</v>
      </c>
      <c r="BK2819" s="166">
        <v>0</v>
      </c>
      <c r="BL2819" s="166">
        <v>0</v>
      </c>
      <c r="BM2819" s="166">
        <v>0</v>
      </c>
      <c r="BN2819" s="166">
        <v>0</v>
      </c>
      <c r="BO2819" s="166">
        <v>0</v>
      </c>
      <c r="BP2819" s="166">
        <v>0</v>
      </c>
      <c r="BQ2819" s="166">
        <v>0</v>
      </c>
      <c r="BR2819" s="166">
        <v>0</v>
      </c>
      <c r="BS2819" s="166">
        <v>0</v>
      </c>
      <c r="BT2819" s="166">
        <v>0</v>
      </c>
      <c r="BU2819" s="166">
        <v>0</v>
      </c>
      <c r="BV2819" s="166">
        <v>0</v>
      </c>
      <c r="BW2819" s="166">
        <v>0</v>
      </c>
      <c r="BX2819" s="166">
        <v>0</v>
      </c>
      <c r="BY2819" s="166">
        <v>0</v>
      </c>
      <c r="BZ2819" s="166">
        <v>0</v>
      </c>
      <c r="CA2819" s="166">
        <v>0</v>
      </c>
      <c r="CB2819" s="166">
        <v>0</v>
      </c>
      <c r="CC2819" s="166">
        <v>0</v>
      </c>
      <c r="CD2819" s="166">
        <v>0</v>
      </c>
      <c r="CE2819" s="166">
        <v>0</v>
      </c>
      <c r="CF2819" s="166">
        <v>0</v>
      </c>
      <c r="CG2819" s="166">
        <v>0</v>
      </c>
      <c r="CH2819" s="166">
        <v>0</v>
      </c>
      <c r="CI2819" s="166">
        <v>0</v>
      </c>
      <c r="CJ2819" s="166">
        <v>0</v>
      </c>
      <c r="CK2819" s="166">
        <v>0</v>
      </c>
      <c r="CL2819" s="166">
        <v>0</v>
      </c>
      <c r="CM2819" s="166">
        <v>0</v>
      </c>
      <c r="CN2819" s="166">
        <v>0</v>
      </c>
      <c r="CO2819" s="166">
        <v>0</v>
      </c>
      <c r="CP2819" s="166">
        <v>0</v>
      </c>
      <c r="CQ2819" s="166">
        <v>0</v>
      </c>
      <c r="CR2819" s="166">
        <v>0</v>
      </c>
      <c r="CS2819" s="166">
        <v>0</v>
      </c>
      <c r="CT2819" s="166">
        <v>0</v>
      </c>
      <c r="CU2819" s="166">
        <v>0</v>
      </c>
      <c r="CV2819" s="166">
        <v>0</v>
      </c>
      <c r="CW2819" s="166">
        <v>0</v>
      </c>
      <c r="CX2819" s="166">
        <v>0</v>
      </c>
      <c r="CY2819" s="166">
        <v>0</v>
      </c>
      <c r="CZ2819" s="166">
        <v>0</v>
      </c>
    </row>
    <row r="2820" spans="1:104" x14ac:dyDescent="0.2">
      <c r="A2820" s="167" t="s">
        <v>107</v>
      </c>
      <c r="B2820" s="166">
        <v>0</v>
      </c>
      <c r="C2820" s="166">
        <v>0</v>
      </c>
      <c r="D2820" s="166">
        <v>0</v>
      </c>
      <c r="E2820" s="166">
        <v>0</v>
      </c>
      <c r="F2820" s="166">
        <v>0</v>
      </c>
      <c r="G2820" s="166">
        <v>0</v>
      </c>
      <c r="H2820" s="166">
        <v>0</v>
      </c>
      <c r="I2820" s="166">
        <v>0</v>
      </c>
      <c r="J2820" s="166">
        <v>0</v>
      </c>
      <c r="K2820" s="166">
        <v>0</v>
      </c>
      <c r="L2820" s="166">
        <v>0</v>
      </c>
      <c r="M2820" s="166">
        <v>0</v>
      </c>
      <c r="N2820" s="166">
        <v>0</v>
      </c>
      <c r="O2820" s="166">
        <v>0</v>
      </c>
      <c r="P2820" s="166">
        <v>0</v>
      </c>
      <c r="Q2820" s="166">
        <v>0</v>
      </c>
      <c r="R2820" s="166">
        <v>0</v>
      </c>
      <c r="S2820" s="166">
        <v>0</v>
      </c>
      <c r="T2820" s="166">
        <v>0</v>
      </c>
      <c r="U2820" s="166">
        <v>1000</v>
      </c>
      <c r="V2820" s="166">
        <v>0</v>
      </c>
      <c r="W2820" s="166">
        <v>0</v>
      </c>
      <c r="X2820" s="166">
        <v>0</v>
      </c>
      <c r="Y2820" s="166">
        <v>0</v>
      </c>
      <c r="Z2820" s="166">
        <v>0</v>
      </c>
      <c r="AA2820" s="166">
        <v>0</v>
      </c>
      <c r="AB2820" s="166">
        <v>0</v>
      </c>
      <c r="AC2820" s="166">
        <v>0</v>
      </c>
      <c r="AD2820" s="166">
        <v>0</v>
      </c>
      <c r="AE2820" s="166">
        <v>0</v>
      </c>
      <c r="AF2820" s="166">
        <v>0</v>
      </c>
      <c r="AG2820" s="166">
        <v>0</v>
      </c>
      <c r="AH2820" s="166">
        <v>0</v>
      </c>
      <c r="AI2820" s="166">
        <v>0</v>
      </c>
      <c r="AJ2820" s="166">
        <v>0</v>
      </c>
      <c r="AK2820" s="166">
        <v>0</v>
      </c>
      <c r="AL2820" s="166">
        <v>0</v>
      </c>
      <c r="AM2820" s="166">
        <v>0</v>
      </c>
      <c r="AN2820" s="166">
        <v>0</v>
      </c>
      <c r="AO2820" s="166">
        <v>0</v>
      </c>
      <c r="AP2820" s="166">
        <v>0</v>
      </c>
      <c r="AQ2820" s="166">
        <v>0</v>
      </c>
      <c r="AR2820" s="166">
        <v>0</v>
      </c>
      <c r="AS2820" s="166">
        <v>0</v>
      </c>
      <c r="AT2820" s="166">
        <v>0</v>
      </c>
      <c r="AU2820" s="166">
        <v>0</v>
      </c>
      <c r="AV2820" s="166">
        <v>0</v>
      </c>
      <c r="AW2820" s="166">
        <v>0</v>
      </c>
      <c r="AX2820" s="166">
        <v>0</v>
      </c>
      <c r="AY2820" s="166">
        <v>0</v>
      </c>
      <c r="AZ2820" s="166">
        <v>0</v>
      </c>
      <c r="BA2820" s="166">
        <v>0</v>
      </c>
      <c r="BB2820" s="166">
        <v>0</v>
      </c>
      <c r="BC2820" s="166">
        <v>0</v>
      </c>
      <c r="BD2820" s="166">
        <v>0</v>
      </c>
      <c r="BE2820" s="166">
        <v>0</v>
      </c>
      <c r="BF2820" s="166">
        <v>0</v>
      </c>
      <c r="BG2820" s="166">
        <v>0</v>
      </c>
      <c r="BH2820" s="166">
        <v>0</v>
      </c>
      <c r="BI2820" s="166">
        <v>0</v>
      </c>
      <c r="BJ2820" s="166">
        <v>0</v>
      </c>
      <c r="BK2820" s="166">
        <v>0</v>
      </c>
      <c r="BL2820" s="166">
        <v>0</v>
      </c>
      <c r="BM2820" s="166">
        <v>0</v>
      </c>
      <c r="BN2820" s="166">
        <v>0</v>
      </c>
      <c r="BO2820" s="166">
        <v>0</v>
      </c>
      <c r="BP2820" s="166">
        <v>0</v>
      </c>
      <c r="BQ2820" s="166">
        <v>0</v>
      </c>
      <c r="BR2820" s="166">
        <v>0</v>
      </c>
      <c r="BS2820" s="166">
        <v>0</v>
      </c>
      <c r="BT2820" s="166">
        <v>0</v>
      </c>
      <c r="BU2820" s="166">
        <v>0</v>
      </c>
      <c r="BV2820" s="166">
        <v>0</v>
      </c>
      <c r="BW2820" s="166">
        <v>0</v>
      </c>
      <c r="BX2820" s="166">
        <v>0</v>
      </c>
      <c r="BY2820" s="166">
        <v>0</v>
      </c>
      <c r="BZ2820" s="166">
        <v>0</v>
      </c>
      <c r="CA2820" s="166">
        <v>0</v>
      </c>
      <c r="CB2820" s="166">
        <v>0</v>
      </c>
      <c r="CC2820" s="166">
        <v>0</v>
      </c>
      <c r="CD2820" s="166">
        <v>0</v>
      </c>
      <c r="CE2820" s="166">
        <v>0</v>
      </c>
      <c r="CF2820" s="166">
        <v>0</v>
      </c>
      <c r="CG2820" s="166">
        <v>0</v>
      </c>
      <c r="CH2820" s="166">
        <v>0</v>
      </c>
      <c r="CI2820" s="166">
        <v>0</v>
      </c>
      <c r="CJ2820" s="166">
        <v>0</v>
      </c>
      <c r="CK2820" s="166">
        <v>0</v>
      </c>
      <c r="CL2820" s="166">
        <v>0</v>
      </c>
      <c r="CM2820" s="166">
        <v>0</v>
      </c>
      <c r="CN2820" s="166">
        <v>0</v>
      </c>
      <c r="CO2820" s="166">
        <v>0</v>
      </c>
      <c r="CP2820" s="166">
        <v>0</v>
      </c>
      <c r="CQ2820" s="166">
        <v>0</v>
      </c>
      <c r="CR2820" s="166">
        <v>0</v>
      </c>
      <c r="CS2820" s="166">
        <v>0</v>
      </c>
      <c r="CT2820" s="166">
        <v>0</v>
      </c>
      <c r="CU2820" s="166">
        <v>0</v>
      </c>
      <c r="CV2820" s="166">
        <v>0</v>
      </c>
      <c r="CW2820" s="166">
        <v>0</v>
      </c>
      <c r="CX2820" s="166">
        <v>0</v>
      </c>
      <c r="CY2820" s="166">
        <v>0</v>
      </c>
      <c r="CZ2820" s="166">
        <v>0</v>
      </c>
    </row>
    <row r="2821" spans="1:104" x14ac:dyDescent="0.2">
      <c r="A2821" s="167" t="s">
        <v>108</v>
      </c>
      <c r="B2821" s="166">
        <v>0</v>
      </c>
      <c r="C2821" s="166">
        <v>0</v>
      </c>
      <c r="D2821" s="166">
        <v>0</v>
      </c>
      <c r="E2821" s="166">
        <v>0</v>
      </c>
      <c r="F2821" s="166">
        <v>0</v>
      </c>
      <c r="G2821" s="166">
        <v>0</v>
      </c>
      <c r="H2821" s="166">
        <v>0</v>
      </c>
      <c r="I2821" s="166">
        <v>0</v>
      </c>
      <c r="J2821" s="166">
        <v>0</v>
      </c>
      <c r="K2821" s="166">
        <v>0</v>
      </c>
      <c r="L2821" s="166">
        <v>0</v>
      </c>
      <c r="M2821" s="166">
        <v>0</v>
      </c>
      <c r="N2821" s="166">
        <v>0</v>
      </c>
      <c r="O2821" s="166">
        <v>0</v>
      </c>
      <c r="P2821" s="166">
        <v>0</v>
      </c>
      <c r="Q2821" s="166">
        <v>0</v>
      </c>
      <c r="R2821" s="166">
        <v>0</v>
      </c>
      <c r="S2821" s="166">
        <v>0</v>
      </c>
      <c r="T2821" s="166">
        <v>0</v>
      </c>
      <c r="U2821" s="166">
        <v>0</v>
      </c>
      <c r="V2821" s="166">
        <v>0</v>
      </c>
      <c r="W2821" s="166">
        <v>0</v>
      </c>
      <c r="X2821" s="166">
        <v>0</v>
      </c>
      <c r="Y2821" s="166">
        <v>0</v>
      </c>
      <c r="Z2821" s="166">
        <v>0</v>
      </c>
      <c r="AA2821" s="166">
        <v>0</v>
      </c>
      <c r="AB2821" s="166">
        <v>0</v>
      </c>
      <c r="AC2821" s="166">
        <v>0</v>
      </c>
      <c r="AD2821" s="166">
        <v>0</v>
      </c>
      <c r="AE2821" s="166">
        <v>0</v>
      </c>
      <c r="AF2821" s="166">
        <v>0</v>
      </c>
      <c r="AG2821" s="166">
        <v>0</v>
      </c>
      <c r="AH2821" s="166">
        <v>0</v>
      </c>
      <c r="AI2821" s="166">
        <v>0</v>
      </c>
      <c r="AJ2821" s="166">
        <v>0</v>
      </c>
      <c r="AK2821" s="166">
        <v>0</v>
      </c>
      <c r="AL2821" s="166">
        <v>0</v>
      </c>
      <c r="AM2821" s="166">
        <v>0</v>
      </c>
      <c r="AN2821" s="166">
        <v>0</v>
      </c>
      <c r="AO2821" s="166">
        <v>0</v>
      </c>
      <c r="AP2821" s="166">
        <v>0</v>
      </c>
      <c r="AQ2821" s="166">
        <v>0</v>
      </c>
      <c r="AR2821" s="166">
        <v>0</v>
      </c>
      <c r="AS2821" s="166">
        <v>0</v>
      </c>
      <c r="AT2821" s="166">
        <v>0</v>
      </c>
      <c r="AU2821" s="166">
        <v>0</v>
      </c>
      <c r="AV2821" s="166">
        <v>0</v>
      </c>
      <c r="AW2821" s="166">
        <v>0</v>
      </c>
      <c r="AX2821" s="166">
        <v>0</v>
      </c>
      <c r="AY2821" s="166">
        <v>1000</v>
      </c>
      <c r="AZ2821" s="166">
        <v>0</v>
      </c>
      <c r="BA2821" s="166">
        <v>0</v>
      </c>
      <c r="BB2821" s="166">
        <v>0</v>
      </c>
      <c r="BC2821" s="166">
        <v>0</v>
      </c>
      <c r="BD2821" s="166">
        <v>0</v>
      </c>
      <c r="BE2821" s="166">
        <v>0</v>
      </c>
      <c r="BF2821" s="166">
        <v>0</v>
      </c>
      <c r="BG2821" s="166">
        <v>0</v>
      </c>
      <c r="BH2821" s="166">
        <v>0</v>
      </c>
      <c r="BI2821" s="166">
        <v>0</v>
      </c>
      <c r="BJ2821" s="166">
        <v>0</v>
      </c>
      <c r="BK2821" s="166">
        <v>0</v>
      </c>
      <c r="BL2821" s="166">
        <v>0</v>
      </c>
      <c r="BM2821" s="166">
        <v>0</v>
      </c>
      <c r="BN2821" s="166">
        <v>0</v>
      </c>
      <c r="BO2821" s="166">
        <v>0</v>
      </c>
      <c r="BP2821" s="166">
        <v>0</v>
      </c>
      <c r="BQ2821" s="166">
        <v>0</v>
      </c>
      <c r="BR2821" s="166">
        <v>0</v>
      </c>
      <c r="BS2821" s="166">
        <v>0</v>
      </c>
      <c r="BT2821" s="166">
        <v>0</v>
      </c>
      <c r="BU2821" s="166">
        <v>0</v>
      </c>
      <c r="BV2821" s="166">
        <v>0</v>
      </c>
      <c r="BW2821" s="166">
        <v>0</v>
      </c>
      <c r="BX2821" s="166">
        <v>0</v>
      </c>
      <c r="BY2821" s="166">
        <v>0</v>
      </c>
      <c r="BZ2821" s="166">
        <v>0</v>
      </c>
      <c r="CA2821" s="166">
        <v>0</v>
      </c>
      <c r="CB2821" s="166">
        <v>0</v>
      </c>
      <c r="CC2821" s="166">
        <v>0</v>
      </c>
      <c r="CD2821" s="166">
        <v>0</v>
      </c>
      <c r="CE2821" s="166">
        <v>0</v>
      </c>
      <c r="CF2821" s="166">
        <v>0</v>
      </c>
      <c r="CG2821" s="166">
        <v>0</v>
      </c>
      <c r="CH2821" s="166">
        <v>0</v>
      </c>
      <c r="CI2821" s="166">
        <v>0</v>
      </c>
      <c r="CJ2821" s="166">
        <v>0</v>
      </c>
      <c r="CK2821" s="166">
        <v>0</v>
      </c>
      <c r="CL2821" s="166">
        <v>0</v>
      </c>
      <c r="CM2821" s="166">
        <v>0</v>
      </c>
      <c r="CN2821" s="166">
        <v>0</v>
      </c>
      <c r="CO2821" s="166">
        <v>0</v>
      </c>
      <c r="CP2821" s="166">
        <v>0</v>
      </c>
      <c r="CQ2821" s="166">
        <v>0</v>
      </c>
      <c r="CR2821" s="166">
        <v>0</v>
      </c>
      <c r="CS2821" s="166">
        <v>0</v>
      </c>
      <c r="CT2821" s="166">
        <v>0</v>
      </c>
      <c r="CU2821" s="166">
        <v>0</v>
      </c>
      <c r="CV2821" s="166">
        <v>0</v>
      </c>
      <c r="CW2821" s="166">
        <v>0</v>
      </c>
      <c r="CX2821" s="166">
        <v>0</v>
      </c>
      <c r="CY2821" s="166">
        <v>0</v>
      </c>
      <c r="CZ2821" s="166">
        <v>0</v>
      </c>
    </row>
    <row r="2822" spans="1:104" x14ac:dyDescent="0.2">
      <c r="A2822" s="167" t="s">
        <v>109</v>
      </c>
      <c r="B2822" s="166">
        <v>0</v>
      </c>
      <c r="C2822" s="166">
        <v>0</v>
      </c>
      <c r="D2822" s="166">
        <v>0</v>
      </c>
      <c r="E2822" s="166">
        <v>0</v>
      </c>
      <c r="F2822" s="166">
        <v>0</v>
      </c>
      <c r="G2822" s="166">
        <v>1000</v>
      </c>
      <c r="H2822" s="166">
        <v>0</v>
      </c>
      <c r="I2822" s="166">
        <v>0</v>
      </c>
      <c r="J2822" s="166">
        <v>0</v>
      </c>
      <c r="K2822" s="166">
        <v>0</v>
      </c>
      <c r="L2822" s="166">
        <v>0</v>
      </c>
      <c r="M2822" s="166">
        <v>0</v>
      </c>
      <c r="N2822" s="166">
        <v>0</v>
      </c>
      <c r="O2822" s="166">
        <v>0</v>
      </c>
      <c r="P2822" s="166">
        <v>0</v>
      </c>
      <c r="Q2822" s="166">
        <v>0</v>
      </c>
      <c r="R2822" s="166">
        <v>1000</v>
      </c>
      <c r="S2822" s="166">
        <v>0</v>
      </c>
      <c r="T2822" s="166">
        <v>0</v>
      </c>
      <c r="U2822" s="166">
        <v>1000</v>
      </c>
      <c r="V2822" s="166">
        <v>0</v>
      </c>
      <c r="W2822" s="166">
        <v>0</v>
      </c>
      <c r="X2822" s="166">
        <v>0</v>
      </c>
      <c r="Y2822" s="166">
        <v>0</v>
      </c>
      <c r="Z2822" s="166">
        <v>0</v>
      </c>
      <c r="AA2822" s="166">
        <v>0</v>
      </c>
      <c r="AB2822" s="166">
        <v>1000</v>
      </c>
      <c r="AC2822" s="166">
        <v>0</v>
      </c>
      <c r="AD2822" s="166">
        <v>0</v>
      </c>
      <c r="AE2822" s="166">
        <v>0</v>
      </c>
      <c r="AF2822" s="166">
        <v>0</v>
      </c>
      <c r="AG2822" s="166">
        <v>0</v>
      </c>
      <c r="AH2822" s="166">
        <v>0</v>
      </c>
      <c r="AI2822" s="166">
        <v>0</v>
      </c>
      <c r="AJ2822" s="166">
        <v>0</v>
      </c>
      <c r="AK2822" s="166">
        <v>0</v>
      </c>
      <c r="AL2822" s="166">
        <v>0</v>
      </c>
      <c r="AM2822" s="166">
        <v>0</v>
      </c>
      <c r="AN2822" s="166">
        <v>0</v>
      </c>
      <c r="AO2822" s="166">
        <v>0</v>
      </c>
      <c r="AP2822" s="166">
        <v>0</v>
      </c>
      <c r="AQ2822" s="166">
        <v>0</v>
      </c>
      <c r="AR2822" s="166">
        <v>0</v>
      </c>
      <c r="AS2822" s="166">
        <v>0</v>
      </c>
      <c r="AT2822" s="166">
        <v>0</v>
      </c>
      <c r="AU2822" s="166">
        <v>0</v>
      </c>
      <c r="AV2822" s="166">
        <v>0</v>
      </c>
      <c r="AW2822" s="166">
        <v>0</v>
      </c>
      <c r="AX2822" s="166">
        <v>0</v>
      </c>
      <c r="AY2822" s="166">
        <v>1000</v>
      </c>
      <c r="AZ2822" s="166">
        <v>0</v>
      </c>
      <c r="BA2822" s="166">
        <v>0</v>
      </c>
      <c r="BB2822" s="166">
        <v>0</v>
      </c>
      <c r="BC2822" s="166">
        <v>0</v>
      </c>
      <c r="BD2822" s="166">
        <v>0</v>
      </c>
      <c r="BE2822" s="166">
        <v>0</v>
      </c>
      <c r="BF2822" s="166">
        <v>0</v>
      </c>
      <c r="BG2822" s="166">
        <v>0</v>
      </c>
      <c r="BH2822" s="166">
        <v>0</v>
      </c>
      <c r="BI2822" s="166">
        <v>0</v>
      </c>
      <c r="BJ2822" s="166">
        <v>0</v>
      </c>
      <c r="BK2822" s="166">
        <v>0</v>
      </c>
      <c r="BL2822" s="166">
        <v>0</v>
      </c>
      <c r="BM2822" s="166">
        <v>0</v>
      </c>
      <c r="BN2822" s="166">
        <v>0</v>
      </c>
      <c r="BO2822" s="166">
        <v>0</v>
      </c>
      <c r="BP2822" s="166">
        <v>0</v>
      </c>
      <c r="BQ2822" s="166">
        <v>0</v>
      </c>
      <c r="BR2822" s="166">
        <v>0</v>
      </c>
      <c r="BS2822" s="166">
        <v>0</v>
      </c>
      <c r="BT2822" s="166">
        <v>0</v>
      </c>
      <c r="BU2822" s="166">
        <v>0</v>
      </c>
      <c r="BV2822" s="166">
        <v>0</v>
      </c>
      <c r="BW2822" s="166">
        <v>0</v>
      </c>
      <c r="BX2822" s="166">
        <v>0</v>
      </c>
      <c r="BY2822" s="166">
        <v>0</v>
      </c>
      <c r="BZ2822" s="166">
        <v>0</v>
      </c>
      <c r="CA2822" s="166">
        <v>0</v>
      </c>
      <c r="CB2822" s="166">
        <v>0</v>
      </c>
      <c r="CC2822" s="166">
        <v>0</v>
      </c>
      <c r="CD2822" s="166">
        <v>0</v>
      </c>
      <c r="CE2822" s="166">
        <v>0</v>
      </c>
      <c r="CF2822" s="166">
        <v>0</v>
      </c>
      <c r="CG2822" s="166">
        <v>0</v>
      </c>
      <c r="CH2822" s="166">
        <v>0</v>
      </c>
      <c r="CI2822" s="166">
        <v>0</v>
      </c>
      <c r="CJ2822" s="166">
        <v>0</v>
      </c>
      <c r="CK2822" s="166">
        <v>0</v>
      </c>
      <c r="CL2822" s="166">
        <v>0</v>
      </c>
      <c r="CM2822" s="166">
        <v>0</v>
      </c>
      <c r="CN2822" s="166">
        <v>0</v>
      </c>
      <c r="CO2822" s="166">
        <v>0</v>
      </c>
      <c r="CP2822" s="166">
        <v>0</v>
      </c>
      <c r="CQ2822" s="166">
        <v>0</v>
      </c>
      <c r="CR2822" s="166">
        <v>0</v>
      </c>
      <c r="CS2822" s="166">
        <v>0</v>
      </c>
      <c r="CT2822" s="166">
        <v>0</v>
      </c>
      <c r="CU2822" s="166">
        <v>0</v>
      </c>
      <c r="CV2822" s="166">
        <v>0</v>
      </c>
      <c r="CW2822" s="166">
        <v>0</v>
      </c>
      <c r="CX2822" s="166">
        <v>0</v>
      </c>
      <c r="CY2822" s="166">
        <v>0</v>
      </c>
      <c r="CZ2822" s="166">
        <v>0</v>
      </c>
    </row>
    <row r="2823" spans="1:104" x14ac:dyDescent="0.2">
      <c r="A2823" s="167" t="s">
        <v>110</v>
      </c>
    </row>
    <row r="2824" spans="1:104" x14ac:dyDescent="0.2">
      <c r="A2824" s="167" t="s">
        <v>111</v>
      </c>
    </row>
    <row r="2825" spans="1:104" x14ac:dyDescent="0.2">
      <c r="A2825" s="167" t="s">
        <v>112</v>
      </c>
    </row>
    <row r="2826" spans="1:104" x14ac:dyDescent="0.2">
      <c r="A2826" s="167" t="s">
        <v>113</v>
      </c>
    </row>
    <row r="2827" spans="1:104" x14ac:dyDescent="0.2">
      <c r="A2827" s="167" t="s">
        <v>114</v>
      </c>
      <c r="B2827" s="166">
        <v>0</v>
      </c>
      <c r="C2827" s="166">
        <v>0</v>
      </c>
      <c r="D2827" s="166">
        <v>0</v>
      </c>
      <c r="E2827" s="166">
        <v>0</v>
      </c>
      <c r="F2827" s="166">
        <v>0</v>
      </c>
      <c r="G2827" s="166">
        <v>0</v>
      </c>
      <c r="H2827" s="166">
        <v>0</v>
      </c>
      <c r="I2827" s="166">
        <v>0</v>
      </c>
      <c r="J2827" s="166">
        <v>0</v>
      </c>
      <c r="K2827" s="166">
        <v>0</v>
      </c>
      <c r="L2827" s="166">
        <v>0</v>
      </c>
      <c r="M2827" s="166">
        <v>0</v>
      </c>
      <c r="N2827" s="166">
        <v>0</v>
      </c>
      <c r="O2827" s="166">
        <v>0</v>
      </c>
      <c r="P2827" s="166">
        <v>0</v>
      </c>
      <c r="Q2827" s="166">
        <v>0</v>
      </c>
      <c r="R2827" s="166">
        <v>0</v>
      </c>
      <c r="S2827" s="166">
        <v>0</v>
      </c>
      <c r="T2827" s="166">
        <v>0</v>
      </c>
      <c r="U2827" s="166">
        <v>0</v>
      </c>
      <c r="V2827" s="166">
        <v>0</v>
      </c>
      <c r="W2827" s="166">
        <v>0</v>
      </c>
      <c r="X2827" s="166">
        <v>0</v>
      </c>
      <c r="Y2827" s="166">
        <v>0</v>
      </c>
      <c r="Z2827" s="166">
        <v>0</v>
      </c>
      <c r="AA2827" s="166">
        <v>0</v>
      </c>
      <c r="AB2827" s="166">
        <v>0</v>
      </c>
      <c r="AC2827" s="166">
        <v>0</v>
      </c>
      <c r="AD2827" s="166">
        <v>0</v>
      </c>
      <c r="AE2827" s="166">
        <v>0</v>
      </c>
      <c r="AF2827" s="166">
        <v>0</v>
      </c>
      <c r="AG2827" s="166">
        <v>0</v>
      </c>
      <c r="AH2827" s="166">
        <v>0</v>
      </c>
      <c r="AI2827" s="166">
        <v>0</v>
      </c>
      <c r="AJ2827" s="166">
        <v>0</v>
      </c>
      <c r="AK2827" s="166">
        <v>0</v>
      </c>
      <c r="AL2827" s="166">
        <v>0</v>
      </c>
      <c r="AM2827" s="166">
        <v>0</v>
      </c>
      <c r="AN2827" s="166">
        <v>0</v>
      </c>
      <c r="AO2827" s="166">
        <v>0</v>
      </c>
      <c r="AP2827" s="166">
        <v>0</v>
      </c>
      <c r="AQ2827" s="166">
        <v>0</v>
      </c>
      <c r="AR2827" s="166">
        <v>0</v>
      </c>
      <c r="AS2827" s="166">
        <v>0</v>
      </c>
      <c r="AT2827" s="166">
        <v>0</v>
      </c>
      <c r="AU2827" s="166">
        <v>0</v>
      </c>
      <c r="AV2827" s="166">
        <v>0</v>
      </c>
      <c r="AW2827" s="166">
        <v>0</v>
      </c>
      <c r="AX2827" s="166">
        <v>0</v>
      </c>
      <c r="AY2827" s="166">
        <v>0</v>
      </c>
      <c r="AZ2827" s="166">
        <v>0</v>
      </c>
      <c r="BA2827" s="166">
        <v>0</v>
      </c>
      <c r="BB2827" s="166">
        <v>0</v>
      </c>
      <c r="BC2827" s="166">
        <v>0</v>
      </c>
      <c r="BD2827" s="166">
        <v>0</v>
      </c>
      <c r="BE2827" s="166">
        <v>0</v>
      </c>
      <c r="BF2827" s="166">
        <v>0</v>
      </c>
      <c r="BG2827" s="166">
        <v>0</v>
      </c>
      <c r="BH2827" s="166">
        <v>0</v>
      </c>
      <c r="BI2827" s="166">
        <v>0</v>
      </c>
      <c r="BJ2827" s="166">
        <v>0</v>
      </c>
      <c r="BK2827" s="166">
        <v>0</v>
      </c>
      <c r="BL2827" s="166">
        <v>0</v>
      </c>
      <c r="BM2827" s="166">
        <v>0</v>
      </c>
      <c r="BN2827" s="166">
        <v>0</v>
      </c>
      <c r="BO2827" s="166">
        <v>0</v>
      </c>
      <c r="BP2827" s="166">
        <v>0</v>
      </c>
      <c r="BQ2827" s="166">
        <v>0</v>
      </c>
      <c r="BR2827" s="166">
        <v>0</v>
      </c>
      <c r="BS2827" s="166">
        <v>0</v>
      </c>
      <c r="BT2827" s="166">
        <v>0</v>
      </c>
      <c r="BU2827" s="166">
        <v>0</v>
      </c>
      <c r="BV2827" s="166">
        <v>0</v>
      </c>
      <c r="BW2827" s="166">
        <v>0</v>
      </c>
      <c r="BX2827" s="166">
        <v>0</v>
      </c>
      <c r="BY2827" s="166">
        <v>0</v>
      </c>
      <c r="BZ2827" s="166">
        <v>0</v>
      </c>
      <c r="CA2827" s="166">
        <v>0</v>
      </c>
      <c r="CB2827" s="166">
        <v>0</v>
      </c>
      <c r="CC2827" s="166">
        <v>0</v>
      </c>
      <c r="CD2827" s="166">
        <v>0</v>
      </c>
      <c r="CE2827" s="166">
        <v>0</v>
      </c>
      <c r="CF2827" s="166">
        <v>0</v>
      </c>
      <c r="CG2827" s="166">
        <v>0</v>
      </c>
      <c r="CH2827" s="166">
        <v>0</v>
      </c>
      <c r="CI2827" s="166">
        <v>0</v>
      </c>
      <c r="CJ2827" s="166">
        <v>0</v>
      </c>
      <c r="CK2827" s="166">
        <v>0</v>
      </c>
      <c r="CL2827" s="166">
        <v>0</v>
      </c>
      <c r="CM2827" s="166">
        <v>0</v>
      </c>
      <c r="CN2827" s="166">
        <v>0</v>
      </c>
      <c r="CO2827" s="166">
        <v>0</v>
      </c>
      <c r="CP2827" s="166">
        <v>0</v>
      </c>
      <c r="CQ2827" s="166">
        <v>0</v>
      </c>
      <c r="CR2827" s="166">
        <v>0</v>
      </c>
      <c r="CS2827" s="166">
        <v>0</v>
      </c>
      <c r="CT2827" s="166">
        <v>0</v>
      </c>
      <c r="CU2827" s="166">
        <v>0</v>
      </c>
      <c r="CV2827" s="166">
        <v>0</v>
      </c>
      <c r="CW2827" s="166">
        <v>0</v>
      </c>
      <c r="CX2827" s="166">
        <v>0</v>
      </c>
      <c r="CY2827" s="166">
        <v>0</v>
      </c>
      <c r="CZ2827" s="166">
        <v>0</v>
      </c>
    </row>
    <row r="2828" spans="1:104" x14ac:dyDescent="0.2">
      <c r="A2828" s="167" t="s">
        <v>115</v>
      </c>
      <c r="B2828" s="166">
        <v>0</v>
      </c>
      <c r="C2828" s="166">
        <v>0</v>
      </c>
      <c r="D2828" s="166">
        <v>0</v>
      </c>
      <c r="E2828" s="166">
        <v>0</v>
      </c>
      <c r="F2828" s="166">
        <v>0</v>
      </c>
      <c r="G2828" s="166">
        <v>0</v>
      </c>
      <c r="H2828" s="166">
        <v>0</v>
      </c>
      <c r="I2828" s="166">
        <v>0</v>
      </c>
      <c r="J2828" s="166">
        <v>0</v>
      </c>
      <c r="K2828" s="166">
        <v>0</v>
      </c>
      <c r="L2828" s="166">
        <v>0</v>
      </c>
      <c r="M2828" s="166">
        <v>0</v>
      </c>
      <c r="N2828" s="166">
        <v>0</v>
      </c>
      <c r="O2828" s="166">
        <v>0</v>
      </c>
      <c r="P2828" s="166">
        <v>0</v>
      </c>
      <c r="Q2828" s="166">
        <v>0</v>
      </c>
      <c r="R2828" s="166">
        <v>0</v>
      </c>
      <c r="S2828" s="166">
        <v>0</v>
      </c>
      <c r="T2828" s="166">
        <v>0</v>
      </c>
      <c r="U2828" s="166">
        <v>0</v>
      </c>
      <c r="V2828" s="166">
        <v>0</v>
      </c>
      <c r="W2828" s="166">
        <v>0</v>
      </c>
      <c r="X2828" s="166">
        <v>0</v>
      </c>
      <c r="Y2828" s="166">
        <v>0</v>
      </c>
      <c r="Z2828" s="166">
        <v>0</v>
      </c>
      <c r="AA2828" s="166">
        <v>0</v>
      </c>
      <c r="AB2828" s="166">
        <v>0</v>
      </c>
      <c r="AC2828" s="166">
        <v>0</v>
      </c>
      <c r="AD2828" s="166">
        <v>0</v>
      </c>
      <c r="AE2828" s="166">
        <v>0</v>
      </c>
      <c r="AF2828" s="166">
        <v>0</v>
      </c>
      <c r="AG2828" s="166">
        <v>0</v>
      </c>
      <c r="AH2828" s="166">
        <v>0</v>
      </c>
      <c r="AI2828" s="166">
        <v>0</v>
      </c>
      <c r="AJ2828" s="166">
        <v>0</v>
      </c>
      <c r="AK2828" s="166">
        <v>0</v>
      </c>
      <c r="AL2828" s="166">
        <v>0</v>
      </c>
      <c r="AM2828" s="166">
        <v>0</v>
      </c>
      <c r="AN2828" s="166">
        <v>0</v>
      </c>
      <c r="AO2828" s="166">
        <v>0</v>
      </c>
      <c r="AP2828" s="166">
        <v>0</v>
      </c>
      <c r="AQ2828" s="166">
        <v>0</v>
      </c>
      <c r="AR2828" s="166">
        <v>0</v>
      </c>
      <c r="AS2828" s="166">
        <v>0</v>
      </c>
      <c r="AT2828" s="166">
        <v>0</v>
      </c>
      <c r="AU2828" s="166">
        <v>0</v>
      </c>
      <c r="AV2828" s="166">
        <v>0</v>
      </c>
      <c r="AW2828" s="166">
        <v>0</v>
      </c>
      <c r="AX2828" s="166">
        <v>0</v>
      </c>
      <c r="AY2828" s="166">
        <v>0</v>
      </c>
      <c r="AZ2828" s="166">
        <v>0</v>
      </c>
      <c r="BA2828" s="166">
        <v>0</v>
      </c>
      <c r="BB2828" s="166">
        <v>0</v>
      </c>
      <c r="BC2828" s="166">
        <v>0</v>
      </c>
      <c r="BD2828" s="166">
        <v>0</v>
      </c>
      <c r="BE2828" s="166">
        <v>0</v>
      </c>
      <c r="BF2828" s="166">
        <v>0</v>
      </c>
      <c r="BG2828" s="166">
        <v>0</v>
      </c>
      <c r="BH2828" s="166">
        <v>0</v>
      </c>
      <c r="BI2828" s="166">
        <v>0</v>
      </c>
      <c r="BJ2828" s="166">
        <v>0</v>
      </c>
      <c r="BK2828" s="166">
        <v>0</v>
      </c>
      <c r="BL2828" s="166">
        <v>0</v>
      </c>
      <c r="BM2828" s="166">
        <v>0</v>
      </c>
      <c r="BN2828" s="166">
        <v>0</v>
      </c>
      <c r="BO2828" s="166">
        <v>0</v>
      </c>
      <c r="BP2828" s="166">
        <v>0</v>
      </c>
      <c r="BQ2828" s="166">
        <v>0</v>
      </c>
      <c r="BR2828" s="166">
        <v>0</v>
      </c>
      <c r="BS2828" s="166">
        <v>0</v>
      </c>
      <c r="BT2828" s="168">
        <v>0</v>
      </c>
      <c r="BU2828" s="166">
        <v>0</v>
      </c>
      <c r="BV2828" s="166">
        <v>0</v>
      </c>
      <c r="BW2828" s="166">
        <v>0</v>
      </c>
      <c r="BX2828" s="166">
        <v>0</v>
      </c>
      <c r="BY2828" s="166">
        <v>0</v>
      </c>
      <c r="BZ2828" s="166">
        <v>0</v>
      </c>
      <c r="CA2828" s="166">
        <v>0</v>
      </c>
      <c r="CB2828" s="166">
        <v>0</v>
      </c>
      <c r="CC2828" s="166">
        <v>0</v>
      </c>
      <c r="CD2828" s="166">
        <v>0</v>
      </c>
      <c r="CE2828" s="166">
        <v>0</v>
      </c>
      <c r="CF2828" s="166">
        <v>0</v>
      </c>
      <c r="CG2828" s="166">
        <v>0</v>
      </c>
      <c r="CH2828" s="166">
        <v>0</v>
      </c>
      <c r="CI2828" s="166">
        <v>0</v>
      </c>
      <c r="CJ2828" s="166">
        <v>0</v>
      </c>
      <c r="CK2828" s="166">
        <v>0</v>
      </c>
      <c r="CL2828" s="166">
        <v>0</v>
      </c>
      <c r="CM2828" s="166">
        <v>0</v>
      </c>
      <c r="CN2828" s="166">
        <v>0</v>
      </c>
      <c r="CO2828" s="166">
        <v>0</v>
      </c>
      <c r="CP2828" s="166">
        <v>0</v>
      </c>
      <c r="CQ2828" s="166">
        <v>0</v>
      </c>
      <c r="CR2828" s="166">
        <v>0</v>
      </c>
      <c r="CS2828" s="166">
        <v>0</v>
      </c>
      <c r="CT2828" s="166">
        <v>0</v>
      </c>
      <c r="CU2828" s="166">
        <v>0</v>
      </c>
      <c r="CV2828" s="166">
        <v>0</v>
      </c>
      <c r="CW2828" s="166">
        <v>0</v>
      </c>
      <c r="CX2828" s="166">
        <v>0</v>
      </c>
      <c r="CY2828" s="166">
        <v>0</v>
      </c>
      <c r="CZ2828" s="166">
        <v>0</v>
      </c>
    </row>
    <row r="2829" spans="1:104" x14ac:dyDescent="0.2">
      <c r="A2829" s="167" t="s">
        <v>116</v>
      </c>
      <c r="B2829" s="166">
        <v>0</v>
      </c>
      <c r="C2829" s="166">
        <v>0</v>
      </c>
      <c r="D2829" s="166">
        <v>0</v>
      </c>
      <c r="E2829" s="166">
        <v>0</v>
      </c>
      <c r="F2829" s="166">
        <v>0</v>
      </c>
      <c r="G2829" s="166">
        <v>0</v>
      </c>
      <c r="H2829" s="166">
        <v>0</v>
      </c>
      <c r="I2829" s="166">
        <v>0</v>
      </c>
      <c r="J2829" s="166">
        <v>0</v>
      </c>
      <c r="K2829" s="166">
        <v>0</v>
      </c>
      <c r="L2829" s="166">
        <v>0</v>
      </c>
      <c r="M2829" s="166">
        <v>0</v>
      </c>
      <c r="N2829" s="166">
        <v>0</v>
      </c>
      <c r="O2829" s="166">
        <v>0</v>
      </c>
      <c r="P2829" s="166">
        <v>0</v>
      </c>
      <c r="Q2829" s="166">
        <v>0</v>
      </c>
      <c r="R2829" s="166">
        <v>0</v>
      </c>
      <c r="S2829" s="166">
        <v>0</v>
      </c>
      <c r="T2829" s="166">
        <v>0</v>
      </c>
      <c r="U2829" s="166">
        <v>0</v>
      </c>
      <c r="V2829" s="166">
        <v>0</v>
      </c>
      <c r="W2829" s="166">
        <v>0</v>
      </c>
      <c r="X2829" s="166">
        <v>0</v>
      </c>
      <c r="Y2829" s="166">
        <v>0</v>
      </c>
      <c r="Z2829" s="166">
        <v>0</v>
      </c>
      <c r="AA2829" s="166">
        <v>0</v>
      </c>
      <c r="AB2829" s="166">
        <v>0</v>
      </c>
      <c r="AC2829" s="166">
        <v>0</v>
      </c>
      <c r="AD2829" s="166">
        <v>0</v>
      </c>
      <c r="AE2829" s="166">
        <v>0</v>
      </c>
      <c r="AF2829" s="166">
        <v>0</v>
      </c>
      <c r="AG2829" s="166">
        <v>0</v>
      </c>
      <c r="AH2829" s="166">
        <v>0</v>
      </c>
      <c r="AI2829" s="166">
        <v>0</v>
      </c>
      <c r="AJ2829" s="166">
        <v>0</v>
      </c>
      <c r="AK2829" s="166">
        <v>0</v>
      </c>
      <c r="AL2829" s="166">
        <v>0</v>
      </c>
      <c r="AM2829" s="166">
        <v>0</v>
      </c>
      <c r="AN2829" s="166">
        <v>0</v>
      </c>
      <c r="AO2829" s="166">
        <v>0</v>
      </c>
      <c r="AP2829" s="166">
        <v>0</v>
      </c>
      <c r="AQ2829" s="166">
        <v>0</v>
      </c>
      <c r="AR2829" s="166">
        <v>0</v>
      </c>
      <c r="AS2829" s="166">
        <v>0</v>
      </c>
      <c r="AT2829" s="166">
        <v>0</v>
      </c>
      <c r="AU2829" s="166">
        <v>0</v>
      </c>
      <c r="AV2829" s="166">
        <v>0</v>
      </c>
      <c r="AW2829" s="166">
        <v>0</v>
      </c>
      <c r="AX2829" s="166">
        <v>0</v>
      </c>
      <c r="AY2829" s="166">
        <v>0</v>
      </c>
      <c r="AZ2829" s="166">
        <v>0</v>
      </c>
      <c r="BA2829" s="166">
        <v>0</v>
      </c>
      <c r="BB2829" s="166">
        <v>0</v>
      </c>
      <c r="BC2829" s="166">
        <v>0</v>
      </c>
      <c r="BD2829" s="166">
        <v>0</v>
      </c>
      <c r="BE2829" s="166">
        <v>0</v>
      </c>
      <c r="BF2829" s="166">
        <v>0</v>
      </c>
      <c r="BG2829" s="166">
        <v>0</v>
      </c>
      <c r="BH2829" s="166">
        <v>0</v>
      </c>
      <c r="BI2829" s="166">
        <v>0</v>
      </c>
      <c r="BJ2829" s="166">
        <v>0</v>
      </c>
      <c r="BK2829" s="166">
        <v>0</v>
      </c>
      <c r="BL2829" s="166">
        <v>0</v>
      </c>
      <c r="BM2829" s="166">
        <v>0</v>
      </c>
      <c r="BN2829" s="166">
        <v>0</v>
      </c>
      <c r="BO2829" s="166">
        <v>0</v>
      </c>
      <c r="BP2829" s="166">
        <v>0</v>
      </c>
      <c r="BQ2829" s="166">
        <v>0</v>
      </c>
      <c r="BR2829" s="166">
        <v>0</v>
      </c>
      <c r="BS2829" s="166">
        <v>0</v>
      </c>
      <c r="BT2829" s="168">
        <v>0</v>
      </c>
      <c r="BU2829" s="166">
        <v>0</v>
      </c>
      <c r="BV2829" s="166">
        <v>0</v>
      </c>
      <c r="BW2829" s="166">
        <v>0</v>
      </c>
      <c r="BX2829" s="166">
        <v>0</v>
      </c>
      <c r="BY2829" s="166">
        <v>0</v>
      </c>
      <c r="BZ2829" s="166">
        <v>0</v>
      </c>
      <c r="CA2829" s="166">
        <v>0</v>
      </c>
      <c r="CB2829" s="166">
        <v>0</v>
      </c>
      <c r="CC2829" s="166">
        <v>0</v>
      </c>
      <c r="CD2829" s="166">
        <v>0</v>
      </c>
      <c r="CE2829" s="166">
        <v>0</v>
      </c>
      <c r="CF2829" s="166">
        <v>0</v>
      </c>
      <c r="CG2829" s="166">
        <v>0</v>
      </c>
      <c r="CH2829" s="166">
        <v>0</v>
      </c>
      <c r="CI2829" s="166">
        <v>0</v>
      </c>
      <c r="CJ2829" s="166">
        <v>0</v>
      </c>
      <c r="CK2829" s="166">
        <v>0</v>
      </c>
      <c r="CL2829" s="166">
        <v>0</v>
      </c>
      <c r="CM2829" s="166">
        <v>0</v>
      </c>
      <c r="CN2829" s="166">
        <v>0</v>
      </c>
      <c r="CO2829" s="166">
        <v>0</v>
      </c>
      <c r="CP2829" s="166">
        <v>0</v>
      </c>
      <c r="CQ2829" s="166">
        <v>0</v>
      </c>
      <c r="CR2829" s="166">
        <v>0</v>
      </c>
      <c r="CS2829" s="166">
        <v>0</v>
      </c>
      <c r="CT2829" s="166">
        <v>0</v>
      </c>
      <c r="CU2829" s="166">
        <v>0</v>
      </c>
      <c r="CV2829" s="166">
        <v>0</v>
      </c>
      <c r="CW2829" s="166">
        <v>0</v>
      </c>
      <c r="CX2829" s="166">
        <v>0</v>
      </c>
      <c r="CY2829" s="166">
        <v>0</v>
      </c>
      <c r="CZ2829" s="166">
        <v>0</v>
      </c>
    </row>
    <row r="2830" spans="1:104" x14ac:dyDescent="0.2">
      <c r="A2830" s="167" t="s">
        <v>117</v>
      </c>
      <c r="B2830" s="166">
        <v>0</v>
      </c>
      <c r="C2830" s="166">
        <v>0</v>
      </c>
      <c r="D2830" s="166">
        <v>0</v>
      </c>
      <c r="E2830" s="166">
        <v>0</v>
      </c>
      <c r="F2830" s="166">
        <v>0</v>
      </c>
      <c r="G2830" s="166">
        <v>0</v>
      </c>
      <c r="H2830" s="166">
        <v>0</v>
      </c>
      <c r="I2830" s="166">
        <v>0</v>
      </c>
      <c r="J2830" s="166">
        <v>0</v>
      </c>
      <c r="K2830" s="166">
        <v>0</v>
      </c>
      <c r="L2830" s="166">
        <v>0</v>
      </c>
      <c r="M2830" s="166">
        <v>0</v>
      </c>
      <c r="N2830" s="166">
        <v>0</v>
      </c>
      <c r="O2830" s="166">
        <v>0</v>
      </c>
      <c r="P2830" s="166">
        <v>0</v>
      </c>
      <c r="Q2830" s="166">
        <v>0</v>
      </c>
      <c r="R2830" s="166">
        <v>0</v>
      </c>
      <c r="S2830" s="166">
        <v>0</v>
      </c>
      <c r="T2830" s="166">
        <v>0</v>
      </c>
      <c r="U2830" s="166">
        <v>0</v>
      </c>
      <c r="V2830" s="166">
        <v>0</v>
      </c>
      <c r="W2830" s="166">
        <v>0</v>
      </c>
      <c r="X2830" s="166">
        <v>0</v>
      </c>
      <c r="Y2830" s="166">
        <v>0</v>
      </c>
      <c r="Z2830" s="166">
        <v>0</v>
      </c>
      <c r="AA2830" s="166">
        <v>0</v>
      </c>
      <c r="AB2830" s="166">
        <v>0</v>
      </c>
      <c r="AC2830" s="166">
        <v>0</v>
      </c>
      <c r="AD2830" s="166">
        <v>0</v>
      </c>
      <c r="AE2830" s="166">
        <v>0</v>
      </c>
      <c r="AF2830" s="166">
        <v>0</v>
      </c>
      <c r="AG2830" s="166">
        <v>0</v>
      </c>
      <c r="AH2830" s="166">
        <v>0</v>
      </c>
      <c r="AI2830" s="166">
        <v>0</v>
      </c>
      <c r="AJ2830" s="166">
        <v>0</v>
      </c>
      <c r="AK2830" s="166">
        <v>0</v>
      </c>
      <c r="AL2830" s="166">
        <v>0</v>
      </c>
      <c r="AM2830" s="166">
        <v>0</v>
      </c>
      <c r="AN2830" s="166">
        <v>0</v>
      </c>
      <c r="AO2830" s="166">
        <v>0</v>
      </c>
      <c r="AP2830" s="166">
        <v>0</v>
      </c>
      <c r="AQ2830" s="166">
        <v>0</v>
      </c>
      <c r="AR2830" s="166">
        <v>0</v>
      </c>
      <c r="AS2830" s="166">
        <v>0</v>
      </c>
      <c r="AT2830" s="166">
        <v>0</v>
      </c>
      <c r="AU2830" s="166">
        <v>0</v>
      </c>
      <c r="AV2830" s="166">
        <v>0</v>
      </c>
      <c r="AW2830" s="166">
        <v>0</v>
      </c>
      <c r="AX2830" s="166">
        <v>0</v>
      </c>
      <c r="AY2830" s="166">
        <v>0</v>
      </c>
      <c r="AZ2830" s="166">
        <v>0</v>
      </c>
      <c r="BA2830" s="166">
        <v>0</v>
      </c>
      <c r="BB2830" s="166">
        <v>0</v>
      </c>
      <c r="BC2830" s="166">
        <v>0</v>
      </c>
      <c r="BD2830" s="166">
        <v>0</v>
      </c>
      <c r="BE2830" s="166">
        <v>0</v>
      </c>
      <c r="BF2830" s="166">
        <v>0</v>
      </c>
      <c r="BG2830" s="166">
        <v>0</v>
      </c>
      <c r="BH2830" s="166">
        <v>0</v>
      </c>
      <c r="BI2830" s="166">
        <v>0</v>
      </c>
      <c r="BJ2830" s="166">
        <v>0</v>
      </c>
      <c r="BK2830" s="166">
        <v>0</v>
      </c>
      <c r="BL2830" s="166">
        <v>0</v>
      </c>
      <c r="BM2830" s="166">
        <v>0</v>
      </c>
      <c r="BN2830" s="166">
        <v>0</v>
      </c>
      <c r="BO2830" s="166">
        <v>0</v>
      </c>
      <c r="BP2830" s="166">
        <v>0</v>
      </c>
      <c r="BQ2830" s="166">
        <v>0</v>
      </c>
      <c r="BR2830" s="166">
        <v>0</v>
      </c>
      <c r="BS2830" s="166">
        <v>0</v>
      </c>
      <c r="BT2830" s="166">
        <v>0</v>
      </c>
      <c r="BU2830" s="166">
        <v>0</v>
      </c>
      <c r="BV2830" s="166">
        <v>0</v>
      </c>
      <c r="BW2830" s="166">
        <v>0</v>
      </c>
      <c r="BX2830" s="166">
        <v>0</v>
      </c>
      <c r="BY2830" s="166">
        <v>0</v>
      </c>
      <c r="BZ2830" s="166">
        <v>0</v>
      </c>
      <c r="CA2830" s="166">
        <v>0</v>
      </c>
      <c r="CB2830" s="166">
        <v>0</v>
      </c>
      <c r="CC2830" s="166">
        <v>0</v>
      </c>
      <c r="CD2830" s="166">
        <v>0</v>
      </c>
      <c r="CE2830" s="166">
        <v>0</v>
      </c>
      <c r="CF2830" s="166">
        <v>0</v>
      </c>
      <c r="CG2830" s="166">
        <v>0</v>
      </c>
      <c r="CH2830" s="166">
        <v>0</v>
      </c>
      <c r="CI2830" s="166">
        <v>0</v>
      </c>
      <c r="CJ2830" s="166">
        <v>0</v>
      </c>
      <c r="CK2830" s="166">
        <v>0</v>
      </c>
      <c r="CL2830" s="166">
        <v>0</v>
      </c>
      <c r="CM2830" s="166">
        <v>0</v>
      </c>
      <c r="CN2830" s="166">
        <v>0</v>
      </c>
      <c r="CO2830" s="166">
        <v>0</v>
      </c>
      <c r="CP2830" s="166">
        <v>0</v>
      </c>
      <c r="CQ2830" s="166">
        <v>0</v>
      </c>
      <c r="CR2830" s="166">
        <v>0</v>
      </c>
      <c r="CS2830" s="166">
        <v>0</v>
      </c>
      <c r="CT2830" s="166">
        <v>0</v>
      </c>
      <c r="CU2830" s="166">
        <v>0</v>
      </c>
      <c r="CV2830" s="166">
        <v>0</v>
      </c>
      <c r="CW2830" s="166">
        <v>0</v>
      </c>
      <c r="CX2830" s="166">
        <v>0</v>
      </c>
      <c r="CY2830" s="166">
        <v>0</v>
      </c>
      <c r="CZ2830" s="166">
        <v>0</v>
      </c>
    </row>
    <row r="2831" spans="1:104" x14ac:dyDescent="0.2">
      <c r="A2831" s="167" t="s">
        <v>118</v>
      </c>
      <c r="B2831" s="166">
        <v>0</v>
      </c>
      <c r="C2831" s="166">
        <v>0</v>
      </c>
      <c r="D2831" s="166">
        <v>0</v>
      </c>
      <c r="E2831" s="166">
        <v>0</v>
      </c>
      <c r="F2831" s="166">
        <v>0</v>
      </c>
      <c r="G2831" s="166">
        <v>0</v>
      </c>
      <c r="H2831" s="166">
        <v>0</v>
      </c>
      <c r="I2831" s="166">
        <v>0</v>
      </c>
      <c r="J2831" s="166">
        <v>0</v>
      </c>
      <c r="K2831" s="166">
        <v>0</v>
      </c>
      <c r="L2831" s="166">
        <v>0</v>
      </c>
      <c r="M2831" s="166">
        <v>0</v>
      </c>
      <c r="N2831" s="166">
        <v>0</v>
      </c>
      <c r="O2831" s="166">
        <v>0</v>
      </c>
      <c r="P2831" s="166">
        <v>0</v>
      </c>
      <c r="Q2831" s="166">
        <v>0</v>
      </c>
      <c r="R2831" s="166">
        <v>0</v>
      </c>
      <c r="S2831" s="166">
        <v>0</v>
      </c>
      <c r="T2831" s="166">
        <v>0</v>
      </c>
      <c r="U2831" s="166">
        <v>0</v>
      </c>
      <c r="V2831" s="166">
        <v>0</v>
      </c>
      <c r="W2831" s="166">
        <v>0</v>
      </c>
      <c r="X2831" s="166">
        <v>0</v>
      </c>
      <c r="Y2831" s="166">
        <v>0</v>
      </c>
      <c r="Z2831" s="166">
        <v>0</v>
      </c>
      <c r="AA2831" s="166">
        <v>0</v>
      </c>
      <c r="AB2831" s="166">
        <v>0</v>
      </c>
      <c r="AC2831" s="166">
        <v>0</v>
      </c>
      <c r="AD2831" s="166">
        <v>0</v>
      </c>
      <c r="AE2831" s="166">
        <v>0</v>
      </c>
      <c r="AF2831" s="166">
        <v>0</v>
      </c>
      <c r="AG2831" s="166">
        <v>0</v>
      </c>
      <c r="AH2831" s="166">
        <v>0</v>
      </c>
      <c r="AI2831" s="166">
        <v>0</v>
      </c>
      <c r="AJ2831" s="166">
        <v>0</v>
      </c>
      <c r="AK2831" s="166">
        <v>0</v>
      </c>
      <c r="AL2831" s="166">
        <v>0</v>
      </c>
      <c r="AM2831" s="166">
        <v>0</v>
      </c>
      <c r="AN2831" s="166">
        <v>0</v>
      </c>
      <c r="AO2831" s="166">
        <v>0</v>
      </c>
      <c r="AP2831" s="166">
        <v>0</v>
      </c>
      <c r="AQ2831" s="166">
        <v>0</v>
      </c>
      <c r="AR2831" s="166">
        <v>0</v>
      </c>
      <c r="AS2831" s="166">
        <v>0</v>
      </c>
      <c r="AT2831" s="166">
        <v>0</v>
      </c>
      <c r="AU2831" s="166">
        <v>0</v>
      </c>
      <c r="AV2831" s="166">
        <v>0</v>
      </c>
      <c r="AW2831" s="166">
        <v>0</v>
      </c>
      <c r="AX2831" s="166">
        <v>0</v>
      </c>
      <c r="AY2831" s="166">
        <v>0</v>
      </c>
      <c r="AZ2831" s="166">
        <v>0</v>
      </c>
      <c r="BA2831" s="166">
        <v>0</v>
      </c>
      <c r="BB2831" s="166">
        <v>0</v>
      </c>
      <c r="BC2831" s="166">
        <v>0</v>
      </c>
      <c r="BD2831" s="166">
        <v>0</v>
      </c>
      <c r="BE2831" s="166">
        <v>0</v>
      </c>
      <c r="BF2831" s="166">
        <v>0</v>
      </c>
      <c r="BG2831" s="166">
        <v>0</v>
      </c>
      <c r="BH2831" s="166">
        <v>0</v>
      </c>
      <c r="BI2831" s="166">
        <v>0</v>
      </c>
      <c r="BJ2831" s="166">
        <v>0</v>
      </c>
      <c r="BK2831" s="166">
        <v>0</v>
      </c>
      <c r="BL2831" s="166">
        <v>0</v>
      </c>
      <c r="BM2831" s="166">
        <v>0</v>
      </c>
      <c r="BN2831" s="166">
        <v>0</v>
      </c>
      <c r="BO2831" s="166">
        <v>0</v>
      </c>
      <c r="BP2831" s="166">
        <v>0</v>
      </c>
      <c r="BQ2831" s="166">
        <v>0</v>
      </c>
      <c r="BR2831" s="166">
        <v>0</v>
      </c>
      <c r="BS2831" s="166">
        <v>0</v>
      </c>
      <c r="BT2831" s="168">
        <v>0</v>
      </c>
      <c r="BU2831" s="166">
        <v>0</v>
      </c>
      <c r="BV2831" s="166">
        <v>0</v>
      </c>
      <c r="BW2831" s="166">
        <v>0</v>
      </c>
      <c r="BX2831" s="166">
        <v>0</v>
      </c>
      <c r="BY2831" s="166">
        <v>0</v>
      </c>
      <c r="BZ2831" s="166">
        <v>0</v>
      </c>
      <c r="CA2831" s="166">
        <v>0</v>
      </c>
      <c r="CB2831" s="166">
        <v>0</v>
      </c>
      <c r="CC2831" s="166">
        <v>0</v>
      </c>
      <c r="CD2831" s="166">
        <v>0</v>
      </c>
      <c r="CE2831" s="166">
        <v>0</v>
      </c>
      <c r="CF2831" s="166">
        <v>0</v>
      </c>
      <c r="CG2831" s="166">
        <v>0</v>
      </c>
      <c r="CH2831" s="166">
        <v>0</v>
      </c>
      <c r="CI2831" s="166">
        <v>0</v>
      </c>
      <c r="CJ2831" s="166">
        <v>0</v>
      </c>
      <c r="CK2831" s="166">
        <v>0</v>
      </c>
      <c r="CL2831" s="166">
        <v>0</v>
      </c>
      <c r="CM2831" s="166">
        <v>0</v>
      </c>
      <c r="CN2831" s="166">
        <v>0</v>
      </c>
      <c r="CO2831" s="166">
        <v>0</v>
      </c>
      <c r="CP2831" s="166">
        <v>0</v>
      </c>
      <c r="CQ2831" s="166">
        <v>0</v>
      </c>
      <c r="CR2831" s="166">
        <v>0</v>
      </c>
      <c r="CS2831" s="166">
        <v>0</v>
      </c>
      <c r="CT2831" s="166">
        <v>0</v>
      </c>
      <c r="CU2831" s="166">
        <v>0</v>
      </c>
      <c r="CV2831" s="166">
        <v>0</v>
      </c>
      <c r="CW2831" s="166">
        <v>0</v>
      </c>
      <c r="CX2831" s="166">
        <v>0</v>
      </c>
      <c r="CY2831" s="166">
        <v>0</v>
      </c>
      <c r="CZ2831" s="166">
        <v>0</v>
      </c>
    </row>
    <row r="2832" spans="1:104" x14ac:dyDescent="0.2">
      <c r="A2832" s="167" t="s">
        <v>119</v>
      </c>
      <c r="B2832" s="166">
        <v>0</v>
      </c>
      <c r="C2832" s="166">
        <v>0</v>
      </c>
      <c r="D2832" s="166">
        <v>0</v>
      </c>
      <c r="E2832" s="166">
        <v>0</v>
      </c>
      <c r="F2832" s="166">
        <v>0</v>
      </c>
      <c r="G2832" s="166">
        <v>0</v>
      </c>
      <c r="H2832" s="166">
        <v>0</v>
      </c>
      <c r="I2832" s="166">
        <v>0</v>
      </c>
      <c r="J2832" s="166">
        <v>0</v>
      </c>
      <c r="K2832" s="166">
        <v>0</v>
      </c>
      <c r="L2832" s="166">
        <v>0</v>
      </c>
      <c r="M2832" s="166">
        <v>0</v>
      </c>
      <c r="N2832" s="166">
        <v>0</v>
      </c>
      <c r="O2832" s="166">
        <v>0</v>
      </c>
      <c r="P2832" s="166">
        <v>0</v>
      </c>
      <c r="Q2832" s="166">
        <v>0</v>
      </c>
      <c r="R2832" s="166">
        <v>0</v>
      </c>
      <c r="S2832" s="166">
        <v>0</v>
      </c>
      <c r="T2832" s="166">
        <v>0</v>
      </c>
      <c r="U2832" s="166">
        <v>0</v>
      </c>
      <c r="V2832" s="166">
        <v>0</v>
      </c>
      <c r="W2832" s="166">
        <v>0</v>
      </c>
      <c r="X2832" s="166">
        <v>0</v>
      </c>
      <c r="Y2832" s="166">
        <v>0</v>
      </c>
      <c r="Z2832" s="166">
        <v>0</v>
      </c>
      <c r="AA2832" s="166">
        <v>0</v>
      </c>
      <c r="AB2832" s="166">
        <v>0</v>
      </c>
      <c r="AC2832" s="166">
        <v>0</v>
      </c>
      <c r="AD2832" s="166">
        <v>0</v>
      </c>
      <c r="AE2832" s="166">
        <v>0</v>
      </c>
      <c r="AF2832" s="166">
        <v>0</v>
      </c>
      <c r="AG2832" s="166">
        <v>0</v>
      </c>
      <c r="AH2832" s="166">
        <v>0</v>
      </c>
      <c r="AI2832" s="166">
        <v>0</v>
      </c>
      <c r="AJ2832" s="166">
        <v>0</v>
      </c>
      <c r="AK2832" s="166">
        <v>0</v>
      </c>
      <c r="AL2832" s="166">
        <v>0</v>
      </c>
      <c r="AM2832" s="166">
        <v>0</v>
      </c>
      <c r="AN2832" s="166">
        <v>0</v>
      </c>
      <c r="AO2832" s="166">
        <v>0</v>
      </c>
      <c r="AP2832" s="166">
        <v>0</v>
      </c>
      <c r="AQ2832" s="166">
        <v>0</v>
      </c>
      <c r="AR2832" s="166">
        <v>0</v>
      </c>
      <c r="AS2832" s="166">
        <v>0</v>
      </c>
      <c r="AT2832" s="166">
        <v>0</v>
      </c>
      <c r="AU2832" s="166">
        <v>0</v>
      </c>
      <c r="AV2832" s="166">
        <v>0</v>
      </c>
      <c r="AW2832" s="166">
        <v>0</v>
      </c>
      <c r="AX2832" s="166">
        <v>0</v>
      </c>
      <c r="AY2832" s="166">
        <v>0</v>
      </c>
      <c r="AZ2832" s="166">
        <v>0</v>
      </c>
      <c r="BA2832" s="166">
        <v>0</v>
      </c>
      <c r="BB2832" s="166">
        <v>0</v>
      </c>
      <c r="BC2832" s="166">
        <v>0</v>
      </c>
      <c r="BD2832" s="166">
        <v>0</v>
      </c>
      <c r="BE2832" s="166">
        <v>0</v>
      </c>
      <c r="BF2832" s="166">
        <v>0</v>
      </c>
      <c r="BG2832" s="166">
        <v>0</v>
      </c>
      <c r="BH2832" s="166">
        <v>0</v>
      </c>
      <c r="BI2832" s="166">
        <v>0</v>
      </c>
      <c r="BJ2832" s="166">
        <v>0</v>
      </c>
      <c r="BK2832" s="166">
        <v>0</v>
      </c>
      <c r="BL2832" s="166">
        <v>0</v>
      </c>
      <c r="BM2832" s="166">
        <v>0</v>
      </c>
      <c r="BN2832" s="166">
        <v>0</v>
      </c>
      <c r="BO2832" s="166">
        <v>0</v>
      </c>
      <c r="BP2832" s="166">
        <v>0</v>
      </c>
      <c r="BQ2832" s="166">
        <v>0</v>
      </c>
      <c r="BR2832" s="166">
        <v>0</v>
      </c>
      <c r="BS2832" s="166">
        <v>0</v>
      </c>
      <c r="BT2832" s="168">
        <v>0</v>
      </c>
      <c r="BU2832" s="166">
        <v>0</v>
      </c>
      <c r="BV2832" s="166">
        <v>0</v>
      </c>
      <c r="BW2832" s="166">
        <v>0</v>
      </c>
      <c r="BX2832" s="166">
        <v>0</v>
      </c>
      <c r="BY2832" s="166">
        <v>0</v>
      </c>
      <c r="BZ2832" s="166">
        <v>0</v>
      </c>
      <c r="CA2832" s="166">
        <v>0</v>
      </c>
      <c r="CB2832" s="166">
        <v>0</v>
      </c>
      <c r="CC2832" s="166">
        <v>0</v>
      </c>
      <c r="CD2832" s="166">
        <v>0</v>
      </c>
      <c r="CE2832" s="166">
        <v>0</v>
      </c>
      <c r="CF2832" s="166">
        <v>0</v>
      </c>
      <c r="CG2832" s="166">
        <v>0</v>
      </c>
      <c r="CH2832" s="166">
        <v>0</v>
      </c>
      <c r="CI2832" s="166">
        <v>0</v>
      </c>
      <c r="CJ2832" s="166">
        <v>0</v>
      </c>
      <c r="CK2832" s="166">
        <v>0</v>
      </c>
      <c r="CL2832" s="166">
        <v>0</v>
      </c>
      <c r="CM2832" s="166">
        <v>0</v>
      </c>
      <c r="CN2832" s="166">
        <v>0</v>
      </c>
      <c r="CO2832" s="166">
        <v>0</v>
      </c>
      <c r="CP2832" s="166">
        <v>0</v>
      </c>
      <c r="CQ2832" s="166">
        <v>0</v>
      </c>
      <c r="CR2832" s="166">
        <v>0</v>
      </c>
      <c r="CS2832" s="166">
        <v>0</v>
      </c>
      <c r="CT2832" s="166">
        <v>0</v>
      </c>
      <c r="CU2832" s="166">
        <v>0</v>
      </c>
      <c r="CV2832" s="166">
        <v>0</v>
      </c>
      <c r="CW2832" s="166">
        <v>0</v>
      </c>
      <c r="CX2832" s="166">
        <v>0</v>
      </c>
      <c r="CY2832" s="166">
        <v>0</v>
      </c>
      <c r="CZ2832" s="166">
        <v>0</v>
      </c>
    </row>
    <row r="2833" spans="1:104" x14ac:dyDescent="0.2">
      <c r="A2833" s="167" t="s">
        <v>120</v>
      </c>
      <c r="B2833" s="166">
        <v>0</v>
      </c>
      <c r="C2833" s="166">
        <v>0</v>
      </c>
      <c r="D2833" s="166">
        <v>0</v>
      </c>
      <c r="E2833" s="166">
        <v>0</v>
      </c>
      <c r="F2833" s="166">
        <v>0</v>
      </c>
      <c r="G2833" s="166">
        <v>0</v>
      </c>
      <c r="H2833" s="166">
        <v>0</v>
      </c>
      <c r="I2833" s="166">
        <v>0</v>
      </c>
      <c r="J2833" s="166">
        <v>0</v>
      </c>
      <c r="K2833" s="166">
        <v>0</v>
      </c>
      <c r="L2833" s="166">
        <v>0</v>
      </c>
      <c r="M2833" s="166">
        <v>0</v>
      </c>
      <c r="N2833" s="166">
        <v>0</v>
      </c>
      <c r="O2833" s="166">
        <v>0</v>
      </c>
      <c r="P2833" s="166">
        <v>0</v>
      </c>
      <c r="Q2833" s="166">
        <v>0</v>
      </c>
      <c r="R2833" s="166">
        <v>0</v>
      </c>
      <c r="S2833" s="166">
        <v>0</v>
      </c>
      <c r="T2833" s="166">
        <v>0</v>
      </c>
      <c r="U2833" s="166">
        <v>0</v>
      </c>
      <c r="V2833" s="166">
        <v>0</v>
      </c>
      <c r="W2833" s="166">
        <v>0</v>
      </c>
      <c r="X2833" s="166">
        <v>0</v>
      </c>
      <c r="Y2833" s="166">
        <v>0</v>
      </c>
      <c r="Z2833" s="166">
        <v>0</v>
      </c>
      <c r="AA2833" s="166">
        <v>0</v>
      </c>
      <c r="AB2833" s="166">
        <v>0</v>
      </c>
      <c r="AC2833" s="166">
        <v>0</v>
      </c>
      <c r="AD2833" s="166">
        <v>0</v>
      </c>
      <c r="AE2833" s="166">
        <v>0</v>
      </c>
      <c r="AF2833" s="166">
        <v>0</v>
      </c>
      <c r="AG2833" s="166">
        <v>0</v>
      </c>
      <c r="AH2833" s="166">
        <v>0</v>
      </c>
      <c r="AI2833" s="166">
        <v>0</v>
      </c>
      <c r="AJ2833" s="166">
        <v>0</v>
      </c>
      <c r="AK2833" s="166">
        <v>0</v>
      </c>
      <c r="AL2833" s="166">
        <v>0</v>
      </c>
      <c r="AM2833" s="166">
        <v>0</v>
      </c>
      <c r="AN2833" s="166">
        <v>0</v>
      </c>
      <c r="AO2833" s="166">
        <v>0</v>
      </c>
      <c r="AP2833" s="166">
        <v>0</v>
      </c>
      <c r="AQ2833" s="166">
        <v>0</v>
      </c>
      <c r="AR2833" s="166">
        <v>0</v>
      </c>
      <c r="AS2833" s="166">
        <v>0</v>
      </c>
      <c r="AT2833" s="166">
        <v>0</v>
      </c>
      <c r="AU2833" s="166">
        <v>0</v>
      </c>
      <c r="AV2833" s="166">
        <v>0</v>
      </c>
      <c r="AW2833" s="166">
        <v>0</v>
      </c>
      <c r="AX2833" s="166">
        <v>0</v>
      </c>
      <c r="AY2833" s="166">
        <v>0</v>
      </c>
      <c r="AZ2833" s="166">
        <v>0</v>
      </c>
      <c r="BA2833" s="166">
        <v>0</v>
      </c>
      <c r="BB2833" s="166">
        <v>0</v>
      </c>
      <c r="BC2833" s="166">
        <v>0</v>
      </c>
      <c r="BD2833" s="166">
        <v>0</v>
      </c>
      <c r="BE2833" s="166">
        <v>0</v>
      </c>
      <c r="BF2833" s="166">
        <v>0</v>
      </c>
      <c r="BG2833" s="166">
        <v>0</v>
      </c>
      <c r="BH2833" s="166">
        <v>0</v>
      </c>
      <c r="BI2833" s="166">
        <v>0</v>
      </c>
      <c r="BJ2833" s="166">
        <v>0</v>
      </c>
      <c r="BK2833" s="166">
        <v>0</v>
      </c>
      <c r="BL2833" s="166">
        <v>0</v>
      </c>
      <c r="BM2833" s="166">
        <v>0</v>
      </c>
      <c r="BN2833" s="166">
        <v>0</v>
      </c>
      <c r="BO2833" s="166">
        <v>0</v>
      </c>
      <c r="BP2833" s="166">
        <v>0</v>
      </c>
      <c r="BQ2833" s="166">
        <v>0</v>
      </c>
      <c r="BR2833" s="166">
        <v>0</v>
      </c>
      <c r="BS2833" s="166">
        <v>0</v>
      </c>
      <c r="BT2833" s="168">
        <v>0</v>
      </c>
      <c r="BU2833" s="166">
        <v>0</v>
      </c>
      <c r="BV2833" s="166">
        <v>0</v>
      </c>
      <c r="BW2833" s="166">
        <v>0</v>
      </c>
      <c r="BX2833" s="166">
        <v>0</v>
      </c>
      <c r="BY2833" s="166">
        <v>0</v>
      </c>
      <c r="BZ2833" s="166">
        <v>0</v>
      </c>
      <c r="CA2833" s="166">
        <v>0</v>
      </c>
      <c r="CB2833" s="166">
        <v>0</v>
      </c>
      <c r="CC2833" s="166">
        <v>0</v>
      </c>
      <c r="CD2833" s="166">
        <v>0</v>
      </c>
      <c r="CE2833" s="166">
        <v>0</v>
      </c>
      <c r="CF2833" s="166">
        <v>0</v>
      </c>
      <c r="CG2833" s="166">
        <v>0</v>
      </c>
      <c r="CH2833" s="166">
        <v>0</v>
      </c>
      <c r="CI2833" s="166">
        <v>0</v>
      </c>
      <c r="CJ2833" s="166">
        <v>0</v>
      </c>
      <c r="CK2833" s="166">
        <v>0</v>
      </c>
      <c r="CL2833" s="166">
        <v>0</v>
      </c>
      <c r="CM2833" s="166">
        <v>0</v>
      </c>
      <c r="CN2833" s="166">
        <v>0</v>
      </c>
      <c r="CO2833" s="166">
        <v>0</v>
      </c>
      <c r="CP2833" s="166">
        <v>0</v>
      </c>
      <c r="CQ2833" s="166">
        <v>0</v>
      </c>
      <c r="CR2833" s="166">
        <v>0</v>
      </c>
      <c r="CS2833" s="166">
        <v>0</v>
      </c>
      <c r="CT2833" s="166">
        <v>0</v>
      </c>
      <c r="CU2833" s="166">
        <v>0</v>
      </c>
      <c r="CV2833" s="166">
        <v>0</v>
      </c>
      <c r="CW2833" s="166">
        <v>0</v>
      </c>
      <c r="CX2833" s="166">
        <v>0</v>
      </c>
      <c r="CY2833" s="166">
        <v>0</v>
      </c>
      <c r="CZ2833" s="166">
        <v>0</v>
      </c>
    </row>
    <row r="2834" spans="1:104" x14ac:dyDescent="0.2">
      <c r="A2834" s="167" t="s">
        <v>121</v>
      </c>
      <c r="B2834" s="166">
        <v>0</v>
      </c>
      <c r="C2834" s="166">
        <v>0</v>
      </c>
      <c r="D2834" s="166">
        <v>0</v>
      </c>
      <c r="E2834" s="166">
        <v>0</v>
      </c>
      <c r="F2834" s="166">
        <v>0</v>
      </c>
      <c r="G2834" s="166">
        <v>0</v>
      </c>
      <c r="H2834" s="166">
        <v>0</v>
      </c>
      <c r="I2834" s="166">
        <v>0</v>
      </c>
      <c r="J2834" s="166">
        <v>0</v>
      </c>
      <c r="K2834" s="166">
        <v>0</v>
      </c>
      <c r="L2834" s="166">
        <v>0</v>
      </c>
      <c r="M2834" s="166">
        <v>0</v>
      </c>
      <c r="N2834" s="166">
        <v>0</v>
      </c>
      <c r="O2834" s="166">
        <v>0</v>
      </c>
      <c r="P2834" s="166">
        <v>0</v>
      </c>
      <c r="Q2834" s="166">
        <v>0</v>
      </c>
      <c r="R2834" s="166">
        <v>0</v>
      </c>
      <c r="S2834" s="166">
        <v>0</v>
      </c>
      <c r="T2834" s="166">
        <v>0</v>
      </c>
      <c r="U2834" s="166">
        <v>0</v>
      </c>
      <c r="V2834" s="166">
        <v>0</v>
      </c>
      <c r="W2834" s="166">
        <v>0</v>
      </c>
      <c r="X2834" s="166">
        <v>0</v>
      </c>
      <c r="Y2834" s="166">
        <v>0</v>
      </c>
      <c r="Z2834" s="166">
        <v>0</v>
      </c>
      <c r="AA2834" s="166">
        <v>0</v>
      </c>
      <c r="AB2834" s="166">
        <v>0</v>
      </c>
      <c r="AC2834" s="166">
        <v>0</v>
      </c>
      <c r="AD2834" s="166">
        <v>0</v>
      </c>
      <c r="AE2834" s="166">
        <v>0</v>
      </c>
      <c r="AF2834" s="166">
        <v>0</v>
      </c>
      <c r="AG2834" s="166">
        <v>0</v>
      </c>
      <c r="AH2834" s="166">
        <v>0</v>
      </c>
      <c r="AI2834" s="166">
        <v>0</v>
      </c>
      <c r="AJ2834" s="166">
        <v>0</v>
      </c>
      <c r="AK2834" s="166">
        <v>0</v>
      </c>
      <c r="AL2834" s="166">
        <v>0</v>
      </c>
      <c r="AM2834" s="166">
        <v>0</v>
      </c>
      <c r="AN2834" s="166">
        <v>0</v>
      </c>
      <c r="AO2834" s="166">
        <v>0</v>
      </c>
      <c r="AP2834" s="166">
        <v>0</v>
      </c>
      <c r="AQ2834" s="166">
        <v>0</v>
      </c>
      <c r="AR2834" s="166">
        <v>0</v>
      </c>
      <c r="AS2834" s="166">
        <v>0</v>
      </c>
      <c r="AT2834" s="166">
        <v>0</v>
      </c>
      <c r="AU2834" s="166">
        <v>0</v>
      </c>
      <c r="AV2834" s="166">
        <v>0</v>
      </c>
      <c r="AW2834" s="166">
        <v>0</v>
      </c>
      <c r="AX2834" s="166">
        <v>0</v>
      </c>
      <c r="AY2834" s="166">
        <v>0</v>
      </c>
      <c r="AZ2834" s="166">
        <v>0</v>
      </c>
      <c r="BA2834" s="166">
        <v>0</v>
      </c>
      <c r="BB2834" s="166">
        <v>0</v>
      </c>
      <c r="BC2834" s="166">
        <v>0</v>
      </c>
      <c r="BD2834" s="166">
        <v>0</v>
      </c>
      <c r="BE2834" s="166">
        <v>0</v>
      </c>
      <c r="BF2834" s="166">
        <v>0</v>
      </c>
      <c r="BG2834" s="166">
        <v>0</v>
      </c>
      <c r="BH2834" s="166">
        <v>0</v>
      </c>
      <c r="BI2834" s="166">
        <v>0</v>
      </c>
      <c r="BJ2834" s="166">
        <v>0</v>
      </c>
      <c r="BK2834" s="166">
        <v>0</v>
      </c>
      <c r="BL2834" s="166">
        <v>0</v>
      </c>
      <c r="BM2834" s="166">
        <v>0</v>
      </c>
      <c r="BN2834" s="166">
        <v>0</v>
      </c>
      <c r="BO2834" s="166">
        <v>0</v>
      </c>
      <c r="BP2834" s="166">
        <v>0</v>
      </c>
      <c r="BQ2834" s="166">
        <v>0</v>
      </c>
      <c r="BR2834" s="166">
        <v>0</v>
      </c>
      <c r="BS2834" s="166">
        <v>0</v>
      </c>
      <c r="BT2834" s="166">
        <v>0</v>
      </c>
      <c r="BU2834" s="166">
        <v>0</v>
      </c>
      <c r="BV2834" s="166">
        <v>0</v>
      </c>
      <c r="BW2834" s="166">
        <v>0</v>
      </c>
      <c r="BX2834" s="166">
        <v>0</v>
      </c>
      <c r="BY2834" s="166">
        <v>0</v>
      </c>
      <c r="BZ2834" s="166">
        <v>0</v>
      </c>
      <c r="CA2834" s="166">
        <v>0</v>
      </c>
      <c r="CB2834" s="166">
        <v>0</v>
      </c>
      <c r="CC2834" s="166">
        <v>0</v>
      </c>
      <c r="CD2834" s="166">
        <v>0</v>
      </c>
      <c r="CE2834" s="166">
        <v>0</v>
      </c>
      <c r="CF2834" s="166">
        <v>0</v>
      </c>
      <c r="CG2834" s="166">
        <v>0</v>
      </c>
      <c r="CH2834" s="166">
        <v>0</v>
      </c>
      <c r="CI2834" s="166">
        <v>0</v>
      </c>
      <c r="CJ2834" s="166">
        <v>0</v>
      </c>
      <c r="CK2834" s="166">
        <v>0</v>
      </c>
      <c r="CL2834" s="166">
        <v>0</v>
      </c>
      <c r="CM2834" s="166">
        <v>0</v>
      </c>
      <c r="CN2834" s="166">
        <v>0</v>
      </c>
      <c r="CO2834" s="166">
        <v>0</v>
      </c>
      <c r="CP2834" s="166">
        <v>0</v>
      </c>
      <c r="CQ2834" s="166">
        <v>0</v>
      </c>
      <c r="CR2834" s="166">
        <v>0</v>
      </c>
      <c r="CS2834" s="166">
        <v>0</v>
      </c>
      <c r="CT2834" s="166">
        <v>0</v>
      </c>
      <c r="CU2834" s="166">
        <v>0</v>
      </c>
      <c r="CV2834" s="166">
        <v>0</v>
      </c>
      <c r="CW2834" s="166">
        <v>0</v>
      </c>
      <c r="CX2834" s="166">
        <v>0</v>
      </c>
      <c r="CY2834" s="166">
        <v>0</v>
      </c>
      <c r="CZ2834" s="166">
        <v>0</v>
      </c>
    </row>
    <row r="2835" spans="1:104" x14ac:dyDescent="0.2">
      <c r="A2835" s="167" t="s">
        <v>122</v>
      </c>
      <c r="B2835" s="166">
        <v>0</v>
      </c>
      <c r="C2835" s="166">
        <v>0</v>
      </c>
      <c r="D2835" s="166">
        <v>0</v>
      </c>
      <c r="E2835" s="166">
        <v>0</v>
      </c>
      <c r="F2835" s="166">
        <v>0</v>
      </c>
      <c r="G2835" s="166">
        <v>0</v>
      </c>
      <c r="H2835" s="166">
        <v>0</v>
      </c>
      <c r="I2835" s="166">
        <v>0</v>
      </c>
      <c r="J2835" s="166">
        <v>0</v>
      </c>
      <c r="K2835" s="166">
        <v>0</v>
      </c>
      <c r="L2835" s="166">
        <v>0</v>
      </c>
      <c r="M2835" s="166">
        <v>0</v>
      </c>
      <c r="N2835" s="166">
        <v>0</v>
      </c>
      <c r="O2835" s="166">
        <v>0</v>
      </c>
      <c r="P2835" s="166">
        <v>0</v>
      </c>
      <c r="Q2835" s="166">
        <v>0</v>
      </c>
      <c r="R2835" s="166">
        <v>0</v>
      </c>
      <c r="S2835" s="166">
        <v>0</v>
      </c>
      <c r="T2835" s="166">
        <v>0</v>
      </c>
      <c r="U2835" s="166">
        <v>0</v>
      </c>
      <c r="V2835" s="166">
        <v>0</v>
      </c>
      <c r="W2835" s="166">
        <v>0</v>
      </c>
      <c r="X2835" s="166">
        <v>0</v>
      </c>
      <c r="Y2835" s="166">
        <v>0</v>
      </c>
      <c r="Z2835" s="166">
        <v>0</v>
      </c>
      <c r="AA2835" s="166">
        <v>0</v>
      </c>
      <c r="AB2835" s="166">
        <v>0</v>
      </c>
      <c r="AC2835" s="166">
        <v>0</v>
      </c>
      <c r="AD2835" s="166">
        <v>0</v>
      </c>
      <c r="AE2835" s="166">
        <v>0</v>
      </c>
      <c r="AF2835" s="166">
        <v>0</v>
      </c>
      <c r="AG2835" s="166">
        <v>0</v>
      </c>
      <c r="AH2835" s="166">
        <v>0</v>
      </c>
      <c r="AI2835" s="166">
        <v>0</v>
      </c>
      <c r="AJ2835" s="166">
        <v>0</v>
      </c>
      <c r="AK2835" s="166">
        <v>0</v>
      </c>
      <c r="AL2835" s="166">
        <v>0</v>
      </c>
      <c r="AM2835" s="166">
        <v>0</v>
      </c>
      <c r="AN2835" s="166">
        <v>0</v>
      </c>
      <c r="AO2835" s="166">
        <v>0</v>
      </c>
      <c r="AP2835" s="166">
        <v>0</v>
      </c>
      <c r="AQ2835" s="166">
        <v>0</v>
      </c>
      <c r="AR2835" s="166">
        <v>0</v>
      </c>
      <c r="AS2835" s="166">
        <v>0</v>
      </c>
      <c r="AT2835" s="166">
        <v>0</v>
      </c>
      <c r="AU2835" s="166">
        <v>0</v>
      </c>
      <c r="AV2835" s="166">
        <v>0</v>
      </c>
      <c r="AW2835" s="166">
        <v>0</v>
      </c>
      <c r="AX2835" s="166">
        <v>0</v>
      </c>
      <c r="AY2835" s="166">
        <v>0</v>
      </c>
      <c r="AZ2835" s="166">
        <v>0</v>
      </c>
      <c r="BA2835" s="166">
        <v>0</v>
      </c>
      <c r="BB2835" s="166">
        <v>0</v>
      </c>
      <c r="BC2835" s="166">
        <v>0</v>
      </c>
      <c r="BD2835" s="166">
        <v>0</v>
      </c>
      <c r="BE2835" s="166">
        <v>0</v>
      </c>
      <c r="BF2835" s="166">
        <v>0</v>
      </c>
      <c r="BG2835" s="166">
        <v>0</v>
      </c>
      <c r="BH2835" s="166">
        <v>0</v>
      </c>
      <c r="BI2835" s="166">
        <v>0</v>
      </c>
      <c r="BJ2835" s="166">
        <v>0</v>
      </c>
      <c r="BK2835" s="166">
        <v>0</v>
      </c>
      <c r="BL2835" s="166">
        <v>0</v>
      </c>
      <c r="BM2835" s="166">
        <v>0</v>
      </c>
      <c r="BN2835" s="166">
        <v>0</v>
      </c>
      <c r="BO2835" s="166">
        <v>0</v>
      </c>
      <c r="BP2835" s="166">
        <v>0</v>
      </c>
      <c r="BQ2835" s="166">
        <v>0</v>
      </c>
      <c r="BR2835" s="166">
        <v>0</v>
      </c>
      <c r="BS2835" s="166">
        <v>0</v>
      </c>
      <c r="BT2835" s="166">
        <v>0</v>
      </c>
      <c r="BU2835" s="166">
        <v>0</v>
      </c>
      <c r="BV2835" s="166">
        <v>0</v>
      </c>
      <c r="BW2835" s="166">
        <v>0</v>
      </c>
      <c r="BX2835" s="166">
        <v>0</v>
      </c>
      <c r="BY2835" s="166">
        <v>0</v>
      </c>
      <c r="BZ2835" s="166">
        <v>0</v>
      </c>
      <c r="CA2835" s="166">
        <v>0</v>
      </c>
      <c r="CB2835" s="166">
        <v>0</v>
      </c>
      <c r="CC2835" s="166">
        <v>0</v>
      </c>
      <c r="CD2835" s="166">
        <v>0</v>
      </c>
      <c r="CE2835" s="166">
        <v>0</v>
      </c>
      <c r="CF2835" s="166">
        <v>0</v>
      </c>
      <c r="CG2835" s="166">
        <v>0</v>
      </c>
      <c r="CH2835" s="166">
        <v>0</v>
      </c>
      <c r="CI2835" s="166">
        <v>0</v>
      </c>
      <c r="CJ2835" s="166">
        <v>0</v>
      </c>
      <c r="CK2835" s="166">
        <v>0</v>
      </c>
      <c r="CL2835" s="166">
        <v>0</v>
      </c>
      <c r="CM2835" s="166">
        <v>0</v>
      </c>
      <c r="CN2835" s="166">
        <v>0</v>
      </c>
      <c r="CO2835" s="166">
        <v>0</v>
      </c>
      <c r="CP2835" s="166">
        <v>0</v>
      </c>
      <c r="CQ2835" s="166">
        <v>0</v>
      </c>
      <c r="CR2835" s="166">
        <v>0</v>
      </c>
      <c r="CS2835" s="166">
        <v>0</v>
      </c>
      <c r="CT2835" s="166">
        <v>0</v>
      </c>
      <c r="CU2835" s="166">
        <v>0</v>
      </c>
      <c r="CV2835" s="166">
        <v>0</v>
      </c>
      <c r="CW2835" s="166">
        <v>0</v>
      </c>
      <c r="CX2835" s="166">
        <v>0</v>
      </c>
      <c r="CY2835" s="166">
        <v>0</v>
      </c>
      <c r="CZ2835" s="166">
        <v>0</v>
      </c>
    </row>
    <row r="2836" spans="1:104" x14ac:dyDescent="0.2">
      <c r="A2836" s="167" t="s">
        <v>123</v>
      </c>
      <c r="B2836" s="166">
        <v>0</v>
      </c>
      <c r="C2836" s="166">
        <v>0</v>
      </c>
      <c r="D2836" s="166">
        <v>0</v>
      </c>
      <c r="E2836" s="166">
        <v>0</v>
      </c>
      <c r="F2836" s="166">
        <v>0</v>
      </c>
      <c r="G2836" s="166">
        <v>0</v>
      </c>
      <c r="H2836" s="166">
        <v>0</v>
      </c>
      <c r="I2836" s="166">
        <v>0</v>
      </c>
      <c r="J2836" s="166">
        <v>0</v>
      </c>
      <c r="K2836" s="166">
        <v>0</v>
      </c>
      <c r="L2836" s="166">
        <v>0</v>
      </c>
      <c r="M2836" s="166">
        <v>0</v>
      </c>
      <c r="N2836" s="166">
        <v>0</v>
      </c>
      <c r="O2836" s="166">
        <v>0</v>
      </c>
      <c r="P2836" s="166">
        <v>0</v>
      </c>
      <c r="Q2836" s="166">
        <v>0</v>
      </c>
      <c r="R2836" s="166">
        <v>0</v>
      </c>
      <c r="S2836" s="166">
        <v>0</v>
      </c>
      <c r="T2836" s="166">
        <v>0</v>
      </c>
      <c r="U2836" s="166">
        <v>0</v>
      </c>
      <c r="V2836" s="166">
        <v>0</v>
      </c>
      <c r="W2836" s="166">
        <v>0</v>
      </c>
      <c r="X2836" s="166">
        <v>0</v>
      </c>
      <c r="Y2836" s="166">
        <v>0</v>
      </c>
      <c r="Z2836" s="166">
        <v>0</v>
      </c>
      <c r="AA2836" s="166">
        <v>0</v>
      </c>
      <c r="AB2836" s="166">
        <v>0</v>
      </c>
      <c r="AC2836" s="166">
        <v>0</v>
      </c>
      <c r="AD2836" s="166">
        <v>0</v>
      </c>
      <c r="AE2836" s="166">
        <v>0</v>
      </c>
      <c r="AF2836" s="166">
        <v>0</v>
      </c>
      <c r="AG2836" s="166">
        <v>0</v>
      </c>
      <c r="AH2836" s="166">
        <v>0</v>
      </c>
      <c r="AI2836" s="166">
        <v>0</v>
      </c>
      <c r="AJ2836" s="166">
        <v>0</v>
      </c>
      <c r="AK2836" s="166">
        <v>0</v>
      </c>
      <c r="AL2836" s="166">
        <v>0</v>
      </c>
      <c r="AM2836" s="166">
        <v>0</v>
      </c>
      <c r="AN2836" s="166">
        <v>0</v>
      </c>
      <c r="AO2836" s="166">
        <v>0</v>
      </c>
      <c r="AP2836" s="166">
        <v>0</v>
      </c>
      <c r="AQ2836" s="166">
        <v>0</v>
      </c>
      <c r="AR2836" s="166">
        <v>0</v>
      </c>
      <c r="AS2836" s="166">
        <v>0</v>
      </c>
      <c r="AT2836" s="166">
        <v>0</v>
      </c>
      <c r="AU2836" s="166">
        <v>0</v>
      </c>
      <c r="AV2836" s="166">
        <v>0</v>
      </c>
      <c r="AW2836" s="166">
        <v>0</v>
      </c>
      <c r="AX2836" s="166">
        <v>0</v>
      </c>
      <c r="AY2836" s="166">
        <v>0</v>
      </c>
      <c r="AZ2836" s="166">
        <v>0</v>
      </c>
      <c r="BA2836" s="166">
        <v>0</v>
      </c>
      <c r="BB2836" s="166">
        <v>0</v>
      </c>
      <c r="BC2836" s="166">
        <v>0</v>
      </c>
      <c r="BD2836" s="166">
        <v>0</v>
      </c>
      <c r="BE2836" s="166">
        <v>0</v>
      </c>
      <c r="BF2836" s="166">
        <v>0</v>
      </c>
      <c r="BG2836" s="166">
        <v>0</v>
      </c>
      <c r="BH2836" s="166">
        <v>0</v>
      </c>
      <c r="BI2836" s="166">
        <v>0</v>
      </c>
      <c r="BJ2836" s="166">
        <v>0</v>
      </c>
      <c r="BK2836" s="166">
        <v>0</v>
      </c>
      <c r="BL2836" s="166">
        <v>0</v>
      </c>
      <c r="BM2836" s="166">
        <v>0</v>
      </c>
      <c r="BN2836" s="166">
        <v>0</v>
      </c>
      <c r="BO2836" s="166">
        <v>0</v>
      </c>
      <c r="BP2836" s="166">
        <v>0</v>
      </c>
      <c r="BQ2836" s="166">
        <v>0</v>
      </c>
      <c r="BR2836" s="166">
        <v>0</v>
      </c>
      <c r="BS2836" s="166">
        <v>0</v>
      </c>
      <c r="BT2836" s="168">
        <v>0</v>
      </c>
      <c r="BU2836" s="166">
        <v>0</v>
      </c>
      <c r="BV2836" s="166">
        <v>0</v>
      </c>
      <c r="BW2836" s="166">
        <v>0</v>
      </c>
      <c r="BX2836" s="166">
        <v>0</v>
      </c>
      <c r="BY2836" s="166">
        <v>0</v>
      </c>
      <c r="BZ2836" s="166">
        <v>0</v>
      </c>
      <c r="CA2836" s="166">
        <v>0</v>
      </c>
      <c r="CB2836" s="166">
        <v>0</v>
      </c>
      <c r="CC2836" s="166">
        <v>0</v>
      </c>
      <c r="CD2836" s="166">
        <v>0</v>
      </c>
      <c r="CE2836" s="166">
        <v>0</v>
      </c>
      <c r="CF2836" s="166">
        <v>0</v>
      </c>
      <c r="CG2836" s="166">
        <v>0</v>
      </c>
      <c r="CH2836" s="166">
        <v>0</v>
      </c>
      <c r="CI2836" s="166">
        <v>0</v>
      </c>
      <c r="CJ2836" s="166">
        <v>0</v>
      </c>
      <c r="CK2836" s="166">
        <v>0</v>
      </c>
      <c r="CL2836" s="166">
        <v>0</v>
      </c>
      <c r="CM2836" s="166">
        <v>0</v>
      </c>
      <c r="CN2836" s="166">
        <v>0</v>
      </c>
      <c r="CO2836" s="166">
        <v>0</v>
      </c>
      <c r="CP2836" s="166">
        <v>0</v>
      </c>
      <c r="CQ2836" s="166">
        <v>0</v>
      </c>
      <c r="CR2836" s="166">
        <v>0</v>
      </c>
      <c r="CS2836" s="166">
        <v>0</v>
      </c>
      <c r="CT2836" s="166">
        <v>0</v>
      </c>
      <c r="CU2836" s="166">
        <v>0</v>
      </c>
      <c r="CV2836" s="166">
        <v>0</v>
      </c>
      <c r="CW2836" s="166">
        <v>0</v>
      </c>
      <c r="CX2836" s="166">
        <v>0</v>
      </c>
      <c r="CY2836" s="166">
        <v>0</v>
      </c>
      <c r="CZ2836" s="166">
        <v>0</v>
      </c>
    </row>
    <row r="2837" spans="1:104" x14ac:dyDescent="0.2">
      <c r="A2837" s="167" t="s">
        <v>124</v>
      </c>
      <c r="B2837" s="166">
        <v>0</v>
      </c>
      <c r="C2837" s="166">
        <v>0</v>
      </c>
      <c r="D2837" s="166">
        <v>0</v>
      </c>
      <c r="E2837" s="166">
        <v>0</v>
      </c>
      <c r="F2837" s="166">
        <v>0</v>
      </c>
      <c r="G2837" s="166">
        <v>0</v>
      </c>
      <c r="H2837" s="166">
        <v>0</v>
      </c>
      <c r="I2837" s="166">
        <v>0</v>
      </c>
      <c r="J2837" s="166">
        <v>0</v>
      </c>
      <c r="K2837" s="166">
        <v>0</v>
      </c>
      <c r="L2837" s="166">
        <v>0</v>
      </c>
      <c r="M2837" s="166">
        <v>0</v>
      </c>
      <c r="N2837" s="166">
        <v>0</v>
      </c>
      <c r="O2837" s="166">
        <v>0</v>
      </c>
      <c r="P2837" s="166">
        <v>0</v>
      </c>
      <c r="Q2837" s="166">
        <v>0</v>
      </c>
      <c r="R2837" s="166">
        <v>0</v>
      </c>
      <c r="S2837" s="166">
        <v>0</v>
      </c>
      <c r="T2837" s="166">
        <v>0</v>
      </c>
      <c r="U2837" s="166">
        <v>0</v>
      </c>
      <c r="V2837" s="166">
        <v>0</v>
      </c>
      <c r="W2837" s="166">
        <v>0</v>
      </c>
      <c r="X2837" s="166">
        <v>0</v>
      </c>
      <c r="Y2837" s="166">
        <v>0</v>
      </c>
      <c r="Z2837" s="166">
        <v>0</v>
      </c>
      <c r="AA2837" s="166">
        <v>0</v>
      </c>
      <c r="AB2837" s="166">
        <v>0</v>
      </c>
      <c r="AC2837" s="166">
        <v>0</v>
      </c>
      <c r="AD2837" s="166">
        <v>0</v>
      </c>
      <c r="AE2837" s="166">
        <v>0</v>
      </c>
      <c r="AF2837" s="166">
        <v>0</v>
      </c>
      <c r="AG2837" s="166">
        <v>0</v>
      </c>
      <c r="AH2837" s="166">
        <v>0</v>
      </c>
      <c r="AI2837" s="166">
        <v>0</v>
      </c>
      <c r="AJ2837" s="166">
        <v>0</v>
      </c>
      <c r="AK2837" s="166">
        <v>0</v>
      </c>
      <c r="AL2837" s="166">
        <v>0</v>
      </c>
      <c r="AM2837" s="166">
        <v>0</v>
      </c>
      <c r="AN2837" s="166">
        <v>0</v>
      </c>
      <c r="AO2837" s="166">
        <v>0</v>
      </c>
      <c r="AP2837" s="166">
        <v>0</v>
      </c>
      <c r="AQ2837" s="166">
        <v>0</v>
      </c>
      <c r="AR2837" s="166">
        <v>0</v>
      </c>
      <c r="AS2837" s="166">
        <v>0</v>
      </c>
      <c r="AT2837" s="166">
        <v>0</v>
      </c>
      <c r="AU2837" s="166">
        <v>0</v>
      </c>
      <c r="AV2837" s="166">
        <v>0</v>
      </c>
      <c r="AW2837" s="166">
        <v>0</v>
      </c>
      <c r="AX2837" s="166">
        <v>0</v>
      </c>
      <c r="AY2837" s="166">
        <v>0</v>
      </c>
      <c r="AZ2837" s="166">
        <v>0</v>
      </c>
      <c r="BA2837" s="166">
        <v>0</v>
      </c>
      <c r="BB2837" s="166">
        <v>0</v>
      </c>
      <c r="BC2837" s="166">
        <v>0</v>
      </c>
      <c r="BD2837" s="166">
        <v>0</v>
      </c>
      <c r="BE2837" s="166">
        <v>0</v>
      </c>
      <c r="BF2837" s="166">
        <v>0</v>
      </c>
      <c r="BG2837" s="166">
        <v>0</v>
      </c>
      <c r="BH2837" s="166">
        <v>0</v>
      </c>
      <c r="BI2837" s="166">
        <v>0</v>
      </c>
      <c r="BJ2837" s="166">
        <v>0</v>
      </c>
      <c r="BK2837" s="166">
        <v>0</v>
      </c>
      <c r="BL2837" s="166">
        <v>0</v>
      </c>
      <c r="BM2837" s="166">
        <v>0</v>
      </c>
      <c r="BN2837" s="166">
        <v>0</v>
      </c>
      <c r="BO2837" s="166">
        <v>0</v>
      </c>
      <c r="BP2837" s="166">
        <v>0</v>
      </c>
      <c r="BQ2837" s="166">
        <v>0</v>
      </c>
      <c r="BR2837" s="166">
        <v>0</v>
      </c>
      <c r="BS2837" s="166">
        <v>0</v>
      </c>
      <c r="BT2837" s="168">
        <v>0</v>
      </c>
      <c r="BU2837" s="166">
        <v>0</v>
      </c>
      <c r="BV2837" s="166">
        <v>0</v>
      </c>
      <c r="BW2837" s="166">
        <v>0</v>
      </c>
      <c r="BX2837" s="166">
        <v>0</v>
      </c>
      <c r="BY2837" s="166">
        <v>0</v>
      </c>
      <c r="BZ2837" s="166">
        <v>0</v>
      </c>
      <c r="CA2837" s="166">
        <v>0</v>
      </c>
      <c r="CB2837" s="166">
        <v>0</v>
      </c>
      <c r="CC2837" s="166">
        <v>0</v>
      </c>
      <c r="CD2837" s="166">
        <v>0</v>
      </c>
      <c r="CE2837" s="166">
        <v>0</v>
      </c>
      <c r="CF2837" s="166">
        <v>0</v>
      </c>
      <c r="CG2837" s="166">
        <v>0</v>
      </c>
      <c r="CH2837" s="166">
        <v>0</v>
      </c>
      <c r="CI2837" s="166">
        <v>0</v>
      </c>
      <c r="CJ2837" s="166">
        <v>0</v>
      </c>
      <c r="CK2837" s="166">
        <v>0</v>
      </c>
      <c r="CL2837" s="166">
        <v>0</v>
      </c>
      <c r="CM2837" s="166">
        <v>0</v>
      </c>
      <c r="CN2837" s="166">
        <v>0</v>
      </c>
      <c r="CO2837" s="166">
        <v>0</v>
      </c>
      <c r="CP2837" s="166">
        <v>0</v>
      </c>
      <c r="CQ2837" s="166">
        <v>0</v>
      </c>
      <c r="CR2837" s="166">
        <v>0</v>
      </c>
      <c r="CS2837" s="166">
        <v>0</v>
      </c>
      <c r="CT2837" s="166">
        <v>0</v>
      </c>
      <c r="CU2837" s="166">
        <v>0</v>
      </c>
      <c r="CV2837" s="166">
        <v>0</v>
      </c>
      <c r="CW2837" s="166">
        <v>0</v>
      </c>
      <c r="CX2837" s="166">
        <v>0</v>
      </c>
      <c r="CY2837" s="166">
        <v>0</v>
      </c>
      <c r="CZ2837" s="166">
        <v>0</v>
      </c>
    </row>
    <row r="2838" spans="1:104" x14ac:dyDescent="0.2">
      <c r="A2838" s="167" t="s">
        <v>125</v>
      </c>
      <c r="B2838" s="166">
        <v>0</v>
      </c>
      <c r="C2838" s="166">
        <v>0</v>
      </c>
      <c r="D2838" s="166">
        <v>0</v>
      </c>
      <c r="E2838" s="166">
        <v>0</v>
      </c>
      <c r="F2838" s="166">
        <v>0</v>
      </c>
      <c r="G2838" s="166">
        <v>0</v>
      </c>
      <c r="H2838" s="166">
        <v>0</v>
      </c>
      <c r="I2838" s="166">
        <v>0</v>
      </c>
      <c r="J2838" s="166">
        <v>0</v>
      </c>
      <c r="K2838" s="166">
        <v>0</v>
      </c>
      <c r="L2838" s="166">
        <v>0</v>
      </c>
      <c r="M2838" s="166">
        <v>0</v>
      </c>
      <c r="N2838" s="166">
        <v>0</v>
      </c>
      <c r="O2838" s="166">
        <v>0</v>
      </c>
      <c r="P2838" s="166">
        <v>0</v>
      </c>
      <c r="Q2838" s="166">
        <v>0</v>
      </c>
      <c r="R2838" s="166">
        <v>0</v>
      </c>
      <c r="S2838" s="166">
        <v>0</v>
      </c>
      <c r="T2838" s="166">
        <v>0</v>
      </c>
      <c r="U2838" s="166">
        <v>0</v>
      </c>
      <c r="V2838" s="166">
        <v>0</v>
      </c>
      <c r="W2838" s="166">
        <v>0</v>
      </c>
      <c r="X2838" s="166">
        <v>0</v>
      </c>
      <c r="Y2838" s="166">
        <v>0</v>
      </c>
      <c r="Z2838" s="166">
        <v>0</v>
      </c>
      <c r="AA2838" s="166">
        <v>0</v>
      </c>
      <c r="AB2838" s="166">
        <v>0</v>
      </c>
      <c r="AC2838" s="166">
        <v>0</v>
      </c>
      <c r="AD2838" s="166">
        <v>0</v>
      </c>
      <c r="AE2838" s="166">
        <v>0</v>
      </c>
      <c r="AF2838" s="166">
        <v>0</v>
      </c>
      <c r="AG2838" s="166">
        <v>0</v>
      </c>
      <c r="AH2838" s="166">
        <v>0</v>
      </c>
      <c r="AI2838" s="166">
        <v>0</v>
      </c>
      <c r="AJ2838" s="166">
        <v>0</v>
      </c>
      <c r="AK2838" s="166">
        <v>0</v>
      </c>
      <c r="AL2838" s="166">
        <v>0</v>
      </c>
      <c r="AM2838" s="166">
        <v>0</v>
      </c>
      <c r="AN2838" s="166">
        <v>0</v>
      </c>
      <c r="AO2838" s="166">
        <v>0</v>
      </c>
      <c r="AP2838" s="166">
        <v>0</v>
      </c>
      <c r="AQ2838" s="166">
        <v>0</v>
      </c>
      <c r="AR2838" s="166">
        <v>0</v>
      </c>
      <c r="AS2838" s="166">
        <v>0</v>
      </c>
      <c r="AT2838" s="166">
        <v>0</v>
      </c>
      <c r="AU2838" s="166">
        <v>0</v>
      </c>
      <c r="AV2838" s="166">
        <v>0</v>
      </c>
      <c r="AW2838" s="166">
        <v>0</v>
      </c>
      <c r="AX2838" s="166">
        <v>0</v>
      </c>
      <c r="AY2838" s="166">
        <v>0</v>
      </c>
      <c r="AZ2838" s="166">
        <v>0</v>
      </c>
      <c r="BA2838" s="166">
        <v>0</v>
      </c>
      <c r="BB2838" s="166">
        <v>0</v>
      </c>
      <c r="BC2838" s="166">
        <v>0</v>
      </c>
      <c r="BD2838" s="166">
        <v>0</v>
      </c>
      <c r="BE2838" s="166">
        <v>0</v>
      </c>
      <c r="BF2838" s="166">
        <v>0</v>
      </c>
      <c r="BG2838" s="166">
        <v>0</v>
      </c>
      <c r="BH2838" s="166">
        <v>0</v>
      </c>
      <c r="BI2838" s="166">
        <v>0</v>
      </c>
      <c r="BJ2838" s="166">
        <v>0</v>
      </c>
      <c r="BK2838" s="166">
        <v>0</v>
      </c>
      <c r="BL2838" s="166">
        <v>0</v>
      </c>
      <c r="BM2838" s="166">
        <v>0</v>
      </c>
      <c r="BN2838" s="166">
        <v>0</v>
      </c>
      <c r="BO2838" s="166">
        <v>0</v>
      </c>
      <c r="BP2838" s="166">
        <v>0</v>
      </c>
      <c r="BQ2838" s="166">
        <v>0</v>
      </c>
      <c r="BR2838" s="166">
        <v>0</v>
      </c>
      <c r="BS2838" s="166">
        <v>0</v>
      </c>
      <c r="BT2838" s="168">
        <v>0</v>
      </c>
      <c r="BU2838" s="166">
        <v>0</v>
      </c>
      <c r="BV2838" s="166">
        <v>0</v>
      </c>
      <c r="BW2838" s="166">
        <v>0</v>
      </c>
      <c r="BX2838" s="166">
        <v>0</v>
      </c>
      <c r="BY2838" s="166">
        <v>0</v>
      </c>
      <c r="BZ2838" s="166">
        <v>0</v>
      </c>
      <c r="CA2838" s="166">
        <v>0</v>
      </c>
      <c r="CB2838" s="166">
        <v>0</v>
      </c>
      <c r="CC2838" s="166">
        <v>0</v>
      </c>
      <c r="CD2838" s="166">
        <v>0</v>
      </c>
      <c r="CE2838" s="166">
        <v>0</v>
      </c>
      <c r="CF2838" s="166">
        <v>0</v>
      </c>
      <c r="CG2838" s="166">
        <v>0</v>
      </c>
      <c r="CH2838" s="166">
        <v>0</v>
      </c>
      <c r="CI2838" s="166">
        <v>0</v>
      </c>
      <c r="CJ2838" s="166">
        <v>0</v>
      </c>
      <c r="CK2838" s="166">
        <v>0</v>
      </c>
      <c r="CL2838" s="166">
        <v>0</v>
      </c>
      <c r="CM2838" s="166">
        <v>0</v>
      </c>
      <c r="CN2838" s="166">
        <v>0</v>
      </c>
      <c r="CO2838" s="166">
        <v>0</v>
      </c>
      <c r="CP2838" s="166">
        <v>0</v>
      </c>
      <c r="CQ2838" s="166">
        <v>0</v>
      </c>
      <c r="CR2838" s="166">
        <v>0</v>
      </c>
      <c r="CS2838" s="166">
        <v>0</v>
      </c>
      <c r="CT2838" s="166">
        <v>0</v>
      </c>
      <c r="CU2838" s="166">
        <v>0</v>
      </c>
      <c r="CV2838" s="166">
        <v>0</v>
      </c>
      <c r="CW2838" s="166">
        <v>0</v>
      </c>
      <c r="CX2838" s="166">
        <v>0</v>
      </c>
      <c r="CY2838" s="166">
        <v>0</v>
      </c>
      <c r="CZ2838" s="166">
        <v>0</v>
      </c>
    </row>
    <row r="2839" spans="1:104" x14ac:dyDescent="0.2">
      <c r="A2839" s="167" t="s">
        <v>126</v>
      </c>
      <c r="B2839" s="166">
        <v>0</v>
      </c>
      <c r="C2839" s="166">
        <v>0</v>
      </c>
      <c r="D2839" s="166">
        <v>0</v>
      </c>
      <c r="E2839" s="166">
        <v>0</v>
      </c>
      <c r="F2839" s="166">
        <v>0</v>
      </c>
      <c r="G2839" s="166">
        <v>0</v>
      </c>
      <c r="H2839" s="166">
        <v>0</v>
      </c>
      <c r="I2839" s="166">
        <v>0</v>
      </c>
      <c r="J2839" s="166">
        <v>0</v>
      </c>
      <c r="K2839" s="166">
        <v>0</v>
      </c>
      <c r="L2839" s="166">
        <v>0</v>
      </c>
      <c r="M2839" s="166">
        <v>0</v>
      </c>
      <c r="N2839" s="166">
        <v>0</v>
      </c>
      <c r="O2839" s="166">
        <v>0</v>
      </c>
      <c r="P2839" s="166">
        <v>0</v>
      </c>
      <c r="Q2839" s="166">
        <v>0</v>
      </c>
      <c r="R2839" s="166">
        <v>0</v>
      </c>
      <c r="S2839" s="166">
        <v>0</v>
      </c>
      <c r="T2839" s="166">
        <v>0</v>
      </c>
      <c r="U2839" s="166">
        <v>0</v>
      </c>
      <c r="V2839" s="166">
        <v>0</v>
      </c>
      <c r="W2839" s="166">
        <v>0</v>
      </c>
      <c r="X2839" s="166">
        <v>0</v>
      </c>
      <c r="Y2839" s="166">
        <v>0</v>
      </c>
      <c r="Z2839" s="166">
        <v>0</v>
      </c>
      <c r="AA2839" s="166">
        <v>0</v>
      </c>
      <c r="AB2839" s="166">
        <v>0</v>
      </c>
      <c r="AC2839" s="166">
        <v>0</v>
      </c>
      <c r="AD2839" s="166">
        <v>0</v>
      </c>
      <c r="AE2839" s="166">
        <v>0</v>
      </c>
      <c r="AF2839" s="166">
        <v>0</v>
      </c>
      <c r="AG2839" s="166">
        <v>0</v>
      </c>
      <c r="AH2839" s="166">
        <v>0</v>
      </c>
      <c r="AI2839" s="166">
        <v>0</v>
      </c>
      <c r="AJ2839" s="166">
        <v>0</v>
      </c>
      <c r="AK2839" s="166">
        <v>0</v>
      </c>
      <c r="AL2839" s="166">
        <v>0</v>
      </c>
      <c r="AM2839" s="166">
        <v>0</v>
      </c>
      <c r="AN2839" s="166">
        <v>0</v>
      </c>
      <c r="AO2839" s="166">
        <v>0</v>
      </c>
      <c r="AP2839" s="166">
        <v>0</v>
      </c>
      <c r="AQ2839" s="166">
        <v>0</v>
      </c>
      <c r="AR2839" s="166">
        <v>0</v>
      </c>
      <c r="AS2839" s="166">
        <v>0</v>
      </c>
      <c r="AT2839" s="166">
        <v>0</v>
      </c>
      <c r="AU2839" s="166">
        <v>0</v>
      </c>
      <c r="AV2839" s="166">
        <v>0</v>
      </c>
      <c r="AW2839" s="166">
        <v>0</v>
      </c>
      <c r="AX2839" s="166">
        <v>0</v>
      </c>
      <c r="AY2839" s="166">
        <v>0</v>
      </c>
      <c r="AZ2839" s="166">
        <v>0</v>
      </c>
      <c r="BA2839" s="166">
        <v>0</v>
      </c>
      <c r="BB2839" s="166">
        <v>0</v>
      </c>
      <c r="BC2839" s="166">
        <v>0</v>
      </c>
      <c r="BD2839" s="166">
        <v>0</v>
      </c>
      <c r="BE2839" s="166">
        <v>0</v>
      </c>
      <c r="BF2839" s="166">
        <v>0</v>
      </c>
      <c r="BG2839" s="166">
        <v>0</v>
      </c>
      <c r="BH2839" s="166">
        <v>0</v>
      </c>
      <c r="BI2839" s="166">
        <v>0</v>
      </c>
      <c r="BJ2839" s="166">
        <v>0</v>
      </c>
      <c r="BK2839" s="166">
        <v>0</v>
      </c>
      <c r="BL2839" s="166">
        <v>0</v>
      </c>
      <c r="BM2839" s="166">
        <v>0</v>
      </c>
      <c r="BN2839" s="166">
        <v>0</v>
      </c>
      <c r="BO2839" s="166">
        <v>0</v>
      </c>
      <c r="BP2839" s="166">
        <v>0</v>
      </c>
      <c r="BQ2839" s="166">
        <v>0</v>
      </c>
      <c r="BR2839" s="166">
        <v>0</v>
      </c>
      <c r="BS2839" s="166">
        <v>0</v>
      </c>
      <c r="BT2839" s="168">
        <v>0</v>
      </c>
      <c r="BU2839" s="166">
        <v>0</v>
      </c>
      <c r="BV2839" s="166">
        <v>0</v>
      </c>
      <c r="BW2839" s="166">
        <v>0</v>
      </c>
      <c r="BX2839" s="166">
        <v>0</v>
      </c>
      <c r="BY2839" s="166">
        <v>0</v>
      </c>
      <c r="BZ2839" s="166">
        <v>0</v>
      </c>
      <c r="CA2839" s="166">
        <v>0</v>
      </c>
      <c r="CB2839" s="166">
        <v>0</v>
      </c>
      <c r="CC2839" s="166">
        <v>0</v>
      </c>
      <c r="CD2839" s="166">
        <v>0</v>
      </c>
      <c r="CE2839" s="166">
        <v>0</v>
      </c>
      <c r="CF2839" s="166">
        <v>0</v>
      </c>
      <c r="CG2839" s="166">
        <v>0</v>
      </c>
      <c r="CH2839" s="166">
        <v>0</v>
      </c>
      <c r="CI2839" s="166">
        <v>0</v>
      </c>
      <c r="CJ2839" s="166">
        <v>0</v>
      </c>
      <c r="CK2839" s="166">
        <v>0</v>
      </c>
      <c r="CL2839" s="166">
        <v>0</v>
      </c>
      <c r="CM2839" s="166">
        <v>0</v>
      </c>
      <c r="CN2839" s="166">
        <v>0</v>
      </c>
      <c r="CO2839" s="166">
        <v>0</v>
      </c>
      <c r="CP2839" s="166">
        <v>0</v>
      </c>
      <c r="CQ2839" s="166">
        <v>0</v>
      </c>
      <c r="CR2839" s="166">
        <v>0</v>
      </c>
      <c r="CS2839" s="166">
        <v>0</v>
      </c>
      <c r="CT2839" s="166">
        <v>0</v>
      </c>
      <c r="CU2839" s="166">
        <v>0</v>
      </c>
      <c r="CV2839" s="166">
        <v>0</v>
      </c>
      <c r="CW2839" s="166">
        <v>0</v>
      </c>
      <c r="CX2839" s="166">
        <v>0</v>
      </c>
      <c r="CY2839" s="166">
        <v>0</v>
      </c>
      <c r="CZ2839" s="166">
        <v>0</v>
      </c>
    </row>
    <row r="2840" spans="1:104" x14ac:dyDescent="0.2">
      <c r="A2840" s="167" t="s">
        <v>127</v>
      </c>
      <c r="B2840" s="166">
        <v>0</v>
      </c>
      <c r="C2840" s="166">
        <v>0</v>
      </c>
      <c r="D2840" s="166">
        <v>0</v>
      </c>
      <c r="E2840" s="166">
        <v>0</v>
      </c>
      <c r="F2840" s="166">
        <v>0</v>
      </c>
      <c r="G2840" s="166">
        <v>0</v>
      </c>
      <c r="H2840" s="166">
        <v>0</v>
      </c>
      <c r="I2840" s="166">
        <v>0</v>
      </c>
      <c r="J2840" s="166">
        <v>0</v>
      </c>
      <c r="K2840" s="166">
        <v>0</v>
      </c>
      <c r="L2840" s="166">
        <v>0</v>
      </c>
      <c r="M2840" s="166">
        <v>0</v>
      </c>
      <c r="N2840" s="166">
        <v>0</v>
      </c>
      <c r="O2840" s="166">
        <v>0</v>
      </c>
      <c r="P2840" s="166">
        <v>0</v>
      </c>
      <c r="Q2840" s="166">
        <v>0</v>
      </c>
      <c r="R2840" s="166">
        <v>0</v>
      </c>
      <c r="S2840" s="166">
        <v>0</v>
      </c>
      <c r="T2840" s="166">
        <v>0</v>
      </c>
      <c r="U2840" s="166">
        <v>0</v>
      </c>
      <c r="V2840" s="166">
        <v>0</v>
      </c>
      <c r="W2840" s="166">
        <v>0</v>
      </c>
      <c r="X2840" s="166">
        <v>0</v>
      </c>
      <c r="Y2840" s="166">
        <v>0</v>
      </c>
      <c r="Z2840" s="166">
        <v>0</v>
      </c>
      <c r="AA2840" s="166">
        <v>0</v>
      </c>
      <c r="AB2840" s="166">
        <v>0</v>
      </c>
      <c r="AC2840" s="166">
        <v>0</v>
      </c>
      <c r="AD2840" s="166">
        <v>0</v>
      </c>
      <c r="AE2840" s="166">
        <v>0</v>
      </c>
      <c r="AF2840" s="166">
        <v>0</v>
      </c>
      <c r="AG2840" s="166">
        <v>0</v>
      </c>
      <c r="AH2840" s="166">
        <v>0</v>
      </c>
      <c r="AI2840" s="166">
        <v>0</v>
      </c>
      <c r="AJ2840" s="166">
        <v>0</v>
      </c>
      <c r="AK2840" s="166">
        <v>0</v>
      </c>
      <c r="AL2840" s="166">
        <v>0</v>
      </c>
      <c r="AM2840" s="166">
        <v>0</v>
      </c>
      <c r="AN2840" s="166">
        <v>0</v>
      </c>
      <c r="AO2840" s="166">
        <v>0</v>
      </c>
      <c r="AP2840" s="166">
        <v>0</v>
      </c>
      <c r="AQ2840" s="166">
        <v>0</v>
      </c>
      <c r="AR2840" s="166">
        <v>0</v>
      </c>
      <c r="AS2840" s="166">
        <v>0</v>
      </c>
      <c r="AT2840" s="166">
        <v>0</v>
      </c>
      <c r="AU2840" s="166">
        <v>0</v>
      </c>
      <c r="AV2840" s="166">
        <v>0</v>
      </c>
      <c r="AW2840" s="166">
        <v>0</v>
      </c>
      <c r="AX2840" s="166">
        <v>0</v>
      </c>
      <c r="AY2840" s="166">
        <v>0</v>
      </c>
      <c r="AZ2840" s="166">
        <v>0</v>
      </c>
      <c r="BA2840" s="166">
        <v>0</v>
      </c>
      <c r="BB2840" s="166">
        <v>0</v>
      </c>
      <c r="BC2840" s="166">
        <v>0</v>
      </c>
      <c r="BD2840" s="166">
        <v>0</v>
      </c>
      <c r="BE2840" s="166">
        <v>0</v>
      </c>
      <c r="BF2840" s="166">
        <v>0</v>
      </c>
      <c r="BG2840" s="166">
        <v>0</v>
      </c>
      <c r="BH2840" s="166">
        <v>0</v>
      </c>
      <c r="BI2840" s="166">
        <v>0</v>
      </c>
      <c r="BJ2840" s="166">
        <v>0</v>
      </c>
      <c r="BK2840" s="166">
        <v>0</v>
      </c>
      <c r="BL2840" s="166">
        <v>0</v>
      </c>
      <c r="BM2840" s="166">
        <v>0</v>
      </c>
      <c r="BN2840" s="166">
        <v>0</v>
      </c>
      <c r="BO2840" s="166">
        <v>0</v>
      </c>
      <c r="BP2840" s="166">
        <v>0</v>
      </c>
      <c r="BQ2840" s="166">
        <v>0</v>
      </c>
      <c r="BR2840" s="166">
        <v>0</v>
      </c>
      <c r="BS2840" s="166">
        <v>0</v>
      </c>
      <c r="BT2840" s="168">
        <v>0</v>
      </c>
      <c r="BU2840" s="166">
        <v>0</v>
      </c>
      <c r="BV2840" s="166">
        <v>0</v>
      </c>
      <c r="BW2840" s="166">
        <v>0</v>
      </c>
      <c r="BX2840" s="166">
        <v>0</v>
      </c>
      <c r="BY2840" s="166">
        <v>0</v>
      </c>
      <c r="BZ2840" s="166">
        <v>0</v>
      </c>
      <c r="CA2840" s="166">
        <v>0</v>
      </c>
      <c r="CB2840" s="166">
        <v>0</v>
      </c>
      <c r="CC2840" s="166">
        <v>0</v>
      </c>
      <c r="CD2840" s="166">
        <v>0</v>
      </c>
      <c r="CE2840" s="166">
        <v>0</v>
      </c>
      <c r="CF2840" s="166">
        <v>0</v>
      </c>
      <c r="CG2840" s="166">
        <v>0</v>
      </c>
      <c r="CH2840" s="166">
        <v>0</v>
      </c>
      <c r="CI2840" s="166">
        <v>0</v>
      </c>
      <c r="CJ2840" s="166">
        <v>0</v>
      </c>
      <c r="CK2840" s="166">
        <v>0</v>
      </c>
      <c r="CL2840" s="166">
        <v>0</v>
      </c>
      <c r="CM2840" s="166">
        <v>0</v>
      </c>
      <c r="CN2840" s="166">
        <v>0</v>
      </c>
      <c r="CO2840" s="166">
        <v>0</v>
      </c>
      <c r="CP2840" s="166">
        <v>0</v>
      </c>
      <c r="CQ2840" s="166">
        <v>0</v>
      </c>
      <c r="CR2840" s="166">
        <v>0</v>
      </c>
      <c r="CS2840" s="166">
        <v>0</v>
      </c>
      <c r="CT2840" s="166">
        <v>0</v>
      </c>
      <c r="CU2840" s="166">
        <v>0</v>
      </c>
      <c r="CV2840" s="166">
        <v>0</v>
      </c>
      <c r="CW2840" s="166">
        <v>0</v>
      </c>
      <c r="CX2840" s="166">
        <v>0</v>
      </c>
      <c r="CY2840" s="166">
        <v>0</v>
      </c>
      <c r="CZ2840" s="166">
        <v>0</v>
      </c>
    </row>
    <row r="2841" spans="1:104" x14ac:dyDescent="0.2">
      <c r="A2841" s="167" t="s">
        <v>128</v>
      </c>
      <c r="B2841" s="166">
        <v>0</v>
      </c>
      <c r="C2841" s="166">
        <v>19491111448.341599</v>
      </c>
      <c r="D2841" s="166">
        <v>0</v>
      </c>
      <c r="E2841" s="166">
        <v>0</v>
      </c>
      <c r="F2841" s="166">
        <v>0</v>
      </c>
      <c r="G2841" s="166">
        <v>0</v>
      </c>
      <c r="H2841" s="166">
        <v>0</v>
      </c>
      <c r="I2841" s="166">
        <v>0</v>
      </c>
      <c r="J2841" s="166">
        <v>0</v>
      </c>
      <c r="K2841" s="166">
        <v>0</v>
      </c>
      <c r="L2841" s="166">
        <v>0</v>
      </c>
      <c r="M2841" s="166">
        <v>0</v>
      </c>
      <c r="N2841" s="166">
        <v>0</v>
      </c>
      <c r="O2841" s="166">
        <v>0</v>
      </c>
      <c r="P2841" s="166">
        <v>0</v>
      </c>
      <c r="Q2841" s="166">
        <v>0</v>
      </c>
      <c r="R2841" s="166">
        <v>0</v>
      </c>
      <c r="S2841" s="166">
        <v>0</v>
      </c>
      <c r="T2841" s="166">
        <v>0</v>
      </c>
      <c r="U2841" s="166">
        <v>0</v>
      </c>
      <c r="V2841" s="166">
        <v>0</v>
      </c>
      <c r="W2841" s="166">
        <v>0</v>
      </c>
      <c r="X2841" s="166">
        <v>0</v>
      </c>
      <c r="Y2841" s="166">
        <v>0</v>
      </c>
      <c r="Z2841" s="166">
        <v>0</v>
      </c>
      <c r="AA2841" s="166">
        <v>0</v>
      </c>
      <c r="AB2841" s="166">
        <v>0</v>
      </c>
      <c r="AC2841" s="166">
        <v>0</v>
      </c>
      <c r="AD2841" s="166">
        <v>0</v>
      </c>
      <c r="AE2841" s="166">
        <v>0</v>
      </c>
      <c r="AF2841" s="166">
        <v>0</v>
      </c>
      <c r="AG2841" s="166">
        <v>0</v>
      </c>
      <c r="AH2841" s="166">
        <v>0</v>
      </c>
      <c r="AI2841" s="166">
        <v>0</v>
      </c>
      <c r="AJ2841" s="166">
        <v>0</v>
      </c>
      <c r="AK2841" s="166">
        <v>0</v>
      </c>
      <c r="AL2841" s="166">
        <v>0</v>
      </c>
      <c r="AM2841" s="166">
        <v>0</v>
      </c>
      <c r="AN2841" s="166">
        <v>0</v>
      </c>
      <c r="AO2841" s="166">
        <v>0</v>
      </c>
      <c r="AP2841" s="166">
        <v>0</v>
      </c>
      <c r="AQ2841" s="166">
        <v>0</v>
      </c>
      <c r="AR2841" s="166">
        <v>0</v>
      </c>
      <c r="AS2841" s="166">
        <v>0</v>
      </c>
      <c r="AT2841" s="166">
        <v>0</v>
      </c>
      <c r="AU2841" s="166">
        <v>0</v>
      </c>
      <c r="AV2841" s="166">
        <v>0</v>
      </c>
      <c r="AW2841" s="166">
        <v>0</v>
      </c>
      <c r="AX2841" s="166">
        <v>0</v>
      </c>
      <c r="AY2841" s="166">
        <v>0</v>
      </c>
      <c r="AZ2841" s="166">
        <v>0</v>
      </c>
      <c r="BA2841" s="166">
        <v>0</v>
      </c>
      <c r="BB2841" s="166">
        <v>0</v>
      </c>
      <c r="BC2841" s="166">
        <v>0</v>
      </c>
      <c r="BD2841" s="166">
        <v>0</v>
      </c>
      <c r="BE2841" s="166">
        <v>0</v>
      </c>
      <c r="BF2841" s="166">
        <v>0</v>
      </c>
      <c r="BG2841" s="166">
        <v>0</v>
      </c>
      <c r="BH2841" s="166">
        <v>0</v>
      </c>
      <c r="BI2841" s="166">
        <v>0</v>
      </c>
      <c r="BJ2841" s="166">
        <v>0</v>
      </c>
      <c r="BK2841" s="166">
        <v>0</v>
      </c>
      <c r="BL2841" s="166">
        <v>0</v>
      </c>
      <c r="BM2841" s="166">
        <v>0</v>
      </c>
      <c r="BN2841" s="166">
        <v>0</v>
      </c>
      <c r="BO2841" s="166">
        <v>0</v>
      </c>
      <c r="BP2841" s="166">
        <v>0</v>
      </c>
      <c r="BQ2841" s="166">
        <v>0</v>
      </c>
      <c r="BR2841" s="166">
        <v>1608506963.61481</v>
      </c>
      <c r="BS2841" s="166">
        <v>0</v>
      </c>
      <c r="BT2841" s="166">
        <v>0</v>
      </c>
      <c r="BU2841" s="166">
        <v>0</v>
      </c>
      <c r="BV2841" s="166">
        <v>0</v>
      </c>
      <c r="BW2841" s="166">
        <v>0</v>
      </c>
      <c r="BX2841" s="166">
        <v>0</v>
      </c>
      <c r="BY2841" s="166">
        <v>0</v>
      </c>
      <c r="BZ2841" s="166">
        <v>0</v>
      </c>
      <c r="CA2841" s="166">
        <v>0</v>
      </c>
      <c r="CB2841" s="166">
        <v>0</v>
      </c>
      <c r="CC2841" s="166">
        <v>0</v>
      </c>
      <c r="CD2841" s="166">
        <v>0</v>
      </c>
      <c r="CE2841" s="166">
        <v>0</v>
      </c>
      <c r="CF2841" s="166">
        <v>0</v>
      </c>
      <c r="CG2841" s="166">
        <v>0</v>
      </c>
      <c r="CH2841" s="166">
        <v>0</v>
      </c>
      <c r="CI2841" s="166">
        <v>0</v>
      </c>
      <c r="CJ2841" s="166">
        <v>0</v>
      </c>
      <c r="CK2841" s="166">
        <v>0</v>
      </c>
      <c r="CL2841" s="166">
        <v>0</v>
      </c>
      <c r="CM2841" s="166">
        <v>0</v>
      </c>
      <c r="CN2841" s="166">
        <v>0</v>
      </c>
      <c r="CO2841" s="166">
        <v>0</v>
      </c>
      <c r="CP2841" s="166">
        <v>0</v>
      </c>
      <c r="CQ2841" s="166">
        <v>0</v>
      </c>
      <c r="CR2841" s="166">
        <v>0</v>
      </c>
      <c r="CS2841" s="166">
        <v>0</v>
      </c>
      <c r="CT2841" s="166">
        <v>0</v>
      </c>
      <c r="CU2841" s="166">
        <v>0</v>
      </c>
      <c r="CV2841" s="166">
        <v>0</v>
      </c>
      <c r="CW2841" s="166">
        <v>0</v>
      </c>
      <c r="CX2841" s="166">
        <v>0</v>
      </c>
      <c r="CY2841" s="166">
        <v>0</v>
      </c>
      <c r="CZ2841" s="166">
        <v>0</v>
      </c>
    </row>
    <row r="2842" spans="1:104" x14ac:dyDescent="0.2">
      <c r="A2842" s="167" t="s">
        <v>129</v>
      </c>
    </row>
    <row r="2843" spans="1:104" x14ac:dyDescent="0.2">
      <c r="A2843" s="167" t="s">
        <v>130</v>
      </c>
    </row>
    <row r="2844" spans="1:104" ht="10.8" thickBot="1" x14ac:dyDescent="0.25">
      <c r="A2844" s="169" t="s">
        <v>131</v>
      </c>
    </row>
    <row r="2845" spans="1:104" x14ac:dyDescent="0.2">
      <c r="A2845" s="170" t="s">
        <v>132</v>
      </c>
    </row>
    <row r="2846" spans="1:104" x14ac:dyDescent="0.2">
      <c r="A2846" s="167" t="s">
        <v>133</v>
      </c>
      <c r="B2846" s="166">
        <v>11600921.169172401</v>
      </c>
      <c r="C2846" s="166">
        <v>11600921.169172401</v>
      </c>
      <c r="D2846" s="166">
        <v>0</v>
      </c>
      <c r="E2846" s="166">
        <v>0</v>
      </c>
      <c r="F2846" s="166">
        <v>0</v>
      </c>
      <c r="G2846" s="166">
        <v>0</v>
      </c>
      <c r="H2846" s="166">
        <v>0</v>
      </c>
      <c r="I2846" s="166">
        <v>0</v>
      </c>
      <c r="J2846" s="166">
        <v>0</v>
      </c>
      <c r="K2846" s="166">
        <v>0</v>
      </c>
      <c r="L2846" s="166">
        <v>0</v>
      </c>
      <c r="M2846" s="166">
        <v>0</v>
      </c>
      <c r="N2846" s="166">
        <v>0</v>
      </c>
      <c r="O2846" s="166">
        <v>0</v>
      </c>
      <c r="P2846" s="166">
        <v>0</v>
      </c>
      <c r="Q2846" s="166">
        <v>0</v>
      </c>
      <c r="R2846" s="166">
        <v>0</v>
      </c>
      <c r="S2846" s="166">
        <v>0</v>
      </c>
      <c r="T2846" s="166">
        <v>0</v>
      </c>
      <c r="U2846" s="166">
        <v>0</v>
      </c>
      <c r="V2846" s="166">
        <v>0</v>
      </c>
      <c r="W2846" s="166">
        <v>0</v>
      </c>
      <c r="X2846" s="166">
        <v>0</v>
      </c>
      <c r="Y2846" s="166">
        <v>0</v>
      </c>
      <c r="Z2846" s="166">
        <v>0</v>
      </c>
      <c r="AA2846" s="166">
        <v>0</v>
      </c>
      <c r="AB2846" s="166">
        <v>0</v>
      </c>
      <c r="AC2846" s="166">
        <v>0</v>
      </c>
      <c r="AD2846" s="166">
        <v>0</v>
      </c>
      <c r="AE2846" s="166">
        <v>0</v>
      </c>
      <c r="AF2846" s="166">
        <v>0</v>
      </c>
      <c r="AG2846" s="166">
        <v>0</v>
      </c>
      <c r="AH2846" s="166">
        <v>0</v>
      </c>
      <c r="AI2846" s="166">
        <v>0</v>
      </c>
      <c r="AJ2846" s="166">
        <v>0</v>
      </c>
      <c r="AK2846" s="166">
        <v>0</v>
      </c>
      <c r="AL2846" s="166">
        <v>0</v>
      </c>
      <c r="AM2846" s="166">
        <v>0</v>
      </c>
      <c r="AN2846" s="166">
        <v>0</v>
      </c>
      <c r="AO2846" s="166">
        <v>0</v>
      </c>
      <c r="AP2846" s="166">
        <v>0</v>
      </c>
      <c r="AQ2846" s="166">
        <v>0</v>
      </c>
      <c r="AR2846" s="166">
        <v>0</v>
      </c>
      <c r="AS2846" s="166">
        <v>0</v>
      </c>
      <c r="AT2846" s="166">
        <v>0</v>
      </c>
      <c r="AU2846" s="166">
        <v>0</v>
      </c>
      <c r="AV2846" s="166">
        <v>0</v>
      </c>
      <c r="AW2846" s="166">
        <v>0</v>
      </c>
      <c r="AX2846" s="166">
        <v>0</v>
      </c>
      <c r="AY2846" s="166">
        <v>0</v>
      </c>
      <c r="AZ2846" s="166">
        <v>0</v>
      </c>
      <c r="BA2846" s="166">
        <v>0</v>
      </c>
      <c r="BB2846" s="166">
        <v>0</v>
      </c>
      <c r="BC2846" s="166">
        <v>0</v>
      </c>
      <c r="BD2846" s="166">
        <v>0</v>
      </c>
      <c r="BE2846" s="166">
        <v>0</v>
      </c>
      <c r="BF2846" s="166">
        <v>0</v>
      </c>
      <c r="BG2846" s="166">
        <v>0</v>
      </c>
      <c r="BH2846" s="166">
        <v>0</v>
      </c>
      <c r="BI2846" s="166">
        <v>0</v>
      </c>
      <c r="BJ2846" s="166">
        <v>0</v>
      </c>
      <c r="BK2846" s="166">
        <v>0</v>
      </c>
      <c r="BL2846" s="166">
        <v>0</v>
      </c>
      <c r="BM2846" s="166">
        <v>0</v>
      </c>
      <c r="BN2846" s="166">
        <v>0</v>
      </c>
      <c r="BO2846" s="166">
        <v>0</v>
      </c>
      <c r="BP2846" s="166">
        <v>0</v>
      </c>
      <c r="BQ2846" s="166">
        <v>0</v>
      </c>
      <c r="BR2846" s="166">
        <v>11600921.169172401</v>
      </c>
      <c r="BS2846" s="166">
        <v>11600921.169172401</v>
      </c>
      <c r="BT2846" s="168">
        <v>0</v>
      </c>
      <c r="BU2846" s="166">
        <v>0</v>
      </c>
      <c r="BV2846" s="166">
        <v>0</v>
      </c>
      <c r="BW2846" s="166">
        <v>0</v>
      </c>
      <c r="BX2846" s="166">
        <v>0</v>
      </c>
      <c r="BY2846" s="166">
        <v>0</v>
      </c>
      <c r="BZ2846" s="166">
        <v>0</v>
      </c>
      <c r="CA2846" s="166">
        <v>0</v>
      </c>
      <c r="CB2846" s="166">
        <v>0</v>
      </c>
      <c r="CC2846" s="166">
        <v>0</v>
      </c>
      <c r="CD2846" s="166">
        <v>0</v>
      </c>
      <c r="CE2846" s="166">
        <v>0</v>
      </c>
      <c r="CF2846" s="166">
        <v>0</v>
      </c>
      <c r="CG2846" s="166">
        <v>0</v>
      </c>
      <c r="CH2846" s="166">
        <v>0</v>
      </c>
      <c r="CI2846" s="166">
        <v>0</v>
      </c>
      <c r="CJ2846" s="166">
        <v>0</v>
      </c>
      <c r="CK2846" s="166">
        <v>0</v>
      </c>
      <c r="CL2846" s="166">
        <v>0</v>
      </c>
      <c r="CM2846" s="166">
        <v>0</v>
      </c>
      <c r="CN2846" s="166">
        <v>0</v>
      </c>
      <c r="CO2846" s="166">
        <v>0</v>
      </c>
      <c r="CP2846" s="166">
        <v>0</v>
      </c>
      <c r="CQ2846" s="166">
        <v>0</v>
      </c>
      <c r="CR2846" s="166">
        <v>0</v>
      </c>
      <c r="CS2846" s="166">
        <v>0</v>
      </c>
      <c r="CT2846" s="166">
        <v>0</v>
      </c>
      <c r="CU2846" s="166">
        <v>0</v>
      </c>
      <c r="CV2846" s="166">
        <v>0</v>
      </c>
      <c r="CW2846" s="166">
        <v>0</v>
      </c>
      <c r="CX2846" s="166">
        <v>0</v>
      </c>
      <c r="CY2846" s="166">
        <v>0</v>
      </c>
      <c r="CZ2846" s="166">
        <v>0</v>
      </c>
    </row>
    <row r="2847" spans="1:104" x14ac:dyDescent="0.2">
      <c r="A2847" s="167" t="s">
        <v>134</v>
      </c>
      <c r="B2847" s="166">
        <v>7382344.1169610899</v>
      </c>
      <c r="C2847" s="166">
        <v>7382344.1169610899</v>
      </c>
      <c r="D2847" s="166">
        <v>0</v>
      </c>
      <c r="E2847" s="166">
        <v>0</v>
      </c>
      <c r="F2847" s="166">
        <v>0</v>
      </c>
      <c r="G2847" s="166">
        <v>0</v>
      </c>
      <c r="H2847" s="166">
        <v>0</v>
      </c>
      <c r="I2847" s="166">
        <v>0</v>
      </c>
      <c r="J2847" s="166">
        <v>0</v>
      </c>
      <c r="K2847" s="166">
        <v>0</v>
      </c>
      <c r="L2847" s="166">
        <v>0</v>
      </c>
      <c r="M2847" s="166">
        <v>0</v>
      </c>
      <c r="N2847" s="166">
        <v>0</v>
      </c>
      <c r="O2847" s="166">
        <v>0</v>
      </c>
      <c r="P2847" s="166">
        <v>0</v>
      </c>
      <c r="Q2847" s="166">
        <v>0</v>
      </c>
      <c r="R2847" s="166">
        <v>0</v>
      </c>
      <c r="S2847" s="166">
        <v>0</v>
      </c>
      <c r="T2847" s="166">
        <v>0</v>
      </c>
      <c r="U2847" s="166">
        <v>0</v>
      </c>
      <c r="V2847" s="166">
        <v>0</v>
      </c>
      <c r="W2847" s="166">
        <v>0</v>
      </c>
      <c r="X2847" s="166">
        <v>0</v>
      </c>
      <c r="Y2847" s="166">
        <v>0</v>
      </c>
      <c r="Z2847" s="166">
        <v>0</v>
      </c>
      <c r="AA2847" s="166">
        <v>0</v>
      </c>
      <c r="AB2847" s="166">
        <v>0</v>
      </c>
      <c r="AC2847" s="166">
        <v>0</v>
      </c>
      <c r="AD2847" s="166">
        <v>0</v>
      </c>
      <c r="AE2847" s="166">
        <v>0</v>
      </c>
      <c r="AF2847" s="166">
        <v>0</v>
      </c>
      <c r="AG2847" s="166">
        <v>0</v>
      </c>
      <c r="AH2847" s="166">
        <v>0</v>
      </c>
      <c r="AI2847" s="166">
        <v>0</v>
      </c>
      <c r="AJ2847" s="166">
        <v>0</v>
      </c>
      <c r="AK2847" s="166">
        <v>0</v>
      </c>
      <c r="AL2847" s="166">
        <v>0</v>
      </c>
      <c r="AM2847" s="166">
        <v>0</v>
      </c>
      <c r="AN2847" s="166">
        <v>0</v>
      </c>
      <c r="AO2847" s="166">
        <v>0</v>
      </c>
      <c r="AP2847" s="166">
        <v>0</v>
      </c>
      <c r="AQ2847" s="166">
        <v>0</v>
      </c>
      <c r="AR2847" s="166">
        <v>0</v>
      </c>
      <c r="AS2847" s="166">
        <v>0</v>
      </c>
      <c r="AT2847" s="166">
        <v>0</v>
      </c>
      <c r="AU2847" s="166">
        <v>0</v>
      </c>
      <c r="AV2847" s="166">
        <v>0</v>
      </c>
      <c r="AW2847" s="166">
        <v>0</v>
      </c>
      <c r="AX2847" s="166">
        <v>0</v>
      </c>
      <c r="AY2847" s="166">
        <v>0</v>
      </c>
      <c r="AZ2847" s="166">
        <v>0</v>
      </c>
      <c r="BA2847" s="166">
        <v>0</v>
      </c>
      <c r="BB2847" s="166">
        <v>0</v>
      </c>
      <c r="BC2847" s="166">
        <v>0</v>
      </c>
      <c r="BD2847" s="166">
        <v>0</v>
      </c>
      <c r="BE2847" s="166">
        <v>0</v>
      </c>
      <c r="BF2847" s="166">
        <v>0</v>
      </c>
      <c r="BG2847" s="166">
        <v>0</v>
      </c>
      <c r="BH2847" s="166">
        <v>0</v>
      </c>
      <c r="BI2847" s="166">
        <v>0</v>
      </c>
      <c r="BJ2847" s="166">
        <v>0</v>
      </c>
      <c r="BK2847" s="166">
        <v>0</v>
      </c>
      <c r="BL2847" s="166">
        <v>0</v>
      </c>
      <c r="BM2847" s="166">
        <v>0</v>
      </c>
      <c r="BN2847" s="166">
        <v>0</v>
      </c>
      <c r="BO2847" s="166">
        <v>0</v>
      </c>
      <c r="BP2847" s="166">
        <v>0</v>
      </c>
      <c r="BQ2847" s="166">
        <v>0</v>
      </c>
      <c r="BR2847" s="166">
        <v>7382344.1169610899</v>
      </c>
      <c r="BS2847" s="166">
        <v>7382344.1169610899</v>
      </c>
      <c r="BT2847" s="168">
        <v>0</v>
      </c>
      <c r="BU2847" s="166">
        <v>0</v>
      </c>
      <c r="BV2847" s="166">
        <v>0</v>
      </c>
      <c r="BW2847" s="166">
        <v>0</v>
      </c>
      <c r="BX2847" s="166">
        <v>0</v>
      </c>
      <c r="BY2847" s="166">
        <v>0</v>
      </c>
      <c r="BZ2847" s="166">
        <v>0</v>
      </c>
      <c r="CA2847" s="166">
        <v>0</v>
      </c>
      <c r="CB2847" s="166">
        <v>0</v>
      </c>
      <c r="CC2847" s="166">
        <v>0</v>
      </c>
      <c r="CD2847" s="166">
        <v>0</v>
      </c>
      <c r="CE2847" s="166">
        <v>0</v>
      </c>
      <c r="CF2847" s="166">
        <v>0</v>
      </c>
      <c r="CG2847" s="166">
        <v>0</v>
      </c>
      <c r="CH2847" s="166">
        <v>0</v>
      </c>
      <c r="CI2847" s="166">
        <v>0</v>
      </c>
      <c r="CJ2847" s="166">
        <v>0</v>
      </c>
      <c r="CK2847" s="166">
        <v>0</v>
      </c>
      <c r="CL2847" s="166">
        <v>0</v>
      </c>
      <c r="CM2847" s="166">
        <v>0</v>
      </c>
      <c r="CN2847" s="166">
        <v>0</v>
      </c>
      <c r="CO2847" s="166">
        <v>0</v>
      </c>
      <c r="CP2847" s="166">
        <v>0</v>
      </c>
      <c r="CQ2847" s="166">
        <v>0</v>
      </c>
      <c r="CR2847" s="166">
        <v>0</v>
      </c>
      <c r="CS2847" s="166">
        <v>0</v>
      </c>
      <c r="CT2847" s="166">
        <v>0</v>
      </c>
      <c r="CU2847" s="166">
        <v>0</v>
      </c>
      <c r="CV2847" s="166">
        <v>0</v>
      </c>
      <c r="CW2847" s="166">
        <v>0</v>
      </c>
      <c r="CX2847" s="166">
        <v>0</v>
      </c>
      <c r="CY2847" s="166">
        <v>0</v>
      </c>
      <c r="CZ2847" s="166">
        <v>0</v>
      </c>
    </row>
    <row r="2848" spans="1:104" x14ac:dyDescent="0.2">
      <c r="A2848" s="167" t="s">
        <v>135</v>
      </c>
      <c r="B2848" s="166">
        <v>1090020.76386647</v>
      </c>
      <c r="C2848" s="166">
        <v>1090020.76386647</v>
      </c>
      <c r="D2848" s="166">
        <v>0</v>
      </c>
      <c r="E2848" s="166">
        <v>0</v>
      </c>
      <c r="F2848" s="166">
        <v>0</v>
      </c>
      <c r="G2848" s="166">
        <v>0</v>
      </c>
      <c r="H2848" s="166">
        <v>0</v>
      </c>
      <c r="I2848" s="166">
        <v>0</v>
      </c>
      <c r="J2848" s="166">
        <v>0</v>
      </c>
      <c r="K2848" s="166">
        <v>0</v>
      </c>
      <c r="L2848" s="166">
        <v>0</v>
      </c>
      <c r="M2848" s="166">
        <v>0</v>
      </c>
      <c r="N2848" s="166">
        <v>0</v>
      </c>
      <c r="O2848" s="166">
        <v>0</v>
      </c>
      <c r="P2848" s="166">
        <v>0</v>
      </c>
      <c r="Q2848" s="166">
        <v>0</v>
      </c>
      <c r="R2848" s="166">
        <v>0</v>
      </c>
      <c r="S2848" s="166">
        <v>0</v>
      </c>
      <c r="T2848" s="166">
        <v>0</v>
      </c>
      <c r="U2848" s="166">
        <v>0</v>
      </c>
      <c r="V2848" s="166">
        <v>0</v>
      </c>
      <c r="W2848" s="166">
        <v>0</v>
      </c>
      <c r="X2848" s="166">
        <v>0</v>
      </c>
      <c r="Y2848" s="166">
        <v>0</v>
      </c>
      <c r="Z2848" s="166">
        <v>0</v>
      </c>
      <c r="AA2848" s="166">
        <v>0</v>
      </c>
      <c r="AB2848" s="166">
        <v>0</v>
      </c>
      <c r="AC2848" s="166">
        <v>0</v>
      </c>
      <c r="AD2848" s="166">
        <v>0</v>
      </c>
      <c r="AE2848" s="166">
        <v>0</v>
      </c>
      <c r="AF2848" s="166">
        <v>0</v>
      </c>
      <c r="AG2848" s="166">
        <v>0</v>
      </c>
      <c r="AH2848" s="166">
        <v>0</v>
      </c>
      <c r="AI2848" s="166">
        <v>0</v>
      </c>
      <c r="AJ2848" s="166">
        <v>0</v>
      </c>
      <c r="AK2848" s="166">
        <v>0</v>
      </c>
      <c r="AL2848" s="166">
        <v>0</v>
      </c>
      <c r="AM2848" s="166">
        <v>0</v>
      </c>
      <c r="AN2848" s="166">
        <v>0</v>
      </c>
      <c r="AO2848" s="166">
        <v>0</v>
      </c>
      <c r="AP2848" s="166">
        <v>0</v>
      </c>
      <c r="AQ2848" s="166">
        <v>0</v>
      </c>
      <c r="AR2848" s="166">
        <v>0</v>
      </c>
      <c r="AS2848" s="166">
        <v>0</v>
      </c>
      <c r="AT2848" s="166">
        <v>0</v>
      </c>
      <c r="AU2848" s="166">
        <v>0</v>
      </c>
      <c r="AV2848" s="166">
        <v>0</v>
      </c>
      <c r="AW2848" s="166">
        <v>0</v>
      </c>
      <c r="AX2848" s="166">
        <v>0</v>
      </c>
      <c r="AY2848" s="166">
        <v>0</v>
      </c>
      <c r="AZ2848" s="166">
        <v>0</v>
      </c>
      <c r="BA2848" s="166">
        <v>0</v>
      </c>
      <c r="BB2848" s="166">
        <v>0</v>
      </c>
      <c r="BC2848" s="166">
        <v>0</v>
      </c>
      <c r="BD2848" s="166">
        <v>0</v>
      </c>
      <c r="BE2848" s="166">
        <v>0</v>
      </c>
      <c r="BF2848" s="166">
        <v>0</v>
      </c>
      <c r="BG2848" s="166">
        <v>0</v>
      </c>
      <c r="BH2848" s="166">
        <v>0</v>
      </c>
      <c r="BI2848" s="166">
        <v>0</v>
      </c>
      <c r="BJ2848" s="166">
        <v>0</v>
      </c>
      <c r="BK2848" s="166">
        <v>0</v>
      </c>
      <c r="BL2848" s="166">
        <v>0</v>
      </c>
      <c r="BM2848" s="166">
        <v>0</v>
      </c>
      <c r="BN2848" s="166">
        <v>0</v>
      </c>
      <c r="BO2848" s="166">
        <v>0</v>
      </c>
      <c r="BP2848" s="166">
        <v>0</v>
      </c>
      <c r="BQ2848" s="166">
        <v>0</v>
      </c>
      <c r="BR2848" s="166">
        <v>1090020.76386647</v>
      </c>
      <c r="BS2848" s="166">
        <v>1090020.76386647</v>
      </c>
      <c r="BT2848" s="168">
        <v>0</v>
      </c>
      <c r="BU2848" s="166">
        <v>0</v>
      </c>
      <c r="BV2848" s="166">
        <v>0</v>
      </c>
      <c r="BW2848" s="166">
        <v>0</v>
      </c>
      <c r="BX2848" s="166">
        <v>0</v>
      </c>
      <c r="BY2848" s="166">
        <v>0</v>
      </c>
      <c r="BZ2848" s="166">
        <v>0</v>
      </c>
      <c r="CA2848" s="166">
        <v>0</v>
      </c>
      <c r="CB2848" s="166">
        <v>0</v>
      </c>
      <c r="CC2848" s="166">
        <v>0</v>
      </c>
      <c r="CD2848" s="166">
        <v>0</v>
      </c>
      <c r="CE2848" s="166">
        <v>0</v>
      </c>
      <c r="CF2848" s="166">
        <v>0</v>
      </c>
      <c r="CG2848" s="166">
        <v>0</v>
      </c>
      <c r="CH2848" s="166">
        <v>0</v>
      </c>
      <c r="CI2848" s="166">
        <v>0</v>
      </c>
      <c r="CJ2848" s="166">
        <v>0</v>
      </c>
      <c r="CK2848" s="166">
        <v>0</v>
      </c>
      <c r="CL2848" s="166">
        <v>0</v>
      </c>
      <c r="CM2848" s="166">
        <v>0</v>
      </c>
      <c r="CN2848" s="166">
        <v>0</v>
      </c>
      <c r="CO2848" s="166">
        <v>0</v>
      </c>
      <c r="CP2848" s="166">
        <v>0</v>
      </c>
      <c r="CQ2848" s="166">
        <v>0</v>
      </c>
      <c r="CR2848" s="166">
        <v>0</v>
      </c>
      <c r="CS2848" s="166">
        <v>0</v>
      </c>
      <c r="CT2848" s="166">
        <v>0</v>
      </c>
      <c r="CU2848" s="166">
        <v>0</v>
      </c>
      <c r="CV2848" s="166">
        <v>0</v>
      </c>
      <c r="CW2848" s="166">
        <v>0</v>
      </c>
      <c r="CX2848" s="166">
        <v>0</v>
      </c>
      <c r="CY2848" s="166">
        <v>0</v>
      </c>
      <c r="CZ2848" s="166">
        <v>0</v>
      </c>
    </row>
    <row r="2849" spans="1:104" x14ac:dyDescent="0.2">
      <c r="A2849" s="167" t="s">
        <v>136</v>
      </c>
      <c r="B2849" s="166">
        <v>20073286.0499999</v>
      </c>
      <c r="C2849" s="166">
        <v>20073286.0499999</v>
      </c>
      <c r="D2849" s="166">
        <v>0</v>
      </c>
      <c r="E2849" s="166">
        <v>0</v>
      </c>
      <c r="F2849" s="166">
        <v>0</v>
      </c>
      <c r="G2849" s="166">
        <v>0</v>
      </c>
      <c r="H2849" s="166">
        <v>0</v>
      </c>
      <c r="I2849" s="166">
        <v>0</v>
      </c>
      <c r="J2849" s="166">
        <v>0</v>
      </c>
      <c r="K2849" s="166">
        <v>0</v>
      </c>
      <c r="L2849" s="166">
        <v>0</v>
      </c>
      <c r="M2849" s="166">
        <v>0</v>
      </c>
      <c r="N2849" s="166">
        <v>0</v>
      </c>
      <c r="O2849" s="166">
        <v>0</v>
      </c>
      <c r="P2849" s="166">
        <v>0</v>
      </c>
      <c r="Q2849" s="166">
        <v>0</v>
      </c>
      <c r="R2849" s="166">
        <v>0</v>
      </c>
      <c r="S2849" s="166">
        <v>0</v>
      </c>
      <c r="T2849" s="166">
        <v>0</v>
      </c>
      <c r="U2849" s="166">
        <v>0</v>
      </c>
      <c r="V2849" s="166">
        <v>0</v>
      </c>
      <c r="W2849" s="166">
        <v>0</v>
      </c>
      <c r="X2849" s="166">
        <v>0</v>
      </c>
      <c r="Y2849" s="166">
        <v>0</v>
      </c>
      <c r="Z2849" s="166">
        <v>0</v>
      </c>
      <c r="AA2849" s="166">
        <v>0</v>
      </c>
      <c r="AB2849" s="166">
        <v>0</v>
      </c>
      <c r="AC2849" s="166">
        <v>0</v>
      </c>
      <c r="AD2849" s="166">
        <v>0</v>
      </c>
      <c r="AE2849" s="166">
        <v>0</v>
      </c>
      <c r="AF2849" s="166">
        <v>0</v>
      </c>
      <c r="AG2849" s="166">
        <v>0</v>
      </c>
      <c r="AH2849" s="166">
        <v>0</v>
      </c>
      <c r="AI2849" s="166">
        <v>0</v>
      </c>
      <c r="AJ2849" s="166">
        <v>0</v>
      </c>
      <c r="AK2849" s="166">
        <v>0</v>
      </c>
      <c r="AL2849" s="166">
        <v>0</v>
      </c>
      <c r="AM2849" s="166">
        <v>0</v>
      </c>
      <c r="AN2849" s="166">
        <v>0</v>
      </c>
      <c r="AO2849" s="166">
        <v>0</v>
      </c>
      <c r="AP2849" s="166">
        <v>0</v>
      </c>
      <c r="AQ2849" s="166">
        <v>0</v>
      </c>
      <c r="AR2849" s="166">
        <v>0</v>
      </c>
      <c r="AS2849" s="166">
        <v>0</v>
      </c>
      <c r="AT2849" s="166">
        <v>0</v>
      </c>
      <c r="AU2849" s="166">
        <v>0</v>
      </c>
      <c r="AV2849" s="166">
        <v>0</v>
      </c>
      <c r="AW2849" s="166">
        <v>0</v>
      </c>
      <c r="AX2849" s="166">
        <v>0</v>
      </c>
      <c r="AY2849" s="166">
        <v>0</v>
      </c>
      <c r="AZ2849" s="166">
        <v>0</v>
      </c>
      <c r="BA2849" s="166">
        <v>0</v>
      </c>
      <c r="BB2849" s="166">
        <v>0</v>
      </c>
      <c r="BC2849" s="166">
        <v>0</v>
      </c>
      <c r="BD2849" s="166">
        <v>0</v>
      </c>
      <c r="BE2849" s="166">
        <v>0</v>
      </c>
      <c r="BF2849" s="166">
        <v>0</v>
      </c>
      <c r="BG2849" s="166">
        <v>0</v>
      </c>
      <c r="BH2849" s="166">
        <v>0</v>
      </c>
      <c r="BI2849" s="166">
        <v>0</v>
      </c>
      <c r="BJ2849" s="166">
        <v>0</v>
      </c>
      <c r="BK2849" s="166">
        <v>0</v>
      </c>
      <c r="BL2849" s="166">
        <v>0</v>
      </c>
      <c r="BM2849" s="166">
        <v>0</v>
      </c>
      <c r="BN2849" s="166">
        <v>0</v>
      </c>
      <c r="BO2849" s="166">
        <v>0</v>
      </c>
      <c r="BP2849" s="166">
        <v>0</v>
      </c>
      <c r="BQ2849" s="166">
        <v>0</v>
      </c>
      <c r="BR2849" s="166">
        <v>20073286.0499999</v>
      </c>
      <c r="BS2849" s="166">
        <v>20073286.0499999</v>
      </c>
      <c r="BT2849" s="168">
        <v>0</v>
      </c>
      <c r="BU2849" s="166">
        <v>0</v>
      </c>
      <c r="BV2849" s="166">
        <v>0</v>
      </c>
      <c r="BW2849" s="166">
        <v>0</v>
      </c>
      <c r="BX2849" s="166">
        <v>0</v>
      </c>
      <c r="BY2849" s="166">
        <v>0</v>
      </c>
      <c r="BZ2849" s="166">
        <v>0</v>
      </c>
      <c r="CA2849" s="166">
        <v>0</v>
      </c>
      <c r="CB2849" s="166">
        <v>0</v>
      </c>
      <c r="CC2849" s="166">
        <v>0</v>
      </c>
      <c r="CD2849" s="166">
        <v>0</v>
      </c>
      <c r="CE2849" s="166">
        <v>0</v>
      </c>
      <c r="CF2849" s="166">
        <v>0</v>
      </c>
      <c r="CG2849" s="166">
        <v>0</v>
      </c>
      <c r="CH2849" s="166">
        <v>0</v>
      </c>
      <c r="CI2849" s="166">
        <v>0</v>
      </c>
      <c r="CJ2849" s="166">
        <v>0</v>
      </c>
      <c r="CK2849" s="166">
        <v>0</v>
      </c>
      <c r="CL2849" s="166">
        <v>0</v>
      </c>
      <c r="CM2849" s="166">
        <v>0</v>
      </c>
      <c r="CN2849" s="166">
        <v>0</v>
      </c>
      <c r="CO2849" s="166">
        <v>0</v>
      </c>
      <c r="CP2849" s="166">
        <v>0</v>
      </c>
      <c r="CQ2849" s="166">
        <v>0</v>
      </c>
      <c r="CR2849" s="166">
        <v>0</v>
      </c>
      <c r="CS2849" s="166">
        <v>0</v>
      </c>
      <c r="CT2849" s="166">
        <v>0</v>
      </c>
      <c r="CU2849" s="166">
        <v>0</v>
      </c>
      <c r="CV2849" s="166">
        <v>0</v>
      </c>
      <c r="CW2849" s="166">
        <v>0</v>
      </c>
      <c r="CX2849" s="166">
        <v>0</v>
      </c>
      <c r="CY2849" s="166">
        <v>0</v>
      </c>
      <c r="CZ2849" s="166">
        <v>0</v>
      </c>
    </row>
    <row r="2850" spans="1:104" x14ac:dyDescent="0.2">
      <c r="A2850" s="167" t="s">
        <v>137</v>
      </c>
    </row>
    <row r="2851" spans="1:104" x14ac:dyDescent="0.2">
      <c r="A2851" s="167" t="s">
        <v>138</v>
      </c>
      <c r="B2851" s="166">
        <v>44309150.687547497</v>
      </c>
      <c r="C2851" s="166">
        <v>44309150.687547497</v>
      </c>
      <c r="D2851" s="166">
        <v>0</v>
      </c>
      <c r="E2851" s="166">
        <v>0</v>
      </c>
      <c r="F2851" s="166">
        <v>0</v>
      </c>
      <c r="G2851" s="166">
        <v>0</v>
      </c>
      <c r="H2851" s="166">
        <v>0</v>
      </c>
      <c r="I2851" s="166">
        <v>0</v>
      </c>
      <c r="J2851" s="166">
        <v>0</v>
      </c>
      <c r="K2851" s="166">
        <v>0</v>
      </c>
      <c r="L2851" s="166">
        <v>0</v>
      </c>
      <c r="M2851" s="166">
        <v>0</v>
      </c>
      <c r="N2851" s="166">
        <v>0</v>
      </c>
      <c r="O2851" s="166">
        <v>0</v>
      </c>
      <c r="P2851" s="166">
        <v>0</v>
      </c>
      <c r="Q2851" s="166">
        <v>0</v>
      </c>
      <c r="R2851" s="166">
        <v>0</v>
      </c>
      <c r="S2851" s="166">
        <v>0</v>
      </c>
      <c r="T2851" s="166">
        <v>0</v>
      </c>
      <c r="U2851" s="166">
        <v>0</v>
      </c>
      <c r="V2851" s="166">
        <v>0</v>
      </c>
      <c r="W2851" s="166">
        <v>0</v>
      </c>
      <c r="X2851" s="166">
        <v>0</v>
      </c>
      <c r="Y2851" s="166">
        <v>0</v>
      </c>
      <c r="Z2851" s="166">
        <v>0</v>
      </c>
      <c r="AA2851" s="166">
        <v>0</v>
      </c>
      <c r="AB2851" s="166">
        <v>0</v>
      </c>
      <c r="AC2851" s="166">
        <v>0</v>
      </c>
      <c r="AD2851" s="166">
        <v>0</v>
      </c>
      <c r="AE2851" s="166">
        <v>0</v>
      </c>
      <c r="AF2851" s="166">
        <v>0</v>
      </c>
      <c r="AG2851" s="166">
        <v>0</v>
      </c>
      <c r="AH2851" s="166">
        <v>0</v>
      </c>
      <c r="AI2851" s="166">
        <v>0</v>
      </c>
      <c r="AJ2851" s="166">
        <v>0</v>
      </c>
      <c r="AK2851" s="166">
        <v>0</v>
      </c>
      <c r="AL2851" s="166">
        <v>0</v>
      </c>
      <c r="AM2851" s="166">
        <v>0</v>
      </c>
      <c r="AN2851" s="166">
        <v>0</v>
      </c>
      <c r="AO2851" s="166">
        <v>0</v>
      </c>
      <c r="AP2851" s="166">
        <v>0</v>
      </c>
      <c r="AQ2851" s="166">
        <v>0</v>
      </c>
      <c r="AR2851" s="166">
        <v>0</v>
      </c>
      <c r="AS2851" s="166">
        <v>0</v>
      </c>
      <c r="AT2851" s="166">
        <v>0</v>
      </c>
      <c r="AU2851" s="166">
        <v>0</v>
      </c>
      <c r="AV2851" s="166">
        <v>0</v>
      </c>
      <c r="AW2851" s="166">
        <v>0</v>
      </c>
      <c r="AX2851" s="166">
        <v>0</v>
      </c>
      <c r="AY2851" s="166">
        <v>0</v>
      </c>
      <c r="AZ2851" s="166">
        <v>0</v>
      </c>
      <c r="BA2851" s="166">
        <v>0</v>
      </c>
      <c r="BB2851" s="166">
        <v>0</v>
      </c>
      <c r="BC2851" s="166">
        <v>0</v>
      </c>
      <c r="BD2851" s="166">
        <v>0</v>
      </c>
      <c r="BE2851" s="166">
        <v>0</v>
      </c>
      <c r="BF2851" s="166">
        <v>0</v>
      </c>
      <c r="BG2851" s="166">
        <v>0</v>
      </c>
      <c r="BH2851" s="166">
        <v>0</v>
      </c>
      <c r="BI2851" s="166">
        <v>0</v>
      </c>
      <c r="BJ2851" s="166">
        <v>0</v>
      </c>
      <c r="BK2851" s="166">
        <v>0</v>
      </c>
      <c r="BL2851" s="166">
        <v>0</v>
      </c>
      <c r="BM2851" s="166">
        <v>0</v>
      </c>
      <c r="BN2851" s="166">
        <v>0</v>
      </c>
      <c r="BO2851" s="166">
        <v>0</v>
      </c>
      <c r="BP2851" s="166">
        <v>0</v>
      </c>
      <c r="BQ2851" s="166">
        <v>0</v>
      </c>
      <c r="BR2851" s="166">
        <v>44309150.687547497</v>
      </c>
      <c r="BS2851" s="166">
        <v>44309150.687547497</v>
      </c>
      <c r="BT2851" s="168">
        <v>0</v>
      </c>
      <c r="BU2851" s="166">
        <v>0</v>
      </c>
      <c r="BV2851" s="166">
        <v>0</v>
      </c>
      <c r="BW2851" s="166">
        <v>0</v>
      </c>
      <c r="BX2851" s="166">
        <v>0</v>
      </c>
      <c r="BY2851" s="166">
        <v>0</v>
      </c>
      <c r="BZ2851" s="166">
        <v>0</v>
      </c>
      <c r="CA2851" s="166">
        <v>0</v>
      </c>
      <c r="CB2851" s="166">
        <v>0</v>
      </c>
      <c r="CC2851" s="166">
        <v>0</v>
      </c>
      <c r="CD2851" s="166">
        <v>0</v>
      </c>
      <c r="CE2851" s="166">
        <v>0</v>
      </c>
      <c r="CF2851" s="166">
        <v>0</v>
      </c>
      <c r="CG2851" s="166">
        <v>0</v>
      </c>
      <c r="CH2851" s="166">
        <v>0</v>
      </c>
      <c r="CI2851" s="166">
        <v>0</v>
      </c>
      <c r="CJ2851" s="166">
        <v>0</v>
      </c>
      <c r="CK2851" s="166">
        <v>0</v>
      </c>
      <c r="CL2851" s="166">
        <v>0</v>
      </c>
      <c r="CM2851" s="166">
        <v>0</v>
      </c>
      <c r="CN2851" s="166">
        <v>0</v>
      </c>
      <c r="CO2851" s="166">
        <v>0</v>
      </c>
      <c r="CP2851" s="166">
        <v>0</v>
      </c>
      <c r="CQ2851" s="166">
        <v>0</v>
      </c>
      <c r="CR2851" s="166">
        <v>0</v>
      </c>
      <c r="CS2851" s="166">
        <v>0</v>
      </c>
      <c r="CT2851" s="166">
        <v>0</v>
      </c>
      <c r="CU2851" s="166">
        <v>0</v>
      </c>
      <c r="CV2851" s="166">
        <v>0</v>
      </c>
      <c r="CW2851" s="166">
        <v>0</v>
      </c>
      <c r="CX2851" s="166">
        <v>0</v>
      </c>
      <c r="CY2851" s="166">
        <v>0</v>
      </c>
      <c r="CZ2851" s="166">
        <v>0</v>
      </c>
    </row>
    <row r="2852" spans="1:104" x14ac:dyDescent="0.2">
      <c r="A2852" s="167" t="s">
        <v>139</v>
      </c>
      <c r="B2852" s="166">
        <v>5964942.6627527699</v>
      </c>
      <c r="C2852" s="166">
        <v>5964942.6627527699</v>
      </c>
      <c r="D2852" s="166">
        <v>0</v>
      </c>
      <c r="E2852" s="166">
        <v>0</v>
      </c>
      <c r="F2852" s="166">
        <v>0</v>
      </c>
      <c r="G2852" s="166">
        <v>0</v>
      </c>
      <c r="H2852" s="166">
        <v>0</v>
      </c>
      <c r="I2852" s="166">
        <v>0</v>
      </c>
      <c r="J2852" s="166">
        <v>0</v>
      </c>
      <c r="K2852" s="166">
        <v>0</v>
      </c>
      <c r="L2852" s="166">
        <v>0</v>
      </c>
      <c r="M2852" s="166">
        <v>0</v>
      </c>
      <c r="N2852" s="166">
        <v>0</v>
      </c>
      <c r="O2852" s="166">
        <v>0</v>
      </c>
      <c r="P2852" s="166">
        <v>0</v>
      </c>
      <c r="Q2852" s="166">
        <v>0</v>
      </c>
      <c r="R2852" s="166">
        <v>0</v>
      </c>
      <c r="S2852" s="166">
        <v>0</v>
      </c>
      <c r="T2852" s="166">
        <v>0</v>
      </c>
      <c r="U2852" s="166">
        <v>0</v>
      </c>
      <c r="V2852" s="166">
        <v>0</v>
      </c>
      <c r="W2852" s="166">
        <v>0</v>
      </c>
      <c r="X2852" s="166">
        <v>0</v>
      </c>
      <c r="Y2852" s="166">
        <v>0</v>
      </c>
      <c r="Z2852" s="166">
        <v>0</v>
      </c>
      <c r="AA2852" s="166">
        <v>0</v>
      </c>
      <c r="AB2852" s="166">
        <v>0</v>
      </c>
      <c r="AC2852" s="166">
        <v>0</v>
      </c>
      <c r="AD2852" s="166">
        <v>0</v>
      </c>
      <c r="AE2852" s="166">
        <v>0</v>
      </c>
      <c r="AF2852" s="166">
        <v>0</v>
      </c>
      <c r="AG2852" s="166">
        <v>0</v>
      </c>
      <c r="AH2852" s="166">
        <v>0</v>
      </c>
      <c r="AI2852" s="166">
        <v>0</v>
      </c>
      <c r="AJ2852" s="166">
        <v>0</v>
      </c>
      <c r="AK2852" s="166">
        <v>0</v>
      </c>
      <c r="AL2852" s="166">
        <v>0</v>
      </c>
      <c r="AM2852" s="166">
        <v>0</v>
      </c>
      <c r="AN2852" s="166">
        <v>0</v>
      </c>
      <c r="AO2852" s="166">
        <v>0</v>
      </c>
      <c r="AP2852" s="166">
        <v>0</v>
      </c>
      <c r="AQ2852" s="166">
        <v>0</v>
      </c>
      <c r="AR2852" s="166">
        <v>0</v>
      </c>
      <c r="AS2852" s="166">
        <v>0</v>
      </c>
      <c r="AT2852" s="166">
        <v>0</v>
      </c>
      <c r="AU2852" s="166">
        <v>0</v>
      </c>
      <c r="AV2852" s="166">
        <v>0</v>
      </c>
      <c r="AW2852" s="166">
        <v>0</v>
      </c>
      <c r="AX2852" s="166">
        <v>0</v>
      </c>
      <c r="AY2852" s="166">
        <v>0</v>
      </c>
      <c r="AZ2852" s="166">
        <v>0</v>
      </c>
      <c r="BA2852" s="166">
        <v>0</v>
      </c>
      <c r="BB2852" s="166">
        <v>0</v>
      </c>
      <c r="BC2852" s="166">
        <v>0</v>
      </c>
      <c r="BD2852" s="166">
        <v>0</v>
      </c>
      <c r="BE2852" s="166">
        <v>0</v>
      </c>
      <c r="BF2852" s="166">
        <v>0</v>
      </c>
      <c r="BG2852" s="166">
        <v>0</v>
      </c>
      <c r="BH2852" s="166">
        <v>0</v>
      </c>
      <c r="BI2852" s="166">
        <v>0</v>
      </c>
      <c r="BJ2852" s="166">
        <v>0</v>
      </c>
      <c r="BK2852" s="166">
        <v>0</v>
      </c>
      <c r="BL2852" s="166">
        <v>0</v>
      </c>
      <c r="BM2852" s="166">
        <v>0</v>
      </c>
      <c r="BN2852" s="166">
        <v>0</v>
      </c>
      <c r="BO2852" s="166">
        <v>0</v>
      </c>
      <c r="BP2852" s="166">
        <v>0</v>
      </c>
      <c r="BQ2852" s="166">
        <v>0</v>
      </c>
      <c r="BR2852" s="166">
        <v>5964942.6627527699</v>
      </c>
      <c r="BS2852" s="166">
        <v>5964942.6627527699</v>
      </c>
      <c r="BT2852" s="168">
        <v>0</v>
      </c>
      <c r="BU2852" s="166">
        <v>0</v>
      </c>
      <c r="BV2852" s="166">
        <v>0</v>
      </c>
      <c r="BW2852" s="166">
        <v>0</v>
      </c>
      <c r="BX2852" s="166">
        <v>0</v>
      </c>
      <c r="BY2852" s="166">
        <v>0</v>
      </c>
      <c r="BZ2852" s="166">
        <v>0</v>
      </c>
      <c r="CA2852" s="166">
        <v>0</v>
      </c>
      <c r="CB2852" s="166">
        <v>0</v>
      </c>
      <c r="CC2852" s="166">
        <v>0</v>
      </c>
      <c r="CD2852" s="166">
        <v>0</v>
      </c>
      <c r="CE2852" s="166">
        <v>0</v>
      </c>
      <c r="CF2852" s="166">
        <v>0</v>
      </c>
      <c r="CG2852" s="166">
        <v>0</v>
      </c>
      <c r="CH2852" s="166">
        <v>0</v>
      </c>
      <c r="CI2852" s="166">
        <v>0</v>
      </c>
      <c r="CJ2852" s="166">
        <v>0</v>
      </c>
      <c r="CK2852" s="166">
        <v>0</v>
      </c>
      <c r="CL2852" s="166">
        <v>0</v>
      </c>
      <c r="CM2852" s="166">
        <v>0</v>
      </c>
      <c r="CN2852" s="166">
        <v>0</v>
      </c>
      <c r="CO2852" s="166">
        <v>0</v>
      </c>
      <c r="CP2852" s="166">
        <v>0</v>
      </c>
      <c r="CQ2852" s="166">
        <v>0</v>
      </c>
      <c r="CR2852" s="166">
        <v>0</v>
      </c>
      <c r="CS2852" s="166">
        <v>0</v>
      </c>
      <c r="CT2852" s="166">
        <v>0</v>
      </c>
      <c r="CU2852" s="166">
        <v>0</v>
      </c>
      <c r="CV2852" s="166">
        <v>0</v>
      </c>
      <c r="CW2852" s="166">
        <v>0</v>
      </c>
      <c r="CX2852" s="166">
        <v>0</v>
      </c>
      <c r="CY2852" s="166">
        <v>0</v>
      </c>
      <c r="CZ2852" s="166">
        <v>0</v>
      </c>
    </row>
    <row r="2853" spans="1:104" x14ac:dyDescent="0.2">
      <c r="A2853" s="167" t="s">
        <v>140</v>
      </c>
      <c r="B2853" s="166">
        <v>1049618.8196996499</v>
      </c>
      <c r="C2853" s="166">
        <v>1049618.8196996499</v>
      </c>
      <c r="D2853" s="166">
        <v>0</v>
      </c>
      <c r="E2853" s="166">
        <v>0</v>
      </c>
      <c r="F2853" s="166">
        <v>0</v>
      </c>
      <c r="G2853" s="166">
        <v>0</v>
      </c>
      <c r="H2853" s="166">
        <v>0</v>
      </c>
      <c r="I2853" s="166">
        <v>0</v>
      </c>
      <c r="J2853" s="166">
        <v>0</v>
      </c>
      <c r="K2853" s="166">
        <v>0</v>
      </c>
      <c r="L2853" s="166">
        <v>0</v>
      </c>
      <c r="M2853" s="166">
        <v>0</v>
      </c>
      <c r="N2853" s="166">
        <v>0</v>
      </c>
      <c r="O2853" s="166">
        <v>0</v>
      </c>
      <c r="P2853" s="166">
        <v>0</v>
      </c>
      <c r="Q2853" s="166">
        <v>0</v>
      </c>
      <c r="R2853" s="166">
        <v>0</v>
      </c>
      <c r="S2853" s="166">
        <v>0</v>
      </c>
      <c r="T2853" s="166">
        <v>0</v>
      </c>
      <c r="U2853" s="166">
        <v>0</v>
      </c>
      <c r="V2853" s="166">
        <v>0</v>
      </c>
      <c r="W2853" s="166">
        <v>0</v>
      </c>
      <c r="X2853" s="166">
        <v>0</v>
      </c>
      <c r="Y2853" s="166">
        <v>0</v>
      </c>
      <c r="Z2853" s="166">
        <v>0</v>
      </c>
      <c r="AA2853" s="166">
        <v>0</v>
      </c>
      <c r="AB2853" s="166">
        <v>0</v>
      </c>
      <c r="AC2853" s="166">
        <v>0</v>
      </c>
      <c r="AD2853" s="166">
        <v>0</v>
      </c>
      <c r="AE2853" s="166">
        <v>0</v>
      </c>
      <c r="AF2853" s="166">
        <v>0</v>
      </c>
      <c r="AG2853" s="166">
        <v>0</v>
      </c>
      <c r="AH2853" s="166">
        <v>0</v>
      </c>
      <c r="AI2853" s="166">
        <v>0</v>
      </c>
      <c r="AJ2853" s="166">
        <v>0</v>
      </c>
      <c r="AK2853" s="166">
        <v>0</v>
      </c>
      <c r="AL2853" s="166">
        <v>0</v>
      </c>
      <c r="AM2853" s="166">
        <v>0</v>
      </c>
      <c r="AN2853" s="166">
        <v>0</v>
      </c>
      <c r="AO2853" s="166">
        <v>0</v>
      </c>
      <c r="AP2853" s="166">
        <v>0</v>
      </c>
      <c r="AQ2853" s="166">
        <v>0</v>
      </c>
      <c r="AR2853" s="166">
        <v>0</v>
      </c>
      <c r="AS2853" s="166">
        <v>0</v>
      </c>
      <c r="AT2853" s="166">
        <v>0</v>
      </c>
      <c r="AU2853" s="166">
        <v>0</v>
      </c>
      <c r="AV2853" s="166">
        <v>0</v>
      </c>
      <c r="AW2853" s="166">
        <v>0</v>
      </c>
      <c r="AX2853" s="166">
        <v>0</v>
      </c>
      <c r="AY2853" s="166">
        <v>0</v>
      </c>
      <c r="AZ2853" s="166">
        <v>0</v>
      </c>
      <c r="BA2853" s="166">
        <v>0</v>
      </c>
      <c r="BB2853" s="166">
        <v>0</v>
      </c>
      <c r="BC2853" s="166">
        <v>0</v>
      </c>
      <c r="BD2853" s="166">
        <v>0</v>
      </c>
      <c r="BE2853" s="166">
        <v>0</v>
      </c>
      <c r="BF2853" s="166">
        <v>0</v>
      </c>
      <c r="BG2853" s="166">
        <v>0</v>
      </c>
      <c r="BH2853" s="166">
        <v>0</v>
      </c>
      <c r="BI2853" s="166">
        <v>0</v>
      </c>
      <c r="BJ2853" s="166">
        <v>0</v>
      </c>
      <c r="BK2853" s="166">
        <v>0</v>
      </c>
      <c r="BL2853" s="166">
        <v>0</v>
      </c>
      <c r="BM2853" s="166">
        <v>0</v>
      </c>
      <c r="BN2853" s="166">
        <v>0</v>
      </c>
      <c r="BO2853" s="166">
        <v>0</v>
      </c>
      <c r="BP2853" s="166">
        <v>0</v>
      </c>
      <c r="BQ2853" s="166">
        <v>0</v>
      </c>
      <c r="BR2853" s="166">
        <v>1049618.8196996499</v>
      </c>
      <c r="BS2853" s="166">
        <v>1049618.8196996499</v>
      </c>
      <c r="BT2853" s="168">
        <v>0</v>
      </c>
      <c r="BU2853" s="166">
        <v>0</v>
      </c>
      <c r="BV2853" s="166">
        <v>0</v>
      </c>
      <c r="BW2853" s="166">
        <v>0</v>
      </c>
      <c r="BX2853" s="166">
        <v>0</v>
      </c>
      <c r="BY2853" s="166">
        <v>0</v>
      </c>
      <c r="BZ2853" s="166">
        <v>0</v>
      </c>
      <c r="CA2853" s="166">
        <v>0</v>
      </c>
      <c r="CB2853" s="166">
        <v>0</v>
      </c>
      <c r="CC2853" s="166">
        <v>0</v>
      </c>
      <c r="CD2853" s="166">
        <v>0</v>
      </c>
      <c r="CE2853" s="166">
        <v>0</v>
      </c>
      <c r="CF2853" s="166">
        <v>0</v>
      </c>
      <c r="CG2853" s="166">
        <v>0</v>
      </c>
      <c r="CH2853" s="166">
        <v>0</v>
      </c>
      <c r="CI2853" s="166">
        <v>0</v>
      </c>
      <c r="CJ2853" s="166">
        <v>0</v>
      </c>
      <c r="CK2853" s="166">
        <v>0</v>
      </c>
      <c r="CL2853" s="166">
        <v>0</v>
      </c>
      <c r="CM2853" s="166">
        <v>0</v>
      </c>
      <c r="CN2853" s="166">
        <v>0</v>
      </c>
      <c r="CO2853" s="166">
        <v>0</v>
      </c>
      <c r="CP2853" s="166">
        <v>0</v>
      </c>
      <c r="CQ2853" s="166">
        <v>0</v>
      </c>
      <c r="CR2853" s="166">
        <v>0</v>
      </c>
      <c r="CS2853" s="166">
        <v>0</v>
      </c>
      <c r="CT2853" s="166">
        <v>0</v>
      </c>
      <c r="CU2853" s="166">
        <v>0</v>
      </c>
      <c r="CV2853" s="166">
        <v>0</v>
      </c>
      <c r="CW2853" s="166">
        <v>0</v>
      </c>
      <c r="CX2853" s="166">
        <v>0</v>
      </c>
      <c r="CY2853" s="166">
        <v>0</v>
      </c>
      <c r="CZ2853" s="166">
        <v>0</v>
      </c>
    </row>
    <row r="2854" spans="1:104" x14ac:dyDescent="0.2">
      <c r="A2854" s="167" t="s">
        <v>141</v>
      </c>
      <c r="B2854" s="166">
        <v>51323712.169999897</v>
      </c>
      <c r="C2854" s="166">
        <v>51323712.169999897</v>
      </c>
      <c r="D2854" s="166">
        <v>0</v>
      </c>
      <c r="E2854" s="166">
        <v>0</v>
      </c>
      <c r="F2854" s="166">
        <v>0</v>
      </c>
      <c r="G2854" s="166">
        <v>0</v>
      </c>
      <c r="H2854" s="166">
        <v>0</v>
      </c>
      <c r="I2854" s="166">
        <v>0</v>
      </c>
      <c r="J2854" s="166">
        <v>0</v>
      </c>
      <c r="K2854" s="166">
        <v>0</v>
      </c>
      <c r="L2854" s="166">
        <v>0</v>
      </c>
      <c r="M2854" s="166">
        <v>0</v>
      </c>
      <c r="N2854" s="166">
        <v>0</v>
      </c>
      <c r="O2854" s="166">
        <v>0</v>
      </c>
      <c r="P2854" s="166">
        <v>0</v>
      </c>
      <c r="Q2854" s="166">
        <v>0</v>
      </c>
      <c r="R2854" s="166">
        <v>0</v>
      </c>
      <c r="S2854" s="166">
        <v>0</v>
      </c>
      <c r="T2854" s="166">
        <v>0</v>
      </c>
      <c r="U2854" s="166">
        <v>0</v>
      </c>
      <c r="V2854" s="166">
        <v>0</v>
      </c>
      <c r="W2854" s="166">
        <v>0</v>
      </c>
      <c r="X2854" s="166">
        <v>0</v>
      </c>
      <c r="Y2854" s="166">
        <v>0</v>
      </c>
      <c r="Z2854" s="166">
        <v>0</v>
      </c>
      <c r="AA2854" s="166">
        <v>0</v>
      </c>
      <c r="AB2854" s="166">
        <v>0</v>
      </c>
      <c r="AC2854" s="166">
        <v>0</v>
      </c>
      <c r="AD2854" s="166">
        <v>0</v>
      </c>
      <c r="AE2854" s="166">
        <v>0</v>
      </c>
      <c r="AF2854" s="166">
        <v>0</v>
      </c>
      <c r="AG2854" s="166">
        <v>0</v>
      </c>
      <c r="AH2854" s="166">
        <v>0</v>
      </c>
      <c r="AI2854" s="166">
        <v>0</v>
      </c>
      <c r="AJ2854" s="166">
        <v>0</v>
      </c>
      <c r="AK2854" s="166">
        <v>0</v>
      </c>
      <c r="AL2854" s="166">
        <v>0</v>
      </c>
      <c r="AM2854" s="166">
        <v>0</v>
      </c>
      <c r="AN2854" s="166">
        <v>0</v>
      </c>
      <c r="AO2854" s="166">
        <v>0</v>
      </c>
      <c r="AP2854" s="166">
        <v>0</v>
      </c>
      <c r="AQ2854" s="166">
        <v>0</v>
      </c>
      <c r="AR2854" s="166">
        <v>0</v>
      </c>
      <c r="AS2854" s="166">
        <v>0</v>
      </c>
      <c r="AT2854" s="166">
        <v>0</v>
      </c>
      <c r="AU2854" s="166">
        <v>0</v>
      </c>
      <c r="AV2854" s="166">
        <v>0</v>
      </c>
      <c r="AW2854" s="166">
        <v>0</v>
      </c>
      <c r="AX2854" s="166">
        <v>0</v>
      </c>
      <c r="AY2854" s="166">
        <v>0</v>
      </c>
      <c r="AZ2854" s="166">
        <v>0</v>
      </c>
      <c r="BA2854" s="166">
        <v>0</v>
      </c>
      <c r="BB2854" s="166">
        <v>0</v>
      </c>
      <c r="BC2854" s="166">
        <v>0</v>
      </c>
      <c r="BD2854" s="166">
        <v>0</v>
      </c>
      <c r="BE2854" s="166">
        <v>0</v>
      </c>
      <c r="BF2854" s="166">
        <v>0</v>
      </c>
      <c r="BG2854" s="166">
        <v>0</v>
      </c>
      <c r="BH2854" s="166">
        <v>0</v>
      </c>
      <c r="BI2854" s="166">
        <v>0</v>
      </c>
      <c r="BJ2854" s="166">
        <v>0</v>
      </c>
      <c r="BK2854" s="166">
        <v>0</v>
      </c>
      <c r="BL2854" s="166">
        <v>0</v>
      </c>
      <c r="BM2854" s="166">
        <v>0</v>
      </c>
      <c r="BN2854" s="166">
        <v>0</v>
      </c>
      <c r="BO2854" s="166">
        <v>0</v>
      </c>
      <c r="BP2854" s="166">
        <v>0</v>
      </c>
      <c r="BQ2854" s="166">
        <v>0</v>
      </c>
      <c r="BR2854" s="166">
        <v>51323712.169999897</v>
      </c>
      <c r="BS2854" s="166">
        <v>51323712.170000002</v>
      </c>
      <c r="BT2854" s="168">
        <v>0</v>
      </c>
      <c r="BU2854" s="166">
        <v>0</v>
      </c>
      <c r="BV2854" s="166">
        <v>0</v>
      </c>
      <c r="BW2854" s="166">
        <v>0</v>
      </c>
      <c r="BX2854" s="166">
        <v>0</v>
      </c>
      <c r="BY2854" s="166">
        <v>0</v>
      </c>
      <c r="BZ2854" s="166">
        <v>0</v>
      </c>
      <c r="CA2854" s="166">
        <v>0</v>
      </c>
      <c r="CB2854" s="166">
        <v>0</v>
      </c>
      <c r="CC2854" s="166">
        <v>0</v>
      </c>
      <c r="CD2854" s="166">
        <v>0</v>
      </c>
      <c r="CE2854" s="166">
        <v>0</v>
      </c>
      <c r="CF2854" s="166">
        <v>0</v>
      </c>
      <c r="CG2854" s="166">
        <v>0</v>
      </c>
      <c r="CH2854" s="166">
        <v>0</v>
      </c>
      <c r="CI2854" s="166">
        <v>0</v>
      </c>
      <c r="CJ2854" s="166">
        <v>0</v>
      </c>
      <c r="CK2854" s="166">
        <v>0</v>
      </c>
      <c r="CL2854" s="166">
        <v>0</v>
      </c>
      <c r="CM2854" s="166">
        <v>0</v>
      </c>
      <c r="CN2854" s="166">
        <v>0</v>
      </c>
      <c r="CO2854" s="166">
        <v>0</v>
      </c>
      <c r="CP2854" s="166">
        <v>0</v>
      </c>
      <c r="CQ2854" s="166">
        <v>0</v>
      </c>
      <c r="CR2854" s="166">
        <v>0</v>
      </c>
      <c r="CS2854" s="166">
        <v>0</v>
      </c>
      <c r="CT2854" s="166">
        <v>0</v>
      </c>
      <c r="CU2854" s="166">
        <v>0</v>
      </c>
      <c r="CV2854" s="166">
        <v>0</v>
      </c>
      <c r="CW2854" s="166">
        <v>0</v>
      </c>
      <c r="CX2854" s="166">
        <v>0</v>
      </c>
      <c r="CY2854" s="166">
        <v>0</v>
      </c>
      <c r="CZ2854" s="166">
        <v>0</v>
      </c>
    </row>
    <row r="2855" spans="1:104" x14ac:dyDescent="0.2">
      <c r="A2855" s="170" t="s">
        <v>142</v>
      </c>
      <c r="B2855" s="166">
        <v>71396998.219999999</v>
      </c>
      <c r="C2855" s="166">
        <v>71396998.219999999</v>
      </c>
      <c r="D2855" s="166">
        <v>0</v>
      </c>
      <c r="E2855" s="166">
        <v>0</v>
      </c>
      <c r="F2855" s="166">
        <v>0</v>
      </c>
      <c r="G2855" s="166">
        <v>0</v>
      </c>
      <c r="H2855" s="166">
        <v>0</v>
      </c>
      <c r="I2855" s="166">
        <v>0</v>
      </c>
      <c r="J2855" s="166">
        <v>0</v>
      </c>
      <c r="K2855" s="166">
        <v>0</v>
      </c>
      <c r="L2855" s="166">
        <v>0</v>
      </c>
      <c r="M2855" s="166">
        <v>0</v>
      </c>
      <c r="N2855" s="166">
        <v>0</v>
      </c>
      <c r="O2855" s="166">
        <v>0</v>
      </c>
      <c r="P2855" s="166">
        <v>0</v>
      </c>
      <c r="Q2855" s="166">
        <v>0</v>
      </c>
      <c r="R2855" s="166">
        <v>0</v>
      </c>
      <c r="S2855" s="166">
        <v>0</v>
      </c>
      <c r="T2855" s="166">
        <v>0</v>
      </c>
      <c r="U2855" s="166">
        <v>0</v>
      </c>
      <c r="V2855" s="166">
        <v>0</v>
      </c>
      <c r="W2855" s="166">
        <v>0</v>
      </c>
      <c r="X2855" s="166">
        <v>0</v>
      </c>
      <c r="Y2855" s="166">
        <v>0</v>
      </c>
      <c r="Z2855" s="166">
        <v>0</v>
      </c>
      <c r="AA2855" s="166">
        <v>0</v>
      </c>
      <c r="AB2855" s="166">
        <v>0</v>
      </c>
      <c r="AC2855" s="166">
        <v>0</v>
      </c>
      <c r="AD2855" s="166">
        <v>0</v>
      </c>
      <c r="AE2855" s="166">
        <v>0</v>
      </c>
      <c r="AF2855" s="166">
        <v>0</v>
      </c>
      <c r="AG2855" s="166">
        <v>0</v>
      </c>
      <c r="AH2855" s="166">
        <v>0</v>
      </c>
      <c r="AI2855" s="166">
        <v>0</v>
      </c>
      <c r="AJ2855" s="166">
        <v>0</v>
      </c>
      <c r="AK2855" s="166">
        <v>0</v>
      </c>
      <c r="AL2855" s="166">
        <v>0</v>
      </c>
      <c r="AM2855" s="166">
        <v>0</v>
      </c>
      <c r="AN2855" s="166">
        <v>0</v>
      </c>
      <c r="AO2855" s="166">
        <v>0</v>
      </c>
      <c r="AP2855" s="166">
        <v>0</v>
      </c>
      <c r="AQ2855" s="166">
        <v>0</v>
      </c>
      <c r="AR2855" s="166">
        <v>0</v>
      </c>
      <c r="AS2855" s="166">
        <v>0</v>
      </c>
      <c r="AT2855" s="166">
        <v>0</v>
      </c>
      <c r="AU2855" s="166">
        <v>0</v>
      </c>
      <c r="AV2855" s="166">
        <v>0</v>
      </c>
      <c r="AW2855" s="166">
        <v>0</v>
      </c>
      <c r="AX2855" s="166">
        <v>0</v>
      </c>
      <c r="AY2855" s="166">
        <v>0</v>
      </c>
      <c r="AZ2855" s="166">
        <v>0</v>
      </c>
      <c r="BA2855" s="166">
        <v>0</v>
      </c>
      <c r="BB2855" s="166">
        <v>0</v>
      </c>
      <c r="BC2855" s="166">
        <v>0</v>
      </c>
      <c r="BD2855" s="166">
        <v>0</v>
      </c>
      <c r="BE2855" s="166">
        <v>0</v>
      </c>
      <c r="BF2855" s="166">
        <v>0</v>
      </c>
      <c r="BG2855" s="166">
        <v>0</v>
      </c>
      <c r="BH2855" s="166">
        <v>0</v>
      </c>
      <c r="BI2855" s="166">
        <v>0</v>
      </c>
      <c r="BJ2855" s="166">
        <v>0</v>
      </c>
      <c r="BK2855" s="166">
        <v>0</v>
      </c>
      <c r="BL2855" s="166">
        <v>0</v>
      </c>
      <c r="BM2855" s="166">
        <v>0</v>
      </c>
      <c r="BN2855" s="166">
        <v>0</v>
      </c>
      <c r="BO2855" s="166">
        <v>0</v>
      </c>
      <c r="BP2855" s="166">
        <v>0</v>
      </c>
      <c r="BQ2855" s="166">
        <v>0</v>
      </c>
      <c r="BR2855" s="166">
        <v>142793996.44</v>
      </c>
      <c r="BS2855" s="166">
        <v>71396998.219999999</v>
      </c>
      <c r="BT2855" s="168">
        <v>0</v>
      </c>
      <c r="BU2855" s="166">
        <v>0</v>
      </c>
      <c r="BV2855" s="166">
        <v>0</v>
      </c>
      <c r="BW2855" s="166">
        <v>0</v>
      </c>
      <c r="BX2855" s="166">
        <v>0</v>
      </c>
      <c r="BY2855" s="166">
        <v>0</v>
      </c>
      <c r="BZ2855" s="166">
        <v>0</v>
      </c>
      <c r="CA2855" s="166">
        <v>0</v>
      </c>
      <c r="CB2855" s="166">
        <v>0</v>
      </c>
      <c r="CC2855" s="166">
        <v>0</v>
      </c>
      <c r="CD2855" s="166">
        <v>0</v>
      </c>
      <c r="CE2855" s="166">
        <v>0</v>
      </c>
      <c r="CF2855" s="166">
        <v>0</v>
      </c>
      <c r="CG2855" s="166">
        <v>0</v>
      </c>
      <c r="CH2855" s="166">
        <v>0</v>
      </c>
      <c r="CI2855" s="166">
        <v>0</v>
      </c>
      <c r="CJ2855" s="166">
        <v>0</v>
      </c>
      <c r="CK2855" s="166">
        <v>0</v>
      </c>
      <c r="CL2855" s="166">
        <v>0</v>
      </c>
      <c r="CM2855" s="166">
        <v>0</v>
      </c>
      <c r="CN2855" s="166">
        <v>0</v>
      </c>
      <c r="CO2855" s="166">
        <v>0</v>
      </c>
      <c r="CP2855" s="166">
        <v>0</v>
      </c>
      <c r="CQ2855" s="166">
        <v>0</v>
      </c>
      <c r="CR2855" s="166">
        <v>0</v>
      </c>
      <c r="CS2855" s="166">
        <v>0</v>
      </c>
      <c r="CT2855" s="166">
        <v>0</v>
      </c>
      <c r="CU2855" s="166">
        <v>0</v>
      </c>
      <c r="CV2855" s="166">
        <v>0</v>
      </c>
      <c r="CW2855" s="166">
        <v>0</v>
      </c>
      <c r="CX2855" s="166">
        <v>0</v>
      </c>
      <c r="CY2855" s="166">
        <v>0</v>
      </c>
      <c r="CZ2855" s="166">
        <v>0</v>
      </c>
    </row>
    <row r="2856" spans="1:104" x14ac:dyDescent="0.2">
      <c r="A2856" s="167" t="s">
        <v>143</v>
      </c>
    </row>
    <row r="2857" spans="1:104" x14ac:dyDescent="0.2">
      <c r="A2857" s="170" t="s">
        <v>144</v>
      </c>
    </row>
    <row r="2858" spans="1:104" x14ac:dyDescent="0.2">
      <c r="A2858" s="167" t="s">
        <v>1050</v>
      </c>
      <c r="B2858" s="166">
        <v>-2513029</v>
      </c>
      <c r="C2858" s="166">
        <v>-2513029</v>
      </c>
      <c r="D2858" s="166">
        <v>0</v>
      </c>
      <c r="E2858" s="166">
        <v>0</v>
      </c>
      <c r="F2858" s="166">
        <v>0</v>
      </c>
      <c r="G2858" s="166">
        <v>0</v>
      </c>
      <c r="H2858" s="166">
        <v>0</v>
      </c>
      <c r="I2858" s="166">
        <v>0</v>
      </c>
      <c r="J2858" s="166">
        <v>0</v>
      </c>
      <c r="K2858" s="166">
        <v>0</v>
      </c>
      <c r="L2858" s="166">
        <v>0</v>
      </c>
      <c r="M2858" s="166">
        <v>0</v>
      </c>
      <c r="N2858" s="166">
        <v>0</v>
      </c>
      <c r="O2858" s="166">
        <v>0</v>
      </c>
      <c r="P2858" s="166">
        <v>0</v>
      </c>
      <c r="Q2858" s="166">
        <v>0</v>
      </c>
      <c r="R2858" s="166">
        <v>0</v>
      </c>
      <c r="S2858" s="166">
        <v>0</v>
      </c>
      <c r="T2858" s="166">
        <v>0</v>
      </c>
      <c r="U2858" s="166">
        <v>0</v>
      </c>
      <c r="V2858" s="166">
        <v>0</v>
      </c>
      <c r="W2858" s="166">
        <v>0</v>
      </c>
      <c r="X2858" s="166">
        <v>0</v>
      </c>
      <c r="Y2858" s="166">
        <v>0</v>
      </c>
      <c r="Z2858" s="166">
        <v>0</v>
      </c>
      <c r="AA2858" s="166">
        <v>0</v>
      </c>
      <c r="AB2858" s="166">
        <v>0</v>
      </c>
      <c r="AC2858" s="166">
        <v>0</v>
      </c>
      <c r="AD2858" s="166">
        <v>0</v>
      </c>
      <c r="AE2858" s="166">
        <v>0</v>
      </c>
      <c r="AF2858" s="166">
        <v>0</v>
      </c>
      <c r="AG2858" s="166">
        <v>0</v>
      </c>
      <c r="AH2858" s="166">
        <v>0</v>
      </c>
      <c r="AI2858" s="166">
        <v>0</v>
      </c>
      <c r="AJ2858" s="166">
        <v>0</v>
      </c>
      <c r="AK2858" s="166">
        <v>0</v>
      </c>
      <c r="AL2858" s="166">
        <v>0</v>
      </c>
      <c r="AM2858" s="166">
        <v>0</v>
      </c>
      <c r="AN2858" s="166">
        <v>0</v>
      </c>
      <c r="AO2858" s="166">
        <v>0</v>
      </c>
      <c r="AP2858" s="166">
        <v>0</v>
      </c>
      <c r="AQ2858" s="166">
        <v>0</v>
      </c>
      <c r="AR2858" s="166">
        <v>0</v>
      </c>
      <c r="AS2858" s="166">
        <v>0</v>
      </c>
      <c r="AT2858" s="166">
        <v>0</v>
      </c>
      <c r="AU2858" s="166">
        <v>0</v>
      </c>
      <c r="AV2858" s="166">
        <v>0</v>
      </c>
      <c r="AW2858" s="166">
        <v>0</v>
      </c>
      <c r="AX2858" s="166">
        <v>0</v>
      </c>
      <c r="AY2858" s="166">
        <v>0</v>
      </c>
      <c r="AZ2858" s="166">
        <v>0</v>
      </c>
      <c r="BA2858" s="166">
        <v>0</v>
      </c>
      <c r="BB2858" s="166">
        <v>0</v>
      </c>
      <c r="BC2858" s="166">
        <v>0</v>
      </c>
      <c r="BD2858" s="166">
        <v>0</v>
      </c>
      <c r="BE2858" s="166">
        <v>0</v>
      </c>
      <c r="BF2858" s="166">
        <v>0</v>
      </c>
      <c r="BG2858" s="166">
        <v>0</v>
      </c>
      <c r="BH2858" s="166">
        <v>0</v>
      </c>
      <c r="BI2858" s="166">
        <v>0</v>
      </c>
      <c r="BJ2858" s="166">
        <v>0</v>
      </c>
      <c r="BK2858" s="166">
        <v>0</v>
      </c>
      <c r="BL2858" s="166">
        <v>0</v>
      </c>
      <c r="BM2858" s="166">
        <v>0</v>
      </c>
      <c r="BN2858" s="166">
        <v>0</v>
      </c>
      <c r="BO2858" s="166">
        <v>0</v>
      </c>
      <c r="BP2858" s="166">
        <v>0</v>
      </c>
      <c r="BQ2858" s="166">
        <v>0</v>
      </c>
      <c r="BR2858" s="166">
        <v>-2513029</v>
      </c>
      <c r="BS2858" s="166">
        <v>-2513029</v>
      </c>
      <c r="BT2858" s="168">
        <v>0</v>
      </c>
      <c r="BU2858" s="166">
        <v>0</v>
      </c>
      <c r="BV2858" s="166">
        <v>0</v>
      </c>
      <c r="BW2858" s="166">
        <v>0</v>
      </c>
      <c r="BX2858" s="166">
        <v>0</v>
      </c>
      <c r="BY2858" s="166">
        <v>0</v>
      </c>
      <c r="BZ2858" s="166">
        <v>0</v>
      </c>
      <c r="CA2858" s="166">
        <v>0</v>
      </c>
      <c r="CB2858" s="166">
        <v>0</v>
      </c>
      <c r="CC2858" s="166">
        <v>0</v>
      </c>
      <c r="CD2858" s="166">
        <v>0</v>
      </c>
      <c r="CE2858" s="166">
        <v>0</v>
      </c>
      <c r="CF2858" s="166">
        <v>0</v>
      </c>
      <c r="CG2858" s="166">
        <v>0</v>
      </c>
      <c r="CH2858" s="166">
        <v>0</v>
      </c>
      <c r="CI2858" s="166">
        <v>0</v>
      </c>
      <c r="CJ2858" s="166">
        <v>0</v>
      </c>
      <c r="CK2858" s="166">
        <v>0</v>
      </c>
      <c r="CL2858" s="166">
        <v>0</v>
      </c>
      <c r="CM2858" s="166">
        <v>0</v>
      </c>
      <c r="CN2858" s="166">
        <v>0</v>
      </c>
      <c r="CO2858" s="166">
        <v>0</v>
      </c>
      <c r="CP2858" s="166">
        <v>0</v>
      </c>
      <c r="CQ2858" s="166">
        <v>0</v>
      </c>
      <c r="CR2858" s="166">
        <v>0</v>
      </c>
      <c r="CS2858" s="166">
        <v>0</v>
      </c>
      <c r="CT2858" s="166">
        <v>0</v>
      </c>
      <c r="CU2858" s="166">
        <v>0</v>
      </c>
      <c r="CV2858" s="166">
        <v>0</v>
      </c>
      <c r="CW2858" s="166">
        <v>0</v>
      </c>
      <c r="CX2858" s="166">
        <v>0</v>
      </c>
      <c r="CY2858" s="166">
        <v>0</v>
      </c>
      <c r="CZ2858" s="166">
        <v>0</v>
      </c>
    </row>
    <row r="2859" spans="1:104" x14ac:dyDescent="0.2">
      <c r="A2859" s="167" t="s">
        <v>146</v>
      </c>
      <c r="B2859" s="166">
        <v>0</v>
      </c>
      <c r="C2859" s="166">
        <v>0</v>
      </c>
      <c r="D2859" s="166">
        <v>0</v>
      </c>
      <c r="E2859" s="166">
        <v>0</v>
      </c>
      <c r="F2859" s="166">
        <v>0</v>
      </c>
      <c r="G2859" s="166">
        <v>0</v>
      </c>
      <c r="H2859" s="166">
        <v>0</v>
      </c>
      <c r="I2859" s="166">
        <v>0</v>
      </c>
      <c r="J2859" s="166">
        <v>0</v>
      </c>
      <c r="K2859" s="166">
        <v>0</v>
      </c>
      <c r="L2859" s="166">
        <v>0</v>
      </c>
      <c r="M2859" s="166">
        <v>0</v>
      </c>
      <c r="N2859" s="166">
        <v>0</v>
      </c>
      <c r="O2859" s="166">
        <v>0</v>
      </c>
      <c r="P2859" s="166">
        <v>0</v>
      </c>
      <c r="Q2859" s="166">
        <v>0</v>
      </c>
      <c r="R2859" s="166">
        <v>0</v>
      </c>
      <c r="S2859" s="166">
        <v>0</v>
      </c>
      <c r="T2859" s="166">
        <v>0</v>
      </c>
      <c r="U2859" s="166">
        <v>0</v>
      </c>
      <c r="V2859" s="166">
        <v>0</v>
      </c>
      <c r="W2859" s="166">
        <v>0</v>
      </c>
      <c r="X2859" s="166">
        <v>0</v>
      </c>
      <c r="Y2859" s="166">
        <v>0</v>
      </c>
      <c r="Z2859" s="166">
        <v>0</v>
      </c>
      <c r="AA2859" s="166">
        <v>0</v>
      </c>
      <c r="AB2859" s="166">
        <v>0</v>
      </c>
      <c r="AC2859" s="166">
        <v>0</v>
      </c>
      <c r="AD2859" s="166">
        <v>0</v>
      </c>
      <c r="AE2859" s="166">
        <v>0</v>
      </c>
      <c r="AF2859" s="166">
        <v>0</v>
      </c>
      <c r="AG2859" s="166">
        <v>0</v>
      </c>
      <c r="AH2859" s="166">
        <v>0</v>
      </c>
      <c r="AI2859" s="166">
        <v>0</v>
      </c>
      <c r="AJ2859" s="166">
        <v>0</v>
      </c>
      <c r="AK2859" s="166">
        <v>0</v>
      </c>
      <c r="AL2859" s="166">
        <v>0</v>
      </c>
      <c r="AM2859" s="166">
        <v>0</v>
      </c>
      <c r="AN2859" s="166">
        <v>0</v>
      </c>
      <c r="AO2859" s="166">
        <v>0</v>
      </c>
      <c r="AP2859" s="166">
        <v>0</v>
      </c>
      <c r="AQ2859" s="166">
        <v>0</v>
      </c>
      <c r="AR2859" s="166">
        <v>0</v>
      </c>
      <c r="AS2859" s="166">
        <v>0</v>
      </c>
      <c r="AT2859" s="166">
        <v>0</v>
      </c>
      <c r="AU2859" s="166">
        <v>0</v>
      </c>
      <c r="AV2859" s="166">
        <v>0</v>
      </c>
      <c r="AW2859" s="166">
        <v>0</v>
      </c>
      <c r="AX2859" s="166">
        <v>0</v>
      </c>
      <c r="AY2859" s="166">
        <v>0</v>
      </c>
      <c r="AZ2859" s="166">
        <v>0</v>
      </c>
      <c r="BA2859" s="166">
        <v>0</v>
      </c>
      <c r="BB2859" s="166">
        <v>0</v>
      </c>
      <c r="BC2859" s="166">
        <v>0</v>
      </c>
      <c r="BD2859" s="166">
        <v>0</v>
      </c>
      <c r="BE2859" s="166">
        <v>0</v>
      </c>
      <c r="BF2859" s="166">
        <v>0</v>
      </c>
      <c r="BG2859" s="166">
        <v>0</v>
      </c>
      <c r="BH2859" s="166">
        <v>0</v>
      </c>
      <c r="BI2859" s="166">
        <v>0</v>
      </c>
      <c r="BJ2859" s="166">
        <v>0</v>
      </c>
      <c r="BK2859" s="166">
        <v>0</v>
      </c>
      <c r="BL2859" s="166">
        <v>0</v>
      </c>
      <c r="BM2859" s="166">
        <v>0</v>
      </c>
      <c r="BN2859" s="166">
        <v>0</v>
      </c>
      <c r="BO2859" s="166">
        <v>0</v>
      </c>
      <c r="BP2859" s="166">
        <v>0</v>
      </c>
      <c r="BQ2859" s="166">
        <v>0</v>
      </c>
      <c r="BR2859" s="166">
        <v>0</v>
      </c>
      <c r="BS2859" s="166">
        <v>0</v>
      </c>
      <c r="BT2859" s="168">
        <v>0</v>
      </c>
      <c r="BU2859" s="166">
        <v>0</v>
      </c>
      <c r="BV2859" s="166">
        <v>0</v>
      </c>
      <c r="BW2859" s="166">
        <v>0</v>
      </c>
      <c r="BX2859" s="166">
        <v>0</v>
      </c>
      <c r="BY2859" s="166">
        <v>0</v>
      </c>
      <c r="BZ2859" s="166">
        <v>0</v>
      </c>
      <c r="CA2859" s="166">
        <v>0</v>
      </c>
      <c r="CB2859" s="166">
        <v>0</v>
      </c>
      <c r="CC2859" s="166">
        <v>0</v>
      </c>
      <c r="CD2859" s="166">
        <v>0</v>
      </c>
      <c r="CE2859" s="166">
        <v>0</v>
      </c>
      <c r="CF2859" s="166">
        <v>0</v>
      </c>
      <c r="CG2859" s="166">
        <v>0</v>
      </c>
      <c r="CH2859" s="166">
        <v>0</v>
      </c>
      <c r="CI2859" s="166">
        <v>0</v>
      </c>
      <c r="CJ2859" s="166">
        <v>0</v>
      </c>
      <c r="CK2859" s="166">
        <v>0</v>
      </c>
      <c r="CL2859" s="166">
        <v>0</v>
      </c>
      <c r="CM2859" s="166">
        <v>0</v>
      </c>
      <c r="CN2859" s="166">
        <v>0</v>
      </c>
      <c r="CO2859" s="166">
        <v>0</v>
      </c>
      <c r="CP2859" s="166">
        <v>0</v>
      </c>
      <c r="CQ2859" s="166">
        <v>0</v>
      </c>
      <c r="CR2859" s="166">
        <v>0</v>
      </c>
      <c r="CS2859" s="166">
        <v>0</v>
      </c>
      <c r="CT2859" s="166">
        <v>0</v>
      </c>
      <c r="CU2859" s="166">
        <v>0</v>
      </c>
      <c r="CV2859" s="166">
        <v>0</v>
      </c>
      <c r="CW2859" s="166">
        <v>0</v>
      </c>
      <c r="CX2859" s="166">
        <v>0</v>
      </c>
      <c r="CY2859" s="166">
        <v>0</v>
      </c>
      <c r="CZ2859" s="166">
        <v>0</v>
      </c>
    </row>
    <row r="2860" spans="1:104" x14ac:dyDescent="0.2">
      <c r="A2860" s="170" t="s">
        <v>147</v>
      </c>
      <c r="B2860" s="166">
        <v>-2513029</v>
      </c>
      <c r="C2860" s="166">
        <v>-2513029</v>
      </c>
      <c r="D2860" s="166">
        <v>0</v>
      </c>
      <c r="E2860" s="166">
        <v>0</v>
      </c>
      <c r="F2860" s="166">
        <v>0</v>
      </c>
      <c r="G2860" s="166">
        <v>0</v>
      </c>
      <c r="H2860" s="166">
        <v>0</v>
      </c>
      <c r="I2860" s="166">
        <v>0</v>
      </c>
      <c r="J2860" s="166">
        <v>0</v>
      </c>
      <c r="K2860" s="166">
        <v>0</v>
      </c>
      <c r="L2860" s="166">
        <v>0</v>
      </c>
      <c r="M2860" s="166">
        <v>0</v>
      </c>
      <c r="N2860" s="166">
        <v>0</v>
      </c>
      <c r="O2860" s="166">
        <v>0</v>
      </c>
      <c r="P2860" s="166">
        <v>0</v>
      </c>
      <c r="Q2860" s="166">
        <v>0</v>
      </c>
      <c r="R2860" s="166">
        <v>0</v>
      </c>
      <c r="S2860" s="166">
        <v>0</v>
      </c>
      <c r="T2860" s="166">
        <v>0</v>
      </c>
      <c r="U2860" s="166">
        <v>0</v>
      </c>
      <c r="V2860" s="166">
        <v>0</v>
      </c>
      <c r="W2860" s="166">
        <v>0</v>
      </c>
      <c r="X2860" s="166">
        <v>0</v>
      </c>
      <c r="Y2860" s="166">
        <v>0</v>
      </c>
      <c r="Z2860" s="166">
        <v>0</v>
      </c>
      <c r="AA2860" s="166">
        <v>0</v>
      </c>
      <c r="AB2860" s="166">
        <v>0</v>
      </c>
      <c r="AC2860" s="166">
        <v>0</v>
      </c>
      <c r="AD2860" s="166">
        <v>0</v>
      </c>
      <c r="AE2860" s="166">
        <v>0</v>
      </c>
      <c r="AF2860" s="166">
        <v>0</v>
      </c>
      <c r="AG2860" s="166">
        <v>0</v>
      </c>
      <c r="AH2860" s="166">
        <v>0</v>
      </c>
      <c r="AI2860" s="166">
        <v>0</v>
      </c>
      <c r="AJ2860" s="166">
        <v>0</v>
      </c>
      <c r="AK2860" s="166">
        <v>0</v>
      </c>
      <c r="AL2860" s="166">
        <v>0</v>
      </c>
      <c r="AM2860" s="166">
        <v>0</v>
      </c>
      <c r="AN2860" s="166">
        <v>0</v>
      </c>
      <c r="AO2860" s="166">
        <v>0</v>
      </c>
      <c r="AP2860" s="166">
        <v>0</v>
      </c>
      <c r="AQ2860" s="166">
        <v>0</v>
      </c>
      <c r="AR2860" s="166">
        <v>0</v>
      </c>
      <c r="AS2860" s="166">
        <v>0</v>
      </c>
      <c r="AT2860" s="166">
        <v>0</v>
      </c>
      <c r="AU2860" s="166">
        <v>0</v>
      </c>
      <c r="AV2860" s="166">
        <v>0</v>
      </c>
      <c r="AW2860" s="166">
        <v>0</v>
      </c>
      <c r="AX2860" s="166">
        <v>0</v>
      </c>
      <c r="AY2860" s="166">
        <v>0</v>
      </c>
      <c r="AZ2860" s="166">
        <v>0</v>
      </c>
      <c r="BA2860" s="166">
        <v>0</v>
      </c>
      <c r="BB2860" s="166">
        <v>0</v>
      </c>
      <c r="BC2860" s="166">
        <v>0</v>
      </c>
      <c r="BD2860" s="166">
        <v>0</v>
      </c>
      <c r="BE2860" s="166">
        <v>0</v>
      </c>
      <c r="BF2860" s="166">
        <v>0</v>
      </c>
      <c r="BG2860" s="166">
        <v>0</v>
      </c>
      <c r="BH2860" s="166">
        <v>0</v>
      </c>
      <c r="BI2860" s="166">
        <v>0</v>
      </c>
      <c r="BJ2860" s="166">
        <v>0</v>
      </c>
      <c r="BK2860" s="166">
        <v>0</v>
      </c>
      <c r="BL2860" s="166">
        <v>0</v>
      </c>
      <c r="BM2860" s="166">
        <v>0</v>
      </c>
      <c r="BN2860" s="166">
        <v>0</v>
      </c>
      <c r="BO2860" s="166">
        <v>0</v>
      </c>
      <c r="BP2860" s="166">
        <v>0</v>
      </c>
      <c r="BQ2860" s="166">
        <v>0</v>
      </c>
      <c r="BR2860" s="166">
        <v>-2513029</v>
      </c>
      <c r="BS2860" s="166">
        <v>-2513029</v>
      </c>
      <c r="BT2860" s="168">
        <v>0</v>
      </c>
      <c r="BU2860" s="166">
        <v>0</v>
      </c>
      <c r="BV2860" s="166">
        <v>0</v>
      </c>
      <c r="BW2860" s="166">
        <v>0</v>
      </c>
      <c r="BX2860" s="166">
        <v>0</v>
      </c>
      <c r="BY2860" s="166">
        <v>0</v>
      </c>
      <c r="BZ2860" s="166">
        <v>0</v>
      </c>
      <c r="CA2860" s="166">
        <v>0</v>
      </c>
      <c r="CB2860" s="166">
        <v>0</v>
      </c>
      <c r="CC2860" s="166">
        <v>0</v>
      </c>
      <c r="CD2860" s="166">
        <v>0</v>
      </c>
      <c r="CE2860" s="166">
        <v>0</v>
      </c>
      <c r="CF2860" s="166">
        <v>0</v>
      </c>
      <c r="CG2860" s="166">
        <v>0</v>
      </c>
      <c r="CH2860" s="166">
        <v>0</v>
      </c>
      <c r="CI2860" s="166">
        <v>0</v>
      </c>
      <c r="CJ2860" s="166">
        <v>0</v>
      </c>
      <c r="CK2860" s="166">
        <v>0</v>
      </c>
      <c r="CL2860" s="166">
        <v>0</v>
      </c>
      <c r="CM2860" s="166">
        <v>0</v>
      </c>
      <c r="CN2860" s="166">
        <v>0</v>
      </c>
      <c r="CO2860" s="166">
        <v>0</v>
      </c>
      <c r="CP2860" s="166">
        <v>0</v>
      </c>
      <c r="CQ2860" s="166">
        <v>0</v>
      </c>
      <c r="CR2860" s="166">
        <v>0</v>
      </c>
      <c r="CS2860" s="166">
        <v>0</v>
      </c>
      <c r="CT2860" s="166">
        <v>0</v>
      </c>
      <c r="CU2860" s="166">
        <v>0</v>
      </c>
      <c r="CV2860" s="166">
        <v>0</v>
      </c>
      <c r="CW2860" s="166">
        <v>0</v>
      </c>
      <c r="CX2860" s="166">
        <v>0</v>
      </c>
      <c r="CY2860" s="166">
        <v>0</v>
      </c>
      <c r="CZ2860" s="166">
        <v>0</v>
      </c>
    </row>
    <row r="2861" spans="1:104" x14ac:dyDescent="0.2">
      <c r="A2861" s="167" t="s">
        <v>148</v>
      </c>
    </row>
    <row r="2862" spans="1:104" x14ac:dyDescent="0.2">
      <c r="A2862" s="170" t="s">
        <v>149</v>
      </c>
    </row>
    <row r="2863" spans="1:104" x14ac:dyDescent="0.2">
      <c r="A2863" s="167" t="s">
        <v>1051</v>
      </c>
      <c r="B2863" s="166">
        <v>11755259.5287569</v>
      </c>
      <c r="C2863" s="166">
        <v>11755259.5287569</v>
      </c>
      <c r="D2863" s="166">
        <v>0</v>
      </c>
      <c r="E2863" s="166">
        <v>0</v>
      </c>
      <c r="F2863" s="166">
        <v>0</v>
      </c>
      <c r="G2863" s="166">
        <v>0</v>
      </c>
      <c r="H2863" s="166">
        <v>0</v>
      </c>
      <c r="I2863" s="166">
        <v>0</v>
      </c>
      <c r="J2863" s="166">
        <v>0</v>
      </c>
      <c r="K2863" s="166">
        <v>0</v>
      </c>
      <c r="L2863" s="166">
        <v>0</v>
      </c>
      <c r="M2863" s="166">
        <v>0</v>
      </c>
      <c r="N2863" s="166">
        <v>0</v>
      </c>
      <c r="O2863" s="166">
        <v>0</v>
      </c>
      <c r="P2863" s="166">
        <v>0</v>
      </c>
      <c r="Q2863" s="166">
        <v>0</v>
      </c>
      <c r="R2863" s="166">
        <v>0</v>
      </c>
      <c r="S2863" s="166">
        <v>0</v>
      </c>
      <c r="T2863" s="166">
        <v>0</v>
      </c>
      <c r="U2863" s="166">
        <v>0</v>
      </c>
      <c r="V2863" s="166">
        <v>0</v>
      </c>
      <c r="W2863" s="166">
        <v>0</v>
      </c>
      <c r="X2863" s="166">
        <v>0</v>
      </c>
      <c r="Y2863" s="166">
        <v>0</v>
      </c>
      <c r="Z2863" s="166">
        <v>0</v>
      </c>
      <c r="AA2863" s="166">
        <v>0</v>
      </c>
      <c r="AB2863" s="166">
        <v>0</v>
      </c>
      <c r="AC2863" s="166">
        <v>0</v>
      </c>
      <c r="AD2863" s="166">
        <v>0</v>
      </c>
      <c r="AE2863" s="166">
        <v>0</v>
      </c>
      <c r="AF2863" s="166">
        <v>0</v>
      </c>
      <c r="AG2863" s="166">
        <v>0</v>
      </c>
      <c r="AH2863" s="166">
        <v>0</v>
      </c>
      <c r="AI2863" s="166">
        <v>0</v>
      </c>
      <c r="AJ2863" s="166">
        <v>0</v>
      </c>
      <c r="AK2863" s="166">
        <v>0</v>
      </c>
      <c r="AL2863" s="166">
        <v>0</v>
      </c>
      <c r="AM2863" s="166">
        <v>0</v>
      </c>
      <c r="AN2863" s="166">
        <v>0</v>
      </c>
      <c r="AO2863" s="166">
        <v>0</v>
      </c>
      <c r="AP2863" s="166">
        <v>0</v>
      </c>
      <c r="AQ2863" s="166">
        <v>0</v>
      </c>
      <c r="AR2863" s="166">
        <v>0</v>
      </c>
      <c r="AS2863" s="166">
        <v>0</v>
      </c>
      <c r="AT2863" s="166">
        <v>0</v>
      </c>
      <c r="AU2863" s="166">
        <v>0</v>
      </c>
      <c r="AV2863" s="166">
        <v>0</v>
      </c>
      <c r="AW2863" s="166">
        <v>0</v>
      </c>
      <c r="AX2863" s="166">
        <v>0</v>
      </c>
      <c r="AY2863" s="166">
        <v>0</v>
      </c>
      <c r="AZ2863" s="166">
        <v>0</v>
      </c>
      <c r="BA2863" s="166">
        <v>0</v>
      </c>
      <c r="BB2863" s="166">
        <v>0</v>
      </c>
      <c r="BC2863" s="166">
        <v>0</v>
      </c>
      <c r="BD2863" s="166">
        <v>0</v>
      </c>
      <c r="BE2863" s="166">
        <v>0</v>
      </c>
      <c r="BF2863" s="166">
        <v>0</v>
      </c>
      <c r="BG2863" s="166">
        <v>0</v>
      </c>
      <c r="BH2863" s="166">
        <v>0</v>
      </c>
      <c r="BI2863" s="166">
        <v>0</v>
      </c>
      <c r="BJ2863" s="166">
        <v>0</v>
      </c>
      <c r="BK2863" s="166">
        <v>0</v>
      </c>
      <c r="BL2863" s="166">
        <v>0</v>
      </c>
      <c r="BM2863" s="166">
        <v>0</v>
      </c>
      <c r="BN2863" s="166">
        <v>0</v>
      </c>
      <c r="BO2863" s="166">
        <v>0</v>
      </c>
      <c r="BP2863" s="166">
        <v>0</v>
      </c>
      <c r="BQ2863" s="166">
        <v>0</v>
      </c>
      <c r="BR2863" s="166">
        <v>11755259.5287569</v>
      </c>
      <c r="BS2863" s="166">
        <v>11755259.5287569</v>
      </c>
      <c r="BT2863" s="168">
        <v>0</v>
      </c>
      <c r="BU2863" s="166">
        <v>0</v>
      </c>
      <c r="BV2863" s="166">
        <v>0</v>
      </c>
      <c r="BW2863" s="166">
        <v>0</v>
      </c>
      <c r="BX2863" s="166">
        <v>0</v>
      </c>
      <c r="BY2863" s="166">
        <v>0</v>
      </c>
      <c r="BZ2863" s="166">
        <v>0</v>
      </c>
      <c r="CA2863" s="166">
        <v>0</v>
      </c>
      <c r="CB2863" s="166">
        <v>0</v>
      </c>
      <c r="CC2863" s="166">
        <v>0</v>
      </c>
      <c r="CD2863" s="166">
        <v>0</v>
      </c>
      <c r="CE2863" s="166">
        <v>0</v>
      </c>
      <c r="CF2863" s="166">
        <v>0</v>
      </c>
      <c r="CG2863" s="166">
        <v>0</v>
      </c>
      <c r="CH2863" s="166">
        <v>0</v>
      </c>
      <c r="CI2863" s="166">
        <v>0</v>
      </c>
      <c r="CJ2863" s="166">
        <v>0</v>
      </c>
      <c r="CK2863" s="166">
        <v>0</v>
      </c>
      <c r="CL2863" s="166">
        <v>0</v>
      </c>
      <c r="CM2863" s="166">
        <v>0</v>
      </c>
      <c r="CN2863" s="166">
        <v>0</v>
      </c>
      <c r="CO2863" s="166">
        <v>0</v>
      </c>
      <c r="CP2863" s="166">
        <v>0</v>
      </c>
      <c r="CQ2863" s="166">
        <v>0</v>
      </c>
      <c r="CR2863" s="166">
        <v>0</v>
      </c>
      <c r="CS2863" s="166">
        <v>0</v>
      </c>
      <c r="CT2863" s="166">
        <v>0</v>
      </c>
      <c r="CU2863" s="166">
        <v>0</v>
      </c>
      <c r="CV2863" s="166">
        <v>0</v>
      </c>
      <c r="CW2863" s="166">
        <v>0</v>
      </c>
      <c r="CX2863" s="166">
        <v>0</v>
      </c>
      <c r="CY2863" s="166">
        <v>0</v>
      </c>
      <c r="CZ2863" s="166">
        <v>0</v>
      </c>
    </row>
    <row r="2864" spans="1:104" x14ac:dyDescent="0.2">
      <c r="A2864" s="167" t="s">
        <v>1052</v>
      </c>
      <c r="B2864" s="166">
        <v>-36208.4294640273</v>
      </c>
      <c r="C2864" s="166">
        <v>-36208.4294640273</v>
      </c>
      <c r="D2864" s="166">
        <v>0</v>
      </c>
      <c r="E2864" s="166">
        <v>0</v>
      </c>
      <c r="F2864" s="166">
        <v>0</v>
      </c>
      <c r="G2864" s="166">
        <v>0</v>
      </c>
      <c r="H2864" s="166">
        <v>0</v>
      </c>
      <c r="I2864" s="166">
        <v>0</v>
      </c>
      <c r="J2864" s="166">
        <v>0</v>
      </c>
      <c r="K2864" s="166">
        <v>0</v>
      </c>
      <c r="L2864" s="166">
        <v>0</v>
      </c>
      <c r="M2864" s="166">
        <v>0</v>
      </c>
      <c r="N2864" s="166">
        <v>0</v>
      </c>
      <c r="O2864" s="166">
        <v>0</v>
      </c>
      <c r="P2864" s="166">
        <v>0</v>
      </c>
      <c r="Q2864" s="166">
        <v>0</v>
      </c>
      <c r="R2864" s="166">
        <v>0</v>
      </c>
      <c r="S2864" s="166">
        <v>0</v>
      </c>
      <c r="T2864" s="166">
        <v>0</v>
      </c>
      <c r="U2864" s="166">
        <v>0</v>
      </c>
      <c r="V2864" s="166">
        <v>0</v>
      </c>
      <c r="W2864" s="166">
        <v>0</v>
      </c>
      <c r="X2864" s="166">
        <v>0</v>
      </c>
      <c r="Y2864" s="166">
        <v>0</v>
      </c>
      <c r="Z2864" s="166">
        <v>0</v>
      </c>
      <c r="AA2864" s="166">
        <v>0</v>
      </c>
      <c r="AB2864" s="166">
        <v>0</v>
      </c>
      <c r="AC2864" s="166">
        <v>0</v>
      </c>
      <c r="AD2864" s="166">
        <v>0</v>
      </c>
      <c r="AE2864" s="166">
        <v>0</v>
      </c>
      <c r="AF2864" s="166">
        <v>0</v>
      </c>
      <c r="AG2864" s="166">
        <v>0</v>
      </c>
      <c r="AH2864" s="166">
        <v>0</v>
      </c>
      <c r="AI2864" s="166">
        <v>0</v>
      </c>
      <c r="AJ2864" s="166">
        <v>0</v>
      </c>
      <c r="AK2864" s="166">
        <v>0</v>
      </c>
      <c r="AL2864" s="166">
        <v>0</v>
      </c>
      <c r="AM2864" s="166">
        <v>0</v>
      </c>
      <c r="AN2864" s="166">
        <v>0</v>
      </c>
      <c r="AO2864" s="166">
        <v>0</v>
      </c>
      <c r="AP2864" s="166">
        <v>0</v>
      </c>
      <c r="AQ2864" s="166">
        <v>0</v>
      </c>
      <c r="AR2864" s="166">
        <v>0</v>
      </c>
      <c r="AS2864" s="166">
        <v>0</v>
      </c>
      <c r="AT2864" s="166">
        <v>0</v>
      </c>
      <c r="AU2864" s="166">
        <v>0</v>
      </c>
      <c r="AV2864" s="166">
        <v>0</v>
      </c>
      <c r="AW2864" s="166">
        <v>0</v>
      </c>
      <c r="AX2864" s="166">
        <v>0</v>
      </c>
      <c r="AY2864" s="166">
        <v>0</v>
      </c>
      <c r="AZ2864" s="166">
        <v>0</v>
      </c>
      <c r="BA2864" s="166">
        <v>0</v>
      </c>
      <c r="BB2864" s="166">
        <v>0</v>
      </c>
      <c r="BC2864" s="166">
        <v>0</v>
      </c>
      <c r="BD2864" s="166">
        <v>0</v>
      </c>
      <c r="BE2864" s="166">
        <v>0</v>
      </c>
      <c r="BF2864" s="166">
        <v>0</v>
      </c>
      <c r="BG2864" s="166">
        <v>0</v>
      </c>
      <c r="BH2864" s="166">
        <v>0</v>
      </c>
      <c r="BI2864" s="166">
        <v>0</v>
      </c>
      <c r="BJ2864" s="166">
        <v>0</v>
      </c>
      <c r="BK2864" s="166">
        <v>0</v>
      </c>
      <c r="BL2864" s="166">
        <v>0</v>
      </c>
      <c r="BM2864" s="166">
        <v>0</v>
      </c>
      <c r="BN2864" s="166">
        <v>0</v>
      </c>
      <c r="BO2864" s="166">
        <v>0</v>
      </c>
      <c r="BP2864" s="166">
        <v>0</v>
      </c>
      <c r="BQ2864" s="166">
        <v>0</v>
      </c>
      <c r="BR2864" s="166">
        <v>-36208.4294640273</v>
      </c>
      <c r="BS2864" s="166">
        <v>-36208.4294640273</v>
      </c>
      <c r="BT2864" s="168">
        <v>0</v>
      </c>
      <c r="BU2864" s="166">
        <v>0</v>
      </c>
      <c r="BV2864" s="166">
        <v>0</v>
      </c>
      <c r="BW2864" s="166">
        <v>0</v>
      </c>
      <c r="BX2864" s="166">
        <v>0</v>
      </c>
      <c r="BY2864" s="166">
        <v>0</v>
      </c>
      <c r="BZ2864" s="166">
        <v>0</v>
      </c>
      <c r="CA2864" s="166">
        <v>0</v>
      </c>
      <c r="CB2864" s="166">
        <v>0</v>
      </c>
      <c r="CC2864" s="166">
        <v>0</v>
      </c>
      <c r="CD2864" s="166">
        <v>0</v>
      </c>
      <c r="CE2864" s="166">
        <v>0</v>
      </c>
      <c r="CF2864" s="166">
        <v>0</v>
      </c>
      <c r="CG2864" s="166">
        <v>0</v>
      </c>
      <c r="CH2864" s="166">
        <v>0</v>
      </c>
      <c r="CI2864" s="166">
        <v>0</v>
      </c>
      <c r="CJ2864" s="166">
        <v>0</v>
      </c>
      <c r="CK2864" s="166">
        <v>0</v>
      </c>
      <c r="CL2864" s="166">
        <v>0</v>
      </c>
      <c r="CM2864" s="166">
        <v>0</v>
      </c>
      <c r="CN2864" s="166">
        <v>0</v>
      </c>
      <c r="CO2864" s="166">
        <v>0</v>
      </c>
      <c r="CP2864" s="166">
        <v>0</v>
      </c>
      <c r="CQ2864" s="166">
        <v>0</v>
      </c>
      <c r="CR2864" s="166">
        <v>0</v>
      </c>
      <c r="CS2864" s="166">
        <v>0</v>
      </c>
      <c r="CT2864" s="166">
        <v>0</v>
      </c>
      <c r="CU2864" s="166">
        <v>0</v>
      </c>
      <c r="CV2864" s="166">
        <v>0</v>
      </c>
      <c r="CW2864" s="166">
        <v>0</v>
      </c>
      <c r="CX2864" s="166">
        <v>0</v>
      </c>
      <c r="CY2864" s="166">
        <v>0</v>
      </c>
      <c r="CZ2864" s="166">
        <v>0</v>
      </c>
    </row>
    <row r="2865" spans="1:104" x14ac:dyDescent="0.2">
      <c r="A2865" s="167" t="s">
        <v>1053</v>
      </c>
      <c r="B2865" s="166">
        <v>5082059.4034271101</v>
      </c>
      <c r="C2865" s="166">
        <v>5082059.4034271101</v>
      </c>
      <c r="D2865" s="166">
        <v>0</v>
      </c>
      <c r="E2865" s="166">
        <v>0</v>
      </c>
      <c r="F2865" s="166">
        <v>0</v>
      </c>
      <c r="G2865" s="166">
        <v>0</v>
      </c>
      <c r="H2865" s="166">
        <v>0</v>
      </c>
      <c r="I2865" s="166">
        <v>0</v>
      </c>
      <c r="J2865" s="166">
        <v>0</v>
      </c>
      <c r="K2865" s="166">
        <v>0</v>
      </c>
      <c r="L2865" s="166">
        <v>0</v>
      </c>
      <c r="M2865" s="166">
        <v>0</v>
      </c>
      <c r="N2865" s="166">
        <v>0</v>
      </c>
      <c r="O2865" s="166">
        <v>0</v>
      </c>
      <c r="P2865" s="166">
        <v>0</v>
      </c>
      <c r="Q2865" s="166">
        <v>0</v>
      </c>
      <c r="R2865" s="166">
        <v>0</v>
      </c>
      <c r="S2865" s="166">
        <v>0</v>
      </c>
      <c r="T2865" s="166">
        <v>0</v>
      </c>
      <c r="U2865" s="166">
        <v>0</v>
      </c>
      <c r="V2865" s="166">
        <v>0</v>
      </c>
      <c r="W2865" s="166">
        <v>0</v>
      </c>
      <c r="X2865" s="166">
        <v>0</v>
      </c>
      <c r="Y2865" s="166">
        <v>0</v>
      </c>
      <c r="Z2865" s="166">
        <v>0</v>
      </c>
      <c r="AA2865" s="166">
        <v>0</v>
      </c>
      <c r="AB2865" s="166">
        <v>0</v>
      </c>
      <c r="AC2865" s="166">
        <v>0</v>
      </c>
      <c r="AD2865" s="166">
        <v>0</v>
      </c>
      <c r="AE2865" s="166">
        <v>0</v>
      </c>
      <c r="AF2865" s="166">
        <v>0</v>
      </c>
      <c r="AG2865" s="166">
        <v>0</v>
      </c>
      <c r="AH2865" s="166">
        <v>0</v>
      </c>
      <c r="AI2865" s="166">
        <v>0</v>
      </c>
      <c r="AJ2865" s="166">
        <v>0</v>
      </c>
      <c r="AK2865" s="166">
        <v>0</v>
      </c>
      <c r="AL2865" s="166">
        <v>0</v>
      </c>
      <c r="AM2865" s="166">
        <v>0</v>
      </c>
      <c r="AN2865" s="166">
        <v>0</v>
      </c>
      <c r="AO2865" s="166">
        <v>0</v>
      </c>
      <c r="AP2865" s="166">
        <v>0</v>
      </c>
      <c r="AQ2865" s="166">
        <v>0</v>
      </c>
      <c r="AR2865" s="166">
        <v>0</v>
      </c>
      <c r="AS2865" s="166">
        <v>0</v>
      </c>
      <c r="AT2865" s="166">
        <v>0</v>
      </c>
      <c r="AU2865" s="166">
        <v>0</v>
      </c>
      <c r="AV2865" s="166">
        <v>0</v>
      </c>
      <c r="AW2865" s="166">
        <v>0</v>
      </c>
      <c r="AX2865" s="166">
        <v>0</v>
      </c>
      <c r="AY2865" s="166">
        <v>0</v>
      </c>
      <c r="AZ2865" s="166">
        <v>0</v>
      </c>
      <c r="BA2865" s="166">
        <v>0</v>
      </c>
      <c r="BB2865" s="166">
        <v>0</v>
      </c>
      <c r="BC2865" s="166">
        <v>0</v>
      </c>
      <c r="BD2865" s="166">
        <v>0</v>
      </c>
      <c r="BE2865" s="166">
        <v>0</v>
      </c>
      <c r="BF2865" s="166">
        <v>0</v>
      </c>
      <c r="BG2865" s="166">
        <v>0</v>
      </c>
      <c r="BH2865" s="166">
        <v>0</v>
      </c>
      <c r="BI2865" s="166">
        <v>0</v>
      </c>
      <c r="BJ2865" s="166">
        <v>0</v>
      </c>
      <c r="BK2865" s="166">
        <v>0</v>
      </c>
      <c r="BL2865" s="166">
        <v>0</v>
      </c>
      <c r="BM2865" s="166">
        <v>0</v>
      </c>
      <c r="BN2865" s="166">
        <v>0</v>
      </c>
      <c r="BO2865" s="166">
        <v>0</v>
      </c>
      <c r="BP2865" s="166">
        <v>0</v>
      </c>
      <c r="BQ2865" s="166">
        <v>0</v>
      </c>
      <c r="BR2865" s="166">
        <v>5082059.4034271101</v>
      </c>
      <c r="BS2865" s="166">
        <v>5082059.4034271101</v>
      </c>
      <c r="BT2865" s="168">
        <v>0</v>
      </c>
      <c r="BU2865" s="166">
        <v>0</v>
      </c>
      <c r="BV2865" s="166">
        <v>0</v>
      </c>
      <c r="BW2865" s="166">
        <v>0</v>
      </c>
      <c r="BX2865" s="166">
        <v>0</v>
      </c>
      <c r="BY2865" s="166">
        <v>0</v>
      </c>
      <c r="BZ2865" s="166">
        <v>0</v>
      </c>
      <c r="CA2865" s="166">
        <v>0</v>
      </c>
      <c r="CB2865" s="166">
        <v>0</v>
      </c>
      <c r="CC2865" s="166">
        <v>0</v>
      </c>
      <c r="CD2865" s="166">
        <v>0</v>
      </c>
      <c r="CE2865" s="166">
        <v>0</v>
      </c>
      <c r="CF2865" s="166">
        <v>0</v>
      </c>
      <c r="CG2865" s="166">
        <v>0</v>
      </c>
      <c r="CH2865" s="166">
        <v>0</v>
      </c>
      <c r="CI2865" s="166">
        <v>0</v>
      </c>
      <c r="CJ2865" s="166">
        <v>0</v>
      </c>
      <c r="CK2865" s="166">
        <v>0</v>
      </c>
      <c r="CL2865" s="166">
        <v>0</v>
      </c>
      <c r="CM2865" s="166">
        <v>0</v>
      </c>
      <c r="CN2865" s="166">
        <v>0</v>
      </c>
      <c r="CO2865" s="166">
        <v>0</v>
      </c>
      <c r="CP2865" s="166">
        <v>0</v>
      </c>
      <c r="CQ2865" s="166">
        <v>0</v>
      </c>
      <c r="CR2865" s="166">
        <v>0</v>
      </c>
      <c r="CS2865" s="166">
        <v>0</v>
      </c>
      <c r="CT2865" s="166">
        <v>0</v>
      </c>
      <c r="CU2865" s="166">
        <v>0</v>
      </c>
      <c r="CV2865" s="166">
        <v>0</v>
      </c>
      <c r="CW2865" s="166">
        <v>0</v>
      </c>
      <c r="CX2865" s="166">
        <v>0</v>
      </c>
      <c r="CY2865" s="166">
        <v>0</v>
      </c>
      <c r="CZ2865" s="166">
        <v>0</v>
      </c>
    </row>
    <row r="2866" spans="1:104" x14ac:dyDescent="0.2">
      <c r="A2866" s="167" t="s">
        <v>153</v>
      </c>
      <c r="B2866" s="166">
        <v>6898724.2472799299</v>
      </c>
      <c r="C2866" s="166">
        <v>6898724.2472799299</v>
      </c>
      <c r="D2866" s="166">
        <v>0</v>
      </c>
      <c r="E2866" s="166">
        <v>0</v>
      </c>
      <c r="F2866" s="166">
        <v>0</v>
      </c>
      <c r="G2866" s="166">
        <v>0</v>
      </c>
      <c r="H2866" s="166">
        <v>0</v>
      </c>
      <c r="I2866" s="166">
        <v>0</v>
      </c>
      <c r="J2866" s="166">
        <v>0</v>
      </c>
      <c r="K2866" s="166">
        <v>0</v>
      </c>
      <c r="L2866" s="166">
        <v>0</v>
      </c>
      <c r="M2866" s="166">
        <v>0</v>
      </c>
      <c r="N2866" s="166">
        <v>0</v>
      </c>
      <c r="O2866" s="166">
        <v>0</v>
      </c>
      <c r="P2866" s="166">
        <v>0</v>
      </c>
      <c r="Q2866" s="166">
        <v>0</v>
      </c>
      <c r="R2866" s="166">
        <v>0</v>
      </c>
      <c r="S2866" s="166">
        <v>0</v>
      </c>
      <c r="T2866" s="166">
        <v>0</v>
      </c>
      <c r="U2866" s="166">
        <v>0</v>
      </c>
      <c r="V2866" s="166">
        <v>0</v>
      </c>
      <c r="W2866" s="166">
        <v>0</v>
      </c>
      <c r="X2866" s="166">
        <v>0</v>
      </c>
      <c r="Y2866" s="166">
        <v>0</v>
      </c>
      <c r="Z2866" s="166">
        <v>0</v>
      </c>
      <c r="AA2866" s="166">
        <v>0</v>
      </c>
      <c r="AB2866" s="166">
        <v>0</v>
      </c>
      <c r="AC2866" s="166">
        <v>0</v>
      </c>
      <c r="AD2866" s="166">
        <v>0</v>
      </c>
      <c r="AE2866" s="166">
        <v>0</v>
      </c>
      <c r="AF2866" s="166">
        <v>0</v>
      </c>
      <c r="AG2866" s="166">
        <v>0</v>
      </c>
      <c r="AH2866" s="166">
        <v>0</v>
      </c>
      <c r="AI2866" s="166">
        <v>0</v>
      </c>
      <c r="AJ2866" s="166">
        <v>0</v>
      </c>
      <c r="AK2866" s="166">
        <v>0</v>
      </c>
      <c r="AL2866" s="166">
        <v>0</v>
      </c>
      <c r="AM2866" s="166">
        <v>0</v>
      </c>
      <c r="AN2866" s="166">
        <v>0</v>
      </c>
      <c r="AO2866" s="166">
        <v>0</v>
      </c>
      <c r="AP2866" s="166">
        <v>0</v>
      </c>
      <c r="AQ2866" s="166">
        <v>0</v>
      </c>
      <c r="AR2866" s="166">
        <v>0</v>
      </c>
      <c r="AS2866" s="166">
        <v>0</v>
      </c>
      <c r="AT2866" s="166">
        <v>0</v>
      </c>
      <c r="AU2866" s="166">
        <v>0</v>
      </c>
      <c r="AV2866" s="166">
        <v>0</v>
      </c>
      <c r="AW2866" s="166">
        <v>0</v>
      </c>
      <c r="AX2866" s="166">
        <v>0</v>
      </c>
      <c r="AY2866" s="166">
        <v>0</v>
      </c>
      <c r="AZ2866" s="166">
        <v>0</v>
      </c>
      <c r="BA2866" s="166">
        <v>0</v>
      </c>
      <c r="BB2866" s="166">
        <v>0</v>
      </c>
      <c r="BC2866" s="166">
        <v>0</v>
      </c>
      <c r="BD2866" s="166">
        <v>0</v>
      </c>
      <c r="BE2866" s="166">
        <v>0</v>
      </c>
      <c r="BF2866" s="166">
        <v>0</v>
      </c>
      <c r="BG2866" s="166">
        <v>0</v>
      </c>
      <c r="BH2866" s="166">
        <v>0</v>
      </c>
      <c r="BI2866" s="166">
        <v>0</v>
      </c>
      <c r="BJ2866" s="166">
        <v>0</v>
      </c>
      <c r="BK2866" s="166">
        <v>0</v>
      </c>
      <c r="BL2866" s="166">
        <v>0</v>
      </c>
      <c r="BM2866" s="166">
        <v>0</v>
      </c>
      <c r="BN2866" s="166">
        <v>0</v>
      </c>
      <c r="BO2866" s="166">
        <v>0</v>
      </c>
      <c r="BP2866" s="166">
        <v>0</v>
      </c>
      <c r="BQ2866" s="166">
        <v>0</v>
      </c>
      <c r="BR2866" s="166">
        <v>6898724.2472799299</v>
      </c>
      <c r="BS2866" s="166">
        <v>6898724.2472799299</v>
      </c>
      <c r="BT2866" s="168">
        <v>0</v>
      </c>
      <c r="BU2866" s="166">
        <v>0</v>
      </c>
      <c r="BV2866" s="166">
        <v>0</v>
      </c>
      <c r="BW2866" s="166">
        <v>0</v>
      </c>
      <c r="BX2866" s="166">
        <v>0</v>
      </c>
      <c r="BY2866" s="166">
        <v>0</v>
      </c>
      <c r="BZ2866" s="166">
        <v>0</v>
      </c>
      <c r="CA2866" s="166">
        <v>0</v>
      </c>
      <c r="CB2866" s="166">
        <v>0</v>
      </c>
      <c r="CC2866" s="166">
        <v>0</v>
      </c>
      <c r="CD2866" s="166">
        <v>0</v>
      </c>
      <c r="CE2866" s="166">
        <v>0</v>
      </c>
      <c r="CF2866" s="166">
        <v>0</v>
      </c>
      <c r="CG2866" s="166">
        <v>0</v>
      </c>
      <c r="CH2866" s="166">
        <v>0</v>
      </c>
      <c r="CI2866" s="166">
        <v>0</v>
      </c>
      <c r="CJ2866" s="166">
        <v>0</v>
      </c>
      <c r="CK2866" s="166">
        <v>0</v>
      </c>
      <c r="CL2866" s="166">
        <v>0</v>
      </c>
      <c r="CM2866" s="166">
        <v>0</v>
      </c>
      <c r="CN2866" s="166">
        <v>0</v>
      </c>
      <c r="CO2866" s="166">
        <v>0</v>
      </c>
      <c r="CP2866" s="166">
        <v>0</v>
      </c>
      <c r="CQ2866" s="166">
        <v>0</v>
      </c>
      <c r="CR2866" s="166">
        <v>0</v>
      </c>
      <c r="CS2866" s="166">
        <v>0</v>
      </c>
      <c r="CT2866" s="166">
        <v>0</v>
      </c>
      <c r="CU2866" s="166">
        <v>0</v>
      </c>
      <c r="CV2866" s="166">
        <v>0</v>
      </c>
      <c r="CW2866" s="166">
        <v>0</v>
      </c>
      <c r="CX2866" s="166">
        <v>0</v>
      </c>
      <c r="CY2866" s="166">
        <v>0</v>
      </c>
      <c r="CZ2866" s="166">
        <v>0</v>
      </c>
    </row>
    <row r="2867" spans="1:104" x14ac:dyDescent="0.2">
      <c r="A2867" s="167" t="s">
        <v>154</v>
      </c>
      <c r="B2867" s="166">
        <v>23699834.75</v>
      </c>
      <c r="C2867" s="166">
        <v>23699834.75</v>
      </c>
      <c r="D2867" s="166">
        <v>0</v>
      </c>
      <c r="E2867" s="166">
        <v>0</v>
      </c>
      <c r="F2867" s="166">
        <v>0</v>
      </c>
      <c r="G2867" s="166">
        <v>0</v>
      </c>
      <c r="H2867" s="166">
        <v>0</v>
      </c>
      <c r="I2867" s="166">
        <v>0</v>
      </c>
      <c r="J2867" s="166">
        <v>0</v>
      </c>
      <c r="K2867" s="166">
        <v>0</v>
      </c>
      <c r="L2867" s="166">
        <v>0</v>
      </c>
      <c r="M2867" s="166">
        <v>0</v>
      </c>
      <c r="N2867" s="166">
        <v>0</v>
      </c>
      <c r="O2867" s="166">
        <v>0</v>
      </c>
      <c r="P2867" s="166">
        <v>0</v>
      </c>
      <c r="Q2867" s="166">
        <v>0</v>
      </c>
      <c r="R2867" s="166">
        <v>0</v>
      </c>
      <c r="S2867" s="166">
        <v>0</v>
      </c>
      <c r="T2867" s="166">
        <v>0</v>
      </c>
      <c r="U2867" s="166">
        <v>0</v>
      </c>
      <c r="V2867" s="166">
        <v>0</v>
      </c>
      <c r="W2867" s="166">
        <v>0</v>
      </c>
      <c r="X2867" s="166">
        <v>0</v>
      </c>
      <c r="Y2867" s="166">
        <v>0</v>
      </c>
      <c r="Z2867" s="166">
        <v>0</v>
      </c>
      <c r="AA2867" s="166">
        <v>0</v>
      </c>
      <c r="AB2867" s="166">
        <v>0</v>
      </c>
      <c r="AC2867" s="166">
        <v>0</v>
      </c>
      <c r="AD2867" s="166">
        <v>0</v>
      </c>
      <c r="AE2867" s="166">
        <v>0</v>
      </c>
      <c r="AF2867" s="166">
        <v>0</v>
      </c>
      <c r="AG2867" s="166">
        <v>0</v>
      </c>
      <c r="AH2867" s="166">
        <v>0</v>
      </c>
      <c r="AI2867" s="166">
        <v>0</v>
      </c>
      <c r="AJ2867" s="166">
        <v>0</v>
      </c>
      <c r="AK2867" s="166">
        <v>0</v>
      </c>
      <c r="AL2867" s="166">
        <v>0</v>
      </c>
      <c r="AM2867" s="166">
        <v>0</v>
      </c>
      <c r="AN2867" s="166">
        <v>0</v>
      </c>
      <c r="AO2867" s="166">
        <v>0</v>
      </c>
      <c r="AP2867" s="166">
        <v>0</v>
      </c>
      <c r="AQ2867" s="166">
        <v>0</v>
      </c>
      <c r="AR2867" s="166">
        <v>0</v>
      </c>
      <c r="AS2867" s="166">
        <v>0</v>
      </c>
      <c r="AT2867" s="166">
        <v>0</v>
      </c>
      <c r="AU2867" s="166">
        <v>0</v>
      </c>
      <c r="AV2867" s="166">
        <v>0</v>
      </c>
      <c r="AW2867" s="166">
        <v>0</v>
      </c>
      <c r="AX2867" s="166">
        <v>0</v>
      </c>
      <c r="AY2867" s="166">
        <v>0</v>
      </c>
      <c r="AZ2867" s="166">
        <v>0</v>
      </c>
      <c r="BA2867" s="166">
        <v>0</v>
      </c>
      <c r="BB2867" s="166">
        <v>0</v>
      </c>
      <c r="BC2867" s="166">
        <v>0</v>
      </c>
      <c r="BD2867" s="166">
        <v>0</v>
      </c>
      <c r="BE2867" s="166">
        <v>0</v>
      </c>
      <c r="BF2867" s="166">
        <v>0</v>
      </c>
      <c r="BG2867" s="166">
        <v>0</v>
      </c>
      <c r="BH2867" s="166">
        <v>0</v>
      </c>
      <c r="BI2867" s="166">
        <v>0</v>
      </c>
      <c r="BJ2867" s="166">
        <v>0</v>
      </c>
      <c r="BK2867" s="166">
        <v>0</v>
      </c>
      <c r="BL2867" s="166">
        <v>0</v>
      </c>
      <c r="BM2867" s="166">
        <v>0</v>
      </c>
      <c r="BN2867" s="166">
        <v>0</v>
      </c>
      <c r="BO2867" s="166">
        <v>0</v>
      </c>
      <c r="BP2867" s="166">
        <v>0</v>
      </c>
      <c r="BQ2867" s="166">
        <v>0</v>
      </c>
      <c r="BR2867" s="166">
        <v>23699834.75</v>
      </c>
      <c r="BS2867" s="166">
        <v>23699834.75</v>
      </c>
      <c r="BT2867" s="168">
        <v>0</v>
      </c>
      <c r="BU2867" s="166">
        <v>0</v>
      </c>
      <c r="BV2867" s="166">
        <v>0</v>
      </c>
      <c r="BW2867" s="166">
        <v>0</v>
      </c>
      <c r="BX2867" s="166">
        <v>0</v>
      </c>
      <c r="BY2867" s="166">
        <v>0</v>
      </c>
      <c r="BZ2867" s="166">
        <v>0</v>
      </c>
      <c r="CA2867" s="166">
        <v>0</v>
      </c>
      <c r="CB2867" s="166">
        <v>0</v>
      </c>
      <c r="CC2867" s="166">
        <v>0</v>
      </c>
      <c r="CD2867" s="166">
        <v>0</v>
      </c>
      <c r="CE2867" s="166">
        <v>0</v>
      </c>
      <c r="CF2867" s="166">
        <v>0</v>
      </c>
      <c r="CG2867" s="166">
        <v>0</v>
      </c>
      <c r="CH2867" s="166">
        <v>0</v>
      </c>
      <c r="CI2867" s="166">
        <v>0</v>
      </c>
      <c r="CJ2867" s="166">
        <v>0</v>
      </c>
      <c r="CK2867" s="166">
        <v>0</v>
      </c>
      <c r="CL2867" s="166">
        <v>0</v>
      </c>
      <c r="CM2867" s="166">
        <v>0</v>
      </c>
      <c r="CN2867" s="166">
        <v>0</v>
      </c>
      <c r="CO2867" s="166">
        <v>0</v>
      </c>
      <c r="CP2867" s="166">
        <v>0</v>
      </c>
      <c r="CQ2867" s="166">
        <v>0</v>
      </c>
      <c r="CR2867" s="166">
        <v>0</v>
      </c>
      <c r="CS2867" s="166">
        <v>0</v>
      </c>
      <c r="CT2867" s="166">
        <v>0</v>
      </c>
      <c r="CU2867" s="166">
        <v>0</v>
      </c>
      <c r="CV2867" s="166">
        <v>0</v>
      </c>
      <c r="CW2867" s="166">
        <v>0</v>
      </c>
      <c r="CX2867" s="166">
        <v>0</v>
      </c>
      <c r="CY2867" s="166">
        <v>0</v>
      </c>
      <c r="CZ2867" s="166">
        <v>0</v>
      </c>
    </row>
    <row r="2868" spans="1:104" x14ac:dyDescent="0.2">
      <c r="A2868" s="167" t="s">
        <v>1054</v>
      </c>
    </row>
    <row r="2869" spans="1:104" x14ac:dyDescent="0.2">
      <c r="A2869" s="167" t="s">
        <v>1055</v>
      </c>
      <c r="B2869" s="166">
        <v>55595385.950919598</v>
      </c>
      <c r="C2869" s="166">
        <v>55595385.950919598</v>
      </c>
      <c r="D2869" s="166">
        <v>0</v>
      </c>
      <c r="E2869" s="166">
        <v>0</v>
      </c>
      <c r="F2869" s="166">
        <v>0</v>
      </c>
      <c r="G2869" s="166">
        <v>0</v>
      </c>
      <c r="H2869" s="166">
        <v>0</v>
      </c>
      <c r="I2869" s="166">
        <v>0</v>
      </c>
      <c r="J2869" s="166">
        <v>0</v>
      </c>
      <c r="K2869" s="166">
        <v>0</v>
      </c>
      <c r="L2869" s="166">
        <v>0</v>
      </c>
      <c r="M2869" s="166">
        <v>0</v>
      </c>
      <c r="N2869" s="166">
        <v>0</v>
      </c>
      <c r="O2869" s="166">
        <v>0</v>
      </c>
      <c r="P2869" s="166">
        <v>0</v>
      </c>
      <c r="Q2869" s="166">
        <v>0</v>
      </c>
      <c r="R2869" s="166">
        <v>0</v>
      </c>
      <c r="S2869" s="166">
        <v>0</v>
      </c>
      <c r="T2869" s="166">
        <v>0</v>
      </c>
      <c r="U2869" s="166">
        <v>0</v>
      </c>
      <c r="V2869" s="166">
        <v>0</v>
      </c>
      <c r="W2869" s="166">
        <v>0</v>
      </c>
      <c r="X2869" s="166">
        <v>0</v>
      </c>
      <c r="Y2869" s="166">
        <v>0</v>
      </c>
      <c r="Z2869" s="166">
        <v>0</v>
      </c>
      <c r="AA2869" s="166">
        <v>0</v>
      </c>
      <c r="AB2869" s="166">
        <v>0</v>
      </c>
      <c r="AC2869" s="166">
        <v>0</v>
      </c>
      <c r="AD2869" s="166">
        <v>0</v>
      </c>
      <c r="AE2869" s="166">
        <v>0</v>
      </c>
      <c r="AF2869" s="166">
        <v>0</v>
      </c>
      <c r="AG2869" s="166">
        <v>0</v>
      </c>
      <c r="AH2869" s="166">
        <v>0</v>
      </c>
      <c r="AI2869" s="166">
        <v>0</v>
      </c>
      <c r="AJ2869" s="166">
        <v>0</v>
      </c>
      <c r="AK2869" s="166">
        <v>0</v>
      </c>
      <c r="AL2869" s="166">
        <v>0</v>
      </c>
      <c r="AM2869" s="166">
        <v>0</v>
      </c>
      <c r="AN2869" s="166">
        <v>0</v>
      </c>
      <c r="AO2869" s="166">
        <v>0</v>
      </c>
      <c r="AP2869" s="166">
        <v>0</v>
      </c>
      <c r="AQ2869" s="166">
        <v>0</v>
      </c>
      <c r="AR2869" s="166">
        <v>0</v>
      </c>
      <c r="AS2869" s="166">
        <v>0</v>
      </c>
      <c r="AT2869" s="166">
        <v>0</v>
      </c>
      <c r="AU2869" s="166">
        <v>0</v>
      </c>
      <c r="AV2869" s="166">
        <v>0</v>
      </c>
      <c r="AW2869" s="166">
        <v>0</v>
      </c>
      <c r="AX2869" s="166">
        <v>0</v>
      </c>
      <c r="AY2869" s="166">
        <v>0</v>
      </c>
      <c r="AZ2869" s="166">
        <v>0</v>
      </c>
      <c r="BA2869" s="166">
        <v>0</v>
      </c>
      <c r="BB2869" s="166">
        <v>0</v>
      </c>
      <c r="BC2869" s="166">
        <v>0</v>
      </c>
      <c r="BD2869" s="166">
        <v>0</v>
      </c>
      <c r="BE2869" s="166">
        <v>0</v>
      </c>
      <c r="BF2869" s="166">
        <v>0</v>
      </c>
      <c r="BG2869" s="166">
        <v>0</v>
      </c>
      <c r="BH2869" s="166">
        <v>0</v>
      </c>
      <c r="BI2869" s="166">
        <v>0</v>
      </c>
      <c r="BJ2869" s="166">
        <v>0</v>
      </c>
      <c r="BK2869" s="166">
        <v>0</v>
      </c>
      <c r="BL2869" s="166">
        <v>0</v>
      </c>
      <c r="BM2869" s="166">
        <v>0</v>
      </c>
      <c r="BN2869" s="166">
        <v>0</v>
      </c>
      <c r="BO2869" s="166">
        <v>0</v>
      </c>
      <c r="BP2869" s="166">
        <v>0</v>
      </c>
      <c r="BQ2869" s="166">
        <v>0</v>
      </c>
      <c r="BR2869" s="166">
        <v>55595385.950919598</v>
      </c>
      <c r="BS2869" s="166">
        <v>55595385.950919598</v>
      </c>
      <c r="BT2869" s="168">
        <v>0</v>
      </c>
      <c r="BU2869" s="166">
        <v>0</v>
      </c>
      <c r="BV2869" s="166">
        <v>0</v>
      </c>
      <c r="BW2869" s="166">
        <v>0</v>
      </c>
      <c r="BX2869" s="166">
        <v>0</v>
      </c>
      <c r="BY2869" s="166">
        <v>0</v>
      </c>
      <c r="BZ2869" s="166">
        <v>0</v>
      </c>
      <c r="CA2869" s="166">
        <v>0</v>
      </c>
      <c r="CB2869" s="166">
        <v>0</v>
      </c>
      <c r="CC2869" s="166">
        <v>0</v>
      </c>
      <c r="CD2869" s="166">
        <v>0</v>
      </c>
      <c r="CE2869" s="166">
        <v>0</v>
      </c>
      <c r="CF2869" s="166">
        <v>0</v>
      </c>
      <c r="CG2869" s="166">
        <v>0</v>
      </c>
      <c r="CH2869" s="166">
        <v>0</v>
      </c>
      <c r="CI2869" s="166">
        <v>0</v>
      </c>
      <c r="CJ2869" s="166">
        <v>0</v>
      </c>
      <c r="CK2869" s="166">
        <v>0</v>
      </c>
      <c r="CL2869" s="166">
        <v>0</v>
      </c>
      <c r="CM2869" s="166">
        <v>0</v>
      </c>
      <c r="CN2869" s="166">
        <v>0</v>
      </c>
      <c r="CO2869" s="166">
        <v>0</v>
      </c>
      <c r="CP2869" s="166">
        <v>0</v>
      </c>
      <c r="CQ2869" s="166">
        <v>0</v>
      </c>
      <c r="CR2869" s="166">
        <v>0</v>
      </c>
      <c r="CS2869" s="166">
        <v>0</v>
      </c>
      <c r="CT2869" s="166">
        <v>0</v>
      </c>
      <c r="CU2869" s="166">
        <v>0</v>
      </c>
      <c r="CV2869" s="166">
        <v>0</v>
      </c>
      <c r="CW2869" s="166">
        <v>0</v>
      </c>
      <c r="CX2869" s="166">
        <v>0</v>
      </c>
      <c r="CY2869" s="166">
        <v>0</v>
      </c>
      <c r="CZ2869" s="166">
        <v>0</v>
      </c>
    </row>
    <row r="2870" spans="1:104" x14ac:dyDescent="0.2">
      <c r="A2870" s="167" t="s">
        <v>1056</v>
      </c>
      <c r="B2870" s="166">
        <v>606858.76551463502</v>
      </c>
      <c r="C2870" s="166">
        <v>606858.76551463502</v>
      </c>
      <c r="D2870" s="166">
        <v>0</v>
      </c>
      <c r="E2870" s="166">
        <v>0</v>
      </c>
      <c r="F2870" s="166">
        <v>0</v>
      </c>
      <c r="G2870" s="166">
        <v>0</v>
      </c>
      <c r="H2870" s="166">
        <v>0</v>
      </c>
      <c r="I2870" s="166">
        <v>0</v>
      </c>
      <c r="J2870" s="166">
        <v>0</v>
      </c>
      <c r="K2870" s="166">
        <v>0</v>
      </c>
      <c r="L2870" s="166">
        <v>0</v>
      </c>
      <c r="M2870" s="166">
        <v>0</v>
      </c>
      <c r="N2870" s="166">
        <v>0</v>
      </c>
      <c r="O2870" s="166">
        <v>0</v>
      </c>
      <c r="P2870" s="166">
        <v>0</v>
      </c>
      <c r="Q2870" s="166">
        <v>0</v>
      </c>
      <c r="R2870" s="166">
        <v>0</v>
      </c>
      <c r="S2870" s="166">
        <v>0</v>
      </c>
      <c r="T2870" s="166">
        <v>0</v>
      </c>
      <c r="U2870" s="166">
        <v>0</v>
      </c>
      <c r="V2870" s="166">
        <v>0</v>
      </c>
      <c r="W2870" s="166">
        <v>0</v>
      </c>
      <c r="X2870" s="166">
        <v>0</v>
      </c>
      <c r="Y2870" s="166">
        <v>0</v>
      </c>
      <c r="Z2870" s="166">
        <v>0</v>
      </c>
      <c r="AA2870" s="166">
        <v>0</v>
      </c>
      <c r="AB2870" s="166">
        <v>0</v>
      </c>
      <c r="AC2870" s="166">
        <v>0</v>
      </c>
      <c r="AD2870" s="166">
        <v>0</v>
      </c>
      <c r="AE2870" s="166">
        <v>0</v>
      </c>
      <c r="AF2870" s="166">
        <v>0</v>
      </c>
      <c r="AG2870" s="166">
        <v>0</v>
      </c>
      <c r="AH2870" s="166">
        <v>0</v>
      </c>
      <c r="AI2870" s="166">
        <v>0</v>
      </c>
      <c r="AJ2870" s="166">
        <v>0</v>
      </c>
      <c r="AK2870" s="166">
        <v>0</v>
      </c>
      <c r="AL2870" s="166">
        <v>0</v>
      </c>
      <c r="AM2870" s="166">
        <v>0</v>
      </c>
      <c r="AN2870" s="166">
        <v>0</v>
      </c>
      <c r="AO2870" s="166">
        <v>0</v>
      </c>
      <c r="AP2870" s="166">
        <v>0</v>
      </c>
      <c r="AQ2870" s="166">
        <v>0</v>
      </c>
      <c r="AR2870" s="166">
        <v>0</v>
      </c>
      <c r="AS2870" s="166">
        <v>0</v>
      </c>
      <c r="AT2870" s="166">
        <v>0</v>
      </c>
      <c r="AU2870" s="166">
        <v>0</v>
      </c>
      <c r="AV2870" s="166">
        <v>0</v>
      </c>
      <c r="AW2870" s="166">
        <v>0</v>
      </c>
      <c r="AX2870" s="166">
        <v>0</v>
      </c>
      <c r="AY2870" s="166">
        <v>0</v>
      </c>
      <c r="AZ2870" s="166">
        <v>0</v>
      </c>
      <c r="BA2870" s="166">
        <v>0</v>
      </c>
      <c r="BB2870" s="166">
        <v>0</v>
      </c>
      <c r="BC2870" s="166">
        <v>0</v>
      </c>
      <c r="BD2870" s="166">
        <v>0</v>
      </c>
      <c r="BE2870" s="166">
        <v>0</v>
      </c>
      <c r="BF2870" s="166">
        <v>0</v>
      </c>
      <c r="BG2870" s="166">
        <v>0</v>
      </c>
      <c r="BH2870" s="166">
        <v>0</v>
      </c>
      <c r="BI2870" s="166">
        <v>0</v>
      </c>
      <c r="BJ2870" s="166">
        <v>0</v>
      </c>
      <c r="BK2870" s="166">
        <v>0</v>
      </c>
      <c r="BL2870" s="166">
        <v>0</v>
      </c>
      <c r="BM2870" s="166">
        <v>0</v>
      </c>
      <c r="BN2870" s="166">
        <v>0</v>
      </c>
      <c r="BO2870" s="166">
        <v>0</v>
      </c>
      <c r="BP2870" s="166">
        <v>0</v>
      </c>
      <c r="BQ2870" s="166">
        <v>0</v>
      </c>
      <c r="BR2870" s="166">
        <v>606858.76551463502</v>
      </c>
      <c r="BS2870" s="166">
        <v>606858.76551463502</v>
      </c>
      <c r="BT2870" s="168">
        <v>0</v>
      </c>
      <c r="BU2870" s="166">
        <v>0</v>
      </c>
      <c r="BV2870" s="166">
        <v>0</v>
      </c>
      <c r="BW2870" s="166">
        <v>0</v>
      </c>
      <c r="BX2870" s="166">
        <v>0</v>
      </c>
      <c r="BY2870" s="166">
        <v>0</v>
      </c>
      <c r="BZ2870" s="166">
        <v>0</v>
      </c>
      <c r="CA2870" s="166">
        <v>0</v>
      </c>
      <c r="CB2870" s="166">
        <v>0</v>
      </c>
      <c r="CC2870" s="166">
        <v>0</v>
      </c>
      <c r="CD2870" s="166">
        <v>0</v>
      </c>
      <c r="CE2870" s="166">
        <v>0</v>
      </c>
      <c r="CF2870" s="166">
        <v>0</v>
      </c>
      <c r="CG2870" s="166">
        <v>0</v>
      </c>
      <c r="CH2870" s="166">
        <v>0</v>
      </c>
      <c r="CI2870" s="166">
        <v>0</v>
      </c>
      <c r="CJ2870" s="166">
        <v>0</v>
      </c>
      <c r="CK2870" s="166">
        <v>0</v>
      </c>
      <c r="CL2870" s="166">
        <v>0</v>
      </c>
      <c r="CM2870" s="166">
        <v>0</v>
      </c>
      <c r="CN2870" s="166">
        <v>0</v>
      </c>
      <c r="CO2870" s="166">
        <v>0</v>
      </c>
      <c r="CP2870" s="166">
        <v>0</v>
      </c>
      <c r="CQ2870" s="166">
        <v>0</v>
      </c>
      <c r="CR2870" s="166">
        <v>0</v>
      </c>
      <c r="CS2870" s="166">
        <v>0</v>
      </c>
      <c r="CT2870" s="166">
        <v>0</v>
      </c>
      <c r="CU2870" s="166">
        <v>0</v>
      </c>
      <c r="CV2870" s="166">
        <v>0</v>
      </c>
      <c r="CW2870" s="166">
        <v>0</v>
      </c>
      <c r="CX2870" s="166">
        <v>0</v>
      </c>
      <c r="CY2870" s="166">
        <v>0</v>
      </c>
      <c r="CZ2870" s="166">
        <v>0</v>
      </c>
    </row>
    <row r="2871" spans="1:104" x14ac:dyDescent="0.2">
      <c r="A2871" s="167" t="s">
        <v>1057</v>
      </c>
      <c r="B2871" s="166">
        <v>2764128.2325379099</v>
      </c>
      <c r="C2871" s="166">
        <v>2764128.2325379099</v>
      </c>
      <c r="D2871" s="166">
        <v>0</v>
      </c>
      <c r="E2871" s="166">
        <v>0</v>
      </c>
      <c r="F2871" s="166">
        <v>0</v>
      </c>
      <c r="G2871" s="166">
        <v>0</v>
      </c>
      <c r="H2871" s="166">
        <v>0</v>
      </c>
      <c r="I2871" s="166">
        <v>0</v>
      </c>
      <c r="J2871" s="166">
        <v>0</v>
      </c>
      <c r="K2871" s="166">
        <v>0</v>
      </c>
      <c r="L2871" s="166">
        <v>0</v>
      </c>
      <c r="M2871" s="166">
        <v>0</v>
      </c>
      <c r="N2871" s="166">
        <v>0</v>
      </c>
      <c r="O2871" s="166">
        <v>0</v>
      </c>
      <c r="P2871" s="166">
        <v>0</v>
      </c>
      <c r="Q2871" s="166">
        <v>0</v>
      </c>
      <c r="R2871" s="166">
        <v>0</v>
      </c>
      <c r="S2871" s="166">
        <v>0</v>
      </c>
      <c r="T2871" s="166">
        <v>0</v>
      </c>
      <c r="U2871" s="166">
        <v>0</v>
      </c>
      <c r="V2871" s="166">
        <v>0</v>
      </c>
      <c r="W2871" s="166">
        <v>0</v>
      </c>
      <c r="X2871" s="166">
        <v>0</v>
      </c>
      <c r="Y2871" s="166">
        <v>0</v>
      </c>
      <c r="Z2871" s="166">
        <v>0</v>
      </c>
      <c r="AA2871" s="166">
        <v>0</v>
      </c>
      <c r="AB2871" s="166">
        <v>0</v>
      </c>
      <c r="AC2871" s="166">
        <v>0</v>
      </c>
      <c r="AD2871" s="166">
        <v>0</v>
      </c>
      <c r="AE2871" s="166">
        <v>0</v>
      </c>
      <c r="AF2871" s="166">
        <v>0</v>
      </c>
      <c r="AG2871" s="166">
        <v>0</v>
      </c>
      <c r="AH2871" s="166">
        <v>0</v>
      </c>
      <c r="AI2871" s="166">
        <v>0</v>
      </c>
      <c r="AJ2871" s="166">
        <v>0</v>
      </c>
      <c r="AK2871" s="166">
        <v>0</v>
      </c>
      <c r="AL2871" s="166">
        <v>0</v>
      </c>
      <c r="AM2871" s="166">
        <v>0</v>
      </c>
      <c r="AN2871" s="166">
        <v>0</v>
      </c>
      <c r="AO2871" s="166">
        <v>0</v>
      </c>
      <c r="AP2871" s="166">
        <v>0</v>
      </c>
      <c r="AQ2871" s="166">
        <v>0</v>
      </c>
      <c r="AR2871" s="166">
        <v>0</v>
      </c>
      <c r="AS2871" s="166">
        <v>0</v>
      </c>
      <c r="AT2871" s="166">
        <v>0</v>
      </c>
      <c r="AU2871" s="166">
        <v>0</v>
      </c>
      <c r="AV2871" s="166">
        <v>0</v>
      </c>
      <c r="AW2871" s="166">
        <v>0</v>
      </c>
      <c r="AX2871" s="166">
        <v>0</v>
      </c>
      <c r="AY2871" s="166">
        <v>0</v>
      </c>
      <c r="AZ2871" s="166">
        <v>0</v>
      </c>
      <c r="BA2871" s="166">
        <v>0</v>
      </c>
      <c r="BB2871" s="166">
        <v>0</v>
      </c>
      <c r="BC2871" s="166">
        <v>0</v>
      </c>
      <c r="BD2871" s="166">
        <v>0</v>
      </c>
      <c r="BE2871" s="166">
        <v>0</v>
      </c>
      <c r="BF2871" s="166">
        <v>0</v>
      </c>
      <c r="BG2871" s="166">
        <v>0</v>
      </c>
      <c r="BH2871" s="166">
        <v>0</v>
      </c>
      <c r="BI2871" s="166">
        <v>0</v>
      </c>
      <c r="BJ2871" s="166">
        <v>0</v>
      </c>
      <c r="BK2871" s="166">
        <v>0</v>
      </c>
      <c r="BL2871" s="166">
        <v>0</v>
      </c>
      <c r="BM2871" s="166">
        <v>0</v>
      </c>
      <c r="BN2871" s="166">
        <v>0</v>
      </c>
      <c r="BO2871" s="166">
        <v>0</v>
      </c>
      <c r="BP2871" s="166">
        <v>0</v>
      </c>
      <c r="BQ2871" s="166">
        <v>0</v>
      </c>
      <c r="BR2871" s="166">
        <v>2764128.2325379099</v>
      </c>
      <c r="BS2871" s="166">
        <v>2764128.2325379099</v>
      </c>
      <c r="BT2871" s="168">
        <v>0</v>
      </c>
      <c r="BU2871" s="166">
        <v>0</v>
      </c>
      <c r="BV2871" s="166">
        <v>0</v>
      </c>
      <c r="BW2871" s="166">
        <v>0</v>
      </c>
      <c r="BX2871" s="166">
        <v>0</v>
      </c>
      <c r="BY2871" s="166">
        <v>0</v>
      </c>
      <c r="BZ2871" s="166">
        <v>0</v>
      </c>
      <c r="CA2871" s="166">
        <v>0</v>
      </c>
      <c r="CB2871" s="166">
        <v>0</v>
      </c>
      <c r="CC2871" s="166">
        <v>0</v>
      </c>
      <c r="CD2871" s="166">
        <v>0</v>
      </c>
      <c r="CE2871" s="166">
        <v>0</v>
      </c>
      <c r="CF2871" s="166">
        <v>0</v>
      </c>
      <c r="CG2871" s="166">
        <v>0</v>
      </c>
      <c r="CH2871" s="166">
        <v>0</v>
      </c>
      <c r="CI2871" s="166">
        <v>0</v>
      </c>
      <c r="CJ2871" s="166">
        <v>0</v>
      </c>
      <c r="CK2871" s="166">
        <v>0</v>
      </c>
      <c r="CL2871" s="166">
        <v>0</v>
      </c>
      <c r="CM2871" s="166">
        <v>0</v>
      </c>
      <c r="CN2871" s="166">
        <v>0</v>
      </c>
      <c r="CO2871" s="166">
        <v>0</v>
      </c>
      <c r="CP2871" s="166">
        <v>0</v>
      </c>
      <c r="CQ2871" s="166">
        <v>0</v>
      </c>
      <c r="CR2871" s="166">
        <v>0</v>
      </c>
      <c r="CS2871" s="166">
        <v>0</v>
      </c>
      <c r="CT2871" s="166">
        <v>0</v>
      </c>
      <c r="CU2871" s="166">
        <v>0</v>
      </c>
      <c r="CV2871" s="166">
        <v>0</v>
      </c>
      <c r="CW2871" s="166">
        <v>0</v>
      </c>
      <c r="CX2871" s="166">
        <v>0</v>
      </c>
      <c r="CY2871" s="166">
        <v>0</v>
      </c>
      <c r="CZ2871" s="166">
        <v>0</v>
      </c>
    </row>
    <row r="2872" spans="1:104" x14ac:dyDescent="0.2">
      <c r="A2872" s="167" t="s">
        <v>159</v>
      </c>
      <c r="B2872" s="166">
        <v>19179757.081027798</v>
      </c>
      <c r="C2872" s="166">
        <v>19179757.081027798</v>
      </c>
      <c r="D2872" s="166">
        <v>0</v>
      </c>
      <c r="E2872" s="166">
        <v>0</v>
      </c>
      <c r="F2872" s="166">
        <v>0</v>
      </c>
      <c r="G2872" s="166">
        <v>0</v>
      </c>
      <c r="H2872" s="166">
        <v>0</v>
      </c>
      <c r="I2872" s="166">
        <v>0</v>
      </c>
      <c r="J2872" s="166">
        <v>0</v>
      </c>
      <c r="K2872" s="166">
        <v>0</v>
      </c>
      <c r="L2872" s="166">
        <v>0</v>
      </c>
      <c r="M2872" s="166">
        <v>0</v>
      </c>
      <c r="N2872" s="166">
        <v>0</v>
      </c>
      <c r="O2872" s="166">
        <v>0</v>
      </c>
      <c r="P2872" s="166">
        <v>0</v>
      </c>
      <c r="Q2872" s="166">
        <v>0</v>
      </c>
      <c r="R2872" s="166">
        <v>0</v>
      </c>
      <c r="S2872" s="166">
        <v>0</v>
      </c>
      <c r="T2872" s="166">
        <v>0</v>
      </c>
      <c r="U2872" s="166">
        <v>0</v>
      </c>
      <c r="V2872" s="166">
        <v>0</v>
      </c>
      <c r="W2872" s="166">
        <v>0</v>
      </c>
      <c r="X2872" s="166">
        <v>0</v>
      </c>
      <c r="Y2872" s="166">
        <v>0</v>
      </c>
      <c r="Z2872" s="166">
        <v>0</v>
      </c>
      <c r="AA2872" s="166">
        <v>0</v>
      </c>
      <c r="AB2872" s="166">
        <v>0</v>
      </c>
      <c r="AC2872" s="166">
        <v>0</v>
      </c>
      <c r="AD2872" s="166">
        <v>0</v>
      </c>
      <c r="AE2872" s="166">
        <v>0</v>
      </c>
      <c r="AF2872" s="166">
        <v>0</v>
      </c>
      <c r="AG2872" s="166">
        <v>0</v>
      </c>
      <c r="AH2872" s="166">
        <v>0</v>
      </c>
      <c r="AI2872" s="166">
        <v>0</v>
      </c>
      <c r="AJ2872" s="166">
        <v>0</v>
      </c>
      <c r="AK2872" s="166">
        <v>0</v>
      </c>
      <c r="AL2872" s="166">
        <v>0</v>
      </c>
      <c r="AM2872" s="166">
        <v>0</v>
      </c>
      <c r="AN2872" s="166">
        <v>0</v>
      </c>
      <c r="AO2872" s="166">
        <v>0</v>
      </c>
      <c r="AP2872" s="166">
        <v>0</v>
      </c>
      <c r="AQ2872" s="166">
        <v>0</v>
      </c>
      <c r="AR2872" s="166">
        <v>0</v>
      </c>
      <c r="AS2872" s="166">
        <v>0</v>
      </c>
      <c r="AT2872" s="166">
        <v>0</v>
      </c>
      <c r="AU2872" s="166">
        <v>0</v>
      </c>
      <c r="AV2872" s="166">
        <v>0</v>
      </c>
      <c r="AW2872" s="166">
        <v>0</v>
      </c>
      <c r="AX2872" s="166">
        <v>0</v>
      </c>
      <c r="AY2872" s="166">
        <v>0</v>
      </c>
      <c r="AZ2872" s="166">
        <v>0</v>
      </c>
      <c r="BA2872" s="166">
        <v>0</v>
      </c>
      <c r="BB2872" s="166">
        <v>0</v>
      </c>
      <c r="BC2872" s="166">
        <v>0</v>
      </c>
      <c r="BD2872" s="166">
        <v>0</v>
      </c>
      <c r="BE2872" s="166">
        <v>0</v>
      </c>
      <c r="BF2872" s="166">
        <v>0</v>
      </c>
      <c r="BG2872" s="166">
        <v>0</v>
      </c>
      <c r="BH2872" s="166">
        <v>0</v>
      </c>
      <c r="BI2872" s="166">
        <v>0</v>
      </c>
      <c r="BJ2872" s="166">
        <v>0</v>
      </c>
      <c r="BK2872" s="166">
        <v>0</v>
      </c>
      <c r="BL2872" s="166">
        <v>0</v>
      </c>
      <c r="BM2872" s="166">
        <v>0</v>
      </c>
      <c r="BN2872" s="166">
        <v>0</v>
      </c>
      <c r="BO2872" s="166">
        <v>0</v>
      </c>
      <c r="BP2872" s="166">
        <v>0</v>
      </c>
      <c r="BQ2872" s="166">
        <v>0</v>
      </c>
      <c r="BR2872" s="166">
        <v>19179757.081027798</v>
      </c>
      <c r="BS2872" s="166">
        <v>19179757.081027798</v>
      </c>
      <c r="BT2872" s="168">
        <v>0</v>
      </c>
      <c r="BU2872" s="166">
        <v>0</v>
      </c>
      <c r="BV2872" s="166">
        <v>0</v>
      </c>
      <c r="BW2872" s="166">
        <v>0</v>
      </c>
      <c r="BX2872" s="166">
        <v>0</v>
      </c>
      <c r="BY2872" s="166">
        <v>0</v>
      </c>
      <c r="BZ2872" s="166">
        <v>0</v>
      </c>
      <c r="CA2872" s="166">
        <v>0</v>
      </c>
      <c r="CB2872" s="166">
        <v>0</v>
      </c>
      <c r="CC2872" s="166">
        <v>0</v>
      </c>
      <c r="CD2872" s="166">
        <v>0</v>
      </c>
      <c r="CE2872" s="166">
        <v>0</v>
      </c>
      <c r="CF2872" s="166">
        <v>0</v>
      </c>
      <c r="CG2872" s="166">
        <v>0</v>
      </c>
      <c r="CH2872" s="166">
        <v>0</v>
      </c>
      <c r="CI2872" s="166">
        <v>0</v>
      </c>
      <c r="CJ2872" s="166">
        <v>0</v>
      </c>
      <c r="CK2872" s="166">
        <v>0</v>
      </c>
      <c r="CL2872" s="166">
        <v>0</v>
      </c>
      <c r="CM2872" s="166">
        <v>0</v>
      </c>
      <c r="CN2872" s="166">
        <v>0</v>
      </c>
      <c r="CO2872" s="166">
        <v>0</v>
      </c>
      <c r="CP2872" s="166">
        <v>0</v>
      </c>
      <c r="CQ2872" s="166">
        <v>0</v>
      </c>
      <c r="CR2872" s="166">
        <v>0</v>
      </c>
      <c r="CS2872" s="166">
        <v>0</v>
      </c>
      <c r="CT2872" s="166">
        <v>0</v>
      </c>
      <c r="CU2872" s="166">
        <v>0</v>
      </c>
      <c r="CV2872" s="166">
        <v>0</v>
      </c>
      <c r="CW2872" s="166">
        <v>0</v>
      </c>
      <c r="CX2872" s="166">
        <v>0</v>
      </c>
      <c r="CY2872" s="166">
        <v>0</v>
      </c>
      <c r="CZ2872" s="166">
        <v>0</v>
      </c>
    </row>
    <row r="2873" spans="1:104" x14ac:dyDescent="0.2">
      <c r="A2873" s="167" t="s">
        <v>160</v>
      </c>
      <c r="B2873" s="166">
        <v>78146130.030000001</v>
      </c>
      <c r="C2873" s="166">
        <v>78146130.030000001</v>
      </c>
      <c r="D2873" s="166">
        <v>0</v>
      </c>
      <c r="E2873" s="166">
        <v>0</v>
      </c>
      <c r="F2873" s="166">
        <v>0</v>
      </c>
      <c r="G2873" s="166">
        <v>0</v>
      </c>
      <c r="H2873" s="166">
        <v>0</v>
      </c>
      <c r="I2873" s="166">
        <v>0</v>
      </c>
      <c r="J2873" s="166">
        <v>0</v>
      </c>
      <c r="K2873" s="166">
        <v>0</v>
      </c>
      <c r="L2873" s="166">
        <v>0</v>
      </c>
      <c r="M2873" s="166">
        <v>0</v>
      </c>
      <c r="N2873" s="166">
        <v>0</v>
      </c>
      <c r="O2873" s="166">
        <v>0</v>
      </c>
      <c r="P2873" s="166">
        <v>0</v>
      </c>
      <c r="Q2873" s="166">
        <v>0</v>
      </c>
      <c r="R2873" s="166">
        <v>0</v>
      </c>
      <c r="S2873" s="166">
        <v>0</v>
      </c>
      <c r="T2873" s="166">
        <v>0</v>
      </c>
      <c r="U2873" s="166">
        <v>0</v>
      </c>
      <c r="V2873" s="166">
        <v>0</v>
      </c>
      <c r="W2873" s="166">
        <v>0</v>
      </c>
      <c r="X2873" s="166">
        <v>0</v>
      </c>
      <c r="Y2873" s="166">
        <v>0</v>
      </c>
      <c r="Z2873" s="166">
        <v>0</v>
      </c>
      <c r="AA2873" s="166">
        <v>0</v>
      </c>
      <c r="AB2873" s="166">
        <v>0</v>
      </c>
      <c r="AC2873" s="166">
        <v>0</v>
      </c>
      <c r="AD2873" s="166">
        <v>0</v>
      </c>
      <c r="AE2873" s="166">
        <v>0</v>
      </c>
      <c r="AF2873" s="166">
        <v>0</v>
      </c>
      <c r="AG2873" s="166">
        <v>0</v>
      </c>
      <c r="AH2873" s="166">
        <v>0</v>
      </c>
      <c r="AI2873" s="166">
        <v>0</v>
      </c>
      <c r="AJ2873" s="166">
        <v>0</v>
      </c>
      <c r="AK2873" s="166">
        <v>0</v>
      </c>
      <c r="AL2873" s="166">
        <v>0</v>
      </c>
      <c r="AM2873" s="166">
        <v>0</v>
      </c>
      <c r="AN2873" s="166">
        <v>0</v>
      </c>
      <c r="AO2873" s="166">
        <v>0</v>
      </c>
      <c r="AP2873" s="166">
        <v>0</v>
      </c>
      <c r="AQ2873" s="166">
        <v>0</v>
      </c>
      <c r="AR2873" s="166">
        <v>0</v>
      </c>
      <c r="AS2873" s="166">
        <v>0</v>
      </c>
      <c r="AT2873" s="166">
        <v>0</v>
      </c>
      <c r="AU2873" s="166">
        <v>0</v>
      </c>
      <c r="AV2873" s="166">
        <v>0</v>
      </c>
      <c r="AW2873" s="166">
        <v>0</v>
      </c>
      <c r="AX2873" s="166">
        <v>0</v>
      </c>
      <c r="AY2873" s="166">
        <v>0</v>
      </c>
      <c r="AZ2873" s="166">
        <v>0</v>
      </c>
      <c r="BA2873" s="166">
        <v>0</v>
      </c>
      <c r="BB2873" s="166">
        <v>0</v>
      </c>
      <c r="BC2873" s="166">
        <v>0</v>
      </c>
      <c r="BD2873" s="166">
        <v>0</v>
      </c>
      <c r="BE2873" s="166">
        <v>0</v>
      </c>
      <c r="BF2873" s="166">
        <v>0</v>
      </c>
      <c r="BG2873" s="166">
        <v>0</v>
      </c>
      <c r="BH2873" s="166">
        <v>0</v>
      </c>
      <c r="BI2873" s="166">
        <v>0</v>
      </c>
      <c r="BJ2873" s="166">
        <v>0</v>
      </c>
      <c r="BK2873" s="166">
        <v>0</v>
      </c>
      <c r="BL2873" s="166">
        <v>0</v>
      </c>
      <c r="BM2873" s="166">
        <v>0</v>
      </c>
      <c r="BN2873" s="166">
        <v>0</v>
      </c>
      <c r="BO2873" s="166">
        <v>0</v>
      </c>
      <c r="BP2873" s="166">
        <v>0</v>
      </c>
      <c r="BQ2873" s="166">
        <v>0</v>
      </c>
      <c r="BR2873" s="166">
        <v>78146130.030000001</v>
      </c>
      <c r="BS2873" s="166">
        <v>78146130.030000001</v>
      </c>
      <c r="BT2873" s="168">
        <v>0</v>
      </c>
      <c r="BU2873" s="166">
        <v>0</v>
      </c>
      <c r="BV2873" s="166">
        <v>0</v>
      </c>
      <c r="BW2873" s="166">
        <v>0</v>
      </c>
      <c r="BX2873" s="166">
        <v>0</v>
      </c>
      <c r="BY2873" s="166">
        <v>0</v>
      </c>
      <c r="BZ2873" s="166">
        <v>0</v>
      </c>
      <c r="CA2873" s="166">
        <v>0</v>
      </c>
      <c r="CB2873" s="166">
        <v>0</v>
      </c>
      <c r="CC2873" s="166">
        <v>0</v>
      </c>
      <c r="CD2873" s="166">
        <v>0</v>
      </c>
      <c r="CE2873" s="166">
        <v>0</v>
      </c>
      <c r="CF2873" s="166">
        <v>0</v>
      </c>
      <c r="CG2873" s="166">
        <v>0</v>
      </c>
      <c r="CH2873" s="166">
        <v>0</v>
      </c>
      <c r="CI2873" s="166">
        <v>0</v>
      </c>
      <c r="CJ2873" s="166">
        <v>0</v>
      </c>
      <c r="CK2873" s="166">
        <v>0</v>
      </c>
      <c r="CL2873" s="166">
        <v>0</v>
      </c>
      <c r="CM2873" s="166">
        <v>0</v>
      </c>
      <c r="CN2873" s="166">
        <v>0</v>
      </c>
      <c r="CO2873" s="166">
        <v>0</v>
      </c>
      <c r="CP2873" s="166">
        <v>0</v>
      </c>
      <c r="CQ2873" s="166">
        <v>0</v>
      </c>
      <c r="CR2873" s="166">
        <v>0</v>
      </c>
      <c r="CS2873" s="166">
        <v>0</v>
      </c>
      <c r="CT2873" s="166">
        <v>0</v>
      </c>
      <c r="CU2873" s="166">
        <v>0</v>
      </c>
      <c r="CV2873" s="166">
        <v>0</v>
      </c>
      <c r="CW2873" s="166">
        <v>0</v>
      </c>
      <c r="CX2873" s="166">
        <v>0</v>
      </c>
      <c r="CY2873" s="166">
        <v>0</v>
      </c>
      <c r="CZ2873" s="166">
        <v>0</v>
      </c>
    </row>
    <row r="2874" spans="1:104" x14ac:dyDescent="0.2">
      <c r="A2874" s="170" t="s">
        <v>161</v>
      </c>
      <c r="B2874" s="166">
        <v>101845964.779999</v>
      </c>
      <c r="C2874" s="166">
        <v>101845964.779999</v>
      </c>
      <c r="D2874" s="166">
        <v>0</v>
      </c>
      <c r="E2874" s="166">
        <v>0</v>
      </c>
      <c r="F2874" s="166">
        <v>0</v>
      </c>
      <c r="G2874" s="166">
        <v>0</v>
      </c>
      <c r="H2874" s="166">
        <v>0</v>
      </c>
      <c r="I2874" s="166">
        <v>0</v>
      </c>
      <c r="J2874" s="166">
        <v>0</v>
      </c>
      <c r="K2874" s="166">
        <v>0</v>
      </c>
      <c r="L2874" s="166">
        <v>0</v>
      </c>
      <c r="M2874" s="166">
        <v>0</v>
      </c>
      <c r="N2874" s="166">
        <v>0</v>
      </c>
      <c r="O2874" s="166">
        <v>0</v>
      </c>
      <c r="P2874" s="166">
        <v>0</v>
      </c>
      <c r="Q2874" s="166">
        <v>0</v>
      </c>
      <c r="R2874" s="166">
        <v>0</v>
      </c>
      <c r="S2874" s="166">
        <v>0</v>
      </c>
      <c r="T2874" s="166">
        <v>0</v>
      </c>
      <c r="U2874" s="166">
        <v>0</v>
      </c>
      <c r="V2874" s="166">
        <v>0</v>
      </c>
      <c r="W2874" s="166">
        <v>0</v>
      </c>
      <c r="X2874" s="166">
        <v>0</v>
      </c>
      <c r="Y2874" s="166">
        <v>0</v>
      </c>
      <c r="Z2874" s="166">
        <v>0</v>
      </c>
      <c r="AA2874" s="166">
        <v>0</v>
      </c>
      <c r="AB2874" s="166">
        <v>0</v>
      </c>
      <c r="AC2874" s="166">
        <v>0</v>
      </c>
      <c r="AD2874" s="166">
        <v>0</v>
      </c>
      <c r="AE2874" s="166">
        <v>0</v>
      </c>
      <c r="AF2874" s="166">
        <v>0</v>
      </c>
      <c r="AG2874" s="166">
        <v>0</v>
      </c>
      <c r="AH2874" s="166">
        <v>0</v>
      </c>
      <c r="AI2874" s="166">
        <v>0</v>
      </c>
      <c r="AJ2874" s="166">
        <v>0</v>
      </c>
      <c r="AK2874" s="166">
        <v>0</v>
      </c>
      <c r="AL2874" s="166">
        <v>0</v>
      </c>
      <c r="AM2874" s="166">
        <v>0</v>
      </c>
      <c r="AN2874" s="166">
        <v>0</v>
      </c>
      <c r="AO2874" s="166">
        <v>0</v>
      </c>
      <c r="AP2874" s="166">
        <v>0</v>
      </c>
      <c r="AQ2874" s="166">
        <v>0</v>
      </c>
      <c r="AR2874" s="166">
        <v>0</v>
      </c>
      <c r="AS2874" s="166">
        <v>0</v>
      </c>
      <c r="AT2874" s="166">
        <v>0</v>
      </c>
      <c r="AU2874" s="166">
        <v>0</v>
      </c>
      <c r="AV2874" s="166">
        <v>0</v>
      </c>
      <c r="AW2874" s="166">
        <v>0</v>
      </c>
      <c r="AX2874" s="166">
        <v>0</v>
      </c>
      <c r="AY2874" s="166">
        <v>0</v>
      </c>
      <c r="AZ2874" s="166">
        <v>0</v>
      </c>
      <c r="BA2874" s="166">
        <v>0</v>
      </c>
      <c r="BB2874" s="166">
        <v>0</v>
      </c>
      <c r="BC2874" s="166">
        <v>0</v>
      </c>
      <c r="BD2874" s="166">
        <v>0</v>
      </c>
      <c r="BE2874" s="166">
        <v>0</v>
      </c>
      <c r="BF2874" s="166">
        <v>0</v>
      </c>
      <c r="BG2874" s="166">
        <v>0</v>
      </c>
      <c r="BH2874" s="166">
        <v>0</v>
      </c>
      <c r="BI2874" s="166">
        <v>0</v>
      </c>
      <c r="BJ2874" s="166">
        <v>0</v>
      </c>
      <c r="BK2874" s="166">
        <v>0</v>
      </c>
      <c r="BL2874" s="166">
        <v>0</v>
      </c>
      <c r="BM2874" s="166">
        <v>0</v>
      </c>
      <c r="BN2874" s="166">
        <v>0</v>
      </c>
      <c r="BO2874" s="166">
        <v>0</v>
      </c>
      <c r="BP2874" s="166">
        <v>0</v>
      </c>
      <c r="BQ2874" s="166">
        <v>0</v>
      </c>
      <c r="BR2874" s="166">
        <v>101845964.779999</v>
      </c>
      <c r="BS2874" s="166">
        <v>101845964.78</v>
      </c>
      <c r="BT2874" s="168">
        <v>0</v>
      </c>
      <c r="BU2874" s="166">
        <v>0</v>
      </c>
      <c r="BV2874" s="166">
        <v>0</v>
      </c>
      <c r="BW2874" s="166">
        <v>0</v>
      </c>
      <c r="BX2874" s="166">
        <v>0</v>
      </c>
      <c r="BY2874" s="166">
        <v>0</v>
      </c>
      <c r="BZ2874" s="166">
        <v>0</v>
      </c>
      <c r="CA2874" s="166">
        <v>0</v>
      </c>
      <c r="CB2874" s="166">
        <v>0</v>
      </c>
      <c r="CC2874" s="166">
        <v>0</v>
      </c>
      <c r="CD2874" s="166">
        <v>0</v>
      </c>
      <c r="CE2874" s="166">
        <v>0</v>
      </c>
      <c r="CF2874" s="166">
        <v>0</v>
      </c>
      <c r="CG2874" s="166">
        <v>0</v>
      </c>
      <c r="CH2874" s="166">
        <v>0</v>
      </c>
      <c r="CI2874" s="166">
        <v>0</v>
      </c>
      <c r="CJ2874" s="166">
        <v>0</v>
      </c>
      <c r="CK2874" s="166">
        <v>0</v>
      </c>
      <c r="CL2874" s="166">
        <v>0</v>
      </c>
      <c r="CM2874" s="166">
        <v>0</v>
      </c>
      <c r="CN2874" s="166">
        <v>0</v>
      </c>
      <c r="CO2874" s="166">
        <v>0</v>
      </c>
      <c r="CP2874" s="166">
        <v>0</v>
      </c>
      <c r="CQ2874" s="166">
        <v>0</v>
      </c>
      <c r="CR2874" s="166">
        <v>0</v>
      </c>
      <c r="CS2874" s="166">
        <v>0</v>
      </c>
      <c r="CT2874" s="166">
        <v>0</v>
      </c>
      <c r="CU2874" s="166">
        <v>0</v>
      </c>
      <c r="CV2874" s="166">
        <v>0</v>
      </c>
      <c r="CW2874" s="166">
        <v>0</v>
      </c>
      <c r="CX2874" s="166">
        <v>0</v>
      </c>
      <c r="CY2874" s="166">
        <v>0</v>
      </c>
      <c r="CZ2874" s="166">
        <v>0</v>
      </c>
    </row>
    <row r="2875" spans="1:104" x14ac:dyDescent="0.2">
      <c r="A2875" s="167" t="s">
        <v>162</v>
      </c>
    </row>
    <row r="2876" spans="1:104" x14ac:dyDescent="0.2">
      <c r="A2876" s="170" t="s">
        <v>163</v>
      </c>
    </row>
    <row r="2877" spans="1:104" x14ac:dyDescent="0.2">
      <c r="A2877" s="167" t="s">
        <v>164</v>
      </c>
      <c r="B2877" s="166">
        <v>0</v>
      </c>
      <c r="C2877" s="166">
        <v>0</v>
      </c>
      <c r="D2877" s="166">
        <v>0</v>
      </c>
      <c r="E2877" s="166">
        <v>0</v>
      </c>
      <c r="F2877" s="166">
        <v>0</v>
      </c>
      <c r="G2877" s="166">
        <v>0</v>
      </c>
      <c r="H2877" s="166">
        <v>0</v>
      </c>
      <c r="I2877" s="166">
        <v>0</v>
      </c>
      <c r="J2877" s="166">
        <v>0</v>
      </c>
      <c r="K2877" s="166">
        <v>0</v>
      </c>
      <c r="L2877" s="166">
        <v>0</v>
      </c>
      <c r="M2877" s="166">
        <v>0</v>
      </c>
      <c r="N2877" s="166">
        <v>0</v>
      </c>
      <c r="O2877" s="166">
        <v>0</v>
      </c>
      <c r="P2877" s="166">
        <v>0</v>
      </c>
      <c r="Q2877" s="166">
        <v>0</v>
      </c>
      <c r="R2877" s="166">
        <v>0</v>
      </c>
      <c r="S2877" s="166">
        <v>0</v>
      </c>
      <c r="T2877" s="166">
        <v>0</v>
      </c>
      <c r="U2877" s="166">
        <v>0</v>
      </c>
      <c r="V2877" s="166">
        <v>0</v>
      </c>
      <c r="W2877" s="166">
        <v>0</v>
      </c>
      <c r="X2877" s="166">
        <v>0</v>
      </c>
      <c r="Y2877" s="166">
        <v>0</v>
      </c>
      <c r="Z2877" s="166">
        <v>0</v>
      </c>
      <c r="AA2877" s="166">
        <v>0</v>
      </c>
      <c r="AB2877" s="166">
        <v>0</v>
      </c>
      <c r="AC2877" s="166">
        <v>0</v>
      </c>
      <c r="AD2877" s="166">
        <v>0</v>
      </c>
      <c r="AE2877" s="166">
        <v>0</v>
      </c>
      <c r="AF2877" s="166">
        <v>0</v>
      </c>
      <c r="AG2877" s="166">
        <v>0</v>
      </c>
      <c r="AH2877" s="166">
        <v>0</v>
      </c>
      <c r="AI2877" s="166">
        <v>0</v>
      </c>
      <c r="AJ2877" s="166">
        <v>0</v>
      </c>
      <c r="AK2877" s="166">
        <v>0</v>
      </c>
      <c r="AL2877" s="166">
        <v>0</v>
      </c>
      <c r="AM2877" s="166">
        <v>0</v>
      </c>
      <c r="AN2877" s="166">
        <v>0</v>
      </c>
      <c r="AO2877" s="166">
        <v>0</v>
      </c>
      <c r="AP2877" s="166">
        <v>0</v>
      </c>
      <c r="AQ2877" s="166">
        <v>0</v>
      </c>
      <c r="AR2877" s="166">
        <v>0</v>
      </c>
      <c r="AS2877" s="166">
        <v>0</v>
      </c>
      <c r="AT2877" s="166">
        <v>0</v>
      </c>
      <c r="AU2877" s="166">
        <v>0</v>
      </c>
      <c r="AV2877" s="166">
        <v>0</v>
      </c>
      <c r="AW2877" s="166">
        <v>0</v>
      </c>
      <c r="AX2877" s="166">
        <v>0</v>
      </c>
      <c r="AY2877" s="166">
        <v>0</v>
      </c>
      <c r="AZ2877" s="166">
        <v>0</v>
      </c>
      <c r="BA2877" s="166">
        <v>0</v>
      </c>
      <c r="BB2877" s="166">
        <v>0</v>
      </c>
      <c r="BC2877" s="166">
        <v>0</v>
      </c>
      <c r="BD2877" s="166">
        <v>0</v>
      </c>
      <c r="BE2877" s="166">
        <v>0</v>
      </c>
      <c r="BF2877" s="166">
        <v>0</v>
      </c>
      <c r="BG2877" s="166">
        <v>0</v>
      </c>
      <c r="BH2877" s="166">
        <v>0</v>
      </c>
      <c r="BI2877" s="166">
        <v>0</v>
      </c>
      <c r="BJ2877" s="166">
        <v>0</v>
      </c>
      <c r="BK2877" s="166">
        <v>0</v>
      </c>
      <c r="BL2877" s="166">
        <v>0</v>
      </c>
      <c r="BM2877" s="166">
        <v>0</v>
      </c>
      <c r="BN2877" s="166">
        <v>0</v>
      </c>
      <c r="BO2877" s="166">
        <v>0</v>
      </c>
      <c r="BP2877" s="166">
        <v>0</v>
      </c>
      <c r="BQ2877" s="166">
        <v>0</v>
      </c>
      <c r="BR2877" s="166">
        <v>0</v>
      </c>
      <c r="BS2877" s="166">
        <v>0</v>
      </c>
      <c r="BT2877" s="168">
        <v>0</v>
      </c>
      <c r="BU2877" s="166">
        <v>0</v>
      </c>
      <c r="BV2877" s="166">
        <v>0</v>
      </c>
      <c r="BW2877" s="166">
        <v>0</v>
      </c>
      <c r="BX2877" s="166">
        <v>0</v>
      </c>
      <c r="BY2877" s="166">
        <v>0</v>
      </c>
      <c r="BZ2877" s="166">
        <v>0</v>
      </c>
      <c r="CA2877" s="166">
        <v>0</v>
      </c>
      <c r="CB2877" s="166">
        <v>0</v>
      </c>
      <c r="CC2877" s="166">
        <v>0</v>
      </c>
      <c r="CD2877" s="166">
        <v>0</v>
      </c>
      <c r="CE2877" s="166">
        <v>0</v>
      </c>
      <c r="CF2877" s="166">
        <v>0</v>
      </c>
      <c r="CG2877" s="166">
        <v>0</v>
      </c>
      <c r="CH2877" s="166">
        <v>0</v>
      </c>
      <c r="CI2877" s="166">
        <v>0</v>
      </c>
      <c r="CJ2877" s="166">
        <v>0</v>
      </c>
      <c r="CK2877" s="166">
        <v>0</v>
      </c>
      <c r="CL2877" s="166">
        <v>0</v>
      </c>
      <c r="CM2877" s="166">
        <v>0</v>
      </c>
      <c r="CN2877" s="166">
        <v>0</v>
      </c>
      <c r="CO2877" s="166">
        <v>0</v>
      </c>
      <c r="CP2877" s="166">
        <v>0</v>
      </c>
      <c r="CQ2877" s="166">
        <v>0</v>
      </c>
      <c r="CR2877" s="166">
        <v>0</v>
      </c>
      <c r="CS2877" s="166">
        <v>0</v>
      </c>
      <c r="CT2877" s="166">
        <v>0</v>
      </c>
      <c r="CU2877" s="166">
        <v>0</v>
      </c>
      <c r="CV2877" s="166">
        <v>0</v>
      </c>
      <c r="CW2877" s="166">
        <v>0</v>
      </c>
      <c r="CX2877" s="166">
        <v>0</v>
      </c>
      <c r="CY2877" s="166">
        <v>0</v>
      </c>
      <c r="CZ2877" s="166">
        <v>0</v>
      </c>
    </row>
    <row r="2878" spans="1:104" x14ac:dyDescent="0.2">
      <c r="A2878" s="167" t="s">
        <v>165</v>
      </c>
    </row>
    <row r="2879" spans="1:104" x14ac:dyDescent="0.2">
      <c r="A2879" s="167" t="s">
        <v>1058</v>
      </c>
      <c r="B2879" s="166">
        <v>68296914.012958705</v>
      </c>
      <c r="C2879" s="166">
        <v>68296914.012958705</v>
      </c>
      <c r="D2879" s="166">
        <v>0</v>
      </c>
      <c r="E2879" s="166">
        <v>0</v>
      </c>
      <c r="F2879" s="166">
        <v>0</v>
      </c>
      <c r="G2879" s="166">
        <v>0</v>
      </c>
      <c r="H2879" s="166">
        <v>0</v>
      </c>
      <c r="I2879" s="166">
        <v>0</v>
      </c>
      <c r="J2879" s="166">
        <v>0</v>
      </c>
      <c r="K2879" s="166">
        <v>0</v>
      </c>
      <c r="L2879" s="166">
        <v>0</v>
      </c>
      <c r="M2879" s="166">
        <v>0</v>
      </c>
      <c r="N2879" s="166">
        <v>0</v>
      </c>
      <c r="O2879" s="166">
        <v>0</v>
      </c>
      <c r="P2879" s="166">
        <v>0</v>
      </c>
      <c r="Q2879" s="166">
        <v>0</v>
      </c>
      <c r="R2879" s="166">
        <v>0</v>
      </c>
      <c r="S2879" s="166">
        <v>0</v>
      </c>
      <c r="T2879" s="166">
        <v>0</v>
      </c>
      <c r="U2879" s="166">
        <v>0</v>
      </c>
      <c r="V2879" s="166">
        <v>0</v>
      </c>
      <c r="W2879" s="166">
        <v>0</v>
      </c>
      <c r="X2879" s="166">
        <v>0</v>
      </c>
      <c r="Y2879" s="166">
        <v>0</v>
      </c>
      <c r="Z2879" s="166">
        <v>0</v>
      </c>
      <c r="AA2879" s="166">
        <v>0</v>
      </c>
      <c r="AB2879" s="166">
        <v>0</v>
      </c>
      <c r="AC2879" s="166">
        <v>0</v>
      </c>
      <c r="AD2879" s="166">
        <v>0</v>
      </c>
      <c r="AE2879" s="166">
        <v>0</v>
      </c>
      <c r="AF2879" s="166">
        <v>0</v>
      </c>
      <c r="AG2879" s="166">
        <v>0</v>
      </c>
      <c r="AH2879" s="166">
        <v>0</v>
      </c>
      <c r="AI2879" s="166">
        <v>0</v>
      </c>
      <c r="AJ2879" s="166">
        <v>0</v>
      </c>
      <c r="AK2879" s="166">
        <v>0</v>
      </c>
      <c r="AL2879" s="166">
        <v>0</v>
      </c>
      <c r="AM2879" s="166">
        <v>0</v>
      </c>
      <c r="AN2879" s="166">
        <v>0</v>
      </c>
      <c r="AO2879" s="166">
        <v>0</v>
      </c>
      <c r="AP2879" s="166">
        <v>0</v>
      </c>
      <c r="AQ2879" s="166">
        <v>0</v>
      </c>
      <c r="AR2879" s="166">
        <v>0</v>
      </c>
      <c r="AS2879" s="166">
        <v>0</v>
      </c>
      <c r="AT2879" s="166">
        <v>0</v>
      </c>
      <c r="AU2879" s="166">
        <v>0</v>
      </c>
      <c r="AV2879" s="166">
        <v>0</v>
      </c>
      <c r="AW2879" s="166">
        <v>0</v>
      </c>
      <c r="AX2879" s="166">
        <v>0</v>
      </c>
      <c r="AY2879" s="166">
        <v>0</v>
      </c>
      <c r="AZ2879" s="166">
        <v>0</v>
      </c>
      <c r="BA2879" s="166">
        <v>0</v>
      </c>
      <c r="BB2879" s="166">
        <v>0</v>
      </c>
      <c r="BC2879" s="166">
        <v>0</v>
      </c>
      <c r="BD2879" s="166">
        <v>0</v>
      </c>
      <c r="BE2879" s="166">
        <v>0</v>
      </c>
      <c r="BF2879" s="166">
        <v>0</v>
      </c>
      <c r="BG2879" s="166">
        <v>0</v>
      </c>
      <c r="BH2879" s="166">
        <v>0</v>
      </c>
      <c r="BI2879" s="166">
        <v>0</v>
      </c>
      <c r="BJ2879" s="166">
        <v>0</v>
      </c>
      <c r="BK2879" s="166">
        <v>0</v>
      </c>
      <c r="BL2879" s="166">
        <v>0</v>
      </c>
      <c r="BM2879" s="166">
        <v>0</v>
      </c>
      <c r="BN2879" s="166">
        <v>0</v>
      </c>
      <c r="BO2879" s="166">
        <v>0</v>
      </c>
      <c r="BP2879" s="166">
        <v>0</v>
      </c>
      <c r="BQ2879" s="166">
        <v>0</v>
      </c>
      <c r="BR2879" s="166">
        <v>68296914.012958705</v>
      </c>
      <c r="BS2879" s="166">
        <v>68296914.012958705</v>
      </c>
      <c r="BT2879" s="168">
        <v>0</v>
      </c>
      <c r="BU2879" s="166">
        <v>0</v>
      </c>
      <c r="BV2879" s="166">
        <v>0</v>
      </c>
      <c r="BW2879" s="166">
        <v>0</v>
      </c>
      <c r="BX2879" s="166">
        <v>0</v>
      </c>
      <c r="BY2879" s="166">
        <v>0</v>
      </c>
      <c r="BZ2879" s="166">
        <v>0</v>
      </c>
      <c r="CA2879" s="166">
        <v>0</v>
      </c>
      <c r="CB2879" s="166">
        <v>0</v>
      </c>
      <c r="CC2879" s="166">
        <v>0</v>
      </c>
      <c r="CD2879" s="166">
        <v>0</v>
      </c>
      <c r="CE2879" s="166">
        <v>0</v>
      </c>
      <c r="CF2879" s="166">
        <v>0</v>
      </c>
      <c r="CG2879" s="166">
        <v>0</v>
      </c>
      <c r="CH2879" s="166">
        <v>0</v>
      </c>
      <c r="CI2879" s="166">
        <v>0</v>
      </c>
      <c r="CJ2879" s="166">
        <v>0</v>
      </c>
      <c r="CK2879" s="166">
        <v>0</v>
      </c>
      <c r="CL2879" s="166">
        <v>0</v>
      </c>
      <c r="CM2879" s="166">
        <v>0</v>
      </c>
      <c r="CN2879" s="166">
        <v>0</v>
      </c>
      <c r="CO2879" s="166">
        <v>0</v>
      </c>
      <c r="CP2879" s="166">
        <v>0</v>
      </c>
      <c r="CQ2879" s="166">
        <v>0</v>
      </c>
      <c r="CR2879" s="166">
        <v>0</v>
      </c>
      <c r="CS2879" s="166">
        <v>0</v>
      </c>
      <c r="CT2879" s="166">
        <v>0</v>
      </c>
      <c r="CU2879" s="166">
        <v>0</v>
      </c>
      <c r="CV2879" s="166">
        <v>0</v>
      </c>
      <c r="CW2879" s="166">
        <v>0</v>
      </c>
      <c r="CX2879" s="166">
        <v>0</v>
      </c>
      <c r="CY2879" s="166">
        <v>0</v>
      </c>
      <c r="CZ2879" s="166">
        <v>0</v>
      </c>
    </row>
    <row r="2880" spans="1:104" x14ac:dyDescent="0.2">
      <c r="A2880" s="167" t="s">
        <v>1059</v>
      </c>
      <c r="B2880" s="166">
        <v>5948820.5319512701</v>
      </c>
      <c r="C2880" s="166">
        <v>5948820.5319512701</v>
      </c>
      <c r="D2880" s="166">
        <v>0</v>
      </c>
      <c r="E2880" s="166">
        <v>0</v>
      </c>
      <c r="F2880" s="166">
        <v>0</v>
      </c>
      <c r="G2880" s="166">
        <v>0</v>
      </c>
      <c r="H2880" s="166">
        <v>0</v>
      </c>
      <c r="I2880" s="166">
        <v>0</v>
      </c>
      <c r="J2880" s="166">
        <v>0</v>
      </c>
      <c r="K2880" s="166">
        <v>0</v>
      </c>
      <c r="L2880" s="166">
        <v>0</v>
      </c>
      <c r="M2880" s="166">
        <v>0</v>
      </c>
      <c r="N2880" s="166">
        <v>0</v>
      </c>
      <c r="O2880" s="166">
        <v>0</v>
      </c>
      <c r="P2880" s="166">
        <v>0</v>
      </c>
      <c r="Q2880" s="166">
        <v>0</v>
      </c>
      <c r="R2880" s="166">
        <v>0</v>
      </c>
      <c r="S2880" s="166">
        <v>0</v>
      </c>
      <c r="T2880" s="166">
        <v>0</v>
      </c>
      <c r="U2880" s="166">
        <v>0</v>
      </c>
      <c r="V2880" s="166">
        <v>0</v>
      </c>
      <c r="W2880" s="166">
        <v>0</v>
      </c>
      <c r="X2880" s="166">
        <v>0</v>
      </c>
      <c r="Y2880" s="166">
        <v>0</v>
      </c>
      <c r="Z2880" s="166">
        <v>0</v>
      </c>
      <c r="AA2880" s="166">
        <v>0</v>
      </c>
      <c r="AB2880" s="166">
        <v>0</v>
      </c>
      <c r="AC2880" s="166">
        <v>0</v>
      </c>
      <c r="AD2880" s="166">
        <v>0</v>
      </c>
      <c r="AE2880" s="166">
        <v>0</v>
      </c>
      <c r="AF2880" s="166">
        <v>0</v>
      </c>
      <c r="AG2880" s="166">
        <v>0</v>
      </c>
      <c r="AH2880" s="166">
        <v>0</v>
      </c>
      <c r="AI2880" s="166">
        <v>0</v>
      </c>
      <c r="AJ2880" s="166">
        <v>0</v>
      </c>
      <c r="AK2880" s="166">
        <v>0</v>
      </c>
      <c r="AL2880" s="166">
        <v>0</v>
      </c>
      <c r="AM2880" s="166">
        <v>0</v>
      </c>
      <c r="AN2880" s="166">
        <v>0</v>
      </c>
      <c r="AO2880" s="166">
        <v>0</v>
      </c>
      <c r="AP2880" s="166">
        <v>0</v>
      </c>
      <c r="AQ2880" s="166">
        <v>0</v>
      </c>
      <c r="AR2880" s="166">
        <v>0</v>
      </c>
      <c r="AS2880" s="166">
        <v>0</v>
      </c>
      <c r="AT2880" s="166">
        <v>0</v>
      </c>
      <c r="AU2880" s="166">
        <v>0</v>
      </c>
      <c r="AV2880" s="166">
        <v>0</v>
      </c>
      <c r="AW2880" s="166">
        <v>0</v>
      </c>
      <c r="AX2880" s="166">
        <v>0</v>
      </c>
      <c r="AY2880" s="166">
        <v>0</v>
      </c>
      <c r="AZ2880" s="166">
        <v>0</v>
      </c>
      <c r="BA2880" s="166">
        <v>0</v>
      </c>
      <c r="BB2880" s="166">
        <v>0</v>
      </c>
      <c r="BC2880" s="166">
        <v>0</v>
      </c>
      <c r="BD2880" s="166">
        <v>0</v>
      </c>
      <c r="BE2880" s="166">
        <v>0</v>
      </c>
      <c r="BF2880" s="166">
        <v>0</v>
      </c>
      <c r="BG2880" s="166">
        <v>0</v>
      </c>
      <c r="BH2880" s="166">
        <v>0</v>
      </c>
      <c r="BI2880" s="166">
        <v>0</v>
      </c>
      <c r="BJ2880" s="166">
        <v>0</v>
      </c>
      <c r="BK2880" s="166">
        <v>0</v>
      </c>
      <c r="BL2880" s="166">
        <v>0</v>
      </c>
      <c r="BM2880" s="166">
        <v>0</v>
      </c>
      <c r="BN2880" s="166">
        <v>0</v>
      </c>
      <c r="BO2880" s="166">
        <v>0</v>
      </c>
      <c r="BP2880" s="166">
        <v>0</v>
      </c>
      <c r="BQ2880" s="166">
        <v>0</v>
      </c>
      <c r="BR2880" s="166">
        <v>5948820.5319512701</v>
      </c>
      <c r="BS2880" s="166">
        <v>5948820.5319512701</v>
      </c>
      <c r="BT2880" s="168">
        <v>0</v>
      </c>
      <c r="BU2880" s="166">
        <v>0</v>
      </c>
      <c r="BV2880" s="166">
        <v>0</v>
      </c>
      <c r="BW2880" s="166">
        <v>0</v>
      </c>
      <c r="BX2880" s="166">
        <v>0</v>
      </c>
      <c r="BY2880" s="166">
        <v>0</v>
      </c>
      <c r="BZ2880" s="166">
        <v>0</v>
      </c>
      <c r="CA2880" s="166">
        <v>0</v>
      </c>
      <c r="CB2880" s="166">
        <v>0</v>
      </c>
      <c r="CC2880" s="166">
        <v>0</v>
      </c>
      <c r="CD2880" s="166">
        <v>0</v>
      </c>
      <c r="CE2880" s="166">
        <v>0</v>
      </c>
      <c r="CF2880" s="166">
        <v>0</v>
      </c>
      <c r="CG2880" s="166">
        <v>0</v>
      </c>
      <c r="CH2880" s="166">
        <v>0</v>
      </c>
      <c r="CI2880" s="166">
        <v>0</v>
      </c>
      <c r="CJ2880" s="166">
        <v>0</v>
      </c>
      <c r="CK2880" s="166">
        <v>0</v>
      </c>
      <c r="CL2880" s="166">
        <v>0</v>
      </c>
      <c r="CM2880" s="166">
        <v>0</v>
      </c>
      <c r="CN2880" s="166">
        <v>0</v>
      </c>
      <c r="CO2880" s="166">
        <v>0</v>
      </c>
      <c r="CP2880" s="166">
        <v>0</v>
      </c>
      <c r="CQ2880" s="166">
        <v>0</v>
      </c>
      <c r="CR2880" s="166">
        <v>0</v>
      </c>
      <c r="CS2880" s="166">
        <v>0</v>
      </c>
      <c r="CT2880" s="166">
        <v>0</v>
      </c>
      <c r="CU2880" s="166">
        <v>0</v>
      </c>
      <c r="CV2880" s="166">
        <v>0</v>
      </c>
      <c r="CW2880" s="166">
        <v>0</v>
      </c>
      <c r="CX2880" s="166">
        <v>0</v>
      </c>
      <c r="CY2880" s="166">
        <v>0</v>
      </c>
      <c r="CZ2880" s="166">
        <v>0</v>
      </c>
    </row>
    <row r="2881" spans="1:104" x14ac:dyDescent="0.2">
      <c r="A2881" s="167" t="s">
        <v>1060</v>
      </c>
      <c r="B2881" s="166">
        <v>6164968.8889251295</v>
      </c>
      <c r="C2881" s="166">
        <v>6164968.8889251295</v>
      </c>
      <c r="D2881" s="166">
        <v>0</v>
      </c>
      <c r="E2881" s="166">
        <v>0</v>
      </c>
      <c r="F2881" s="166">
        <v>0</v>
      </c>
      <c r="G2881" s="166">
        <v>0</v>
      </c>
      <c r="H2881" s="166">
        <v>0</v>
      </c>
      <c r="I2881" s="166">
        <v>0</v>
      </c>
      <c r="J2881" s="166">
        <v>0</v>
      </c>
      <c r="K2881" s="166">
        <v>0</v>
      </c>
      <c r="L2881" s="166">
        <v>0</v>
      </c>
      <c r="M2881" s="166">
        <v>0</v>
      </c>
      <c r="N2881" s="166">
        <v>0</v>
      </c>
      <c r="O2881" s="166">
        <v>0</v>
      </c>
      <c r="P2881" s="166">
        <v>0</v>
      </c>
      <c r="Q2881" s="166">
        <v>0</v>
      </c>
      <c r="R2881" s="166">
        <v>0</v>
      </c>
      <c r="S2881" s="166">
        <v>0</v>
      </c>
      <c r="T2881" s="166">
        <v>0</v>
      </c>
      <c r="U2881" s="166">
        <v>0</v>
      </c>
      <c r="V2881" s="166">
        <v>0</v>
      </c>
      <c r="W2881" s="166">
        <v>0</v>
      </c>
      <c r="X2881" s="166">
        <v>0</v>
      </c>
      <c r="Y2881" s="166">
        <v>0</v>
      </c>
      <c r="Z2881" s="166">
        <v>0</v>
      </c>
      <c r="AA2881" s="166">
        <v>0</v>
      </c>
      <c r="AB2881" s="166">
        <v>0</v>
      </c>
      <c r="AC2881" s="166">
        <v>0</v>
      </c>
      <c r="AD2881" s="166">
        <v>0</v>
      </c>
      <c r="AE2881" s="166">
        <v>0</v>
      </c>
      <c r="AF2881" s="166">
        <v>0</v>
      </c>
      <c r="AG2881" s="166">
        <v>0</v>
      </c>
      <c r="AH2881" s="166">
        <v>0</v>
      </c>
      <c r="AI2881" s="166">
        <v>0</v>
      </c>
      <c r="AJ2881" s="166">
        <v>0</v>
      </c>
      <c r="AK2881" s="166">
        <v>0</v>
      </c>
      <c r="AL2881" s="166">
        <v>0</v>
      </c>
      <c r="AM2881" s="166">
        <v>0</v>
      </c>
      <c r="AN2881" s="166">
        <v>0</v>
      </c>
      <c r="AO2881" s="166">
        <v>0</v>
      </c>
      <c r="AP2881" s="166">
        <v>0</v>
      </c>
      <c r="AQ2881" s="166">
        <v>0</v>
      </c>
      <c r="AR2881" s="166">
        <v>0</v>
      </c>
      <c r="AS2881" s="166">
        <v>0</v>
      </c>
      <c r="AT2881" s="166">
        <v>0</v>
      </c>
      <c r="AU2881" s="166">
        <v>0</v>
      </c>
      <c r="AV2881" s="166">
        <v>0</v>
      </c>
      <c r="AW2881" s="166">
        <v>0</v>
      </c>
      <c r="AX2881" s="166">
        <v>0</v>
      </c>
      <c r="AY2881" s="166">
        <v>0</v>
      </c>
      <c r="AZ2881" s="166">
        <v>0</v>
      </c>
      <c r="BA2881" s="166">
        <v>0</v>
      </c>
      <c r="BB2881" s="166">
        <v>0</v>
      </c>
      <c r="BC2881" s="166">
        <v>0</v>
      </c>
      <c r="BD2881" s="166">
        <v>0</v>
      </c>
      <c r="BE2881" s="166">
        <v>0</v>
      </c>
      <c r="BF2881" s="166">
        <v>0</v>
      </c>
      <c r="BG2881" s="166">
        <v>0</v>
      </c>
      <c r="BH2881" s="166">
        <v>0</v>
      </c>
      <c r="BI2881" s="166">
        <v>0</v>
      </c>
      <c r="BJ2881" s="166">
        <v>0</v>
      </c>
      <c r="BK2881" s="166">
        <v>0</v>
      </c>
      <c r="BL2881" s="166">
        <v>0</v>
      </c>
      <c r="BM2881" s="166">
        <v>0</v>
      </c>
      <c r="BN2881" s="166">
        <v>0</v>
      </c>
      <c r="BO2881" s="166">
        <v>0</v>
      </c>
      <c r="BP2881" s="166">
        <v>0</v>
      </c>
      <c r="BQ2881" s="166">
        <v>0</v>
      </c>
      <c r="BR2881" s="166">
        <v>6164968.8889251295</v>
      </c>
      <c r="BS2881" s="166">
        <v>6164968.8889251295</v>
      </c>
      <c r="BT2881" s="168">
        <v>0</v>
      </c>
      <c r="BU2881" s="166">
        <v>0</v>
      </c>
      <c r="BV2881" s="166">
        <v>0</v>
      </c>
      <c r="BW2881" s="166">
        <v>0</v>
      </c>
      <c r="BX2881" s="166">
        <v>0</v>
      </c>
      <c r="BY2881" s="166">
        <v>0</v>
      </c>
      <c r="BZ2881" s="166">
        <v>0</v>
      </c>
      <c r="CA2881" s="166">
        <v>0</v>
      </c>
      <c r="CB2881" s="166">
        <v>0</v>
      </c>
      <c r="CC2881" s="166">
        <v>0</v>
      </c>
      <c r="CD2881" s="166">
        <v>0</v>
      </c>
      <c r="CE2881" s="166">
        <v>0</v>
      </c>
      <c r="CF2881" s="166">
        <v>0</v>
      </c>
      <c r="CG2881" s="166">
        <v>0</v>
      </c>
      <c r="CH2881" s="166">
        <v>0</v>
      </c>
      <c r="CI2881" s="166">
        <v>0</v>
      </c>
      <c r="CJ2881" s="166">
        <v>0</v>
      </c>
      <c r="CK2881" s="166">
        <v>0</v>
      </c>
      <c r="CL2881" s="166">
        <v>0</v>
      </c>
      <c r="CM2881" s="166">
        <v>0</v>
      </c>
      <c r="CN2881" s="166">
        <v>0</v>
      </c>
      <c r="CO2881" s="166">
        <v>0</v>
      </c>
      <c r="CP2881" s="166">
        <v>0</v>
      </c>
      <c r="CQ2881" s="166">
        <v>0</v>
      </c>
      <c r="CR2881" s="166">
        <v>0</v>
      </c>
      <c r="CS2881" s="166">
        <v>0</v>
      </c>
      <c r="CT2881" s="166">
        <v>0</v>
      </c>
      <c r="CU2881" s="166">
        <v>0</v>
      </c>
      <c r="CV2881" s="166">
        <v>0</v>
      </c>
      <c r="CW2881" s="166">
        <v>0</v>
      </c>
      <c r="CX2881" s="166">
        <v>0</v>
      </c>
      <c r="CY2881" s="166">
        <v>0</v>
      </c>
      <c r="CZ2881" s="166">
        <v>0</v>
      </c>
    </row>
    <row r="2882" spans="1:104" x14ac:dyDescent="0.2">
      <c r="A2882" s="167" t="s">
        <v>169</v>
      </c>
      <c r="B2882" s="166">
        <v>28903035.146164801</v>
      </c>
      <c r="C2882" s="166">
        <v>28903035.146164801</v>
      </c>
      <c r="D2882" s="166">
        <v>0</v>
      </c>
      <c r="E2882" s="166">
        <v>0</v>
      </c>
      <c r="F2882" s="166">
        <v>0</v>
      </c>
      <c r="G2882" s="166">
        <v>0</v>
      </c>
      <c r="H2882" s="166">
        <v>0</v>
      </c>
      <c r="I2882" s="166">
        <v>0</v>
      </c>
      <c r="J2882" s="166">
        <v>0</v>
      </c>
      <c r="K2882" s="166">
        <v>0</v>
      </c>
      <c r="L2882" s="166">
        <v>0</v>
      </c>
      <c r="M2882" s="166">
        <v>0</v>
      </c>
      <c r="N2882" s="166">
        <v>0</v>
      </c>
      <c r="O2882" s="166">
        <v>0</v>
      </c>
      <c r="P2882" s="166">
        <v>0</v>
      </c>
      <c r="Q2882" s="166">
        <v>0</v>
      </c>
      <c r="R2882" s="166">
        <v>0</v>
      </c>
      <c r="S2882" s="166">
        <v>0</v>
      </c>
      <c r="T2882" s="166">
        <v>0</v>
      </c>
      <c r="U2882" s="166">
        <v>0</v>
      </c>
      <c r="V2882" s="166">
        <v>0</v>
      </c>
      <c r="W2882" s="166">
        <v>0</v>
      </c>
      <c r="X2882" s="166">
        <v>0</v>
      </c>
      <c r="Y2882" s="166">
        <v>0</v>
      </c>
      <c r="Z2882" s="166">
        <v>0</v>
      </c>
      <c r="AA2882" s="166">
        <v>0</v>
      </c>
      <c r="AB2882" s="166">
        <v>0</v>
      </c>
      <c r="AC2882" s="166">
        <v>0</v>
      </c>
      <c r="AD2882" s="166">
        <v>0</v>
      </c>
      <c r="AE2882" s="166">
        <v>0</v>
      </c>
      <c r="AF2882" s="166">
        <v>0</v>
      </c>
      <c r="AG2882" s="166">
        <v>0</v>
      </c>
      <c r="AH2882" s="166">
        <v>0</v>
      </c>
      <c r="AI2882" s="166">
        <v>0</v>
      </c>
      <c r="AJ2882" s="166">
        <v>0</v>
      </c>
      <c r="AK2882" s="166">
        <v>0</v>
      </c>
      <c r="AL2882" s="166">
        <v>0</v>
      </c>
      <c r="AM2882" s="166">
        <v>0</v>
      </c>
      <c r="AN2882" s="166">
        <v>0</v>
      </c>
      <c r="AO2882" s="166">
        <v>0</v>
      </c>
      <c r="AP2882" s="166">
        <v>0</v>
      </c>
      <c r="AQ2882" s="166">
        <v>0</v>
      </c>
      <c r="AR2882" s="166">
        <v>0</v>
      </c>
      <c r="AS2882" s="166">
        <v>0</v>
      </c>
      <c r="AT2882" s="166">
        <v>0</v>
      </c>
      <c r="AU2882" s="166">
        <v>0</v>
      </c>
      <c r="AV2882" s="166">
        <v>0</v>
      </c>
      <c r="AW2882" s="166">
        <v>0</v>
      </c>
      <c r="AX2882" s="166">
        <v>0</v>
      </c>
      <c r="AY2882" s="166">
        <v>0</v>
      </c>
      <c r="AZ2882" s="166">
        <v>0</v>
      </c>
      <c r="BA2882" s="166">
        <v>0</v>
      </c>
      <c r="BB2882" s="166">
        <v>0</v>
      </c>
      <c r="BC2882" s="166">
        <v>0</v>
      </c>
      <c r="BD2882" s="166">
        <v>0</v>
      </c>
      <c r="BE2882" s="166">
        <v>0</v>
      </c>
      <c r="BF2882" s="166">
        <v>0</v>
      </c>
      <c r="BG2882" s="166">
        <v>0</v>
      </c>
      <c r="BH2882" s="166">
        <v>0</v>
      </c>
      <c r="BI2882" s="166">
        <v>0</v>
      </c>
      <c r="BJ2882" s="166">
        <v>0</v>
      </c>
      <c r="BK2882" s="166">
        <v>0</v>
      </c>
      <c r="BL2882" s="166">
        <v>0</v>
      </c>
      <c r="BM2882" s="166">
        <v>0</v>
      </c>
      <c r="BN2882" s="166">
        <v>0</v>
      </c>
      <c r="BO2882" s="166">
        <v>0</v>
      </c>
      <c r="BP2882" s="166">
        <v>0</v>
      </c>
      <c r="BQ2882" s="166">
        <v>0</v>
      </c>
      <c r="BR2882" s="166">
        <v>28903035.146164801</v>
      </c>
      <c r="BS2882" s="166">
        <v>28903035.146164801</v>
      </c>
      <c r="BT2882" s="168">
        <v>0</v>
      </c>
      <c r="BU2882" s="166">
        <v>0</v>
      </c>
      <c r="BV2882" s="166">
        <v>0</v>
      </c>
      <c r="BW2882" s="166">
        <v>0</v>
      </c>
      <c r="BX2882" s="166">
        <v>0</v>
      </c>
      <c r="BY2882" s="166">
        <v>0</v>
      </c>
      <c r="BZ2882" s="166">
        <v>0</v>
      </c>
      <c r="CA2882" s="166">
        <v>0</v>
      </c>
      <c r="CB2882" s="166">
        <v>0</v>
      </c>
      <c r="CC2882" s="166">
        <v>0</v>
      </c>
      <c r="CD2882" s="166">
        <v>0</v>
      </c>
      <c r="CE2882" s="166">
        <v>0</v>
      </c>
      <c r="CF2882" s="166">
        <v>0</v>
      </c>
      <c r="CG2882" s="166">
        <v>0</v>
      </c>
      <c r="CH2882" s="166">
        <v>0</v>
      </c>
      <c r="CI2882" s="166">
        <v>0</v>
      </c>
      <c r="CJ2882" s="166">
        <v>0</v>
      </c>
      <c r="CK2882" s="166">
        <v>0</v>
      </c>
      <c r="CL2882" s="166">
        <v>0</v>
      </c>
      <c r="CM2882" s="166">
        <v>0</v>
      </c>
      <c r="CN2882" s="166">
        <v>0</v>
      </c>
      <c r="CO2882" s="166">
        <v>0</v>
      </c>
      <c r="CP2882" s="166">
        <v>0</v>
      </c>
      <c r="CQ2882" s="166">
        <v>0</v>
      </c>
      <c r="CR2882" s="166">
        <v>0</v>
      </c>
      <c r="CS2882" s="166">
        <v>0</v>
      </c>
      <c r="CT2882" s="166">
        <v>0</v>
      </c>
      <c r="CU2882" s="166">
        <v>0</v>
      </c>
      <c r="CV2882" s="166">
        <v>0</v>
      </c>
      <c r="CW2882" s="166">
        <v>0</v>
      </c>
      <c r="CX2882" s="166">
        <v>0</v>
      </c>
      <c r="CY2882" s="166">
        <v>0</v>
      </c>
      <c r="CZ2882" s="166">
        <v>0</v>
      </c>
    </row>
    <row r="2883" spans="1:104" x14ac:dyDescent="0.2">
      <c r="A2883" s="170" t="s">
        <v>170</v>
      </c>
      <c r="B2883" s="166">
        <v>109313738.58</v>
      </c>
      <c r="C2883" s="166">
        <v>109313738.58</v>
      </c>
      <c r="D2883" s="166">
        <v>0</v>
      </c>
      <c r="E2883" s="166">
        <v>0</v>
      </c>
      <c r="F2883" s="166">
        <v>0</v>
      </c>
      <c r="G2883" s="166">
        <v>0</v>
      </c>
      <c r="H2883" s="166">
        <v>0</v>
      </c>
      <c r="I2883" s="166">
        <v>0</v>
      </c>
      <c r="J2883" s="166">
        <v>0</v>
      </c>
      <c r="K2883" s="166">
        <v>0</v>
      </c>
      <c r="L2883" s="166">
        <v>0</v>
      </c>
      <c r="M2883" s="166">
        <v>0</v>
      </c>
      <c r="N2883" s="166">
        <v>0</v>
      </c>
      <c r="O2883" s="166">
        <v>0</v>
      </c>
      <c r="P2883" s="166">
        <v>0</v>
      </c>
      <c r="Q2883" s="166">
        <v>0</v>
      </c>
      <c r="R2883" s="166">
        <v>0</v>
      </c>
      <c r="S2883" s="166">
        <v>0</v>
      </c>
      <c r="T2883" s="166">
        <v>0</v>
      </c>
      <c r="U2883" s="166">
        <v>0</v>
      </c>
      <c r="V2883" s="166">
        <v>0</v>
      </c>
      <c r="W2883" s="166">
        <v>0</v>
      </c>
      <c r="X2883" s="166">
        <v>0</v>
      </c>
      <c r="Y2883" s="166">
        <v>0</v>
      </c>
      <c r="Z2883" s="166">
        <v>0</v>
      </c>
      <c r="AA2883" s="166">
        <v>0</v>
      </c>
      <c r="AB2883" s="166">
        <v>0</v>
      </c>
      <c r="AC2883" s="166">
        <v>0</v>
      </c>
      <c r="AD2883" s="166">
        <v>0</v>
      </c>
      <c r="AE2883" s="166">
        <v>0</v>
      </c>
      <c r="AF2883" s="166">
        <v>0</v>
      </c>
      <c r="AG2883" s="166">
        <v>0</v>
      </c>
      <c r="AH2883" s="166">
        <v>0</v>
      </c>
      <c r="AI2883" s="166">
        <v>0</v>
      </c>
      <c r="AJ2883" s="166">
        <v>0</v>
      </c>
      <c r="AK2883" s="166">
        <v>0</v>
      </c>
      <c r="AL2883" s="166">
        <v>0</v>
      </c>
      <c r="AM2883" s="166">
        <v>0</v>
      </c>
      <c r="AN2883" s="166">
        <v>0</v>
      </c>
      <c r="AO2883" s="166">
        <v>0</v>
      </c>
      <c r="AP2883" s="166">
        <v>0</v>
      </c>
      <c r="AQ2883" s="166">
        <v>0</v>
      </c>
      <c r="AR2883" s="166">
        <v>0</v>
      </c>
      <c r="AS2883" s="166">
        <v>0</v>
      </c>
      <c r="AT2883" s="166">
        <v>0</v>
      </c>
      <c r="AU2883" s="166">
        <v>0</v>
      </c>
      <c r="AV2883" s="166">
        <v>0</v>
      </c>
      <c r="AW2883" s="166">
        <v>0</v>
      </c>
      <c r="AX2883" s="166">
        <v>0</v>
      </c>
      <c r="AY2883" s="166">
        <v>0</v>
      </c>
      <c r="AZ2883" s="166">
        <v>0</v>
      </c>
      <c r="BA2883" s="166">
        <v>0</v>
      </c>
      <c r="BB2883" s="166">
        <v>0</v>
      </c>
      <c r="BC2883" s="166">
        <v>0</v>
      </c>
      <c r="BD2883" s="166">
        <v>0</v>
      </c>
      <c r="BE2883" s="166">
        <v>0</v>
      </c>
      <c r="BF2883" s="166">
        <v>0</v>
      </c>
      <c r="BG2883" s="166">
        <v>0</v>
      </c>
      <c r="BH2883" s="166">
        <v>0</v>
      </c>
      <c r="BI2883" s="166">
        <v>0</v>
      </c>
      <c r="BJ2883" s="166">
        <v>0</v>
      </c>
      <c r="BK2883" s="166">
        <v>0</v>
      </c>
      <c r="BL2883" s="166">
        <v>0</v>
      </c>
      <c r="BM2883" s="166">
        <v>0</v>
      </c>
      <c r="BN2883" s="166">
        <v>0</v>
      </c>
      <c r="BO2883" s="166">
        <v>0</v>
      </c>
      <c r="BP2883" s="166">
        <v>0</v>
      </c>
      <c r="BQ2883" s="166">
        <v>0</v>
      </c>
      <c r="BR2883" s="166">
        <v>109313738.58</v>
      </c>
      <c r="BS2883" s="166">
        <v>109313738.58</v>
      </c>
      <c r="BT2883" s="168">
        <v>0</v>
      </c>
      <c r="BU2883" s="166">
        <v>0</v>
      </c>
      <c r="BV2883" s="166">
        <v>0</v>
      </c>
      <c r="BW2883" s="166">
        <v>0</v>
      </c>
      <c r="BX2883" s="166">
        <v>0</v>
      </c>
      <c r="BY2883" s="166">
        <v>0</v>
      </c>
      <c r="BZ2883" s="166">
        <v>0</v>
      </c>
      <c r="CA2883" s="166">
        <v>0</v>
      </c>
      <c r="CB2883" s="166">
        <v>0</v>
      </c>
      <c r="CC2883" s="166">
        <v>0</v>
      </c>
      <c r="CD2883" s="166">
        <v>0</v>
      </c>
      <c r="CE2883" s="166">
        <v>0</v>
      </c>
      <c r="CF2883" s="166">
        <v>0</v>
      </c>
      <c r="CG2883" s="166">
        <v>0</v>
      </c>
      <c r="CH2883" s="166">
        <v>0</v>
      </c>
      <c r="CI2883" s="166">
        <v>0</v>
      </c>
      <c r="CJ2883" s="166">
        <v>0</v>
      </c>
      <c r="CK2883" s="166">
        <v>0</v>
      </c>
      <c r="CL2883" s="166">
        <v>0</v>
      </c>
      <c r="CM2883" s="166">
        <v>0</v>
      </c>
      <c r="CN2883" s="166">
        <v>0</v>
      </c>
      <c r="CO2883" s="166">
        <v>0</v>
      </c>
      <c r="CP2883" s="166">
        <v>0</v>
      </c>
      <c r="CQ2883" s="166">
        <v>0</v>
      </c>
      <c r="CR2883" s="166">
        <v>0</v>
      </c>
      <c r="CS2883" s="166">
        <v>0</v>
      </c>
      <c r="CT2883" s="166">
        <v>0</v>
      </c>
      <c r="CU2883" s="166">
        <v>0</v>
      </c>
      <c r="CV2883" s="166">
        <v>0</v>
      </c>
      <c r="CW2883" s="166">
        <v>0</v>
      </c>
      <c r="CX2883" s="166">
        <v>0</v>
      </c>
      <c r="CY2883" s="166">
        <v>0</v>
      </c>
      <c r="CZ2883" s="166">
        <v>0</v>
      </c>
    </row>
    <row r="2884" spans="1:104" x14ac:dyDescent="0.2">
      <c r="A2884" s="167" t="s">
        <v>1061</v>
      </c>
    </row>
    <row r="2885" spans="1:104" x14ac:dyDescent="0.2">
      <c r="A2885" s="170" t="s">
        <v>172</v>
      </c>
    </row>
    <row r="2886" spans="1:104" x14ac:dyDescent="0.2">
      <c r="A2886" s="167" t="s">
        <v>173</v>
      </c>
      <c r="B2886" s="166">
        <v>0</v>
      </c>
      <c r="C2886" s="166">
        <v>0</v>
      </c>
      <c r="D2886" s="166">
        <v>0</v>
      </c>
      <c r="E2886" s="166">
        <v>0</v>
      </c>
      <c r="F2886" s="166">
        <v>0</v>
      </c>
      <c r="G2886" s="166">
        <v>0</v>
      </c>
      <c r="H2886" s="166">
        <v>0</v>
      </c>
      <c r="I2886" s="166">
        <v>0</v>
      </c>
      <c r="J2886" s="166">
        <v>0</v>
      </c>
      <c r="K2886" s="166">
        <v>0</v>
      </c>
      <c r="L2886" s="166">
        <v>0</v>
      </c>
      <c r="M2886" s="166">
        <v>0</v>
      </c>
      <c r="N2886" s="166">
        <v>0</v>
      </c>
      <c r="O2886" s="166">
        <v>0</v>
      </c>
      <c r="P2886" s="166">
        <v>0</v>
      </c>
      <c r="Q2886" s="166">
        <v>0</v>
      </c>
      <c r="R2886" s="166">
        <v>0</v>
      </c>
      <c r="S2886" s="166">
        <v>0</v>
      </c>
      <c r="T2886" s="166">
        <v>0</v>
      </c>
      <c r="U2886" s="166">
        <v>0</v>
      </c>
      <c r="V2886" s="166">
        <v>0</v>
      </c>
      <c r="W2886" s="166">
        <v>0</v>
      </c>
      <c r="X2886" s="166">
        <v>0</v>
      </c>
      <c r="Y2886" s="166">
        <v>0</v>
      </c>
      <c r="Z2886" s="166">
        <v>0</v>
      </c>
      <c r="AA2886" s="166">
        <v>0</v>
      </c>
      <c r="AB2886" s="166">
        <v>0</v>
      </c>
      <c r="AC2886" s="166">
        <v>0</v>
      </c>
      <c r="AD2886" s="166">
        <v>0</v>
      </c>
      <c r="AE2886" s="166">
        <v>0</v>
      </c>
      <c r="AF2886" s="166">
        <v>0</v>
      </c>
      <c r="AG2886" s="166">
        <v>0</v>
      </c>
      <c r="AH2886" s="166">
        <v>0</v>
      </c>
      <c r="AI2886" s="166">
        <v>0</v>
      </c>
      <c r="AJ2886" s="166">
        <v>0</v>
      </c>
      <c r="AK2886" s="166">
        <v>0</v>
      </c>
      <c r="AL2886" s="166">
        <v>0</v>
      </c>
      <c r="AM2886" s="166">
        <v>0</v>
      </c>
      <c r="AN2886" s="166">
        <v>0</v>
      </c>
      <c r="AO2886" s="166">
        <v>0</v>
      </c>
      <c r="AP2886" s="166">
        <v>0</v>
      </c>
      <c r="AQ2886" s="166">
        <v>0</v>
      </c>
      <c r="AR2886" s="166">
        <v>0</v>
      </c>
      <c r="AS2886" s="166">
        <v>0</v>
      </c>
      <c r="AT2886" s="166">
        <v>0</v>
      </c>
      <c r="AU2886" s="166">
        <v>0</v>
      </c>
      <c r="AV2886" s="166">
        <v>0</v>
      </c>
      <c r="AW2886" s="166">
        <v>0</v>
      </c>
      <c r="AX2886" s="166">
        <v>0</v>
      </c>
      <c r="AY2886" s="166">
        <v>0</v>
      </c>
      <c r="AZ2886" s="166">
        <v>0</v>
      </c>
      <c r="BA2886" s="166">
        <v>0</v>
      </c>
      <c r="BB2886" s="166">
        <v>0</v>
      </c>
      <c r="BC2886" s="166">
        <v>0</v>
      </c>
      <c r="BD2886" s="166">
        <v>0</v>
      </c>
      <c r="BE2886" s="166">
        <v>0</v>
      </c>
      <c r="BF2886" s="166">
        <v>0</v>
      </c>
      <c r="BG2886" s="166">
        <v>0</v>
      </c>
      <c r="BH2886" s="166">
        <v>0</v>
      </c>
      <c r="BI2886" s="166">
        <v>0</v>
      </c>
      <c r="BJ2886" s="166">
        <v>0</v>
      </c>
      <c r="BK2886" s="166">
        <v>0</v>
      </c>
      <c r="BL2886" s="166">
        <v>0</v>
      </c>
      <c r="BM2886" s="166">
        <v>0</v>
      </c>
      <c r="BN2886" s="166">
        <v>0</v>
      </c>
      <c r="BO2886" s="166">
        <v>0</v>
      </c>
      <c r="BP2886" s="166">
        <v>0</v>
      </c>
      <c r="BQ2886" s="166">
        <v>0</v>
      </c>
      <c r="BR2886" s="166">
        <v>0</v>
      </c>
      <c r="BS2886" s="166">
        <v>0</v>
      </c>
      <c r="BT2886" s="168">
        <v>0</v>
      </c>
      <c r="BU2886" s="166">
        <v>0</v>
      </c>
      <c r="BV2886" s="166">
        <v>0</v>
      </c>
      <c r="BW2886" s="166">
        <v>0</v>
      </c>
      <c r="BX2886" s="166">
        <v>0</v>
      </c>
      <c r="BY2886" s="166">
        <v>0</v>
      </c>
      <c r="BZ2886" s="166">
        <v>0</v>
      </c>
      <c r="CA2886" s="166">
        <v>0</v>
      </c>
      <c r="CB2886" s="166">
        <v>0</v>
      </c>
      <c r="CC2886" s="166">
        <v>0</v>
      </c>
      <c r="CD2886" s="166">
        <v>0</v>
      </c>
      <c r="CE2886" s="166">
        <v>0</v>
      </c>
      <c r="CF2886" s="166">
        <v>0</v>
      </c>
      <c r="CG2886" s="166">
        <v>0</v>
      </c>
      <c r="CH2886" s="166">
        <v>0</v>
      </c>
      <c r="CI2886" s="166">
        <v>0</v>
      </c>
      <c r="CJ2886" s="166">
        <v>0</v>
      </c>
      <c r="CK2886" s="166">
        <v>0</v>
      </c>
      <c r="CL2886" s="166">
        <v>0</v>
      </c>
      <c r="CM2886" s="166">
        <v>0</v>
      </c>
      <c r="CN2886" s="166">
        <v>0</v>
      </c>
      <c r="CO2886" s="166">
        <v>0</v>
      </c>
      <c r="CP2886" s="166">
        <v>0</v>
      </c>
      <c r="CQ2886" s="166">
        <v>0</v>
      </c>
      <c r="CR2886" s="166">
        <v>0</v>
      </c>
      <c r="CS2886" s="166">
        <v>0</v>
      </c>
      <c r="CT2886" s="166">
        <v>0</v>
      </c>
      <c r="CU2886" s="166">
        <v>0</v>
      </c>
      <c r="CV2886" s="166">
        <v>0</v>
      </c>
      <c r="CW2886" s="166">
        <v>0</v>
      </c>
      <c r="CX2886" s="166">
        <v>0</v>
      </c>
      <c r="CY2886" s="166">
        <v>0</v>
      </c>
      <c r="CZ2886" s="166">
        <v>0</v>
      </c>
    </row>
    <row r="2887" spans="1:104" x14ac:dyDescent="0.2">
      <c r="A2887" s="167" t="s">
        <v>174</v>
      </c>
    </row>
    <row r="2888" spans="1:104" x14ac:dyDescent="0.2">
      <c r="A2888" s="170" t="s">
        <v>175</v>
      </c>
    </row>
    <row r="2889" spans="1:104" x14ac:dyDescent="0.2">
      <c r="A2889" s="167" t="s">
        <v>1062</v>
      </c>
      <c r="B2889" s="166">
        <v>759762.74</v>
      </c>
      <c r="C2889" s="166">
        <v>759762.74</v>
      </c>
      <c r="D2889" s="166">
        <v>0</v>
      </c>
      <c r="E2889" s="166">
        <v>0</v>
      </c>
      <c r="F2889" s="166">
        <v>0</v>
      </c>
      <c r="G2889" s="166">
        <v>0</v>
      </c>
      <c r="H2889" s="166">
        <v>0</v>
      </c>
      <c r="I2889" s="166">
        <v>0</v>
      </c>
      <c r="J2889" s="166">
        <v>0</v>
      </c>
      <c r="K2889" s="166">
        <v>0</v>
      </c>
      <c r="L2889" s="166">
        <v>0</v>
      </c>
      <c r="M2889" s="166">
        <v>0</v>
      </c>
      <c r="N2889" s="166">
        <v>0</v>
      </c>
      <c r="O2889" s="166">
        <v>0</v>
      </c>
      <c r="P2889" s="166">
        <v>0</v>
      </c>
      <c r="Q2889" s="166">
        <v>0</v>
      </c>
      <c r="R2889" s="166">
        <v>0</v>
      </c>
      <c r="S2889" s="166">
        <v>0</v>
      </c>
      <c r="T2889" s="166">
        <v>0</v>
      </c>
      <c r="U2889" s="166">
        <v>0</v>
      </c>
      <c r="V2889" s="166">
        <v>0</v>
      </c>
      <c r="W2889" s="166">
        <v>0</v>
      </c>
      <c r="X2889" s="166">
        <v>0</v>
      </c>
      <c r="Y2889" s="166">
        <v>0</v>
      </c>
      <c r="Z2889" s="166">
        <v>0</v>
      </c>
      <c r="AA2889" s="166">
        <v>0</v>
      </c>
      <c r="AB2889" s="166">
        <v>0</v>
      </c>
      <c r="AC2889" s="166">
        <v>0</v>
      </c>
      <c r="AD2889" s="166">
        <v>0</v>
      </c>
      <c r="AE2889" s="166">
        <v>0</v>
      </c>
      <c r="AF2889" s="166">
        <v>0</v>
      </c>
      <c r="AG2889" s="166">
        <v>0</v>
      </c>
      <c r="AH2889" s="166">
        <v>0</v>
      </c>
      <c r="AI2889" s="166">
        <v>0</v>
      </c>
      <c r="AJ2889" s="166">
        <v>0</v>
      </c>
      <c r="AK2889" s="166">
        <v>0</v>
      </c>
      <c r="AL2889" s="166">
        <v>0</v>
      </c>
      <c r="AM2889" s="166">
        <v>0</v>
      </c>
      <c r="AN2889" s="166">
        <v>0</v>
      </c>
      <c r="AO2889" s="166">
        <v>0</v>
      </c>
      <c r="AP2889" s="166">
        <v>0</v>
      </c>
      <c r="AQ2889" s="166">
        <v>0</v>
      </c>
      <c r="AR2889" s="166">
        <v>0</v>
      </c>
      <c r="AS2889" s="166">
        <v>0</v>
      </c>
      <c r="AT2889" s="166">
        <v>0</v>
      </c>
      <c r="AU2889" s="166">
        <v>0</v>
      </c>
      <c r="AV2889" s="166">
        <v>0</v>
      </c>
      <c r="AW2889" s="166">
        <v>0</v>
      </c>
      <c r="AX2889" s="166">
        <v>0</v>
      </c>
      <c r="AY2889" s="166">
        <v>0</v>
      </c>
      <c r="AZ2889" s="166">
        <v>0</v>
      </c>
      <c r="BA2889" s="166">
        <v>0</v>
      </c>
      <c r="BB2889" s="166">
        <v>0</v>
      </c>
      <c r="BC2889" s="166">
        <v>0</v>
      </c>
      <c r="BD2889" s="166">
        <v>0</v>
      </c>
      <c r="BE2889" s="166">
        <v>0</v>
      </c>
      <c r="BF2889" s="166">
        <v>0</v>
      </c>
      <c r="BG2889" s="166">
        <v>0</v>
      </c>
      <c r="BH2889" s="166">
        <v>0</v>
      </c>
      <c r="BI2889" s="166">
        <v>0</v>
      </c>
      <c r="BJ2889" s="166">
        <v>0</v>
      </c>
      <c r="BK2889" s="166">
        <v>0</v>
      </c>
      <c r="BL2889" s="166">
        <v>0</v>
      </c>
      <c r="BM2889" s="166">
        <v>0</v>
      </c>
      <c r="BN2889" s="166">
        <v>0</v>
      </c>
      <c r="BO2889" s="166">
        <v>0</v>
      </c>
      <c r="BP2889" s="166">
        <v>0</v>
      </c>
      <c r="BQ2889" s="166">
        <v>0</v>
      </c>
      <c r="BR2889" s="166">
        <v>759762.74</v>
      </c>
      <c r="BS2889" s="166">
        <v>759762.74</v>
      </c>
      <c r="BT2889" s="168">
        <v>0</v>
      </c>
      <c r="BU2889" s="166">
        <v>0</v>
      </c>
      <c r="BV2889" s="166">
        <v>0</v>
      </c>
      <c r="BW2889" s="166">
        <v>0</v>
      </c>
      <c r="BX2889" s="166">
        <v>0</v>
      </c>
      <c r="BY2889" s="166">
        <v>0</v>
      </c>
      <c r="BZ2889" s="166">
        <v>0</v>
      </c>
      <c r="CA2889" s="166">
        <v>0</v>
      </c>
      <c r="CB2889" s="166">
        <v>0</v>
      </c>
      <c r="CC2889" s="166">
        <v>0</v>
      </c>
      <c r="CD2889" s="166">
        <v>0</v>
      </c>
      <c r="CE2889" s="166">
        <v>0</v>
      </c>
      <c r="CF2889" s="166">
        <v>0</v>
      </c>
      <c r="CG2889" s="166">
        <v>0</v>
      </c>
      <c r="CH2889" s="166">
        <v>0</v>
      </c>
      <c r="CI2889" s="166">
        <v>0</v>
      </c>
      <c r="CJ2889" s="166">
        <v>0</v>
      </c>
      <c r="CK2889" s="166">
        <v>0</v>
      </c>
      <c r="CL2889" s="166">
        <v>0</v>
      </c>
      <c r="CM2889" s="166">
        <v>0</v>
      </c>
      <c r="CN2889" s="166">
        <v>0</v>
      </c>
      <c r="CO2889" s="166">
        <v>0</v>
      </c>
      <c r="CP2889" s="166">
        <v>0</v>
      </c>
      <c r="CQ2889" s="166">
        <v>0</v>
      </c>
      <c r="CR2889" s="166">
        <v>0</v>
      </c>
      <c r="CS2889" s="166">
        <v>0</v>
      </c>
      <c r="CT2889" s="166">
        <v>0</v>
      </c>
      <c r="CU2889" s="166">
        <v>0</v>
      </c>
      <c r="CV2889" s="166">
        <v>0</v>
      </c>
      <c r="CW2889" s="166">
        <v>0</v>
      </c>
      <c r="CX2889" s="166">
        <v>0</v>
      </c>
      <c r="CY2889" s="166">
        <v>0</v>
      </c>
      <c r="CZ2889" s="166">
        <v>0</v>
      </c>
    </row>
    <row r="2890" spans="1:104" x14ac:dyDescent="0.2">
      <c r="A2890" s="167" t="s">
        <v>1063</v>
      </c>
      <c r="B2890" s="166">
        <v>0</v>
      </c>
      <c r="C2890" s="166">
        <v>0</v>
      </c>
      <c r="D2890" s="166">
        <v>0</v>
      </c>
      <c r="E2890" s="166">
        <v>0</v>
      </c>
      <c r="F2890" s="166">
        <v>0</v>
      </c>
      <c r="G2890" s="166">
        <v>0</v>
      </c>
      <c r="H2890" s="166">
        <v>0</v>
      </c>
      <c r="I2890" s="166">
        <v>0</v>
      </c>
      <c r="J2890" s="166">
        <v>0</v>
      </c>
      <c r="K2890" s="166">
        <v>0</v>
      </c>
      <c r="L2890" s="166">
        <v>0</v>
      </c>
      <c r="M2890" s="166">
        <v>0</v>
      </c>
      <c r="N2890" s="166">
        <v>0</v>
      </c>
      <c r="O2890" s="166">
        <v>0</v>
      </c>
      <c r="P2890" s="166">
        <v>0</v>
      </c>
      <c r="Q2890" s="166">
        <v>0</v>
      </c>
      <c r="R2890" s="166">
        <v>0</v>
      </c>
      <c r="S2890" s="166">
        <v>0</v>
      </c>
      <c r="T2890" s="166">
        <v>0</v>
      </c>
      <c r="U2890" s="166">
        <v>0</v>
      </c>
      <c r="V2890" s="166">
        <v>0</v>
      </c>
      <c r="W2890" s="166">
        <v>0</v>
      </c>
      <c r="X2890" s="166">
        <v>0</v>
      </c>
      <c r="Y2890" s="166">
        <v>0</v>
      </c>
      <c r="Z2890" s="166">
        <v>0</v>
      </c>
      <c r="AA2890" s="166">
        <v>0</v>
      </c>
      <c r="AB2890" s="166">
        <v>0</v>
      </c>
      <c r="AC2890" s="166">
        <v>0</v>
      </c>
      <c r="AD2890" s="166">
        <v>0</v>
      </c>
      <c r="AE2890" s="166">
        <v>0</v>
      </c>
      <c r="AF2890" s="166">
        <v>0</v>
      </c>
      <c r="AG2890" s="166">
        <v>0</v>
      </c>
      <c r="AH2890" s="166">
        <v>0</v>
      </c>
      <c r="AI2890" s="166">
        <v>0</v>
      </c>
      <c r="AJ2890" s="166">
        <v>0</v>
      </c>
      <c r="AK2890" s="166">
        <v>0</v>
      </c>
      <c r="AL2890" s="166">
        <v>0</v>
      </c>
      <c r="AM2890" s="166">
        <v>0</v>
      </c>
      <c r="AN2890" s="166">
        <v>0</v>
      </c>
      <c r="AO2890" s="166">
        <v>0</v>
      </c>
      <c r="AP2890" s="166">
        <v>0</v>
      </c>
      <c r="AQ2890" s="166">
        <v>0</v>
      </c>
      <c r="AR2890" s="166">
        <v>0</v>
      </c>
      <c r="AS2890" s="166">
        <v>0</v>
      </c>
      <c r="AT2890" s="166">
        <v>0</v>
      </c>
      <c r="AU2890" s="166">
        <v>0</v>
      </c>
      <c r="AV2890" s="166">
        <v>0</v>
      </c>
      <c r="AW2890" s="166">
        <v>0</v>
      </c>
      <c r="AX2890" s="166">
        <v>0</v>
      </c>
      <c r="AY2890" s="166">
        <v>0</v>
      </c>
      <c r="AZ2890" s="166">
        <v>0</v>
      </c>
      <c r="BA2890" s="166">
        <v>0</v>
      </c>
      <c r="BB2890" s="166">
        <v>0</v>
      </c>
      <c r="BC2890" s="166">
        <v>0</v>
      </c>
      <c r="BD2890" s="166">
        <v>0</v>
      </c>
      <c r="BE2890" s="166">
        <v>0</v>
      </c>
      <c r="BF2890" s="166">
        <v>0</v>
      </c>
      <c r="BG2890" s="166">
        <v>0</v>
      </c>
      <c r="BH2890" s="166">
        <v>0</v>
      </c>
      <c r="BI2890" s="166">
        <v>0</v>
      </c>
      <c r="BJ2890" s="166">
        <v>0</v>
      </c>
      <c r="BK2890" s="166">
        <v>0</v>
      </c>
      <c r="BL2890" s="166">
        <v>0</v>
      </c>
      <c r="BM2890" s="166">
        <v>0</v>
      </c>
      <c r="BN2890" s="166">
        <v>0</v>
      </c>
      <c r="BO2890" s="166">
        <v>0</v>
      </c>
      <c r="BP2890" s="166">
        <v>0</v>
      </c>
      <c r="BQ2890" s="166">
        <v>0</v>
      </c>
      <c r="BR2890" s="166">
        <v>0</v>
      </c>
      <c r="BS2890" s="166">
        <v>0</v>
      </c>
      <c r="BT2890" s="168">
        <v>0</v>
      </c>
      <c r="BU2890" s="166">
        <v>0</v>
      </c>
      <c r="BV2890" s="166">
        <v>0</v>
      </c>
      <c r="BW2890" s="166">
        <v>0</v>
      </c>
      <c r="BX2890" s="166">
        <v>0</v>
      </c>
      <c r="BY2890" s="166">
        <v>0</v>
      </c>
      <c r="BZ2890" s="166">
        <v>0</v>
      </c>
      <c r="CA2890" s="166">
        <v>0</v>
      </c>
      <c r="CB2890" s="166">
        <v>0</v>
      </c>
      <c r="CC2890" s="166">
        <v>0</v>
      </c>
      <c r="CD2890" s="166">
        <v>0</v>
      </c>
      <c r="CE2890" s="166">
        <v>0</v>
      </c>
      <c r="CF2890" s="166">
        <v>0</v>
      </c>
      <c r="CG2890" s="166">
        <v>0</v>
      </c>
      <c r="CH2890" s="166">
        <v>0</v>
      </c>
      <c r="CI2890" s="166">
        <v>0</v>
      </c>
      <c r="CJ2890" s="166">
        <v>0</v>
      </c>
      <c r="CK2890" s="166">
        <v>0</v>
      </c>
      <c r="CL2890" s="166">
        <v>0</v>
      </c>
      <c r="CM2890" s="166">
        <v>0</v>
      </c>
      <c r="CN2890" s="166">
        <v>0</v>
      </c>
      <c r="CO2890" s="166">
        <v>0</v>
      </c>
      <c r="CP2890" s="166">
        <v>0</v>
      </c>
      <c r="CQ2890" s="166">
        <v>0</v>
      </c>
      <c r="CR2890" s="166">
        <v>0</v>
      </c>
      <c r="CS2890" s="166">
        <v>0</v>
      </c>
      <c r="CT2890" s="166">
        <v>0</v>
      </c>
      <c r="CU2890" s="166">
        <v>0</v>
      </c>
      <c r="CV2890" s="166">
        <v>0</v>
      </c>
      <c r="CW2890" s="166">
        <v>0</v>
      </c>
      <c r="CX2890" s="166">
        <v>0</v>
      </c>
      <c r="CY2890" s="166">
        <v>0</v>
      </c>
      <c r="CZ2890" s="166">
        <v>0</v>
      </c>
    </row>
    <row r="2891" spans="1:104" x14ac:dyDescent="0.2">
      <c r="A2891" s="167" t="s">
        <v>178</v>
      </c>
      <c r="B2891" s="166">
        <v>0</v>
      </c>
      <c r="C2891" s="166">
        <v>0</v>
      </c>
      <c r="D2891" s="166">
        <v>0</v>
      </c>
      <c r="E2891" s="166">
        <v>0</v>
      </c>
      <c r="F2891" s="166">
        <v>0</v>
      </c>
      <c r="G2891" s="166">
        <v>0</v>
      </c>
      <c r="H2891" s="166">
        <v>0</v>
      </c>
      <c r="I2891" s="166">
        <v>0</v>
      </c>
      <c r="J2891" s="166">
        <v>0</v>
      </c>
      <c r="K2891" s="166">
        <v>0</v>
      </c>
      <c r="L2891" s="166">
        <v>0</v>
      </c>
      <c r="M2891" s="166">
        <v>0</v>
      </c>
      <c r="N2891" s="166">
        <v>0</v>
      </c>
      <c r="O2891" s="166">
        <v>0</v>
      </c>
      <c r="P2891" s="166">
        <v>0</v>
      </c>
      <c r="Q2891" s="166">
        <v>0</v>
      </c>
      <c r="R2891" s="166">
        <v>0</v>
      </c>
      <c r="S2891" s="166">
        <v>0</v>
      </c>
      <c r="T2891" s="166">
        <v>0</v>
      </c>
      <c r="U2891" s="166">
        <v>0</v>
      </c>
      <c r="V2891" s="166">
        <v>0</v>
      </c>
      <c r="W2891" s="166">
        <v>0</v>
      </c>
      <c r="X2891" s="166">
        <v>0</v>
      </c>
      <c r="Y2891" s="166">
        <v>0</v>
      </c>
      <c r="Z2891" s="166">
        <v>0</v>
      </c>
      <c r="AA2891" s="166">
        <v>0</v>
      </c>
      <c r="AB2891" s="166">
        <v>0</v>
      </c>
      <c r="AC2891" s="166">
        <v>0</v>
      </c>
      <c r="AD2891" s="166">
        <v>0</v>
      </c>
      <c r="AE2891" s="166">
        <v>0</v>
      </c>
      <c r="AF2891" s="166">
        <v>0</v>
      </c>
      <c r="AG2891" s="166">
        <v>0</v>
      </c>
      <c r="AH2891" s="166">
        <v>0</v>
      </c>
      <c r="AI2891" s="166">
        <v>0</v>
      </c>
      <c r="AJ2891" s="166">
        <v>0</v>
      </c>
      <c r="AK2891" s="166">
        <v>0</v>
      </c>
      <c r="AL2891" s="166">
        <v>0</v>
      </c>
      <c r="AM2891" s="166">
        <v>0</v>
      </c>
      <c r="AN2891" s="166">
        <v>0</v>
      </c>
      <c r="AO2891" s="166">
        <v>0</v>
      </c>
      <c r="AP2891" s="166">
        <v>0</v>
      </c>
      <c r="AQ2891" s="166">
        <v>0</v>
      </c>
      <c r="AR2891" s="166">
        <v>0</v>
      </c>
      <c r="AS2891" s="166">
        <v>0</v>
      </c>
      <c r="AT2891" s="166">
        <v>0</v>
      </c>
      <c r="AU2891" s="166">
        <v>0</v>
      </c>
      <c r="AV2891" s="166">
        <v>0</v>
      </c>
      <c r="AW2891" s="166">
        <v>0</v>
      </c>
      <c r="AX2891" s="166">
        <v>0</v>
      </c>
      <c r="AY2891" s="166">
        <v>0</v>
      </c>
      <c r="AZ2891" s="166">
        <v>0</v>
      </c>
      <c r="BA2891" s="166">
        <v>0</v>
      </c>
      <c r="BB2891" s="166">
        <v>0</v>
      </c>
      <c r="BC2891" s="166">
        <v>0</v>
      </c>
      <c r="BD2891" s="166">
        <v>0</v>
      </c>
      <c r="BE2891" s="166">
        <v>0</v>
      </c>
      <c r="BF2891" s="166">
        <v>0</v>
      </c>
      <c r="BG2891" s="166">
        <v>0</v>
      </c>
      <c r="BH2891" s="166">
        <v>0</v>
      </c>
      <c r="BI2891" s="166">
        <v>0</v>
      </c>
      <c r="BJ2891" s="166">
        <v>0</v>
      </c>
      <c r="BK2891" s="166">
        <v>0</v>
      </c>
      <c r="BL2891" s="166">
        <v>0</v>
      </c>
      <c r="BM2891" s="166">
        <v>0</v>
      </c>
      <c r="BN2891" s="166">
        <v>0</v>
      </c>
      <c r="BO2891" s="166">
        <v>0</v>
      </c>
      <c r="BP2891" s="166">
        <v>0</v>
      </c>
      <c r="BQ2891" s="166">
        <v>0</v>
      </c>
      <c r="BR2891" s="166">
        <v>0</v>
      </c>
      <c r="BS2891" s="166">
        <v>0</v>
      </c>
      <c r="BT2891" s="166">
        <v>0</v>
      </c>
      <c r="BU2891" s="166">
        <v>0</v>
      </c>
      <c r="BV2891" s="166">
        <v>0</v>
      </c>
      <c r="BW2891" s="166">
        <v>0</v>
      </c>
      <c r="BX2891" s="166">
        <v>0</v>
      </c>
      <c r="BY2891" s="166">
        <v>0</v>
      </c>
      <c r="BZ2891" s="166">
        <v>0</v>
      </c>
      <c r="CA2891" s="166">
        <v>0</v>
      </c>
      <c r="CB2891" s="166">
        <v>0</v>
      </c>
      <c r="CC2891" s="166">
        <v>0</v>
      </c>
      <c r="CD2891" s="166">
        <v>0</v>
      </c>
      <c r="CE2891" s="166">
        <v>0</v>
      </c>
      <c r="CF2891" s="166">
        <v>0</v>
      </c>
      <c r="CG2891" s="166">
        <v>0</v>
      </c>
      <c r="CH2891" s="166">
        <v>0</v>
      </c>
      <c r="CI2891" s="166">
        <v>0</v>
      </c>
      <c r="CJ2891" s="166">
        <v>0</v>
      </c>
      <c r="CK2891" s="166">
        <v>0</v>
      </c>
      <c r="CL2891" s="166">
        <v>0</v>
      </c>
      <c r="CM2891" s="166">
        <v>0</v>
      </c>
      <c r="CN2891" s="166">
        <v>0</v>
      </c>
      <c r="CO2891" s="166">
        <v>0</v>
      </c>
      <c r="CP2891" s="166">
        <v>0</v>
      </c>
      <c r="CQ2891" s="166">
        <v>0</v>
      </c>
      <c r="CR2891" s="166">
        <v>0</v>
      </c>
      <c r="CS2891" s="166">
        <v>0</v>
      </c>
      <c r="CT2891" s="166">
        <v>0</v>
      </c>
      <c r="CU2891" s="166">
        <v>0</v>
      </c>
      <c r="CV2891" s="166">
        <v>0</v>
      </c>
      <c r="CW2891" s="166">
        <v>0</v>
      </c>
      <c r="CX2891" s="166">
        <v>0</v>
      </c>
      <c r="CY2891" s="166">
        <v>0</v>
      </c>
      <c r="CZ2891" s="166">
        <v>0</v>
      </c>
    </row>
    <row r="2892" spans="1:104" x14ac:dyDescent="0.2">
      <c r="A2892" s="167" t="s">
        <v>179</v>
      </c>
      <c r="B2892" s="166">
        <v>0</v>
      </c>
      <c r="C2892" s="166">
        <v>0</v>
      </c>
      <c r="D2892" s="166">
        <v>0</v>
      </c>
      <c r="E2892" s="166">
        <v>0</v>
      </c>
      <c r="F2892" s="166">
        <v>0</v>
      </c>
      <c r="G2892" s="166">
        <v>0</v>
      </c>
      <c r="H2892" s="166">
        <v>0</v>
      </c>
      <c r="I2892" s="166">
        <v>0</v>
      </c>
      <c r="J2892" s="166">
        <v>0</v>
      </c>
      <c r="K2892" s="166">
        <v>0</v>
      </c>
      <c r="L2892" s="166">
        <v>0</v>
      </c>
      <c r="M2892" s="166">
        <v>0</v>
      </c>
      <c r="N2892" s="166">
        <v>0</v>
      </c>
      <c r="O2892" s="166">
        <v>0</v>
      </c>
      <c r="P2892" s="166">
        <v>0</v>
      </c>
      <c r="Q2892" s="166">
        <v>0</v>
      </c>
      <c r="R2892" s="166">
        <v>0</v>
      </c>
      <c r="S2892" s="166">
        <v>0</v>
      </c>
      <c r="T2892" s="166">
        <v>0</v>
      </c>
      <c r="U2892" s="166">
        <v>0</v>
      </c>
      <c r="V2892" s="166">
        <v>0</v>
      </c>
      <c r="W2892" s="166">
        <v>0</v>
      </c>
      <c r="X2892" s="166">
        <v>0</v>
      </c>
      <c r="Y2892" s="166">
        <v>0</v>
      </c>
      <c r="Z2892" s="166">
        <v>0</v>
      </c>
      <c r="AA2892" s="166">
        <v>0</v>
      </c>
      <c r="AB2892" s="166">
        <v>0</v>
      </c>
      <c r="AC2892" s="166">
        <v>0</v>
      </c>
      <c r="AD2892" s="166">
        <v>0</v>
      </c>
      <c r="AE2892" s="166">
        <v>0</v>
      </c>
      <c r="AF2892" s="166">
        <v>0</v>
      </c>
      <c r="AG2892" s="166">
        <v>0</v>
      </c>
      <c r="AH2892" s="166">
        <v>0</v>
      </c>
      <c r="AI2892" s="166">
        <v>0</v>
      </c>
      <c r="AJ2892" s="166">
        <v>0</v>
      </c>
      <c r="AK2892" s="166">
        <v>0</v>
      </c>
      <c r="AL2892" s="166">
        <v>0</v>
      </c>
      <c r="AM2892" s="166">
        <v>0</v>
      </c>
      <c r="AN2892" s="166">
        <v>0</v>
      </c>
      <c r="AO2892" s="166">
        <v>0</v>
      </c>
      <c r="AP2892" s="166">
        <v>0</v>
      </c>
      <c r="AQ2892" s="166">
        <v>0</v>
      </c>
      <c r="AR2892" s="166">
        <v>0</v>
      </c>
      <c r="AS2892" s="166">
        <v>0</v>
      </c>
      <c r="AT2892" s="166">
        <v>0</v>
      </c>
      <c r="AU2892" s="166">
        <v>0</v>
      </c>
      <c r="AV2892" s="166">
        <v>0</v>
      </c>
      <c r="AW2892" s="166">
        <v>0</v>
      </c>
      <c r="AX2892" s="166">
        <v>0</v>
      </c>
      <c r="AY2892" s="166">
        <v>0</v>
      </c>
      <c r="AZ2892" s="166">
        <v>0</v>
      </c>
      <c r="BA2892" s="166">
        <v>0</v>
      </c>
      <c r="BB2892" s="166">
        <v>0</v>
      </c>
      <c r="BC2892" s="166">
        <v>0</v>
      </c>
      <c r="BD2892" s="166">
        <v>0</v>
      </c>
      <c r="BE2892" s="166">
        <v>0</v>
      </c>
      <c r="BF2892" s="166">
        <v>0</v>
      </c>
      <c r="BG2892" s="166">
        <v>0</v>
      </c>
      <c r="BH2892" s="166">
        <v>0</v>
      </c>
      <c r="BI2892" s="166">
        <v>0</v>
      </c>
      <c r="BJ2892" s="166">
        <v>0</v>
      </c>
      <c r="BK2892" s="166">
        <v>0</v>
      </c>
      <c r="BL2892" s="166">
        <v>0</v>
      </c>
      <c r="BM2892" s="166">
        <v>0</v>
      </c>
      <c r="BN2892" s="166">
        <v>0</v>
      </c>
      <c r="BO2892" s="166">
        <v>0</v>
      </c>
      <c r="BP2892" s="166">
        <v>0</v>
      </c>
      <c r="BQ2892" s="166">
        <v>0</v>
      </c>
      <c r="BR2892" s="166">
        <v>0</v>
      </c>
      <c r="BS2892" s="166">
        <v>0</v>
      </c>
      <c r="BT2892" s="168">
        <v>0</v>
      </c>
      <c r="BU2892" s="166">
        <v>0</v>
      </c>
      <c r="BV2892" s="166">
        <v>0</v>
      </c>
      <c r="BW2892" s="166">
        <v>0</v>
      </c>
      <c r="BX2892" s="166">
        <v>0</v>
      </c>
      <c r="BY2892" s="166">
        <v>0</v>
      </c>
      <c r="BZ2892" s="166">
        <v>0</v>
      </c>
      <c r="CA2892" s="166">
        <v>0</v>
      </c>
      <c r="CB2892" s="166">
        <v>0</v>
      </c>
      <c r="CC2892" s="166">
        <v>0</v>
      </c>
      <c r="CD2892" s="166">
        <v>0</v>
      </c>
      <c r="CE2892" s="166">
        <v>0</v>
      </c>
      <c r="CF2892" s="166">
        <v>0</v>
      </c>
      <c r="CG2892" s="166">
        <v>0</v>
      </c>
      <c r="CH2892" s="166">
        <v>0</v>
      </c>
      <c r="CI2892" s="166">
        <v>0</v>
      </c>
      <c r="CJ2892" s="166">
        <v>0</v>
      </c>
      <c r="CK2892" s="166">
        <v>0</v>
      </c>
      <c r="CL2892" s="166">
        <v>0</v>
      </c>
      <c r="CM2892" s="166">
        <v>0</v>
      </c>
      <c r="CN2892" s="166">
        <v>0</v>
      </c>
      <c r="CO2892" s="166">
        <v>0</v>
      </c>
      <c r="CP2892" s="166">
        <v>0</v>
      </c>
      <c r="CQ2892" s="166">
        <v>0</v>
      </c>
      <c r="CR2892" s="166">
        <v>0</v>
      </c>
      <c r="CS2892" s="166">
        <v>0</v>
      </c>
      <c r="CT2892" s="166">
        <v>0</v>
      </c>
      <c r="CU2892" s="166">
        <v>0</v>
      </c>
      <c r="CV2892" s="166">
        <v>0</v>
      </c>
      <c r="CW2892" s="166">
        <v>0</v>
      </c>
      <c r="CX2892" s="166">
        <v>0</v>
      </c>
      <c r="CY2892" s="166">
        <v>0</v>
      </c>
      <c r="CZ2892" s="166">
        <v>0</v>
      </c>
    </row>
    <row r="2893" spans="1:104" x14ac:dyDescent="0.2">
      <c r="A2893" s="167" t="s">
        <v>180</v>
      </c>
      <c r="B2893" s="166">
        <v>0</v>
      </c>
      <c r="C2893" s="166">
        <v>0</v>
      </c>
      <c r="D2893" s="166">
        <v>0</v>
      </c>
      <c r="E2893" s="166">
        <v>0</v>
      </c>
      <c r="F2893" s="166">
        <v>0</v>
      </c>
      <c r="G2893" s="166">
        <v>0</v>
      </c>
      <c r="H2893" s="166">
        <v>0</v>
      </c>
      <c r="I2893" s="166">
        <v>0</v>
      </c>
      <c r="J2893" s="166">
        <v>0</v>
      </c>
      <c r="K2893" s="166">
        <v>0</v>
      </c>
      <c r="L2893" s="166">
        <v>0</v>
      </c>
      <c r="M2893" s="166">
        <v>0</v>
      </c>
      <c r="N2893" s="166">
        <v>0</v>
      </c>
      <c r="O2893" s="166">
        <v>0</v>
      </c>
      <c r="P2893" s="166">
        <v>0</v>
      </c>
      <c r="Q2893" s="166">
        <v>0</v>
      </c>
      <c r="R2893" s="166">
        <v>0</v>
      </c>
      <c r="S2893" s="166">
        <v>0</v>
      </c>
      <c r="T2893" s="166">
        <v>0</v>
      </c>
      <c r="U2893" s="166">
        <v>0</v>
      </c>
      <c r="V2893" s="166">
        <v>0</v>
      </c>
      <c r="W2893" s="166">
        <v>0</v>
      </c>
      <c r="X2893" s="166">
        <v>0</v>
      </c>
      <c r="Y2893" s="166">
        <v>0</v>
      </c>
      <c r="Z2893" s="166">
        <v>0</v>
      </c>
      <c r="AA2893" s="166">
        <v>0</v>
      </c>
      <c r="AB2893" s="166">
        <v>0</v>
      </c>
      <c r="AC2893" s="166">
        <v>0</v>
      </c>
      <c r="AD2893" s="166">
        <v>0</v>
      </c>
      <c r="AE2893" s="166">
        <v>0</v>
      </c>
      <c r="AF2893" s="166">
        <v>0</v>
      </c>
      <c r="AG2893" s="166">
        <v>0</v>
      </c>
      <c r="AH2893" s="166">
        <v>0</v>
      </c>
      <c r="AI2893" s="166">
        <v>0</v>
      </c>
      <c r="AJ2893" s="166">
        <v>0</v>
      </c>
      <c r="AK2893" s="166">
        <v>0</v>
      </c>
      <c r="AL2893" s="166">
        <v>0</v>
      </c>
      <c r="AM2893" s="166">
        <v>0</v>
      </c>
      <c r="AN2893" s="166">
        <v>0</v>
      </c>
      <c r="AO2893" s="166">
        <v>0</v>
      </c>
      <c r="AP2893" s="166">
        <v>0</v>
      </c>
      <c r="AQ2893" s="166">
        <v>0</v>
      </c>
      <c r="AR2893" s="166">
        <v>0</v>
      </c>
      <c r="AS2893" s="166">
        <v>0</v>
      </c>
      <c r="AT2893" s="166">
        <v>0</v>
      </c>
      <c r="AU2893" s="166">
        <v>0</v>
      </c>
      <c r="AV2893" s="166">
        <v>0</v>
      </c>
      <c r="AW2893" s="166">
        <v>0</v>
      </c>
      <c r="AX2893" s="166">
        <v>0</v>
      </c>
      <c r="AY2893" s="166">
        <v>0</v>
      </c>
      <c r="AZ2893" s="166">
        <v>0</v>
      </c>
      <c r="BA2893" s="166">
        <v>0</v>
      </c>
      <c r="BB2893" s="166">
        <v>0</v>
      </c>
      <c r="BC2893" s="166">
        <v>0</v>
      </c>
      <c r="BD2893" s="166">
        <v>0</v>
      </c>
      <c r="BE2893" s="166">
        <v>0</v>
      </c>
      <c r="BF2893" s="166">
        <v>0</v>
      </c>
      <c r="BG2893" s="166">
        <v>0</v>
      </c>
      <c r="BH2893" s="166">
        <v>0</v>
      </c>
      <c r="BI2893" s="166">
        <v>0</v>
      </c>
      <c r="BJ2893" s="166">
        <v>0</v>
      </c>
      <c r="BK2893" s="166">
        <v>0</v>
      </c>
      <c r="BL2893" s="166">
        <v>0</v>
      </c>
      <c r="BM2893" s="166">
        <v>0</v>
      </c>
      <c r="BN2893" s="166">
        <v>0</v>
      </c>
      <c r="BO2893" s="166">
        <v>0</v>
      </c>
      <c r="BP2893" s="166">
        <v>0</v>
      </c>
      <c r="BQ2893" s="166">
        <v>0</v>
      </c>
      <c r="BR2893" s="166">
        <v>0</v>
      </c>
      <c r="BS2893" s="166">
        <v>0</v>
      </c>
      <c r="BT2893" s="166">
        <v>0</v>
      </c>
      <c r="BU2893" s="166">
        <v>0</v>
      </c>
      <c r="BV2893" s="166">
        <v>0</v>
      </c>
      <c r="BW2893" s="166">
        <v>0</v>
      </c>
      <c r="BX2893" s="166">
        <v>0</v>
      </c>
      <c r="BY2893" s="166">
        <v>0</v>
      </c>
      <c r="BZ2893" s="166">
        <v>0</v>
      </c>
      <c r="CA2893" s="166">
        <v>0</v>
      </c>
      <c r="CB2893" s="166">
        <v>0</v>
      </c>
      <c r="CC2893" s="166">
        <v>0</v>
      </c>
      <c r="CD2893" s="166">
        <v>0</v>
      </c>
      <c r="CE2893" s="166">
        <v>0</v>
      </c>
      <c r="CF2893" s="166">
        <v>0</v>
      </c>
      <c r="CG2893" s="166">
        <v>0</v>
      </c>
      <c r="CH2893" s="166">
        <v>0</v>
      </c>
      <c r="CI2893" s="166">
        <v>0</v>
      </c>
      <c r="CJ2893" s="166">
        <v>0</v>
      </c>
      <c r="CK2893" s="166">
        <v>0</v>
      </c>
      <c r="CL2893" s="166">
        <v>0</v>
      </c>
      <c r="CM2893" s="166">
        <v>0</v>
      </c>
      <c r="CN2893" s="166">
        <v>0</v>
      </c>
      <c r="CO2893" s="166">
        <v>0</v>
      </c>
      <c r="CP2893" s="166">
        <v>0</v>
      </c>
      <c r="CQ2893" s="166">
        <v>0</v>
      </c>
      <c r="CR2893" s="166">
        <v>0</v>
      </c>
      <c r="CS2893" s="166">
        <v>0</v>
      </c>
      <c r="CT2893" s="166">
        <v>0</v>
      </c>
      <c r="CU2893" s="166">
        <v>0</v>
      </c>
      <c r="CV2893" s="166">
        <v>0</v>
      </c>
      <c r="CW2893" s="166">
        <v>0</v>
      </c>
      <c r="CX2893" s="166">
        <v>0</v>
      </c>
      <c r="CY2893" s="166">
        <v>0</v>
      </c>
      <c r="CZ2893" s="166">
        <v>0</v>
      </c>
    </row>
    <row r="2894" spans="1:104" x14ac:dyDescent="0.2">
      <c r="A2894" s="167" t="s">
        <v>181</v>
      </c>
      <c r="B2894" s="166">
        <v>0</v>
      </c>
      <c r="C2894" s="166">
        <v>0</v>
      </c>
      <c r="D2894" s="166">
        <v>0</v>
      </c>
      <c r="E2894" s="166">
        <v>0</v>
      </c>
      <c r="F2894" s="166">
        <v>0</v>
      </c>
      <c r="G2894" s="166">
        <v>0</v>
      </c>
      <c r="H2894" s="166">
        <v>0</v>
      </c>
      <c r="I2894" s="166">
        <v>0</v>
      </c>
      <c r="J2894" s="166">
        <v>0</v>
      </c>
      <c r="K2894" s="166">
        <v>0</v>
      </c>
      <c r="L2894" s="166">
        <v>0</v>
      </c>
      <c r="M2894" s="166">
        <v>0</v>
      </c>
      <c r="N2894" s="166">
        <v>0</v>
      </c>
      <c r="O2894" s="166">
        <v>0</v>
      </c>
      <c r="P2894" s="166">
        <v>0</v>
      </c>
      <c r="Q2894" s="166">
        <v>0</v>
      </c>
      <c r="R2894" s="166">
        <v>0</v>
      </c>
      <c r="S2894" s="166">
        <v>0</v>
      </c>
      <c r="T2894" s="166">
        <v>0</v>
      </c>
      <c r="U2894" s="166">
        <v>0</v>
      </c>
      <c r="V2894" s="166">
        <v>0</v>
      </c>
      <c r="W2894" s="166">
        <v>0</v>
      </c>
      <c r="X2894" s="166">
        <v>0</v>
      </c>
      <c r="Y2894" s="166">
        <v>0</v>
      </c>
      <c r="Z2894" s="166">
        <v>0</v>
      </c>
      <c r="AA2894" s="166">
        <v>0</v>
      </c>
      <c r="AB2894" s="166">
        <v>0</v>
      </c>
      <c r="AC2894" s="166">
        <v>0</v>
      </c>
      <c r="AD2894" s="166">
        <v>0</v>
      </c>
      <c r="AE2894" s="166">
        <v>0</v>
      </c>
      <c r="AF2894" s="166">
        <v>0</v>
      </c>
      <c r="AG2894" s="166">
        <v>0</v>
      </c>
      <c r="AH2894" s="166">
        <v>0</v>
      </c>
      <c r="AI2894" s="166">
        <v>0</v>
      </c>
      <c r="AJ2894" s="166">
        <v>0</v>
      </c>
      <c r="AK2894" s="166">
        <v>0</v>
      </c>
      <c r="AL2894" s="166">
        <v>0</v>
      </c>
      <c r="AM2894" s="166">
        <v>0</v>
      </c>
      <c r="AN2894" s="166">
        <v>0</v>
      </c>
      <c r="AO2894" s="166">
        <v>0</v>
      </c>
      <c r="AP2894" s="166">
        <v>0</v>
      </c>
      <c r="AQ2894" s="166">
        <v>0</v>
      </c>
      <c r="AR2894" s="166">
        <v>0</v>
      </c>
      <c r="AS2894" s="166">
        <v>0</v>
      </c>
      <c r="AT2894" s="166">
        <v>0</v>
      </c>
      <c r="AU2894" s="166">
        <v>0</v>
      </c>
      <c r="AV2894" s="166">
        <v>0</v>
      </c>
      <c r="AW2894" s="166">
        <v>0</v>
      </c>
      <c r="AX2894" s="166">
        <v>0</v>
      </c>
      <c r="AY2894" s="166">
        <v>0</v>
      </c>
      <c r="AZ2894" s="166">
        <v>0</v>
      </c>
      <c r="BA2894" s="166">
        <v>0</v>
      </c>
      <c r="BB2894" s="166">
        <v>0</v>
      </c>
      <c r="BC2894" s="166">
        <v>0</v>
      </c>
      <c r="BD2894" s="166">
        <v>0</v>
      </c>
      <c r="BE2894" s="166">
        <v>0</v>
      </c>
      <c r="BF2894" s="166">
        <v>0</v>
      </c>
      <c r="BG2894" s="166">
        <v>0</v>
      </c>
      <c r="BH2894" s="166">
        <v>0</v>
      </c>
      <c r="BI2894" s="166">
        <v>0</v>
      </c>
      <c r="BJ2894" s="166">
        <v>0</v>
      </c>
      <c r="BK2894" s="166">
        <v>0</v>
      </c>
      <c r="BL2894" s="166">
        <v>0</v>
      </c>
      <c r="BM2894" s="166">
        <v>0</v>
      </c>
      <c r="BN2894" s="166">
        <v>0</v>
      </c>
      <c r="BO2894" s="166">
        <v>0</v>
      </c>
      <c r="BP2894" s="166">
        <v>0</v>
      </c>
      <c r="BQ2894" s="166">
        <v>0</v>
      </c>
      <c r="BR2894" s="166">
        <v>0</v>
      </c>
      <c r="BS2894" s="166">
        <v>0</v>
      </c>
      <c r="BT2894" s="168">
        <v>0</v>
      </c>
      <c r="BU2894" s="166">
        <v>0</v>
      </c>
      <c r="BV2894" s="166">
        <v>0</v>
      </c>
      <c r="BW2894" s="166">
        <v>0</v>
      </c>
      <c r="BX2894" s="166">
        <v>0</v>
      </c>
      <c r="BY2894" s="166">
        <v>0</v>
      </c>
      <c r="BZ2894" s="166">
        <v>0</v>
      </c>
      <c r="CA2894" s="166">
        <v>0</v>
      </c>
      <c r="CB2894" s="166">
        <v>0</v>
      </c>
      <c r="CC2894" s="166">
        <v>0</v>
      </c>
      <c r="CD2894" s="166">
        <v>0</v>
      </c>
      <c r="CE2894" s="166">
        <v>0</v>
      </c>
      <c r="CF2894" s="166">
        <v>0</v>
      </c>
      <c r="CG2894" s="166">
        <v>0</v>
      </c>
      <c r="CH2894" s="166">
        <v>0</v>
      </c>
      <c r="CI2894" s="166">
        <v>0</v>
      </c>
      <c r="CJ2894" s="166">
        <v>0</v>
      </c>
      <c r="CK2894" s="166">
        <v>0</v>
      </c>
      <c r="CL2894" s="166">
        <v>0</v>
      </c>
      <c r="CM2894" s="166">
        <v>0</v>
      </c>
      <c r="CN2894" s="166">
        <v>0</v>
      </c>
      <c r="CO2894" s="166">
        <v>0</v>
      </c>
      <c r="CP2894" s="166">
        <v>0</v>
      </c>
      <c r="CQ2894" s="166">
        <v>0</v>
      </c>
      <c r="CR2894" s="166">
        <v>0</v>
      </c>
      <c r="CS2894" s="166">
        <v>0</v>
      </c>
      <c r="CT2894" s="166">
        <v>0</v>
      </c>
      <c r="CU2894" s="166">
        <v>0</v>
      </c>
      <c r="CV2894" s="166">
        <v>0</v>
      </c>
      <c r="CW2894" s="166">
        <v>0</v>
      </c>
      <c r="CX2894" s="166">
        <v>0</v>
      </c>
      <c r="CY2894" s="166">
        <v>0</v>
      </c>
      <c r="CZ2894" s="166">
        <v>0</v>
      </c>
    </row>
    <row r="2895" spans="1:104" x14ac:dyDescent="0.2">
      <c r="A2895" s="167" t="s">
        <v>1064</v>
      </c>
      <c r="B2895" s="166">
        <v>0</v>
      </c>
      <c r="C2895" s="166">
        <v>0</v>
      </c>
      <c r="D2895" s="166">
        <v>0</v>
      </c>
      <c r="E2895" s="166">
        <v>0</v>
      </c>
      <c r="F2895" s="166">
        <v>0</v>
      </c>
      <c r="G2895" s="166">
        <v>0</v>
      </c>
      <c r="H2895" s="166">
        <v>0</v>
      </c>
      <c r="I2895" s="166">
        <v>0</v>
      </c>
      <c r="J2895" s="166">
        <v>0</v>
      </c>
      <c r="K2895" s="166">
        <v>0</v>
      </c>
      <c r="L2895" s="166">
        <v>0</v>
      </c>
      <c r="M2895" s="166">
        <v>0</v>
      </c>
      <c r="N2895" s="166">
        <v>0</v>
      </c>
      <c r="O2895" s="166">
        <v>0</v>
      </c>
      <c r="P2895" s="166">
        <v>0</v>
      </c>
      <c r="Q2895" s="166">
        <v>0</v>
      </c>
      <c r="R2895" s="166">
        <v>0</v>
      </c>
      <c r="S2895" s="166">
        <v>0</v>
      </c>
      <c r="T2895" s="166">
        <v>0</v>
      </c>
      <c r="U2895" s="166">
        <v>0</v>
      </c>
      <c r="V2895" s="166">
        <v>0</v>
      </c>
      <c r="W2895" s="166">
        <v>0</v>
      </c>
      <c r="X2895" s="166">
        <v>0</v>
      </c>
      <c r="Y2895" s="166">
        <v>0</v>
      </c>
      <c r="Z2895" s="166">
        <v>0</v>
      </c>
      <c r="AA2895" s="166">
        <v>0</v>
      </c>
      <c r="AB2895" s="166">
        <v>0</v>
      </c>
      <c r="AC2895" s="166">
        <v>0</v>
      </c>
      <c r="AD2895" s="166">
        <v>0</v>
      </c>
      <c r="AE2895" s="166">
        <v>0</v>
      </c>
      <c r="AF2895" s="166">
        <v>0</v>
      </c>
      <c r="AG2895" s="166">
        <v>0</v>
      </c>
      <c r="AH2895" s="166">
        <v>0</v>
      </c>
      <c r="AI2895" s="166">
        <v>0</v>
      </c>
      <c r="AJ2895" s="166">
        <v>0</v>
      </c>
      <c r="AK2895" s="166">
        <v>0</v>
      </c>
      <c r="AL2895" s="166">
        <v>0</v>
      </c>
      <c r="AM2895" s="166">
        <v>0</v>
      </c>
      <c r="AN2895" s="166">
        <v>0</v>
      </c>
      <c r="AO2895" s="166">
        <v>0</v>
      </c>
      <c r="AP2895" s="166">
        <v>0</v>
      </c>
      <c r="AQ2895" s="166">
        <v>0</v>
      </c>
      <c r="AR2895" s="166">
        <v>0</v>
      </c>
      <c r="AS2895" s="166">
        <v>0</v>
      </c>
      <c r="AT2895" s="166">
        <v>0</v>
      </c>
      <c r="AU2895" s="166">
        <v>0</v>
      </c>
      <c r="AV2895" s="166">
        <v>0</v>
      </c>
      <c r="AW2895" s="166">
        <v>0</v>
      </c>
      <c r="AX2895" s="166">
        <v>0</v>
      </c>
      <c r="AY2895" s="166">
        <v>0</v>
      </c>
      <c r="AZ2895" s="166">
        <v>0</v>
      </c>
      <c r="BA2895" s="166">
        <v>0</v>
      </c>
      <c r="BB2895" s="166">
        <v>0</v>
      </c>
      <c r="BC2895" s="166">
        <v>0</v>
      </c>
      <c r="BD2895" s="166">
        <v>0</v>
      </c>
      <c r="BE2895" s="166">
        <v>0</v>
      </c>
      <c r="BF2895" s="166">
        <v>0</v>
      </c>
      <c r="BG2895" s="166">
        <v>0</v>
      </c>
      <c r="BH2895" s="166">
        <v>0</v>
      </c>
      <c r="BI2895" s="166">
        <v>0</v>
      </c>
      <c r="BJ2895" s="166">
        <v>0</v>
      </c>
      <c r="BK2895" s="166">
        <v>0</v>
      </c>
      <c r="BL2895" s="166">
        <v>0</v>
      </c>
      <c r="BM2895" s="166">
        <v>0</v>
      </c>
      <c r="BN2895" s="166">
        <v>0</v>
      </c>
      <c r="BO2895" s="166">
        <v>0</v>
      </c>
      <c r="BP2895" s="166">
        <v>0</v>
      </c>
      <c r="BQ2895" s="166">
        <v>0</v>
      </c>
      <c r="BR2895" s="166">
        <v>0</v>
      </c>
      <c r="BS2895" s="166">
        <v>0</v>
      </c>
      <c r="BT2895" s="168">
        <v>0</v>
      </c>
      <c r="BU2895" s="166">
        <v>0</v>
      </c>
      <c r="BV2895" s="166">
        <v>0</v>
      </c>
      <c r="BW2895" s="166">
        <v>0</v>
      </c>
      <c r="BX2895" s="166">
        <v>0</v>
      </c>
      <c r="BY2895" s="166">
        <v>0</v>
      </c>
      <c r="BZ2895" s="166">
        <v>0</v>
      </c>
      <c r="CA2895" s="166">
        <v>0</v>
      </c>
      <c r="CB2895" s="166">
        <v>0</v>
      </c>
      <c r="CC2895" s="166">
        <v>0</v>
      </c>
      <c r="CD2895" s="166">
        <v>0</v>
      </c>
      <c r="CE2895" s="166">
        <v>0</v>
      </c>
      <c r="CF2895" s="166">
        <v>0</v>
      </c>
      <c r="CG2895" s="166">
        <v>0</v>
      </c>
      <c r="CH2895" s="166">
        <v>0</v>
      </c>
      <c r="CI2895" s="166">
        <v>0</v>
      </c>
      <c r="CJ2895" s="166">
        <v>0</v>
      </c>
      <c r="CK2895" s="166">
        <v>0</v>
      </c>
      <c r="CL2895" s="166">
        <v>0</v>
      </c>
      <c r="CM2895" s="166">
        <v>0</v>
      </c>
      <c r="CN2895" s="166">
        <v>0</v>
      </c>
      <c r="CO2895" s="166">
        <v>0</v>
      </c>
      <c r="CP2895" s="166">
        <v>0</v>
      </c>
      <c r="CQ2895" s="166">
        <v>0</v>
      </c>
      <c r="CR2895" s="166">
        <v>0</v>
      </c>
      <c r="CS2895" s="166">
        <v>0</v>
      </c>
      <c r="CT2895" s="166">
        <v>0</v>
      </c>
      <c r="CU2895" s="166">
        <v>0</v>
      </c>
      <c r="CV2895" s="166">
        <v>0</v>
      </c>
      <c r="CW2895" s="166">
        <v>0</v>
      </c>
      <c r="CX2895" s="166">
        <v>0</v>
      </c>
      <c r="CY2895" s="166">
        <v>0</v>
      </c>
      <c r="CZ2895" s="166">
        <v>0</v>
      </c>
    </row>
    <row r="2896" spans="1:104" x14ac:dyDescent="0.2">
      <c r="A2896" s="170" t="s">
        <v>183</v>
      </c>
      <c r="B2896" s="166">
        <v>759762.74</v>
      </c>
      <c r="C2896" s="166">
        <v>759762.74</v>
      </c>
      <c r="D2896" s="166">
        <v>0</v>
      </c>
      <c r="E2896" s="166">
        <v>0</v>
      </c>
      <c r="F2896" s="166">
        <v>0</v>
      </c>
      <c r="G2896" s="166">
        <v>0</v>
      </c>
      <c r="H2896" s="166">
        <v>0</v>
      </c>
      <c r="I2896" s="166">
        <v>0</v>
      </c>
      <c r="J2896" s="166">
        <v>0</v>
      </c>
      <c r="K2896" s="166">
        <v>0</v>
      </c>
      <c r="L2896" s="166">
        <v>0</v>
      </c>
      <c r="M2896" s="166">
        <v>0</v>
      </c>
      <c r="N2896" s="166">
        <v>0</v>
      </c>
      <c r="O2896" s="166">
        <v>0</v>
      </c>
      <c r="P2896" s="166">
        <v>0</v>
      </c>
      <c r="Q2896" s="166">
        <v>0</v>
      </c>
      <c r="R2896" s="166">
        <v>0</v>
      </c>
      <c r="S2896" s="166">
        <v>0</v>
      </c>
      <c r="T2896" s="166">
        <v>0</v>
      </c>
      <c r="U2896" s="166">
        <v>0</v>
      </c>
      <c r="V2896" s="166">
        <v>0</v>
      </c>
      <c r="W2896" s="166">
        <v>0</v>
      </c>
      <c r="X2896" s="166">
        <v>0</v>
      </c>
      <c r="Y2896" s="166">
        <v>0</v>
      </c>
      <c r="Z2896" s="166">
        <v>0</v>
      </c>
      <c r="AA2896" s="166">
        <v>0</v>
      </c>
      <c r="AB2896" s="166">
        <v>0</v>
      </c>
      <c r="AC2896" s="166">
        <v>0</v>
      </c>
      <c r="AD2896" s="166">
        <v>0</v>
      </c>
      <c r="AE2896" s="166">
        <v>0</v>
      </c>
      <c r="AF2896" s="166">
        <v>0</v>
      </c>
      <c r="AG2896" s="166">
        <v>0</v>
      </c>
      <c r="AH2896" s="166">
        <v>0</v>
      </c>
      <c r="AI2896" s="166">
        <v>0</v>
      </c>
      <c r="AJ2896" s="166">
        <v>0</v>
      </c>
      <c r="AK2896" s="166">
        <v>0</v>
      </c>
      <c r="AL2896" s="166">
        <v>0</v>
      </c>
      <c r="AM2896" s="166">
        <v>0</v>
      </c>
      <c r="AN2896" s="166">
        <v>0</v>
      </c>
      <c r="AO2896" s="166">
        <v>0</v>
      </c>
      <c r="AP2896" s="166">
        <v>0</v>
      </c>
      <c r="AQ2896" s="166">
        <v>0</v>
      </c>
      <c r="AR2896" s="166">
        <v>0</v>
      </c>
      <c r="AS2896" s="166">
        <v>0</v>
      </c>
      <c r="AT2896" s="166">
        <v>0</v>
      </c>
      <c r="AU2896" s="166">
        <v>0</v>
      </c>
      <c r="AV2896" s="166">
        <v>0</v>
      </c>
      <c r="AW2896" s="166">
        <v>0</v>
      </c>
      <c r="AX2896" s="166">
        <v>0</v>
      </c>
      <c r="AY2896" s="166">
        <v>0</v>
      </c>
      <c r="AZ2896" s="166">
        <v>0</v>
      </c>
      <c r="BA2896" s="166">
        <v>0</v>
      </c>
      <c r="BB2896" s="166">
        <v>0</v>
      </c>
      <c r="BC2896" s="166">
        <v>0</v>
      </c>
      <c r="BD2896" s="166">
        <v>0</v>
      </c>
      <c r="BE2896" s="166">
        <v>0</v>
      </c>
      <c r="BF2896" s="166">
        <v>0</v>
      </c>
      <c r="BG2896" s="166">
        <v>0</v>
      </c>
      <c r="BH2896" s="166">
        <v>0</v>
      </c>
      <c r="BI2896" s="166">
        <v>0</v>
      </c>
      <c r="BJ2896" s="166">
        <v>0</v>
      </c>
      <c r="BK2896" s="166">
        <v>0</v>
      </c>
      <c r="BL2896" s="166">
        <v>0</v>
      </c>
      <c r="BM2896" s="166">
        <v>0</v>
      </c>
      <c r="BN2896" s="166">
        <v>0</v>
      </c>
      <c r="BO2896" s="166">
        <v>0</v>
      </c>
      <c r="BP2896" s="166">
        <v>0</v>
      </c>
      <c r="BQ2896" s="166">
        <v>0</v>
      </c>
      <c r="BR2896" s="166">
        <v>759762.74</v>
      </c>
      <c r="BS2896" s="166">
        <v>759762.74</v>
      </c>
      <c r="BT2896" s="168">
        <v>0</v>
      </c>
      <c r="BU2896" s="166">
        <v>0</v>
      </c>
      <c r="BV2896" s="166">
        <v>0</v>
      </c>
      <c r="BW2896" s="166">
        <v>0</v>
      </c>
      <c r="BX2896" s="166">
        <v>0</v>
      </c>
      <c r="BY2896" s="166">
        <v>0</v>
      </c>
      <c r="BZ2896" s="166">
        <v>0</v>
      </c>
      <c r="CA2896" s="166">
        <v>0</v>
      </c>
      <c r="CB2896" s="166">
        <v>0</v>
      </c>
      <c r="CC2896" s="166">
        <v>0</v>
      </c>
      <c r="CD2896" s="166">
        <v>0</v>
      </c>
      <c r="CE2896" s="166">
        <v>0</v>
      </c>
      <c r="CF2896" s="166">
        <v>0</v>
      </c>
      <c r="CG2896" s="166">
        <v>0</v>
      </c>
      <c r="CH2896" s="166">
        <v>0</v>
      </c>
      <c r="CI2896" s="166">
        <v>0</v>
      </c>
      <c r="CJ2896" s="166">
        <v>0</v>
      </c>
      <c r="CK2896" s="166">
        <v>0</v>
      </c>
      <c r="CL2896" s="166">
        <v>0</v>
      </c>
      <c r="CM2896" s="166">
        <v>0</v>
      </c>
      <c r="CN2896" s="166">
        <v>0</v>
      </c>
      <c r="CO2896" s="166">
        <v>0</v>
      </c>
      <c r="CP2896" s="166">
        <v>0</v>
      </c>
      <c r="CQ2896" s="166">
        <v>0</v>
      </c>
      <c r="CR2896" s="166">
        <v>0</v>
      </c>
      <c r="CS2896" s="166">
        <v>0</v>
      </c>
      <c r="CT2896" s="166">
        <v>0</v>
      </c>
      <c r="CU2896" s="166">
        <v>0</v>
      </c>
      <c r="CV2896" s="166">
        <v>0</v>
      </c>
      <c r="CW2896" s="166">
        <v>0</v>
      </c>
      <c r="CX2896" s="166">
        <v>0</v>
      </c>
      <c r="CY2896" s="166">
        <v>0</v>
      </c>
      <c r="CZ2896" s="166">
        <v>0</v>
      </c>
    </row>
    <row r="2897" spans="1:104" x14ac:dyDescent="0.2">
      <c r="A2897" s="167" t="s">
        <v>184</v>
      </c>
      <c r="B2897" s="166">
        <v>0</v>
      </c>
      <c r="C2897" s="166">
        <v>0</v>
      </c>
      <c r="D2897" s="166">
        <v>0</v>
      </c>
      <c r="E2897" s="166">
        <v>0</v>
      </c>
      <c r="F2897" s="166">
        <v>0</v>
      </c>
      <c r="G2897" s="166">
        <v>0</v>
      </c>
      <c r="H2897" s="166">
        <v>0</v>
      </c>
      <c r="I2897" s="166">
        <v>0</v>
      </c>
      <c r="J2897" s="166">
        <v>0</v>
      </c>
      <c r="K2897" s="166">
        <v>0</v>
      </c>
      <c r="L2897" s="166">
        <v>0</v>
      </c>
      <c r="M2897" s="166">
        <v>0</v>
      </c>
      <c r="N2897" s="166">
        <v>0</v>
      </c>
      <c r="O2897" s="166">
        <v>0</v>
      </c>
      <c r="P2897" s="166">
        <v>0</v>
      </c>
      <c r="Q2897" s="166">
        <v>0</v>
      </c>
      <c r="R2897" s="166">
        <v>0</v>
      </c>
      <c r="S2897" s="166">
        <v>0</v>
      </c>
      <c r="T2897" s="166">
        <v>0</v>
      </c>
      <c r="U2897" s="166">
        <v>0</v>
      </c>
      <c r="V2897" s="166">
        <v>0</v>
      </c>
      <c r="W2897" s="166">
        <v>0</v>
      </c>
      <c r="X2897" s="166">
        <v>0</v>
      </c>
      <c r="Y2897" s="166">
        <v>0</v>
      </c>
      <c r="Z2897" s="166">
        <v>0</v>
      </c>
      <c r="AA2897" s="166">
        <v>0</v>
      </c>
      <c r="AB2897" s="166">
        <v>0</v>
      </c>
      <c r="AC2897" s="166">
        <v>0</v>
      </c>
      <c r="AD2897" s="166">
        <v>0</v>
      </c>
      <c r="AE2897" s="166">
        <v>0</v>
      </c>
      <c r="AF2897" s="166">
        <v>0</v>
      </c>
      <c r="AG2897" s="166">
        <v>0</v>
      </c>
      <c r="AH2897" s="166">
        <v>0</v>
      </c>
      <c r="AI2897" s="166">
        <v>0</v>
      </c>
      <c r="AJ2897" s="166">
        <v>0</v>
      </c>
      <c r="AK2897" s="166">
        <v>0</v>
      </c>
      <c r="AL2897" s="166">
        <v>0</v>
      </c>
      <c r="AM2897" s="166">
        <v>0</v>
      </c>
      <c r="AN2897" s="166">
        <v>0</v>
      </c>
      <c r="AO2897" s="166">
        <v>0</v>
      </c>
      <c r="AP2897" s="166">
        <v>0</v>
      </c>
      <c r="AQ2897" s="166">
        <v>0</v>
      </c>
      <c r="AR2897" s="166">
        <v>0</v>
      </c>
      <c r="AS2897" s="166">
        <v>0</v>
      </c>
      <c r="AT2897" s="166">
        <v>0</v>
      </c>
      <c r="AU2897" s="166">
        <v>0</v>
      </c>
      <c r="AV2897" s="166">
        <v>0</v>
      </c>
      <c r="AW2897" s="166">
        <v>0</v>
      </c>
      <c r="AX2897" s="166">
        <v>0</v>
      </c>
      <c r="AY2897" s="166">
        <v>0</v>
      </c>
      <c r="AZ2897" s="166">
        <v>0</v>
      </c>
      <c r="BA2897" s="166">
        <v>0</v>
      </c>
      <c r="BB2897" s="166">
        <v>0</v>
      </c>
      <c r="BC2897" s="166">
        <v>0</v>
      </c>
      <c r="BD2897" s="166">
        <v>0</v>
      </c>
      <c r="BE2897" s="166">
        <v>0</v>
      </c>
      <c r="BF2897" s="166">
        <v>0</v>
      </c>
      <c r="BG2897" s="166">
        <v>0</v>
      </c>
      <c r="BH2897" s="166">
        <v>0</v>
      </c>
      <c r="BI2897" s="166">
        <v>0</v>
      </c>
      <c r="BJ2897" s="166">
        <v>0</v>
      </c>
      <c r="BK2897" s="166">
        <v>0</v>
      </c>
      <c r="BL2897" s="166">
        <v>0</v>
      </c>
      <c r="BM2897" s="166">
        <v>0</v>
      </c>
      <c r="BN2897" s="166">
        <v>0</v>
      </c>
      <c r="BO2897" s="166">
        <v>0</v>
      </c>
      <c r="BP2897" s="166">
        <v>0</v>
      </c>
      <c r="BQ2897" s="166">
        <v>0</v>
      </c>
      <c r="BR2897" s="166">
        <v>0</v>
      </c>
      <c r="BS2897" s="166">
        <v>0</v>
      </c>
      <c r="BT2897" s="168">
        <v>0</v>
      </c>
      <c r="BU2897" s="166">
        <v>0</v>
      </c>
      <c r="BV2897" s="166">
        <v>0</v>
      </c>
      <c r="BW2897" s="166">
        <v>0</v>
      </c>
      <c r="BX2897" s="166">
        <v>0</v>
      </c>
      <c r="BY2897" s="166">
        <v>0</v>
      </c>
      <c r="BZ2897" s="166">
        <v>0</v>
      </c>
      <c r="CA2897" s="166">
        <v>0</v>
      </c>
      <c r="CB2897" s="166">
        <v>0</v>
      </c>
      <c r="CC2897" s="166">
        <v>0</v>
      </c>
      <c r="CD2897" s="166">
        <v>0</v>
      </c>
      <c r="CE2897" s="166">
        <v>0</v>
      </c>
      <c r="CF2897" s="166">
        <v>0</v>
      </c>
      <c r="CG2897" s="166">
        <v>0</v>
      </c>
      <c r="CH2897" s="166">
        <v>0</v>
      </c>
      <c r="CI2897" s="166">
        <v>0</v>
      </c>
      <c r="CJ2897" s="166">
        <v>0</v>
      </c>
      <c r="CK2897" s="166">
        <v>0</v>
      </c>
      <c r="CL2897" s="166">
        <v>0</v>
      </c>
      <c r="CM2897" s="166">
        <v>0</v>
      </c>
      <c r="CN2897" s="166">
        <v>0</v>
      </c>
      <c r="CO2897" s="166">
        <v>0</v>
      </c>
      <c r="CP2897" s="166">
        <v>0</v>
      </c>
      <c r="CQ2897" s="166">
        <v>0</v>
      </c>
      <c r="CR2897" s="166">
        <v>0</v>
      </c>
      <c r="CS2897" s="166">
        <v>0</v>
      </c>
      <c r="CT2897" s="166">
        <v>0</v>
      </c>
      <c r="CU2897" s="166">
        <v>0</v>
      </c>
      <c r="CV2897" s="166">
        <v>0</v>
      </c>
      <c r="CW2897" s="166">
        <v>0</v>
      </c>
      <c r="CX2897" s="166">
        <v>0</v>
      </c>
      <c r="CY2897" s="166">
        <v>0</v>
      </c>
      <c r="CZ2897" s="166">
        <v>0</v>
      </c>
    </row>
    <row r="2898" spans="1:104" x14ac:dyDescent="0.2">
      <c r="A2898" s="170" t="s">
        <v>185</v>
      </c>
      <c r="B2898" s="166">
        <v>0</v>
      </c>
      <c r="C2898" s="166">
        <v>0</v>
      </c>
      <c r="D2898" s="166">
        <v>0</v>
      </c>
      <c r="E2898" s="166">
        <v>0</v>
      </c>
      <c r="F2898" s="166">
        <v>0</v>
      </c>
      <c r="G2898" s="166">
        <v>0</v>
      </c>
      <c r="H2898" s="166">
        <v>0</v>
      </c>
      <c r="I2898" s="166">
        <v>0</v>
      </c>
      <c r="J2898" s="166">
        <v>0</v>
      </c>
      <c r="K2898" s="166">
        <v>0</v>
      </c>
      <c r="L2898" s="166">
        <v>0</v>
      </c>
      <c r="M2898" s="166">
        <v>0</v>
      </c>
      <c r="N2898" s="166">
        <v>0</v>
      </c>
      <c r="O2898" s="166">
        <v>0</v>
      </c>
      <c r="P2898" s="166">
        <v>0</v>
      </c>
      <c r="Q2898" s="166">
        <v>0</v>
      </c>
      <c r="R2898" s="166">
        <v>0</v>
      </c>
      <c r="S2898" s="166">
        <v>0</v>
      </c>
      <c r="T2898" s="166">
        <v>0</v>
      </c>
      <c r="U2898" s="166">
        <v>0</v>
      </c>
      <c r="V2898" s="166">
        <v>0</v>
      </c>
      <c r="W2898" s="166">
        <v>0</v>
      </c>
      <c r="X2898" s="166">
        <v>0</v>
      </c>
      <c r="Y2898" s="166">
        <v>0</v>
      </c>
      <c r="Z2898" s="166">
        <v>0</v>
      </c>
      <c r="AA2898" s="166">
        <v>0</v>
      </c>
      <c r="AB2898" s="166">
        <v>0</v>
      </c>
      <c r="AC2898" s="166">
        <v>0</v>
      </c>
      <c r="AD2898" s="166">
        <v>0</v>
      </c>
      <c r="AE2898" s="166">
        <v>0</v>
      </c>
      <c r="AF2898" s="166">
        <v>0</v>
      </c>
      <c r="AG2898" s="166">
        <v>0</v>
      </c>
      <c r="AH2898" s="166">
        <v>0</v>
      </c>
      <c r="AI2898" s="166">
        <v>0</v>
      </c>
      <c r="AJ2898" s="166">
        <v>0</v>
      </c>
      <c r="AK2898" s="166">
        <v>0</v>
      </c>
      <c r="AL2898" s="166">
        <v>0</v>
      </c>
      <c r="AM2898" s="166">
        <v>0</v>
      </c>
      <c r="AN2898" s="166">
        <v>0</v>
      </c>
      <c r="AO2898" s="166">
        <v>0</v>
      </c>
      <c r="AP2898" s="166">
        <v>0</v>
      </c>
      <c r="AQ2898" s="166">
        <v>0</v>
      </c>
      <c r="AR2898" s="166">
        <v>0</v>
      </c>
      <c r="AS2898" s="166">
        <v>0</v>
      </c>
      <c r="AT2898" s="166">
        <v>0</v>
      </c>
      <c r="AU2898" s="166">
        <v>0</v>
      </c>
      <c r="AV2898" s="166">
        <v>0</v>
      </c>
      <c r="AW2898" s="166">
        <v>0</v>
      </c>
      <c r="AX2898" s="166">
        <v>0</v>
      </c>
      <c r="AY2898" s="166">
        <v>0</v>
      </c>
      <c r="AZ2898" s="166">
        <v>0</v>
      </c>
      <c r="BA2898" s="166">
        <v>0</v>
      </c>
      <c r="BB2898" s="166">
        <v>0</v>
      </c>
      <c r="BC2898" s="166">
        <v>0</v>
      </c>
      <c r="BD2898" s="166">
        <v>0</v>
      </c>
      <c r="BE2898" s="166">
        <v>0</v>
      </c>
      <c r="BF2898" s="166">
        <v>0</v>
      </c>
      <c r="BG2898" s="166">
        <v>0</v>
      </c>
      <c r="BH2898" s="166">
        <v>0</v>
      </c>
      <c r="BI2898" s="166">
        <v>0</v>
      </c>
      <c r="BJ2898" s="166">
        <v>0</v>
      </c>
      <c r="BK2898" s="166">
        <v>0</v>
      </c>
      <c r="BL2898" s="166">
        <v>0</v>
      </c>
      <c r="BM2898" s="166">
        <v>0</v>
      </c>
      <c r="BN2898" s="166">
        <v>0</v>
      </c>
      <c r="BO2898" s="166">
        <v>0</v>
      </c>
      <c r="BP2898" s="166">
        <v>0</v>
      </c>
      <c r="BQ2898" s="166">
        <v>0</v>
      </c>
      <c r="BR2898" s="166">
        <v>0</v>
      </c>
      <c r="BS2898" s="166">
        <v>0</v>
      </c>
      <c r="BT2898" s="168">
        <v>0</v>
      </c>
      <c r="BU2898" s="166">
        <v>0</v>
      </c>
      <c r="BV2898" s="166">
        <v>0</v>
      </c>
      <c r="BW2898" s="166">
        <v>0</v>
      </c>
      <c r="BX2898" s="166">
        <v>0</v>
      </c>
      <c r="BY2898" s="166">
        <v>0</v>
      </c>
      <c r="BZ2898" s="166">
        <v>0</v>
      </c>
      <c r="CA2898" s="166">
        <v>0</v>
      </c>
      <c r="CB2898" s="166">
        <v>0</v>
      </c>
      <c r="CC2898" s="166">
        <v>0</v>
      </c>
      <c r="CD2898" s="166">
        <v>0</v>
      </c>
      <c r="CE2898" s="166">
        <v>0</v>
      </c>
      <c r="CF2898" s="166">
        <v>0</v>
      </c>
      <c r="CG2898" s="166">
        <v>0</v>
      </c>
      <c r="CH2898" s="166">
        <v>0</v>
      </c>
      <c r="CI2898" s="166">
        <v>0</v>
      </c>
      <c r="CJ2898" s="166">
        <v>0</v>
      </c>
      <c r="CK2898" s="166">
        <v>0</v>
      </c>
      <c r="CL2898" s="166">
        <v>0</v>
      </c>
      <c r="CM2898" s="166">
        <v>0</v>
      </c>
      <c r="CN2898" s="166">
        <v>0</v>
      </c>
      <c r="CO2898" s="166">
        <v>0</v>
      </c>
      <c r="CP2898" s="166">
        <v>0</v>
      </c>
      <c r="CQ2898" s="166">
        <v>0</v>
      </c>
      <c r="CR2898" s="166">
        <v>0</v>
      </c>
      <c r="CS2898" s="166">
        <v>0</v>
      </c>
      <c r="CT2898" s="166">
        <v>0</v>
      </c>
      <c r="CU2898" s="166">
        <v>0</v>
      </c>
      <c r="CV2898" s="166">
        <v>0</v>
      </c>
      <c r="CW2898" s="166">
        <v>0</v>
      </c>
      <c r="CX2898" s="166">
        <v>0</v>
      </c>
      <c r="CY2898" s="166">
        <v>0</v>
      </c>
      <c r="CZ2898" s="166">
        <v>0</v>
      </c>
    </row>
    <row r="2899" spans="1:104" x14ac:dyDescent="0.2">
      <c r="A2899" s="170" t="s">
        <v>186</v>
      </c>
      <c r="B2899" s="166">
        <v>280803435.31999999</v>
      </c>
      <c r="C2899" s="166">
        <v>280803435.31999999</v>
      </c>
      <c r="D2899" s="166">
        <v>0</v>
      </c>
      <c r="E2899" s="166">
        <v>0</v>
      </c>
      <c r="F2899" s="166">
        <v>0</v>
      </c>
      <c r="G2899" s="166">
        <v>0</v>
      </c>
      <c r="H2899" s="166">
        <v>0</v>
      </c>
      <c r="I2899" s="166">
        <v>0</v>
      </c>
      <c r="J2899" s="166">
        <v>0</v>
      </c>
      <c r="K2899" s="166">
        <v>0</v>
      </c>
      <c r="L2899" s="166">
        <v>0</v>
      </c>
      <c r="M2899" s="166">
        <v>0</v>
      </c>
      <c r="N2899" s="166">
        <v>0</v>
      </c>
      <c r="O2899" s="166">
        <v>0</v>
      </c>
      <c r="P2899" s="166">
        <v>0</v>
      </c>
      <c r="Q2899" s="166">
        <v>0</v>
      </c>
      <c r="R2899" s="166">
        <v>0</v>
      </c>
      <c r="S2899" s="166">
        <v>0</v>
      </c>
      <c r="T2899" s="166">
        <v>0</v>
      </c>
      <c r="U2899" s="166">
        <v>0</v>
      </c>
      <c r="V2899" s="166">
        <v>0</v>
      </c>
      <c r="W2899" s="166">
        <v>0</v>
      </c>
      <c r="X2899" s="166">
        <v>0</v>
      </c>
      <c r="Y2899" s="166">
        <v>0</v>
      </c>
      <c r="Z2899" s="166">
        <v>0</v>
      </c>
      <c r="AA2899" s="166">
        <v>0</v>
      </c>
      <c r="AB2899" s="166">
        <v>0</v>
      </c>
      <c r="AC2899" s="166">
        <v>0</v>
      </c>
      <c r="AD2899" s="166">
        <v>0</v>
      </c>
      <c r="AE2899" s="166">
        <v>0</v>
      </c>
      <c r="AF2899" s="166">
        <v>0</v>
      </c>
      <c r="AG2899" s="166">
        <v>0</v>
      </c>
      <c r="AH2899" s="166">
        <v>0</v>
      </c>
      <c r="AI2899" s="166">
        <v>0</v>
      </c>
      <c r="AJ2899" s="166">
        <v>0</v>
      </c>
      <c r="AK2899" s="166">
        <v>0</v>
      </c>
      <c r="AL2899" s="166">
        <v>0</v>
      </c>
      <c r="AM2899" s="166">
        <v>0</v>
      </c>
      <c r="AN2899" s="166">
        <v>0</v>
      </c>
      <c r="AO2899" s="166">
        <v>0</v>
      </c>
      <c r="AP2899" s="166">
        <v>0</v>
      </c>
      <c r="AQ2899" s="166">
        <v>0</v>
      </c>
      <c r="AR2899" s="166">
        <v>0</v>
      </c>
      <c r="AS2899" s="166">
        <v>0</v>
      </c>
      <c r="AT2899" s="166">
        <v>0</v>
      </c>
      <c r="AU2899" s="166">
        <v>0</v>
      </c>
      <c r="AV2899" s="166">
        <v>0</v>
      </c>
      <c r="AW2899" s="166">
        <v>0</v>
      </c>
      <c r="AX2899" s="166">
        <v>0</v>
      </c>
      <c r="AY2899" s="166">
        <v>0</v>
      </c>
      <c r="AZ2899" s="166">
        <v>0</v>
      </c>
      <c r="BA2899" s="166">
        <v>0</v>
      </c>
      <c r="BB2899" s="166">
        <v>0</v>
      </c>
      <c r="BC2899" s="166">
        <v>0</v>
      </c>
      <c r="BD2899" s="166">
        <v>0</v>
      </c>
      <c r="BE2899" s="166">
        <v>0</v>
      </c>
      <c r="BF2899" s="166">
        <v>0</v>
      </c>
      <c r="BG2899" s="166">
        <v>0</v>
      </c>
      <c r="BH2899" s="166">
        <v>0</v>
      </c>
      <c r="BI2899" s="166">
        <v>0</v>
      </c>
      <c r="BJ2899" s="166">
        <v>0</v>
      </c>
      <c r="BK2899" s="166">
        <v>0</v>
      </c>
      <c r="BL2899" s="166">
        <v>0</v>
      </c>
      <c r="BM2899" s="166">
        <v>0</v>
      </c>
      <c r="BN2899" s="166">
        <v>0</v>
      </c>
      <c r="BO2899" s="166">
        <v>0</v>
      </c>
      <c r="BP2899" s="166">
        <v>0</v>
      </c>
      <c r="BQ2899" s="166">
        <v>0</v>
      </c>
      <c r="BR2899" s="166">
        <v>280803435.31999999</v>
      </c>
      <c r="BS2899" s="166">
        <v>280803435.31999999</v>
      </c>
      <c r="BT2899" s="168">
        <v>0</v>
      </c>
      <c r="BU2899" s="166">
        <v>0</v>
      </c>
      <c r="BV2899" s="166">
        <v>0</v>
      </c>
      <c r="BW2899" s="166">
        <v>0</v>
      </c>
      <c r="BX2899" s="166">
        <v>0</v>
      </c>
      <c r="BY2899" s="166">
        <v>0</v>
      </c>
      <c r="BZ2899" s="166">
        <v>0</v>
      </c>
      <c r="CA2899" s="166">
        <v>0</v>
      </c>
      <c r="CB2899" s="166">
        <v>0</v>
      </c>
      <c r="CC2899" s="166">
        <v>0</v>
      </c>
      <c r="CD2899" s="166">
        <v>0</v>
      </c>
      <c r="CE2899" s="166">
        <v>0</v>
      </c>
      <c r="CF2899" s="166">
        <v>0</v>
      </c>
      <c r="CG2899" s="166">
        <v>0</v>
      </c>
      <c r="CH2899" s="166">
        <v>0</v>
      </c>
      <c r="CI2899" s="166">
        <v>0</v>
      </c>
      <c r="CJ2899" s="166">
        <v>0</v>
      </c>
      <c r="CK2899" s="166">
        <v>0</v>
      </c>
      <c r="CL2899" s="166">
        <v>0</v>
      </c>
      <c r="CM2899" s="166">
        <v>0</v>
      </c>
      <c r="CN2899" s="166">
        <v>0</v>
      </c>
      <c r="CO2899" s="166">
        <v>0</v>
      </c>
      <c r="CP2899" s="166">
        <v>0</v>
      </c>
      <c r="CQ2899" s="166">
        <v>0</v>
      </c>
      <c r="CR2899" s="166">
        <v>0</v>
      </c>
      <c r="CS2899" s="166">
        <v>0</v>
      </c>
      <c r="CT2899" s="166">
        <v>0</v>
      </c>
      <c r="CU2899" s="166">
        <v>0</v>
      </c>
      <c r="CV2899" s="166">
        <v>0</v>
      </c>
      <c r="CW2899" s="166">
        <v>0</v>
      </c>
      <c r="CX2899" s="166">
        <v>0</v>
      </c>
      <c r="CY2899" s="166">
        <v>0</v>
      </c>
      <c r="CZ2899" s="166">
        <v>0</v>
      </c>
    </row>
    <row r="2900" spans="1:104" x14ac:dyDescent="0.2">
      <c r="A2900" s="167" t="s">
        <v>187</v>
      </c>
    </row>
    <row r="2901" spans="1:104" ht="10.8" thickBot="1" x14ac:dyDescent="0.25">
      <c r="A2901" s="169" t="s">
        <v>188</v>
      </c>
    </row>
    <row r="2902" spans="1:104" x14ac:dyDescent="0.2">
      <c r="A2902" s="170" t="s">
        <v>189</v>
      </c>
      <c r="B2902" s="166">
        <v>0</v>
      </c>
      <c r="C2902" s="166">
        <v>0</v>
      </c>
      <c r="D2902" s="166">
        <v>0</v>
      </c>
      <c r="E2902" s="166">
        <v>0</v>
      </c>
      <c r="F2902" s="166">
        <v>0</v>
      </c>
      <c r="G2902" s="166">
        <v>0</v>
      </c>
      <c r="H2902" s="166">
        <v>0</v>
      </c>
      <c r="I2902" s="166">
        <v>0</v>
      </c>
      <c r="J2902" s="166">
        <v>0</v>
      </c>
      <c r="K2902" s="166">
        <v>0</v>
      </c>
      <c r="L2902" s="166">
        <v>0</v>
      </c>
      <c r="M2902" s="166">
        <v>0</v>
      </c>
      <c r="N2902" s="166">
        <v>0</v>
      </c>
      <c r="O2902" s="166">
        <v>0</v>
      </c>
      <c r="P2902" s="166">
        <v>0</v>
      </c>
      <c r="Q2902" s="166">
        <v>0</v>
      </c>
      <c r="R2902" s="166">
        <v>0</v>
      </c>
      <c r="S2902" s="166">
        <v>0</v>
      </c>
      <c r="T2902" s="166">
        <v>0</v>
      </c>
      <c r="U2902" s="166">
        <v>0</v>
      </c>
      <c r="V2902" s="166">
        <v>0</v>
      </c>
      <c r="W2902" s="166">
        <v>0</v>
      </c>
      <c r="X2902" s="166">
        <v>0</v>
      </c>
      <c r="Y2902" s="166">
        <v>0</v>
      </c>
      <c r="Z2902" s="166">
        <v>0</v>
      </c>
      <c r="AA2902" s="166">
        <v>0</v>
      </c>
      <c r="AB2902" s="166">
        <v>0</v>
      </c>
      <c r="AC2902" s="166">
        <v>0</v>
      </c>
      <c r="AD2902" s="166">
        <v>0</v>
      </c>
      <c r="AE2902" s="166">
        <v>0</v>
      </c>
      <c r="AF2902" s="166">
        <v>0</v>
      </c>
      <c r="AG2902" s="166">
        <v>0</v>
      </c>
      <c r="AH2902" s="166">
        <v>0</v>
      </c>
      <c r="AI2902" s="166">
        <v>0</v>
      </c>
      <c r="AJ2902" s="166">
        <v>0</v>
      </c>
      <c r="AK2902" s="166">
        <v>0</v>
      </c>
      <c r="AL2902" s="166">
        <v>0</v>
      </c>
      <c r="AM2902" s="166">
        <v>0</v>
      </c>
      <c r="AN2902" s="166">
        <v>0</v>
      </c>
      <c r="AO2902" s="166">
        <v>0</v>
      </c>
      <c r="AP2902" s="166">
        <v>0</v>
      </c>
      <c r="AQ2902" s="166">
        <v>0</v>
      </c>
      <c r="AR2902" s="166">
        <v>0</v>
      </c>
      <c r="AS2902" s="166">
        <v>0</v>
      </c>
      <c r="AT2902" s="166">
        <v>0</v>
      </c>
      <c r="AU2902" s="166">
        <v>0</v>
      </c>
      <c r="AV2902" s="166">
        <v>0</v>
      </c>
      <c r="AW2902" s="166">
        <v>0</v>
      </c>
      <c r="AX2902" s="166">
        <v>0</v>
      </c>
      <c r="AY2902" s="166">
        <v>0</v>
      </c>
      <c r="AZ2902" s="166">
        <v>0</v>
      </c>
      <c r="BA2902" s="166">
        <v>0</v>
      </c>
      <c r="BB2902" s="166">
        <v>0</v>
      </c>
      <c r="BC2902" s="166">
        <v>0</v>
      </c>
      <c r="BD2902" s="166">
        <v>0</v>
      </c>
      <c r="BE2902" s="166">
        <v>0</v>
      </c>
      <c r="BF2902" s="166">
        <v>0</v>
      </c>
      <c r="BG2902" s="166">
        <v>0</v>
      </c>
      <c r="BH2902" s="166">
        <v>0</v>
      </c>
      <c r="BI2902" s="166">
        <v>0</v>
      </c>
      <c r="BJ2902" s="166">
        <v>0</v>
      </c>
      <c r="BK2902" s="166">
        <v>0</v>
      </c>
      <c r="BL2902" s="166">
        <v>0</v>
      </c>
      <c r="BM2902" s="166">
        <v>0</v>
      </c>
      <c r="BN2902" s="166">
        <v>0</v>
      </c>
      <c r="BO2902" s="166">
        <v>0</v>
      </c>
      <c r="BP2902" s="166">
        <v>0</v>
      </c>
      <c r="BQ2902" s="166">
        <v>0</v>
      </c>
      <c r="BR2902" s="166">
        <v>0</v>
      </c>
      <c r="BS2902" s="166">
        <v>0</v>
      </c>
      <c r="BT2902" s="168">
        <v>0</v>
      </c>
      <c r="BU2902" s="166">
        <v>0</v>
      </c>
      <c r="BV2902" s="166">
        <v>0</v>
      </c>
      <c r="BW2902" s="166">
        <v>0</v>
      </c>
      <c r="BX2902" s="166">
        <v>0</v>
      </c>
      <c r="BY2902" s="166">
        <v>0</v>
      </c>
      <c r="BZ2902" s="166">
        <v>0</v>
      </c>
      <c r="CA2902" s="166">
        <v>0</v>
      </c>
      <c r="CB2902" s="166">
        <v>0</v>
      </c>
      <c r="CC2902" s="166">
        <v>0</v>
      </c>
      <c r="CD2902" s="166">
        <v>0</v>
      </c>
      <c r="CE2902" s="166">
        <v>0</v>
      </c>
      <c r="CF2902" s="166">
        <v>0</v>
      </c>
      <c r="CG2902" s="166">
        <v>0</v>
      </c>
      <c r="CH2902" s="166">
        <v>0</v>
      </c>
      <c r="CI2902" s="166">
        <v>0</v>
      </c>
      <c r="CJ2902" s="166">
        <v>0</v>
      </c>
      <c r="CK2902" s="166">
        <v>0</v>
      </c>
      <c r="CL2902" s="166">
        <v>0</v>
      </c>
      <c r="CM2902" s="166">
        <v>0</v>
      </c>
      <c r="CN2902" s="166">
        <v>0</v>
      </c>
      <c r="CO2902" s="166">
        <v>0</v>
      </c>
      <c r="CP2902" s="166">
        <v>0</v>
      </c>
      <c r="CQ2902" s="166">
        <v>0</v>
      </c>
      <c r="CR2902" s="166">
        <v>0</v>
      </c>
      <c r="CS2902" s="166">
        <v>0</v>
      </c>
      <c r="CT2902" s="166">
        <v>0</v>
      </c>
      <c r="CU2902" s="166">
        <v>0</v>
      </c>
      <c r="CV2902" s="166">
        <v>0</v>
      </c>
      <c r="CW2902" s="166">
        <v>0</v>
      </c>
      <c r="CX2902" s="166">
        <v>0</v>
      </c>
      <c r="CY2902" s="166">
        <v>0</v>
      </c>
      <c r="CZ2902" s="166">
        <v>0</v>
      </c>
    </row>
    <row r="2903" spans="1:104" x14ac:dyDescent="0.2">
      <c r="A2903" s="167" t="s">
        <v>1065</v>
      </c>
      <c r="B2903" s="166">
        <v>0</v>
      </c>
      <c r="C2903" s="166">
        <v>0</v>
      </c>
      <c r="D2903" s="166">
        <v>0</v>
      </c>
      <c r="E2903" s="166">
        <v>0</v>
      </c>
      <c r="F2903" s="166">
        <v>0</v>
      </c>
      <c r="G2903" s="166">
        <v>0</v>
      </c>
      <c r="H2903" s="166">
        <v>0</v>
      </c>
      <c r="I2903" s="166">
        <v>0</v>
      </c>
      <c r="J2903" s="166">
        <v>0</v>
      </c>
      <c r="K2903" s="166">
        <v>0</v>
      </c>
      <c r="L2903" s="166">
        <v>0</v>
      </c>
      <c r="M2903" s="166">
        <v>0</v>
      </c>
      <c r="N2903" s="166">
        <v>0</v>
      </c>
      <c r="O2903" s="166">
        <v>0</v>
      </c>
      <c r="P2903" s="166">
        <v>0</v>
      </c>
      <c r="Q2903" s="166">
        <v>0</v>
      </c>
      <c r="R2903" s="166">
        <v>0</v>
      </c>
      <c r="S2903" s="166">
        <v>0</v>
      </c>
      <c r="T2903" s="166">
        <v>0</v>
      </c>
      <c r="U2903" s="166">
        <v>0</v>
      </c>
      <c r="V2903" s="166">
        <v>0</v>
      </c>
      <c r="W2903" s="166">
        <v>0</v>
      </c>
      <c r="X2903" s="166">
        <v>0</v>
      </c>
      <c r="Y2903" s="166">
        <v>0</v>
      </c>
      <c r="Z2903" s="166">
        <v>0</v>
      </c>
      <c r="AA2903" s="166">
        <v>0</v>
      </c>
      <c r="AB2903" s="166">
        <v>0</v>
      </c>
      <c r="AC2903" s="166">
        <v>0</v>
      </c>
      <c r="AD2903" s="166">
        <v>0</v>
      </c>
      <c r="AE2903" s="166">
        <v>0</v>
      </c>
      <c r="AF2903" s="166">
        <v>0</v>
      </c>
      <c r="AG2903" s="166">
        <v>0</v>
      </c>
      <c r="AH2903" s="166">
        <v>0</v>
      </c>
      <c r="AI2903" s="166">
        <v>0</v>
      </c>
      <c r="AJ2903" s="166">
        <v>0</v>
      </c>
      <c r="AK2903" s="166">
        <v>0</v>
      </c>
      <c r="AL2903" s="166">
        <v>0</v>
      </c>
      <c r="AM2903" s="166">
        <v>0</v>
      </c>
      <c r="AN2903" s="166">
        <v>0</v>
      </c>
      <c r="AO2903" s="166">
        <v>0</v>
      </c>
      <c r="AP2903" s="166">
        <v>0</v>
      </c>
      <c r="AQ2903" s="166">
        <v>0</v>
      </c>
      <c r="AR2903" s="166">
        <v>0</v>
      </c>
      <c r="AS2903" s="166">
        <v>0</v>
      </c>
      <c r="AT2903" s="166">
        <v>0</v>
      </c>
      <c r="AU2903" s="166">
        <v>0</v>
      </c>
      <c r="AV2903" s="166">
        <v>0</v>
      </c>
      <c r="AW2903" s="166">
        <v>0</v>
      </c>
      <c r="AX2903" s="166">
        <v>0</v>
      </c>
      <c r="AY2903" s="166">
        <v>0</v>
      </c>
      <c r="AZ2903" s="166">
        <v>0</v>
      </c>
      <c r="BA2903" s="166">
        <v>0</v>
      </c>
      <c r="BB2903" s="166">
        <v>0</v>
      </c>
      <c r="BC2903" s="166">
        <v>0</v>
      </c>
      <c r="BD2903" s="166">
        <v>0</v>
      </c>
      <c r="BE2903" s="166">
        <v>0</v>
      </c>
      <c r="BF2903" s="166">
        <v>0</v>
      </c>
      <c r="BG2903" s="166">
        <v>0</v>
      </c>
      <c r="BH2903" s="166">
        <v>0</v>
      </c>
      <c r="BI2903" s="166">
        <v>0</v>
      </c>
      <c r="BJ2903" s="166">
        <v>0</v>
      </c>
      <c r="BK2903" s="166">
        <v>0</v>
      </c>
      <c r="BL2903" s="166">
        <v>0</v>
      </c>
      <c r="BM2903" s="166">
        <v>0</v>
      </c>
      <c r="BN2903" s="166">
        <v>0</v>
      </c>
      <c r="BO2903" s="166">
        <v>0</v>
      </c>
      <c r="BP2903" s="166">
        <v>0</v>
      </c>
      <c r="BQ2903" s="166">
        <v>0</v>
      </c>
      <c r="BR2903" s="166">
        <v>0</v>
      </c>
      <c r="BS2903" s="166">
        <v>0</v>
      </c>
      <c r="BT2903" s="168">
        <v>0</v>
      </c>
      <c r="BU2903" s="166">
        <v>0</v>
      </c>
      <c r="BV2903" s="166">
        <v>0</v>
      </c>
      <c r="BW2903" s="166">
        <v>0</v>
      </c>
      <c r="BX2903" s="166">
        <v>0</v>
      </c>
      <c r="BY2903" s="166">
        <v>0</v>
      </c>
      <c r="BZ2903" s="166">
        <v>0</v>
      </c>
      <c r="CA2903" s="166">
        <v>0</v>
      </c>
      <c r="CB2903" s="166">
        <v>0</v>
      </c>
      <c r="CC2903" s="166">
        <v>0</v>
      </c>
      <c r="CD2903" s="166">
        <v>0</v>
      </c>
      <c r="CE2903" s="166">
        <v>0</v>
      </c>
      <c r="CF2903" s="166">
        <v>0</v>
      </c>
      <c r="CG2903" s="166">
        <v>0</v>
      </c>
      <c r="CH2903" s="166">
        <v>0</v>
      </c>
      <c r="CI2903" s="166">
        <v>0</v>
      </c>
      <c r="CJ2903" s="166">
        <v>0</v>
      </c>
      <c r="CK2903" s="166">
        <v>0</v>
      </c>
      <c r="CL2903" s="166">
        <v>0</v>
      </c>
      <c r="CM2903" s="166">
        <v>0</v>
      </c>
      <c r="CN2903" s="166">
        <v>0</v>
      </c>
      <c r="CO2903" s="166">
        <v>0</v>
      </c>
      <c r="CP2903" s="166">
        <v>0</v>
      </c>
      <c r="CQ2903" s="166">
        <v>0</v>
      </c>
      <c r="CR2903" s="166">
        <v>0</v>
      </c>
      <c r="CS2903" s="166">
        <v>0</v>
      </c>
      <c r="CT2903" s="166">
        <v>0</v>
      </c>
      <c r="CU2903" s="166">
        <v>0</v>
      </c>
      <c r="CV2903" s="166">
        <v>0</v>
      </c>
      <c r="CW2903" s="166">
        <v>0</v>
      </c>
      <c r="CX2903" s="166">
        <v>0</v>
      </c>
      <c r="CY2903" s="166">
        <v>0</v>
      </c>
      <c r="CZ2903" s="166">
        <v>0</v>
      </c>
    </row>
    <row r="2904" spans="1:104" x14ac:dyDescent="0.2">
      <c r="A2904" s="167" t="s">
        <v>1066</v>
      </c>
      <c r="B2904" s="166">
        <v>0</v>
      </c>
      <c r="C2904" s="166">
        <v>0</v>
      </c>
      <c r="D2904" s="166">
        <v>0</v>
      </c>
      <c r="E2904" s="166">
        <v>0</v>
      </c>
      <c r="F2904" s="166">
        <v>0</v>
      </c>
      <c r="G2904" s="166">
        <v>0</v>
      </c>
      <c r="H2904" s="166">
        <v>0</v>
      </c>
      <c r="I2904" s="166">
        <v>0</v>
      </c>
      <c r="J2904" s="166">
        <v>0</v>
      </c>
      <c r="K2904" s="166">
        <v>0</v>
      </c>
      <c r="L2904" s="166">
        <v>0</v>
      </c>
      <c r="M2904" s="166">
        <v>0</v>
      </c>
      <c r="N2904" s="166">
        <v>0</v>
      </c>
      <c r="O2904" s="166">
        <v>0</v>
      </c>
      <c r="P2904" s="166">
        <v>0</v>
      </c>
      <c r="Q2904" s="166">
        <v>0</v>
      </c>
      <c r="R2904" s="166">
        <v>0</v>
      </c>
      <c r="S2904" s="166">
        <v>0</v>
      </c>
      <c r="T2904" s="166">
        <v>0</v>
      </c>
      <c r="U2904" s="166">
        <v>0</v>
      </c>
      <c r="V2904" s="166">
        <v>0</v>
      </c>
      <c r="W2904" s="166">
        <v>0</v>
      </c>
      <c r="X2904" s="166">
        <v>0</v>
      </c>
      <c r="Y2904" s="166">
        <v>0</v>
      </c>
      <c r="Z2904" s="166">
        <v>0</v>
      </c>
      <c r="AA2904" s="166">
        <v>0</v>
      </c>
      <c r="AB2904" s="166">
        <v>0</v>
      </c>
      <c r="AC2904" s="166">
        <v>0</v>
      </c>
      <c r="AD2904" s="166">
        <v>0</v>
      </c>
      <c r="AE2904" s="166">
        <v>0</v>
      </c>
      <c r="AF2904" s="166">
        <v>0</v>
      </c>
      <c r="AG2904" s="166">
        <v>0</v>
      </c>
      <c r="AH2904" s="166">
        <v>0</v>
      </c>
      <c r="AI2904" s="166">
        <v>0</v>
      </c>
      <c r="AJ2904" s="166">
        <v>0</v>
      </c>
      <c r="AK2904" s="166">
        <v>0</v>
      </c>
      <c r="AL2904" s="166">
        <v>0</v>
      </c>
      <c r="AM2904" s="166">
        <v>0</v>
      </c>
      <c r="AN2904" s="166">
        <v>0</v>
      </c>
      <c r="AO2904" s="166">
        <v>0</v>
      </c>
      <c r="AP2904" s="166">
        <v>0</v>
      </c>
      <c r="AQ2904" s="166">
        <v>0</v>
      </c>
      <c r="AR2904" s="166">
        <v>0</v>
      </c>
      <c r="AS2904" s="166">
        <v>0</v>
      </c>
      <c r="AT2904" s="166">
        <v>0</v>
      </c>
      <c r="AU2904" s="166">
        <v>0</v>
      </c>
      <c r="AV2904" s="166">
        <v>0</v>
      </c>
      <c r="AW2904" s="166">
        <v>0</v>
      </c>
      <c r="AX2904" s="166">
        <v>0</v>
      </c>
      <c r="AY2904" s="166">
        <v>0</v>
      </c>
      <c r="AZ2904" s="166">
        <v>0</v>
      </c>
      <c r="BA2904" s="166">
        <v>0</v>
      </c>
      <c r="BB2904" s="166">
        <v>0</v>
      </c>
      <c r="BC2904" s="166">
        <v>0</v>
      </c>
      <c r="BD2904" s="166">
        <v>0</v>
      </c>
      <c r="BE2904" s="166">
        <v>0</v>
      </c>
      <c r="BF2904" s="166">
        <v>0</v>
      </c>
      <c r="BG2904" s="166">
        <v>0</v>
      </c>
      <c r="BH2904" s="166">
        <v>0</v>
      </c>
      <c r="BI2904" s="166">
        <v>0</v>
      </c>
      <c r="BJ2904" s="166">
        <v>0</v>
      </c>
      <c r="BK2904" s="166">
        <v>0</v>
      </c>
      <c r="BL2904" s="166">
        <v>0</v>
      </c>
      <c r="BM2904" s="166">
        <v>0</v>
      </c>
      <c r="BN2904" s="166">
        <v>0</v>
      </c>
      <c r="BO2904" s="166">
        <v>0</v>
      </c>
      <c r="BP2904" s="166">
        <v>0</v>
      </c>
      <c r="BQ2904" s="166">
        <v>0</v>
      </c>
      <c r="BR2904" s="166">
        <v>0</v>
      </c>
      <c r="BS2904" s="166">
        <v>0</v>
      </c>
      <c r="BT2904" s="168">
        <v>0</v>
      </c>
      <c r="BU2904" s="166">
        <v>0</v>
      </c>
      <c r="BV2904" s="166">
        <v>0</v>
      </c>
      <c r="BW2904" s="166">
        <v>0</v>
      </c>
      <c r="BX2904" s="166">
        <v>0</v>
      </c>
      <c r="BY2904" s="166">
        <v>0</v>
      </c>
      <c r="BZ2904" s="166">
        <v>0</v>
      </c>
      <c r="CA2904" s="166">
        <v>0</v>
      </c>
      <c r="CB2904" s="166">
        <v>0</v>
      </c>
      <c r="CC2904" s="166">
        <v>0</v>
      </c>
      <c r="CD2904" s="166">
        <v>0</v>
      </c>
      <c r="CE2904" s="166">
        <v>0</v>
      </c>
      <c r="CF2904" s="166">
        <v>0</v>
      </c>
      <c r="CG2904" s="166">
        <v>0</v>
      </c>
      <c r="CH2904" s="166">
        <v>0</v>
      </c>
      <c r="CI2904" s="166">
        <v>0</v>
      </c>
      <c r="CJ2904" s="166">
        <v>0</v>
      </c>
      <c r="CK2904" s="166">
        <v>0</v>
      </c>
      <c r="CL2904" s="166">
        <v>0</v>
      </c>
      <c r="CM2904" s="166">
        <v>0</v>
      </c>
      <c r="CN2904" s="166">
        <v>0</v>
      </c>
      <c r="CO2904" s="166">
        <v>0</v>
      </c>
      <c r="CP2904" s="166">
        <v>0</v>
      </c>
      <c r="CQ2904" s="166">
        <v>0</v>
      </c>
      <c r="CR2904" s="166">
        <v>0</v>
      </c>
      <c r="CS2904" s="166">
        <v>0</v>
      </c>
      <c r="CT2904" s="166">
        <v>0</v>
      </c>
      <c r="CU2904" s="166">
        <v>0</v>
      </c>
      <c r="CV2904" s="166">
        <v>0</v>
      </c>
      <c r="CW2904" s="166">
        <v>0</v>
      </c>
      <c r="CX2904" s="166">
        <v>0</v>
      </c>
      <c r="CY2904" s="166">
        <v>0</v>
      </c>
      <c r="CZ2904" s="166">
        <v>0</v>
      </c>
    </row>
    <row r="2905" spans="1:104" x14ac:dyDescent="0.2">
      <c r="A2905" s="167" t="s">
        <v>1067</v>
      </c>
      <c r="B2905" s="166">
        <v>0</v>
      </c>
      <c r="C2905" s="166">
        <v>0</v>
      </c>
      <c r="D2905" s="166">
        <v>0</v>
      </c>
      <c r="E2905" s="166">
        <v>0</v>
      </c>
      <c r="F2905" s="166">
        <v>0</v>
      </c>
      <c r="G2905" s="166">
        <v>0</v>
      </c>
      <c r="H2905" s="166">
        <v>0</v>
      </c>
      <c r="I2905" s="166">
        <v>0</v>
      </c>
      <c r="J2905" s="166">
        <v>0</v>
      </c>
      <c r="K2905" s="166">
        <v>0</v>
      </c>
      <c r="L2905" s="166">
        <v>0</v>
      </c>
      <c r="M2905" s="166">
        <v>0</v>
      </c>
      <c r="N2905" s="166">
        <v>0</v>
      </c>
      <c r="O2905" s="166">
        <v>0</v>
      </c>
      <c r="P2905" s="166">
        <v>0</v>
      </c>
      <c r="Q2905" s="166">
        <v>0</v>
      </c>
      <c r="R2905" s="166">
        <v>0</v>
      </c>
      <c r="S2905" s="166">
        <v>0</v>
      </c>
      <c r="T2905" s="166">
        <v>0</v>
      </c>
      <c r="U2905" s="166">
        <v>0</v>
      </c>
      <c r="V2905" s="166">
        <v>0</v>
      </c>
      <c r="W2905" s="166">
        <v>0</v>
      </c>
      <c r="X2905" s="166">
        <v>0</v>
      </c>
      <c r="Y2905" s="166">
        <v>0</v>
      </c>
      <c r="Z2905" s="166">
        <v>0</v>
      </c>
      <c r="AA2905" s="166">
        <v>0</v>
      </c>
      <c r="AB2905" s="166">
        <v>0</v>
      </c>
      <c r="AC2905" s="166">
        <v>0</v>
      </c>
      <c r="AD2905" s="166">
        <v>0</v>
      </c>
      <c r="AE2905" s="166">
        <v>0</v>
      </c>
      <c r="AF2905" s="166">
        <v>0</v>
      </c>
      <c r="AG2905" s="166">
        <v>0</v>
      </c>
      <c r="AH2905" s="166">
        <v>0</v>
      </c>
      <c r="AI2905" s="166">
        <v>0</v>
      </c>
      <c r="AJ2905" s="166">
        <v>0</v>
      </c>
      <c r="AK2905" s="166">
        <v>0</v>
      </c>
      <c r="AL2905" s="166">
        <v>0</v>
      </c>
      <c r="AM2905" s="166">
        <v>0</v>
      </c>
      <c r="AN2905" s="166">
        <v>0</v>
      </c>
      <c r="AO2905" s="166">
        <v>0</v>
      </c>
      <c r="AP2905" s="166">
        <v>0</v>
      </c>
      <c r="AQ2905" s="166">
        <v>0</v>
      </c>
      <c r="AR2905" s="166">
        <v>0</v>
      </c>
      <c r="AS2905" s="166">
        <v>0</v>
      </c>
      <c r="AT2905" s="166">
        <v>0</v>
      </c>
      <c r="AU2905" s="166">
        <v>0</v>
      </c>
      <c r="AV2905" s="166">
        <v>0</v>
      </c>
      <c r="AW2905" s="166">
        <v>0</v>
      </c>
      <c r="AX2905" s="166">
        <v>0</v>
      </c>
      <c r="AY2905" s="166">
        <v>0</v>
      </c>
      <c r="AZ2905" s="166">
        <v>0</v>
      </c>
      <c r="BA2905" s="166">
        <v>0</v>
      </c>
      <c r="BB2905" s="166">
        <v>0</v>
      </c>
      <c r="BC2905" s="166">
        <v>0</v>
      </c>
      <c r="BD2905" s="166">
        <v>0</v>
      </c>
      <c r="BE2905" s="166">
        <v>0</v>
      </c>
      <c r="BF2905" s="166">
        <v>0</v>
      </c>
      <c r="BG2905" s="166">
        <v>0</v>
      </c>
      <c r="BH2905" s="166">
        <v>0</v>
      </c>
      <c r="BI2905" s="166">
        <v>0</v>
      </c>
      <c r="BJ2905" s="166">
        <v>0</v>
      </c>
      <c r="BK2905" s="166">
        <v>0</v>
      </c>
      <c r="BL2905" s="166">
        <v>0</v>
      </c>
      <c r="BM2905" s="166">
        <v>0</v>
      </c>
      <c r="BN2905" s="166">
        <v>0</v>
      </c>
      <c r="BO2905" s="166">
        <v>0</v>
      </c>
      <c r="BP2905" s="166">
        <v>0</v>
      </c>
      <c r="BQ2905" s="166">
        <v>0</v>
      </c>
      <c r="BR2905" s="166">
        <v>0</v>
      </c>
      <c r="BS2905" s="166">
        <v>0</v>
      </c>
      <c r="BT2905" s="168">
        <v>0</v>
      </c>
      <c r="BU2905" s="166">
        <v>0</v>
      </c>
      <c r="BV2905" s="166">
        <v>0</v>
      </c>
      <c r="BW2905" s="166">
        <v>0</v>
      </c>
      <c r="BX2905" s="166">
        <v>0</v>
      </c>
      <c r="BY2905" s="166">
        <v>0</v>
      </c>
      <c r="BZ2905" s="166">
        <v>0</v>
      </c>
      <c r="CA2905" s="166">
        <v>0</v>
      </c>
      <c r="CB2905" s="166">
        <v>0</v>
      </c>
      <c r="CC2905" s="166">
        <v>0</v>
      </c>
      <c r="CD2905" s="166">
        <v>0</v>
      </c>
      <c r="CE2905" s="166">
        <v>0</v>
      </c>
      <c r="CF2905" s="166">
        <v>0</v>
      </c>
      <c r="CG2905" s="166">
        <v>0</v>
      </c>
      <c r="CH2905" s="166">
        <v>0</v>
      </c>
      <c r="CI2905" s="166">
        <v>0</v>
      </c>
      <c r="CJ2905" s="166">
        <v>0</v>
      </c>
      <c r="CK2905" s="166">
        <v>0</v>
      </c>
      <c r="CL2905" s="166">
        <v>0</v>
      </c>
      <c r="CM2905" s="166">
        <v>0</v>
      </c>
      <c r="CN2905" s="166">
        <v>0</v>
      </c>
      <c r="CO2905" s="166">
        <v>0</v>
      </c>
      <c r="CP2905" s="166">
        <v>0</v>
      </c>
      <c r="CQ2905" s="166">
        <v>0</v>
      </c>
      <c r="CR2905" s="166">
        <v>0</v>
      </c>
      <c r="CS2905" s="166">
        <v>0</v>
      </c>
      <c r="CT2905" s="166">
        <v>0</v>
      </c>
      <c r="CU2905" s="166">
        <v>0</v>
      </c>
      <c r="CV2905" s="166">
        <v>0</v>
      </c>
      <c r="CW2905" s="166">
        <v>0</v>
      </c>
      <c r="CX2905" s="166">
        <v>0</v>
      </c>
      <c r="CY2905" s="166">
        <v>0</v>
      </c>
      <c r="CZ2905" s="166">
        <v>0</v>
      </c>
    </row>
    <row r="2906" spans="1:104" x14ac:dyDescent="0.2">
      <c r="A2906" s="167" t="s">
        <v>193</v>
      </c>
      <c r="B2906" s="166">
        <v>0</v>
      </c>
      <c r="C2906" s="166">
        <v>0</v>
      </c>
      <c r="D2906" s="166">
        <v>0</v>
      </c>
      <c r="E2906" s="166">
        <v>0</v>
      </c>
      <c r="F2906" s="166">
        <v>0</v>
      </c>
      <c r="G2906" s="166">
        <v>0</v>
      </c>
      <c r="H2906" s="166">
        <v>0</v>
      </c>
      <c r="I2906" s="166">
        <v>0</v>
      </c>
      <c r="J2906" s="166">
        <v>0</v>
      </c>
      <c r="K2906" s="166">
        <v>0</v>
      </c>
      <c r="L2906" s="166">
        <v>0</v>
      </c>
      <c r="M2906" s="166">
        <v>0</v>
      </c>
      <c r="N2906" s="166">
        <v>0</v>
      </c>
      <c r="O2906" s="166">
        <v>0</v>
      </c>
      <c r="P2906" s="166">
        <v>0</v>
      </c>
      <c r="Q2906" s="166">
        <v>0</v>
      </c>
      <c r="R2906" s="166">
        <v>0</v>
      </c>
      <c r="S2906" s="166">
        <v>0</v>
      </c>
      <c r="T2906" s="166">
        <v>0</v>
      </c>
      <c r="U2906" s="166">
        <v>0</v>
      </c>
      <c r="V2906" s="166">
        <v>0</v>
      </c>
      <c r="W2906" s="166">
        <v>0</v>
      </c>
      <c r="X2906" s="166">
        <v>0</v>
      </c>
      <c r="Y2906" s="166">
        <v>0</v>
      </c>
      <c r="Z2906" s="166">
        <v>0</v>
      </c>
      <c r="AA2906" s="166">
        <v>0</v>
      </c>
      <c r="AB2906" s="166">
        <v>0</v>
      </c>
      <c r="AC2906" s="166">
        <v>0</v>
      </c>
      <c r="AD2906" s="166">
        <v>0</v>
      </c>
      <c r="AE2906" s="166">
        <v>0</v>
      </c>
      <c r="AF2906" s="166">
        <v>0</v>
      </c>
      <c r="AG2906" s="166">
        <v>0</v>
      </c>
      <c r="AH2906" s="166">
        <v>0</v>
      </c>
      <c r="AI2906" s="166">
        <v>0</v>
      </c>
      <c r="AJ2906" s="166">
        <v>0</v>
      </c>
      <c r="AK2906" s="166">
        <v>0</v>
      </c>
      <c r="AL2906" s="166">
        <v>0</v>
      </c>
      <c r="AM2906" s="166">
        <v>0</v>
      </c>
      <c r="AN2906" s="166">
        <v>0</v>
      </c>
      <c r="AO2906" s="166">
        <v>0</v>
      </c>
      <c r="AP2906" s="166">
        <v>0</v>
      </c>
      <c r="AQ2906" s="166">
        <v>0</v>
      </c>
      <c r="AR2906" s="166">
        <v>0</v>
      </c>
      <c r="AS2906" s="166">
        <v>0</v>
      </c>
      <c r="AT2906" s="166">
        <v>0</v>
      </c>
      <c r="AU2906" s="166">
        <v>0</v>
      </c>
      <c r="AV2906" s="166">
        <v>0</v>
      </c>
      <c r="AW2906" s="166">
        <v>0</v>
      </c>
      <c r="AX2906" s="166">
        <v>0</v>
      </c>
      <c r="AY2906" s="166">
        <v>0</v>
      </c>
      <c r="AZ2906" s="166">
        <v>0</v>
      </c>
      <c r="BA2906" s="166">
        <v>0</v>
      </c>
      <c r="BB2906" s="166">
        <v>0</v>
      </c>
      <c r="BC2906" s="166">
        <v>0</v>
      </c>
      <c r="BD2906" s="166">
        <v>0</v>
      </c>
      <c r="BE2906" s="166">
        <v>0</v>
      </c>
      <c r="BF2906" s="166">
        <v>0</v>
      </c>
      <c r="BG2906" s="166">
        <v>0</v>
      </c>
      <c r="BH2906" s="166">
        <v>0</v>
      </c>
      <c r="BI2906" s="166">
        <v>0</v>
      </c>
      <c r="BJ2906" s="166">
        <v>0</v>
      </c>
      <c r="BK2906" s="166">
        <v>0</v>
      </c>
      <c r="BL2906" s="166">
        <v>0</v>
      </c>
      <c r="BM2906" s="166">
        <v>0</v>
      </c>
      <c r="BN2906" s="166">
        <v>0</v>
      </c>
      <c r="BO2906" s="166">
        <v>0</v>
      </c>
      <c r="BP2906" s="166">
        <v>0</v>
      </c>
      <c r="BQ2906" s="166">
        <v>0</v>
      </c>
      <c r="BR2906" s="166">
        <v>0</v>
      </c>
      <c r="BS2906" s="166">
        <v>0</v>
      </c>
      <c r="BT2906" s="168">
        <v>0</v>
      </c>
      <c r="BU2906" s="166">
        <v>0</v>
      </c>
      <c r="BV2906" s="166">
        <v>0</v>
      </c>
      <c r="BW2906" s="166">
        <v>0</v>
      </c>
      <c r="BX2906" s="166">
        <v>0</v>
      </c>
      <c r="BY2906" s="166">
        <v>0</v>
      </c>
      <c r="BZ2906" s="166">
        <v>0</v>
      </c>
      <c r="CA2906" s="166">
        <v>0</v>
      </c>
      <c r="CB2906" s="166">
        <v>0</v>
      </c>
      <c r="CC2906" s="166">
        <v>0</v>
      </c>
      <c r="CD2906" s="166">
        <v>0</v>
      </c>
      <c r="CE2906" s="166">
        <v>0</v>
      </c>
      <c r="CF2906" s="166">
        <v>0</v>
      </c>
      <c r="CG2906" s="166">
        <v>0</v>
      </c>
      <c r="CH2906" s="166">
        <v>0</v>
      </c>
      <c r="CI2906" s="166">
        <v>0</v>
      </c>
      <c r="CJ2906" s="166">
        <v>0</v>
      </c>
      <c r="CK2906" s="166">
        <v>0</v>
      </c>
      <c r="CL2906" s="166">
        <v>0</v>
      </c>
      <c r="CM2906" s="166">
        <v>0</v>
      </c>
      <c r="CN2906" s="166">
        <v>0</v>
      </c>
      <c r="CO2906" s="166">
        <v>0</v>
      </c>
      <c r="CP2906" s="166">
        <v>0</v>
      </c>
      <c r="CQ2906" s="166">
        <v>0</v>
      </c>
      <c r="CR2906" s="166">
        <v>0</v>
      </c>
      <c r="CS2906" s="166">
        <v>0</v>
      </c>
      <c r="CT2906" s="166">
        <v>0</v>
      </c>
      <c r="CU2906" s="166">
        <v>0</v>
      </c>
      <c r="CV2906" s="166">
        <v>0</v>
      </c>
      <c r="CW2906" s="166">
        <v>0</v>
      </c>
      <c r="CX2906" s="166">
        <v>0</v>
      </c>
      <c r="CY2906" s="166">
        <v>0</v>
      </c>
      <c r="CZ2906" s="166">
        <v>0</v>
      </c>
    </row>
    <row r="2907" spans="1:104" x14ac:dyDescent="0.2">
      <c r="A2907" s="167" t="s">
        <v>194</v>
      </c>
      <c r="B2907" s="166">
        <v>0</v>
      </c>
      <c r="C2907" s="166">
        <v>0</v>
      </c>
      <c r="D2907" s="166">
        <v>0</v>
      </c>
      <c r="E2907" s="166">
        <v>0</v>
      </c>
      <c r="F2907" s="166">
        <v>0</v>
      </c>
      <c r="G2907" s="166">
        <v>0</v>
      </c>
      <c r="H2907" s="166">
        <v>0</v>
      </c>
      <c r="I2907" s="166">
        <v>0</v>
      </c>
      <c r="J2907" s="166">
        <v>0</v>
      </c>
      <c r="K2907" s="166">
        <v>0</v>
      </c>
      <c r="L2907" s="166">
        <v>0</v>
      </c>
      <c r="M2907" s="166">
        <v>0</v>
      </c>
      <c r="N2907" s="166">
        <v>0</v>
      </c>
      <c r="O2907" s="166">
        <v>0</v>
      </c>
      <c r="P2907" s="166">
        <v>0</v>
      </c>
      <c r="Q2907" s="166">
        <v>0</v>
      </c>
      <c r="R2907" s="166">
        <v>0</v>
      </c>
      <c r="S2907" s="166">
        <v>0</v>
      </c>
      <c r="T2907" s="166">
        <v>0</v>
      </c>
      <c r="U2907" s="166">
        <v>0</v>
      </c>
      <c r="V2907" s="166">
        <v>0</v>
      </c>
      <c r="W2907" s="166">
        <v>0</v>
      </c>
      <c r="X2907" s="166">
        <v>0</v>
      </c>
      <c r="Y2907" s="166">
        <v>0</v>
      </c>
      <c r="Z2907" s="166">
        <v>0</v>
      </c>
      <c r="AA2907" s="166">
        <v>0</v>
      </c>
      <c r="AB2907" s="166">
        <v>0</v>
      </c>
      <c r="AC2907" s="166">
        <v>0</v>
      </c>
      <c r="AD2907" s="166">
        <v>0</v>
      </c>
      <c r="AE2907" s="166">
        <v>0</v>
      </c>
      <c r="AF2907" s="166">
        <v>0</v>
      </c>
      <c r="AG2907" s="166">
        <v>0</v>
      </c>
      <c r="AH2907" s="166">
        <v>0</v>
      </c>
      <c r="AI2907" s="166">
        <v>0</v>
      </c>
      <c r="AJ2907" s="166">
        <v>0</v>
      </c>
      <c r="AK2907" s="166">
        <v>0</v>
      </c>
      <c r="AL2907" s="166">
        <v>0</v>
      </c>
      <c r="AM2907" s="166">
        <v>0</v>
      </c>
      <c r="AN2907" s="166">
        <v>0</v>
      </c>
      <c r="AO2907" s="166">
        <v>0</v>
      </c>
      <c r="AP2907" s="166">
        <v>0</v>
      </c>
      <c r="AQ2907" s="166">
        <v>0</v>
      </c>
      <c r="AR2907" s="166">
        <v>0</v>
      </c>
      <c r="AS2907" s="166">
        <v>0</v>
      </c>
      <c r="AT2907" s="166">
        <v>0</v>
      </c>
      <c r="AU2907" s="166">
        <v>0</v>
      </c>
      <c r="AV2907" s="166">
        <v>0</v>
      </c>
      <c r="AW2907" s="166">
        <v>0</v>
      </c>
      <c r="AX2907" s="166">
        <v>0</v>
      </c>
      <c r="AY2907" s="166">
        <v>0</v>
      </c>
      <c r="AZ2907" s="166">
        <v>0</v>
      </c>
      <c r="BA2907" s="166">
        <v>0</v>
      </c>
      <c r="BB2907" s="166">
        <v>0</v>
      </c>
      <c r="BC2907" s="166">
        <v>0</v>
      </c>
      <c r="BD2907" s="166">
        <v>0</v>
      </c>
      <c r="BE2907" s="166">
        <v>0</v>
      </c>
      <c r="BF2907" s="166">
        <v>0</v>
      </c>
      <c r="BG2907" s="166">
        <v>0</v>
      </c>
      <c r="BH2907" s="166">
        <v>0</v>
      </c>
      <c r="BI2907" s="166">
        <v>0</v>
      </c>
      <c r="BJ2907" s="166">
        <v>0</v>
      </c>
      <c r="BK2907" s="166">
        <v>0</v>
      </c>
      <c r="BL2907" s="166">
        <v>0</v>
      </c>
      <c r="BM2907" s="166">
        <v>0</v>
      </c>
      <c r="BN2907" s="166">
        <v>0</v>
      </c>
      <c r="BO2907" s="166">
        <v>0</v>
      </c>
      <c r="BP2907" s="166">
        <v>0</v>
      </c>
      <c r="BQ2907" s="166">
        <v>0</v>
      </c>
      <c r="BR2907" s="166">
        <v>0</v>
      </c>
      <c r="BS2907" s="166">
        <v>0</v>
      </c>
      <c r="BT2907" s="166">
        <v>0</v>
      </c>
      <c r="BU2907" s="166">
        <v>0</v>
      </c>
      <c r="BV2907" s="166">
        <v>0</v>
      </c>
      <c r="BW2907" s="166">
        <v>0</v>
      </c>
      <c r="BX2907" s="166">
        <v>0</v>
      </c>
      <c r="BY2907" s="166">
        <v>0</v>
      </c>
      <c r="BZ2907" s="166">
        <v>0</v>
      </c>
      <c r="CA2907" s="166">
        <v>0</v>
      </c>
      <c r="CB2907" s="166">
        <v>0</v>
      </c>
      <c r="CC2907" s="166">
        <v>0</v>
      </c>
      <c r="CD2907" s="166">
        <v>0</v>
      </c>
      <c r="CE2907" s="166">
        <v>0</v>
      </c>
      <c r="CF2907" s="166">
        <v>0</v>
      </c>
      <c r="CG2907" s="166">
        <v>0</v>
      </c>
      <c r="CH2907" s="166">
        <v>0</v>
      </c>
      <c r="CI2907" s="166">
        <v>0</v>
      </c>
      <c r="CJ2907" s="166">
        <v>0</v>
      </c>
      <c r="CK2907" s="166">
        <v>0</v>
      </c>
      <c r="CL2907" s="166">
        <v>0</v>
      </c>
      <c r="CM2907" s="166">
        <v>0</v>
      </c>
      <c r="CN2907" s="166">
        <v>0</v>
      </c>
      <c r="CO2907" s="166">
        <v>0</v>
      </c>
      <c r="CP2907" s="166">
        <v>0</v>
      </c>
      <c r="CQ2907" s="166">
        <v>0</v>
      </c>
      <c r="CR2907" s="166">
        <v>0</v>
      </c>
      <c r="CS2907" s="166">
        <v>0</v>
      </c>
      <c r="CT2907" s="166">
        <v>0</v>
      </c>
      <c r="CU2907" s="166">
        <v>0</v>
      </c>
      <c r="CV2907" s="166">
        <v>0</v>
      </c>
      <c r="CW2907" s="166">
        <v>0</v>
      </c>
      <c r="CX2907" s="166">
        <v>0</v>
      </c>
      <c r="CY2907" s="166">
        <v>0</v>
      </c>
      <c r="CZ2907" s="166">
        <v>0</v>
      </c>
    </row>
    <row r="2908" spans="1:104" x14ac:dyDescent="0.2">
      <c r="A2908" s="167" t="s">
        <v>1068</v>
      </c>
      <c r="B2908" s="166">
        <v>0</v>
      </c>
      <c r="C2908" s="166">
        <v>0</v>
      </c>
      <c r="D2908" s="166">
        <v>0</v>
      </c>
      <c r="E2908" s="166">
        <v>0</v>
      </c>
      <c r="F2908" s="166">
        <v>0</v>
      </c>
      <c r="G2908" s="166">
        <v>0</v>
      </c>
      <c r="H2908" s="166">
        <v>0</v>
      </c>
      <c r="I2908" s="166">
        <v>0</v>
      </c>
      <c r="J2908" s="166">
        <v>0</v>
      </c>
      <c r="K2908" s="166">
        <v>0</v>
      </c>
      <c r="L2908" s="166">
        <v>0</v>
      </c>
      <c r="M2908" s="166">
        <v>0</v>
      </c>
      <c r="N2908" s="166">
        <v>0</v>
      </c>
      <c r="O2908" s="166">
        <v>0</v>
      </c>
      <c r="P2908" s="166">
        <v>0</v>
      </c>
      <c r="Q2908" s="166">
        <v>0</v>
      </c>
      <c r="R2908" s="166">
        <v>0</v>
      </c>
      <c r="S2908" s="166">
        <v>0</v>
      </c>
      <c r="T2908" s="166">
        <v>0</v>
      </c>
      <c r="U2908" s="166">
        <v>0</v>
      </c>
      <c r="V2908" s="166">
        <v>0</v>
      </c>
      <c r="W2908" s="166">
        <v>0</v>
      </c>
      <c r="X2908" s="166">
        <v>0</v>
      </c>
      <c r="Y2908" s="166">
        <v>0</v>
      </c>
      <c r="Z2908" s="166">
        <v>0</v>
      </c>
      <c r="AA2908" s="166">
        <v>0</v>
      </c>
      <c r="AB2908" s="166">
        <v>0</v>
      </c>
      <c r="AC2908" s="166">
        <v>0</v>
      </c>
      <c r="AD2908" s="166">
        <v>0</v>
      </c>
      <c r="AE2908" s="166">
        <v>0</v>
      </c>
      <c r="AF2908" s="166">
        <v>0</v>
      </c>
      <c r="AG2908" s="166">
        <v>0</v>
      </c>
      <c r="AH2908" s="166">
        <v>0</v>
      </c>
      <c r="AI2908" s="166">
        <v>0</v>
      </c>
      <c r="AJ2908" s="166">
        <v>0</v>
      </c>
      <c r="AK2908" s="166">
        <v>0</v>
      </c>
      <c r="AL2908" s="166">
        <v>0</v>
      </c>
      <c r="AM2908" s="166">
        <v>0</v>
      </c>
      <c r="AN2908" s="166">
        <v>0</v>
      </c>
      <c r="AO2908" s="166">
        <v>0</v>
      </c>
      <c r="AP2908" s="166">
        <v>0</v>
      </c>
      <c r="AQ2908" s="166">
        <v>0</v>
      </c>
      <c r="AR2908" s="166">
        <v>0</v>
      </c>
      <c r="AS2908" s="166">
        <v>0</v>
      </c>
      <c r="AT2908" s="166">
        <v>0</v>
      </c>
      <c r="AU2908" s="166">
        <v>0</v>
      </c>
      <c r="AV2908" s="166">
        <v>0</v>
      </c>
      <c r="AW2908" s="166">
        <v>0</v>
      </c>
      <c r="AX2908" s="166">
        <v>0</v>
      </c>
      <c r="AY2908" s="166">
        <v>0</v>
      </c>
      <c r="AZ2908" s="166">
        <v>0</v>
      </c>
      <c r="BA2908" s="166">
        <v>0</v>
      </c>
      <c r="BB2908" s="166">
        <v>0</v>
      </c>
      <c r="BC2908" s="166">
        <v>0</v>
      </c>
      <c r="BD2908" s="166">
        <v>0</v>
      </c>
      <c r="BE2908" s="166">
        <v>0</v>
      </c>
      <c r="BF2908" s="166">
        <v>0</v>
      </c>
      <c r="BG2908" s="166">
        <v>0</v>
      </c>
      <c r="BH2908" s="166">
        <v>0</v>
      </c>
      <c r="BI2908" s="166">
        <v>0</v>
      </c>
      <c r="BJ2908" s="166">
        <v>0</v>
      </c>
      <c r="BK2908" s="166">
        <v>0</v>
      </c>
      <c r="BL2908" s="166">
        <v>0</v>
      </c>
      <c r="BM2908" s="166">
        <v>0</v>
      </c>
      <c r="BN2908" s="166">
        <v>0</v>
      </c>
      <c r="BO2908" s="166">
        <v>0</v>
      </c>
      <c r="BP2908" s="166">
        <v>0</v>
      </c>
      <c r="BQ2908" s="166">
        <v>0</v>
      </c>
      <c r="BR2908" s="166">
        <v>0</v>
      </c>
      <c r="BS2908" s="166">
        <v>0</v>
      </c>
      <c r="BT2908" s="168">
        <v>0</v>
      </c>
      <c r="BU2908" s="166">
        <v>0</v>
      </c>
      <c r="BV2908" s="166">
        <v>0</v>
      </c>
      <c r="BW2908" s="166">
        <v>0</v>
      </c>
      <c r="BX2908" s="166">
        <v>0</v>
      </c>
      <c r="BY2908" s="166">
        <v>0</v>
      </c>
      <c r="BZ2908" s="166">
        <v>0</v>
      </c>
      <c r="CA2908" s="166">
        <v>0</v>
      </c>
      <c r="CB2908" s="166">
        <v>0</v>
      </c>
      <c r="CC2908" s="166">
        <v>0</v>
      </c>
      <c r="CD2908" s="166">
        <v>0</v>
      </c>
      <c r="CE2908" s="166">
        <v>0</v>
      </c>
      <c r="CF2908" s="166">
        <v>0</v>
      </c>
      <c r="CG2908" s="166">
        <v>0</v>
      </c>
      <c r="CH2908" s="166">
        <v>0</v>
      </c>
      <c r="CI2908" s="166">
        <v>0</v>
      </c>
      <c r="CJ2908" s="166">
        <v>0</v>
      </c>
      <c r="CK2908" s="166">
        <v>0</v>
      </c>
      <c r="CL2908" s="166">
        <v>0</v>
      </c>
      <c r="CM2908" s="166">
        <v>0</v>
      </c>
      <c r="CN2908" s="166">
        <v>0</v>
      </c>
      <c r="CO2908" s="166">
        <v>0</v>
      </c>
      <c r="CP2908" s="166">
        <v>0</v>
      </c>
      <c r="CQ2908" s="166">
        <v>0</v>
      </c>
      <c r="CR2908" s="166">
        <v>0</v>
      </c>
      <c r="CS2908" s="166">
        <v>0</v>
      </c>
      <c r="CT2908" s="166">
        <v>0</v>
      </c>
      <c r="CU2908" s="166">
        <v>0</v>
      </c>
      <c r="CV2908" s="166">
        <v>0</v>
      </c>
      <c r="CW2908" s="166">
        <v>0</v>
      </c>
      <c r="CX2908" s="166">
        <v>0</v>
      </c>
      <c r="CY2908" s="166">
        <v>0</v>
      </c>
      <c r="CZ2908" s="166">
        <v>0</v>
      </c>
    </row>
    <row r="2909" spans="1:104" x14ac:dyDescent="0.2">
      <c r="A2909" s="167" t="s">
        <v>1069</v>
      </c>
      <c r="B2909" s="166">
        <v>0</v>
      </c>
      <c r="C2909" s="166">
        <v>0</v>
      </c>
      <c r="D2909" s="166">
        <v>0</v>
      </c>
      <c r="E2909" s="166">
        <v>0</v>
      </c>
      <c r="F2909" s="166">
        <v>0</v>
      </c>
      <c r="G2909" s="166">
        <v>0</v>
      </c>
      <c r="H2909" s="166">
        <v>0</v>
      </c>
      <c r="I2909" s="166">
        <v>0</v>
      </c>
      <c r="J2909" s="166">
        <v>0</v>
      </c>
      <c r="K2909" s="166">
        <v>0</v>
      </c>
      <c r="L2909" s="166">
        <v>0</v>
      </c>
      <c r="M2909" s="166">
        <v>0</v>
      </c>
      <c r="N2909" s="166">
        <v>0</v>
      </c>
      <c r="O2909" s="166">
        <v>0</v>
      </c>
      <c r="P2909" s="166">
        <v>0</v>
      </c>
      <c r="Q2909" s="166">
        <v>0</v>
      </c>
      <c r="R2909" s="166">
        <v>0</v>
      </c>
      <c r="S2909" s="166">
        <v>0</v>
      </c>
      <c r="T2909" s="166">
        <v>0</v>
      </c>
      <c r="U2909" s="166">
        <v>0</v>
      </c>
      <c r="V2909" s="166">
        <v>0</v>
      </c>
      <c r="W2909" s="166">
        <v>0</v>
      </c>
      <c r="X2909" s="166">
        <v>0</v>
      </c>
      <c r="Y2909" s="166">
        <v>0</v>
      </c>
      <c r="Z2909" s="166">
        <v>0</v>
      </c>
      <c r="AA2909" s="166">
        <v>0</v>
      </c>
      <c r="AB2909" s="166">
        <v>0</v>
      </c>
      <c r="AC2909" s="166">
        <v>0</v>
      </c>
      <c r="AD2909" s="166">
        <v>0</v>
      </c>
      <c r="AE2909" s="166">
        <v>0</v>
      </c>
      <c r="AF2909" s="166">
        <v>0</v>
      </c>
      <c r="AG2909" s="166">
        <v>0</v>
      </c>
      <c r="AH2909" s="166">
        <v>0</v>
      </c>
      <c r="AI2909" s="166">
        <v>0</v>
      </c>
      <c r="AJ2909" s="166">
        <v>0</v>
      </c>
      <c r="AK2909" s="166">
        <v>0</v>
      </c>
      <c r="AL2909" s="166">
        <v>0</v>
      </c>
      <c r="AM2909" s="166">
        <v>0</v>
      </c>
      <c r="AN2909" s="166">
        <v>0</v>
      </c>
      <c r="AO2909" s="166">
        <v>0</v>
      </c>
      <c r="AP2909" s="166">
        <v>0</v>
      </c>
      <c r="AQ2909" s="166">
        <v>0</v>
      </c>
      <c r="AR2909" s="166">
        <v>0</v>
      </c>
      <c r="AS2909" s="166">
        <v>0</v>
      </c>
      <c r="AT2909" s="166">
        <v>0</v>
      </c>
      <c r="AU2909" s="166">
        <v>0</v>
      </c>
      <c r="AV2909" s="166">
        <v>0</v>
      </c>
      <c r="AW2909" s="166">
        <v>0</v>
      </c>
      <c r="AX2909" s="166">
        <v>0</v>
      </c>
      <c r="AY2909" s="166">
        <v>0</v>
      </c>
      <c r="AZ2909" s="166">
        <v>0</v>
      </c>
      <c r="BA2909" s="166">
        <v>0</v>
      </c>
      <c r="BB2909" s="166">
        <v>0</v>
      </c>
      <c r="BC2909" s="166">
        <v>0</v>
      </c>
      <c r="BD2909" s="166">
        <v>0</v>
      </c>
      <c r="BE2909" s="166">
        <v>0</v>
      </c>
      <c r="BF2909" s="166">
        <v>0</v>
      </c>
      <c r="BG2909" s="166">
        <v>0</v>
      </c>
      <c r="BH2909" s="166">
        <v>0</v>
      </c>
      <c r="BI2909" s="166">
        <v>0</v>
      </c>
      <c r="BJ2909" s="166">
        <v>0</v>
      </c>
      <c r="BK2909" s="166">
        <v>0</v>
      </c>
      <c r="BL2909" s="166">
        <v>0</v>
      </c>
      <c r="BM2909" s="166">
        <v>0</v>
      </c>
      <c r="BN2909" s="166">
        <v>0</v>
      </c>
      <c r="BO2909" s="166">
        <v>0</v>
      </c>
      <c r="BP2909" s="166">
        <v>0</v>
      </c>
      <c r="BQ2909" s="166">
        <v>0</v>
      </c>
      <c r="BR2909" s="166">
        <v>0</v>
      </c>
      <c r="BS2909" s="166">
        <v>0</v>
      </c>
      <c r="BT2909" s="168">
        <v>0</v>
      </c>
      <c r="BU2909" s="166">
        <v>0</v>
      </c>
      <c r="BV2909" s="166">
        <v>0</v>
      </c>
      <c r="BW2909" s="166">
        <v>0</v>
      </c>
      <c r="BX2909" s="166">
        <v>0</v>
      </c>
      <c r="BY2909" s="166">
        <v>0</v>
      </c>
      <c r="BZ2909" s="166">
        <v>0</v>
      </c>
      <c r="CA2909" s="166">
        <v>0</v>
      </c>
      <c r="CB2909" s="166">
        <v>0</v>
      </c>
      <c r="CC2909" s="166">
        <v>0</v>
      </c>
      <c r="CD2909" s="166">
        <v>0</v>
      </c>
      <c r="CE2909" s="166">
        <v>0</v>
      </c>
      <c r="CF2909" s="166">
        <v>0</v>
      </c>
      <c r="CG2909" s="166">
        <v>0</v>
      </c>
      <c r="CH2909" s="166">
        <v>0</v>
      </c>
      <c r="CI2909" s="166">
        <v>0</v>
      </c>
      <c r="CJ2909" s="166">
        <v>0</v>
      </c>
      <c r="CK2909" s="166">
        <v>0</v>
      </c>
      <c r="CL2909" s="166">
        <v>0</v>
      </c>
      <c r="CM2909" s="166">
        <v>0</v>
      </c>
      <c r="CN2909" s="166">
        <v>0</v>
      </c>
      <c r="CO2909" s="166">
        <v>0</v>
      </c>
      <c r="CP2909" s="166">
        <v>0</v>
      </c>
      <c r="CQ2909" s="166">
        <v>0</v>
      </c>
      <c r="CR2909" s="166">
        <v>0</v>
      </c>
      <c r="CS2909" s="166">
        <v>0</v>
      </c>
      <c r="CT2909" s="166">
        <v>0</v>
      </c>
      <c r="CU2909" s="166">
        <v>0</v>
      </c>
      <c r="CV2909" s="166">
        <v>0</v>
      </c>
      <c r="CW2909" s="166">
        <v>0</v>
      </c>
      <c r="CX2909" s="166">
        <v>0</v>
      </c>
      <c r="CY2909" s="166">
        <v>0</v>
      </c>
      <c r="CZ2909" s="166">
        <v>0</v>
      </c>
    </row>
    <row r="2910" spans="1:104" x14ac:dyDescent="0.2">
      <c r="A2910" s="167" t="s">
        <v>197</v>
      </c>
    </row>
    <row r="2911" spans="1:104" x14ac:dyDescent="0.2">
      <c r="A2911" s="167" t="s">
        <v>1070</v>
      </c>
      <c r="B2911" s="166">
        <v>4.2504695635920698E-10</v>
      </c>
      <c r="C2911" s="166">
        <v>4.2504695635920698E-10</v>
      </c>
      <c r="D2911" s="166">
        <v>0</v>
      </c>
      <c r="E2911" s="166">
        <v>0</v>
      </c>
      <c r="F2911" s="166">
        <v>0</v>
      </c>
      <c r="G2911" s="166">
        <v>0</v>
      </c>
      <c r="H2911" s="166">
        <v>0</v>
      </c>
      <c r="I2911" s="166">
        <v>0</v>
      </c>
      <c r="J2911" s="166">
        <v>0</v>
      </c>
      <c r="K2911" s="166">
        <v>0</v>
      </c>
      <c r="L2911" s="166">
        <v>0</v>
      </c>
      <c r="M2911" s="166">
        <v>0</v>
      </c>
      <c r="N2911" s="166">
        <v>0</v>
      </c>
      <c r="O2911" s="166">
        <v>0</v>
      </c>
      <c r="P2911" s="166">
        <v>0</v>
      </c>
      <c r="Q2911" s="166">
        <v>0</v>
      </c>
      <c r="R2911" s="166">
        <v>0</v>
      </c>
      <c r="S2911" s="166">
        <v>0</v>
      </c>
      <c r="T2911" s="166">
        <v>0</v>
      </c>
      <c r="U2911" s="166">
        <v>0</v>
      </c>
      <c r="V2911" s="166">
        <v>0</v>
      </c>
      <c r="W2911" s="166">
        <v>0</v>
      </c>
      <c r="X2911" s="166">
        <v>0</v>
      </c>
      <c r="Y2911" s="166">
        <v>0</v>
      </c>
      <c r="Z2911" s="166">
        <v>0</v>
      </c>
      <c r="AA2911" s="166">
        <v>0</v>
      </c>
      <c r="AB2911" s="166">
        <v>0</v>
      </c>
      <c r="AC2911" s="166">
        <v>0</v>
      </c>
      <c r="AD2911" s="166">
        <v>0</v>
      </c>
      <c r="AE2911" s="166">
        <v>0</v>
      </c>
      <c r="AF2911" s="166">
        <v>0</v>
      </c>
      <c r="AG2911" s="166">
        <v>0</v>
      </c>
      <c r="AH2911" s="166">
        <v>0</v>
      </c>
      <c r="AI2911" s="166">
        <v>0</v>
      </c>
      <c r="AJ2911" s="166">
        <v>0</v>
      </c>
      <c r="AK2911" s="166">
        <v>0</v>
      </c>
      <c r="AL2911" s="166">
        <v>0</v>
      </c>
      <c r="AM2911" s="166">
        <v>0</v>
      </c>
      <c r="AN2911" s="166">
        <v>0</v>
      </c>
      <c r="AO2911" s="166">
        <v>0</v>
      </c>
      <c r="AP2911" s="166">
        <v>0</v>
      </c>
      <c r="AQ2911" s="166">
        <v>0</v>
      </c>
      <c r="AR2911" s="166">
        <v>0</v>
      </c>
      <c r="AS2911" s="166">
        <v>0</v>
      </c>
      <c r="AT2911" s="166">
        <v>0</v>
      </c>
      <c r="AU2911" s="166">
        <v>0</v>
      </c>
      <c r="AV2911" s="166">
        <v>0</v>
      </c>
      <c r="AW2911" s="166">
        <v>0</v>
      </c>
      <c r="AX2911" s="166">
        <v>0</v>
      </c>
      <c r="AY2911" s="166">
        <v>0</v>
      </c>
      <c r="AZ2911" s="166">
        <v>0</v>
      </c>
      <c r="BA2911" s="166">
        <v>0</v>
      </c>
      <c r="BB2911" s="166">
        <v>0</v>
      </c>
      <c r="BC2911" s="166">
        <v>0</v>
      </c>
      <c r="BD2911" s="166">
        <v>0</v>
      </c>
      <c r="BE2911" s="166">
        <v>0</v>
      </c>
      <c r="BF2911" s="166">
        <v>0</v>
      </c>
      <c r="BG2911" s="166">
        <v>0</v>
      </c>
      <c r="BH2911" s="166">
        <v>0</v>
      </c>
      <c r="BI2911" s="166">
        <v>0</v>
      </c>
      <c r="BJ2911" s="166">
        <v>0</v>
      </c>
      <c r="BK2911" s="166">
        <v>0</v>
      </c>
      <c r="BL2911" s="166">
        <v>0</v>
      </c>
      <c r="BM2911" s="166">
        <v>0</v>
      </c>
      <c r="BN2911" s="166">
        <v>0</v>
      </c>
      <c r="BO2911" s="166">
        <v>0</v>
      </c>
      <c r="BP2911" s="166">
        <v>0</v>
      </c>
      <c r="BQ2911" s="166">
        <v>0</v>
      </c>
      <c r="BR2911" s="166">
        <v>4.2504695635920698E-10</v>
      </c>
      <c r="BS2911" s="166">
        <v>4.2504695635920698E-10</v>
      </c>
      <c r="BT2911" s="168">
        <v>0</v>
      </c>
      <c r="BU2911" s="166">
        <v>0</v>
      </c>
      <c r="BV2911" s="166">
        <v>0</v>
      </c>
      <c r="BW2911" s="166">
        <v>0</v>
      </c>
      <c r="BX2911" s="166">
        <v>0</v>
      </c>
      <c r="BY2911" s="166">
        <v>0</v>
      </c>
      <c r="BZ2911" s="166">
        <v>0</v>
      </c>
      <c r="CA2911" s="166">
        <v>0</v>
      </c>
      <c r="CB2911" s="166">
        <v>0</v>
      </c>
      <c r="CC2911" s="166">
        <v>0</v>
      </c>
      <c r="CD2911" s="166">
        <v>0</v>
      </c>
      <c r="CE2911" s="166">
        <v>0</v>
      </c>
      <c r="CF2911" s="166">
        <v>0</v>
      </c>
      <c r="CG2911" s="166">
        <v>0</v>
      </c>
      <c r="CH2911" s="166">
        <v>0</v>
      </c>
      <c r="CI2911" s="166">
        <v>0</v>
      </c>
      <c r="CJ2911" s="166">
        <v>0</v>
      </c>
      <c r="CK2911" s="166">
        <v>0</v>
      </c>
      <c r="CL2911" s="166">
        <v>0</v>
      </c>
      <c r="CM2911" s="166">
        <v>0</v>
      </c>
      <c r="CN2911" s="166">
        <v>0</v>
      </c>
      <c r="CO2911" s="166">
        <v>0</v>
      </c>
      <c r="CP2911" s="166">
        <v>0</v>
      </c>
      <c r="CQ2911" s="166">
        <v>0</v>
      </c>
      <c r="CR2911" s="166">
        <v>0</v>
      </c>
      <c r="CS2911" s="166">
        <v>0</v>
      </c>
      <c r="CT2911" s="166">
        <v>0</v>
      </c>
      <c r="CU2911" s="166">
        <v>0</v>
      </c>
      <c r="CV2911" s="166">
        <v>0</v>
      </c>
      <c r="CW2911" s="166">
        <v>0</v>
      </c>
      <c r="CX2911" s="166">
        <v>0</v>
      </c>
      <c r="CY2911" s="166">
        <v>0</v>
      </c>
      <c r="CZ2911" s="166">
        <v>0</v>
      </c>
    </row>
    <row r="2912" spans="1:104" x14ac:dyDescent="0.2">
      <c r="A2912" s="167" t="s">
        <v>1071</v>
      </c>
      <c r="B2912" s="166">
        <v>3.7031468644197199E-11</v>
      </c>
      <c r="C2912" s="166">
        <v>3.7031468644197199E-11</v>
      </c>
      <c r="D2912" s="166">
        <v>0</v>
      </c>
      <c r="E2912" s="166">
        <v>0</v>
      </c>
      <c r="F2912" s="166">
        <v>0</v>
      </c>
      <c r="G2912" s="166">
        <v>0</v>
      </c>
      <c r="H2912" s="166">
        <v>0</v>
      </c>
      <c r="I2912" s="166">
        <v>0</v>
      </c>
      <c r="J2912" s="166">
        <v>0</v>
      </c>
      <c r="K2912" s="166">
        <v>0</v>
      </c>
      <c r="L2912" s="166">
        <v>0</v>
      </c>
      <c r="M2912" s="166">
        <v>0</v>
      </c>
      <c r="N2912" s="166">
        <v>0</v>
      </c>
      <c r="O2912" s="166">
        <v>0</v>
      </c>
      <c r="P2912" s="166">
        <v>0</v>
      </c>
      <c r="Q2912" s="166">
        <v>0</v>
      </c>
      <c r="R2912" s="166">
        <v>0</v>
      </c>
      <c r="S2912" s="166">
        <v>0</v>
      </c>
      <c r="T2912" s="166">
        <v>0</v>
      </c>
      <c r="U2912" s="166">
        <v>0</v>
      </c>
      <c r="V2912" s="166">
        <v>0</v>
      </c>
      <c r="W2912" s="166">
        <v>0</v>
      </c>
      <c r="X2912" s="166">
        <v>0</v>
      </c>
      <c r="Y2912" s="166">
        <v>0</v>
      </c>
      <c r="Z2912" s="166">
        <v>0</v>
      </c>
      <c r="AA2912" s="166">
        <v>0</v>
      </c>
      <c r="AB2912" s="166">
        <v>0</v>
      </c>
      <c r="AC2912" s="166">
        <v>0</v>
      </c>
      <c r="AD2912" s="166">
        <v>0</v>
      </c>
      <c r="AE2912" s="166">
        <v>0</v>
      </c>
      <c r="AF2912" s="166">
        <v>0</v>
      </c>
      <c r="AG2912" s="166">
        <v>0</v>
      </c>
      <c r="AH2912" s="166">
        <v>0</v>
      </c>
      <c r="AI2912" s="166">
        <v>0</v>
      </c>
      <c r="AJ2912" s="166">
        <v>0</v>
      </c>
      <c r="AK2912" s="166">
        <v>0</v>
      </c>
      <c r="AL2912" s="166">
        <v>0</v>
      </c>
      <c r="AM2912" s="166">
        <v>0</v>
      </c>
      <c r="AN2912" s="166">
        <v>0</v>
      </c>
      <c r="AO2912" s="166">
        <v>0</v>
      </c>
      <c r="AP2912" s="166">
        <v>0</v>
      </c>
      <c r="AQ2912" s="166">
        <v>0</v>
      </c>
      <c r="AR2912" s="166">
        <v>0</v>
      </c>
      <c r="AS2912" s="166">
        <v>0</v>
      </c>
      <c r="AT2912" s="166">
        <v>0</v>
      </c>
      <c r="AU2912" s="166">
        <v>0</v>
      </c>
      <c r="AV2912" s="166">
        <v>0</v>
      </c>
      <c r="AW2912" s="166">
        <v>0</v>
      </c>
      <c r="AX2912" s="166">
        <v>0</v>
      </c>
      <c r="AY2912" s="166">
        <v>0</v>
      </c>
      <c r="AZ2912" s="166">
        <v>0</v>
      </c>
      <c r="BA2912" s="166">
        <v>0</v>
      </c>
      <c r="BB2912" s="166">
        <v>0</v>
      </c>
      <c r="BC2912" s="166">
        <v>0</v>
      </c>
      <c r="BD2912" s="166">
        <v>0</v>
      </c>
      <c r="BE2912" s="166">
        <v>0</v>
      </c>
      <c r="BF2912" s="166">
        <v>0</v>
      </c>
      <c r="BG2912" s="166">
        <v>0</v>
      </c>
      <c r="BH2912" s="166">
        <v>0</v>
      </c>
      <c r="BI2912" s="166">
        <v>0</v>
      </c>
      <c r="BJ2912" s="166">
        <v>0</v>
      </c>
      <c r="BK2912" s="166">
        <v>0</v>
      </c>
      <c r="BL2912" s="166">
        <v>0</v>
      </c>
      <c r="BM2912" s="166">
        <v>0</v>
      </c>
      <c r="BN2912" s="166">
        <v>0</v>
      </c>
      <c r="BO2912" s="166">
        <v>0</v>
      </c>
      <c r="BP2912" s="166">
        <v>0</v>
      </c>
      <c r="BQ2912" s="166">
        <v>0</v>
      </c>
      <c r="BR2912" s="166">
        <v>3.7031468644197199E-11</v>
      </c>
      <c r="BS2912" s="166">
        <v>3.7031468644197199E-11</v>
      </c>
      <c r="BT2912" s="168">
        <v>0</v>
      </c>
      <c r="BU2912" s="166">
        <v>0</v>
      </c>
      <c r="BV2912" s="166">
        <v>0</v>
      </c>
      <c r="BW2912" s="166">
        <v>0</v>
      </c>
      <c r="BX2912" s="166">
        <v>0</v>
      </c>
      <c r="BY2912" s="166">
        <v>0</v>
      </c>
      <c r="BZ2912" s="166">
        <v>0</v>
      </c>
      <c r="CA2912" s="166">
        <v>0</v>
      </c>
      <c r="CB2912" s="166">
        <v>0</v>
      </c>
      <c r="CC2912" s="166">
        <v>0</v>
      </c>
      <c r="CD2912" s="166">
        <v>0</v>
      </c>
      <c r="CE2912" s="166">
        <v>0</v>
      </c>
      <c r="CF2912" s="166">
        <v>0</v>
      </c>
      <c r="CG2912" s="166">
        <v>0</v>
      </c>
      <c r="CH2912" s="166">
        <v>0</v>
      </c>
      <c r="CI2912" s="166">
        <v>0</v>
      </c>
      <c r="CJ2912" s="166">
        <v>0</v>
      </c>
      <c r="CK2912" s="166">
        <v>0</v>
      </c>
      <c r="CL2912" s="166">
        <v>0</v>
      </c>
      <c r="CM2912" s="166">
        <v>0</v>
      </c>
      <c r="CN2912" s="166">
        <v>0</v>
      </c>
      <c r="CO2912" s="166">
        <v>0</v>
      </c>
      <c r="CP2912" s="166">
        <v>0</v>
      </c>
      <c r="CQ2912" s="166">
        <v>0</v>
      </c>
      <c r="CR2912" s="166">
        <v>0</v>
      </c>
      <c r="CS2912" s="166">
        <v>0</v>
      </c>
      <c r="CT2912" s="166">
        <v>0</v>
      </c>
      <c r="CU2912" s="166">
        <v>0</v>
      </c>
      <c r="CV2912" s="166">
        <v>0</v>
      </c>
      <c r="CW2912" s="166">
        <v>0</v>
      </c>
      <c r="CX2912" s="166">
        <v>0</v>
      </c>
      <c r="CY2912" s="166">
        <v>0</v>
      </c>
      <c r="CZ2912" s="166">
        <v>0</v>
      </c>
    </row>
    <row r="2913" spans="1:104" x14ac:dyDescent="0.2">
      <c r="A2913" s="167" t="s">
        <v>1072</v>
      </c>
      <c r="B2913" s="166">
        <v>3.8281902092555102E-11</v>
      </c>
      <c r="C2913" s="166">
        <v>3.8281902092555102E-11</v>
      </c>
      <c r="D2913" s="166">
        <v>0</v>
      </c>
      <c r="E2913" s="166">
        <v>0</v>
      </c>
      <c r="F2913" s="166">
        <v>0</v>
      </c>
      <c r="G2913" s="166">
        <v>0</v>
      </c>
      <c r="H2913" s="166">
        <v>0</v>
      </c>
      <c r="I2913" s="166">
        <v>0</v>
      </c>
      <c r="J2913" s="166">
        <v>0</v>
      </c>
      <c r="K2913" s="166">
        <v>0</v>
      </c>
      <c r="L2913" s="166">
        <v>0</v>
      </c>
      <c r="M2913" s="166">
        <v>0</v>
      </c>
      <c r="N2913" s="166">
        <v>0</v>
      </c>
      <c r="O2913" s="166">
        <v>0</v>
      </c>
      <c r="P2913" s="166">
        <v>0</v>
      </c>
      <c r="Q2913" s="166">
        <v>0</v>
      </c>
      <c r="R2913" s="166">
        <v>0</v>
      </c>
      <c r="S2913" s="166">
        <v>0</v>
      </c>
      <c r="T2913" s="166">
        <v>0</v>
      </c>
      <c r="U2913" s="166">
        <v>0</v>
      </c>
      <c r="V2913" s="166">
        <v>0</v>
      </c>
      <c r="W2913" s="166">
        <v>0</v>
      </c>
      <c r="X2913" s="166">
        <v>0</v>
      </c>
      <c r="Y2913" s="166">
        <v>0</v>
      </c>
      <c r="Z2913" s="166">
        <v>0</v>
      </c>
      <c r="AA2913" s="166">
        <v>0</v>
      </c>
      <c r="AB2913" s="166">
        <v>0</v>
      </c>
      <c r="AC2913" s="166">
        <v>0</v>
      </c>
      <c r="AD2913" s="166">
        <v>0</v>
      </c>
      <c r="AE2913" s="166">
        <v>0</v>
      </c>
      <c r="AF2913" s="166">
        <v>0</v>
      </c>
      <c r="AG2913" s="166">
        <v>0</v>
      </c>
      <c r="AH2913" s="166">
        <v>0</v>
      </c>
      <c r="AI2913" s="166">
        <v>0</v>
      </c>
      <c r="AJ2913" s="166">
        <v>0</v>
      </c>
      <c r="AK2913" s="166">
        <v>0</v>
      </c>
      <c r="AL2913" s="166">
        <v>0</v>
      </c>
      <c r="AM2913" s="166">
        <v>0</v>
      </c>
      <c r="AN2913" s="166">
        <v>0</v>
      </c>
      <c r="AO2913" s="166">
        <v>0</v>
      </c>
      <c r="AP2913" s="166">
        <v>0</v>
      </c>
      <c r="AQ2913" s="166">
        <v>0</v>
      </c>
      <c r="AR2913" s="166">
        <v>0</v>
      </c>
      <c r="AS2913" s="166">
        <v>0</v>
      </c>
      <c r="AT2913" s="166">
        <v>0</v>
      </c>
      <c r="AU2913" s="166">
        <v>0</v>
      </c>
      <c r="AV2913" s="166">
        <v>0</v>
      </c>
      <c r="AW2913" s="166">
        <v>0</v>
      </c>
      <c r="AX2913" s="166">
        <v>0</v>
      </c>
      <c r="AY2913" s="166">
        <v>0</v>
      </c>
      <c r="AZ2913" s="166">
        <v>0</v>
      </c>
      <c r="BA2913" s="166">
        <v>0</v>
      </c>
      <c r="BB2913" s="166">
        <v>0</v>
      </c>
      <c r="BC2913" s="166">
        <v>0</v>
      </c>
      <c r="BD2913" s="166">
        <v>0</v>
      </c>
      <c r="BE2913" s="166">
        <v>0</v>
      </c>
      <c r="BF2913" s="166">
        <v>0</v>
      </c>
      <c r="BG2913" s="166">
        <v>0</v>
      </c>
      <c r="BH2913" s="166">
        <v>0</v>
      </c>
      <c r="BI2913" s="166">
        <v>0</v>
      </c>
      <c r="BJ2913" s="166">
        <v>0</v>
      </c>
      <c r="BK2913" s="166">
        <v>0</v>
      </c>
      <c r="BL2913" s="166">
        <v>0</v>
      </c>
      <c r="BM2913" s="166">
        <v>0</v>
      </c>
      <c r="BN2913" s="166">
        <v>0</v>
      </c>
      <c r="BO2913" s="166">
        <v>0</v>
      </c>
      <c r="BP2913" s="166">
        <v>0</v>
      </c>
      <c r="BQ2913" s="166">
        <v>0</v>
      </c>
      <c r="BR2913" s="166">
        <v>3.8281902092555102E-11</v>
      </c>
      <c r="BS2913" s="166">
        <v>3.8281902092555102E-11</v>
      </c>
      <c r="BT2913" s="168">
        <v>0</v>
      </c>
      <c r="BU2913" s="166">
        <v>0</v>
      </c>
      <c r="BV2913" s="166">
        <v>0</v>
      </c>
      <c r="BW2913" s="166">
        <v>0</v>
      </c>
      <c r="BX2913" s="166">
        <v>0</v>
      </c>
      <c r="BY2913" s="166">
        <v>0</v>
      </c>
      <c r="BZ2913" s="166">
        <v>0</v>
      </c>
      <c r="CA2913" s="166">
        <v>0</v>
      </c>
      <c r="CB2913" s="166">
        <v>0</v>
      </c>
      <c r="CC2913" s="166">
        <v>0</v>
      </c>
      <c r="CD2913" s="166">
        <v>0</v>
      </c>
      <c r="CE2913" s="166">
        <v>0</v>
      </c>
      <c r="CF2913" s="166">
        <v>0</v>
      </c>
      <c r="CG2913" s="166">
        <v>0</v>
      </c>
      <c r="CH2913" s="166">
        <v>0</v>
      </c>
      <c r="CI2913" s="166">
        <v>0</v>
      </c>
      <c r="CJ2913" s="166">
        <v>0</v>
      </c>
      <c r="CK2913" s="166">
        <v>0</v>
      </c>
      <c r="CL2913" s="166">
        <v>0</v>
      </c>
      <c r="CM2913" s="166">
        <v>0</v>
      </c>
      <c r="CN2913" s="166">
        <v>0</v>
      </c>
      <c r="CO2913" s="166">
        <v>0</v>
      </c>
      <c r="CP2913" s="166">
        <v>0</v>
      </c>
      <c r="CQ2913" s="166">
        <v>0</v>
      </c>
      <c r="CR2913" s="166">
        <v>0</v>
      </c>
      <c r="CS2913" s="166">
        <v>0</v>
      </c>
      <c r="CT2913" s="166">
        <v>0</v>
      </c>
      <c r="CU2913" s="166">
        <v>0</v>
      </c>
      <c r="CV2913" s="166">
        <v>0</v>
      </c>
      <c r="CW2913" s="166">
        <v>0</v>
      </c>
      <c r="CX2913" s="166">
        <v>0</v>
      </c>
      <c r="CY2913" s="166">
        <v>0</v>
      </c>
      <c r="CZ2913" s="166">
        <v>0</v>
      </c>
    </row>
    <row r="2914" spans="1:104" x14ac:dyDescent="0.2">
      <c r="A2914" s="167" t="s">
        <v>201</v>
      </c>
      <c r="B2914" s="166">
        <v>1.8176069923373601E-10</v>
      </c>
      <c r="C2914" s="166">
        <v>1.8176069923373601E-10</v>
      </c>
      <c r="D2914" s="166">
        <v>0</v>
      </c>
      <c r="E2914" s="166">
        <v>0</v>
      </c>
      <c r="F2914" s="166">
        <v>0</v>
      </c>
      <c r="G2914" s="166">
        <v>0</v>
      </c>
      <c r="H2914" s="166">
        <v>0</v>
      </c>
      <c r="I2914" s="166">
        <v>0</v>
      </c>
      <c r="J2914" s="166">
        <v>0</v>
      </c>
      <c r="K2914" s="166">
        <v>0</v>
      </c>
      <c r="L2914" s="166">
        <v>0</v>
      </c>
      <c r="M2914" s="166">
        <v>0</v>
      </c>
      <c r="N2914" s="166">
        <v>0</v>
      </c>
      <c r="O2914" s="166">
        <v>0</v>
      </c>
      <c r="P2914" s="166">
        <v>0</v>
      </c>
      <c r="Q2914" s="166">
        <v>0</v>
      </c>
      <c r="R2914" s="166">
        <v>0</v>
      </c>
      <c r="S2914" s="166">
        <v>0</v>
      </c>
      <c r="T2914" s="166">
        <v>0</v>
      </c>
      <c r="U2914" s="166">
        <v>0</v>
      </c>
      <c r="V2914" s="166">
        <v>0</v>
      </c>
      <c r="W2914" s="166">
        <v>0</v>
      </c>
      <c r="X2914" s="166">
        <v>0</v>
      </c>
      <c r="Y2914" s="166">
        <v>0</v>
      </c>
      <c r="Z2914" s="166">
        <v>0</v>
      </c>
      <c r="AA2914" s="166">
        <v>0</v>
      </c>
      <c r="AB2914" s="166">
        <v>0</v>
      </c>
      <c r="AC2914" s="166">
        <v>0</v>
      </c>
      <c r="AD2914" s="166">
        <v>0</v>
      </c>
      <c r="AE2914" s="166">
        <v>0</v>
      </c>
      <c r="AF2914" s="166">
        <v>0</v>
      </c>
      <c r="AG2914" s="166">
        <v>0</v>
      </c>
      <c r="AH2914" s="166">
        <v>0</v>
      </c>
      <c r="AI2914" s="166">
        <v>0</v>
      </c>
      <c r="AJ2914" s="166">
        <v>0</v>
      </c>
      <c r="AK2914" s="166">
        <v>0</v>
      </c>
      <c r="AL2914" s="166">
        <v>0</v>
      </c>
      <c r="AM2914" s="166">
        <v>0</v>
      </c>
      <c r="AN2914" s="166">
        <v>0</v>
      </c>
      <c r="AO2914" s="166">
        <v>0</v>
      </c>
      <c r="AP2914" s="166">
        <v>0</v>
      </c>
      <c r="AQ2914" s="166">
        <v>0</v>
      </c>
      <c r="AR2914" s="166">
        <v>0</v>
      </c>
      <c r="AS2914" s="166">
        <v>0</v>
      </c>
      <c r="AT2914" s="166">
        <v>0</v>
      </c>
      <c r="AU2914" s="166">
        <v>0</v>
      </c>
      <c r="AV2914" s="166">
        <v>0</v>
      </c>
      <c r="AW2914" s="166">
        <v>0</v>
      </c>
      <c r="AX2914" s="166">
        <v>0</v>
      </c>
      <c r="AY2914" s="166">
        <v>0</v>
      </c>
      <c r="AZ2914" s="166">
        <v>0</v>
      </c>
      <c r="BA2914" s="166">
        <v>0</v>
      </c>
      <c r="BB2914" s="166">
        <v>0</v>
      </c>
      <c r="BC2914" s="166">
        <v>0</v>
      </c>
      <c r="BD2914" s="166">
        <v>0</v>
      </c>
      <c r="BE2914" s="166">
        <v>0</v>
      </c>
      <c r="BF2914" s="166">
        <v>0</v>
      </c>
      <c r="BG2914" s="166">
        <v>0</v>
      </c>
      <c r="BH2914" s="166">
        <v>0</v>
      </c>
      <c r="BI2914" s="166">
        <v>0</v>
      </c>
      <c r="BJ2914" s="166">
        <v>0</v>
      </c>
      <c r="BK2914" s="166">
        <v>0</v>
      </c>
      <c r="BL2914" s="166">
        <v>0</v>
      </c>
      <c r="BM2914" s="166">
        <v>0</v>
      </c>
      <c r="BN2914" s="166">
        <v>0</v>
      </c>
      <c r="BO2914" s="166">
        <v>0</v>
      </c>
      <c r="BP2914" s="166">
        <v>0</v>
      </c>
      <c r="BQ2914" s="166">
        <v>0</v>
      </c>
      <c r="BR2914" s="166">
        <v>1.8176069923373601E-10</v>
      </c>
      <c r="BS2914" s="166">
        <v>1.8176069923373601E-10</v>
      </c>
      <c r="BT2914" s="168">
        <v>0</v>
      </c>
      <c r="BU2914" s="166">
        <v>0</v>
      </c>
      <c r="BV2914" s="166">
        <v>0</v>
      </c>
      <c r="BW2914" s="166">
        <v>0</v>
      </c>
      <c r="BX2914" s="166">
        <v>0</v>
      </c>
      <c r="BY2914" s="166">
        <v>0</v>
      </c>
      <c r="BZ2914" s="166">
        <v>0</v>
      </c>
      <c r="CA2914" s="166">
        <v>0</v>
      </c>
      <c r="CB2914" s="166">
        <v>0</v>
      </c>
      <c r="CC2914" s="166">
        <v>0</v>
      </c>
      <c r="CD2914" s="166">
        <v>0</v>
      </c>
      <c r="CE2914" s="166">
        <v>0</v>
      </c>
      <c r="CF2914" s="166">
        <v>0</v>
      </c>
      <c r="CG2914" s="166">
        <v>0</v>
      </c>
      <c r="CH2914" s="166">
        <v>0</v>
      </c>
      <c r="CI2914" s="166">
        <v>0</v>
      </c>
      <c r="CJ2914" s="166">
        <v>0</v>
      </c>
      <c r="CK2914" s="166">
        <v>0</v>
      </c>
      <c r="CL2914" s="166">
        <v>0</v>
      </c>
      <c r="CM2914" s="166">
        <v>0</v>
      </c>
      <c r="CN2914" s="166">
        <v>0</v>
      </c>
      <c r="CO2914" s="166">
        <v>0</v>
      </c>
      <c r="CP2914" s="166">
        <v>0</v>
      </c>
      <c r="CQ2914" s="166">
        <v>0</v>
      </c>
      <c r="CR2914" s="166">
        <v>0</v>
      </c>
      <c r="CS2914" s="166">
        <v>0</v>
      </c>
      <c r="CT2914" s="166">
        <v>0</v>
      </c>
      <c r="CU2914" s="166">
        <v>0</v>
      </c>
      <c r="CV2914" s="166">
        <v>0</v>
      </c>
      <c r="CW2914" s="166">
        <v>0</v>
      </c>
      <c r="CX2914" s="166">
        <v>0</v>
      </c>
      <c r="CY2914" s="166">
        <v>0</v>
      </c>
      <c r="CZ2914" s="166">
        <v>0</v>
      </c>
    </row>
    <row r="2915" spans="1:104" x14ac:dyDescent="0.2">
      <c r="A2915" s="167" t="s">
        <v>202</v>
      </c>
      <c r="B2915" s="166">
        <v>11541239.509999899</v>
      </c>
      <c r="C2915" s="166">
        <v>11541239.509999899</v>
      </c>
      <c r="D2915" s="166">
        <v>0</v>
      </c>
      <c r="E2915" s="166">
        <v>0</v>
      </c>
      <c r="F2915" s="166">
        <v>0</v>
      </c>
      <c r="G2915" s="166">
        <v>0</v>
      </c>
      <c r="H2915" s="166">
        <v>0</v>
      </c>
      <c r="I2915" s="166">
        <v>0</v>
      </c>
      <c r="J2915" s="166">
        <v>0</v>
      </c>
      <c r="K2915" s="166">
        <v>0</v>
      </c>
      <c r="L2915" s="166">
        <v>0</v>
      </c>
      <c r="M2915" s="166">
        <v>0</v>
      </c>
      <c r="N2915" s="166">
        <v>0</v>
      </c>
      <c r="O2915" s="166">
        <v>0</v>
      </c>
      <c r="P2915" s="166">
        <v>0</v>
      </c>
      <c r="Q2915" s="166">
        <v>0</v>
      </c>
      <c r="R2915" s="166">
        <v>0</v>
      </c>
      <c r="S2915" s="166">
        <v>0</v>
      </c>
      <c r="T2915" s="166">
        <v>0</v>
      </c>
      <c r="U2915" s="166">
        <v>0</v>
      </c>
      <c r="V2915" s="166">
        <v>0</v>
      </c>
      <c r="W2915" s="166">
        <v>0</v>
      </c>
      <c r="X2915" s="166">
        <v>0</v>
      </c>
      <c r="Y2915" s="166">
        <v>0</v>
      </c>
      <c r="Z2915" s="166">
        <v>0</v>
      </c>
      <c r="AA2915" s="166">
        <v>0</v>
      </c>
      <c r="AB2915" s="166">
        <v>0</v>
      </c>
      <c r="AC2915" s="166">
        <v>0</v>
      </c>
      <c r="AD2915" s="166">
        <v>0</v>
      </c>
      <c r="AE2915" s="166">
        <v>0</v>
      </c>
      <c r="AF2915" s="166">
        <v>0</v>
      </c>
      <c r="AG2915" s="166">
        <v>0</v>
      </c>
      <c r="AH2915" s="166">
        <v>0</v>
      </c>
      <c r="AI2915" s="166">
        <v>0</v>
      </c>
      <c r="AJ2915" s="166">
        <v>0</v>
      </c>
      <c r="AK2915" s="166">
        <v>0</v>
      </c>
      <c r="AL2915" s="166">
        <v>0</v>
      </c>
      <c r="AM2915" s="166">
        <v>0</v>
      </c>
      <c r="AN2915" s="166">
        <v>0</v>
      </c>
      <c r="AO2915" s="166">
        <v>0</v>
      </c>
      <c r="AP2915" s="166">
        <v>0</v>
      </c>
      <c r="AQ2915" s="166">
        <v>0</v>
      </c>
      <c r="AR2915" s="166">
        <v>0</v>
      </c>
      <c r="AS2915" s="166">
        <v>0</v>
      </c>
      <c r="AT2915" s="166">
        <v>0</v>
      </c>
      <c r="AU2915" s="166">
        <v>0</v>
      </c>
      <c r="AV2915" s="166">
        <v>0</v>
      </c>
      <c r="AW2915" s="166">
        <v>0</v>
      </c>
      <c r="AX2915" s="166">
        <v>0</v>
      </c>
      <c r="AY2915" s="166">
        <v>0</v>
      </c>
      <c r="AZ2915" s="166">
        <v>0</v>
      </c>
      <c r="BA2915" s="166">
        <v>0</v>
      </c>
      <c r="BB2915" s="166">
        <v>0</v>
      </c>
      <c r="BC2915" s="166">
        <v>0</v>
      </c>
      <c r="BD2915" s="166">
        <v>0</v>
      </c>
      <c r="BE2915" s="166">
        <v>0</v>
      </c>
      <c r="BF2915" s="166">
        <v>0</v>
      </c>
      <c r="BG2915" s="166">
        <v>0</v>
      </c>
      <c r="BH2915" s="166">
        <v>0</v>
      </c>
      <c r="BI2915" s="166">
        <v>0</v>
      </c>
      <c r="BJ2915" s="166">
        <v>0</v>
      </c>
      <c r="BK2915" s="166">
        <v>0</v>
      </c>
      <c r="BL2915" s="166">
        <v>0</v>
      </c>
      <c r="BM2915" s="166">
        <v>0</v>
      </c>
      <c r="BN2915" s="166">
        <v>0</v>
      </c>
      <c r="BO2915" s="166">
        <v>0</v>
      </c>
      <c r="BP2915" s="166">
        <v>0</v>
      </c>
      <c r="BQ2915" s="166">
        <v>0</v>
      </c>
      <c r="BR2915" s="166">
        <v>11541239.509999899</v>
      </c>
      <c r="BS2915" s="166">
        <v>11541239.509999899</v>
      </c>
      <c r="BT2915" s="168">
        <v>0</v>
      </c>
      <c r="BU2915" s="166">
        <v>0</v>
      </c>
      <c r="BV2915" s="166">
        <v>0</v>
      </c>
      <c r="BW2915" s="166">
        <v>0</v>
      </c>
      <c r="BX2915" s="166">
        <v>0</v>
      </c>
      <c r="BY2915" s="166">
        <v>0</v>
      </c>
      <c r="BZ2915" s="166">
        <v>0</v>
      </c>
      <c r="CA2915" s="166">
        <v>0</v>
      </c>
      <c r="CB2915" s="166">
        <v>0</v>
      </c>
      <c r="CC2915" s="166">
        <v>0</v>
      </c>
      <c r="CD2915" s="166">
        <v>0</v>
      </c>
      <c r="CE2915" s="166">
        <v>0</v>
      </c>
      <c r="CF2915" s="166">
        <v>0</v>
      </c>
      <c r="CG2915" s="166">
        <v>0</v>
      </c>
      <c r="CH2915" s="166">
        <v>0</v>
      </c>
      <c r="CI2915" s="166">
        <v>0</v>
      </c>
      <c r="CJ2915" s="166">
        <v>0</v>
      </c>
      <c r="CK2915" s="166">
        <v>0</v>
      </c>
      <c r="CL2915" s="166">
        <v>0</v>
      </c>
      <c r="CM2915" s="166">
        <v>0</v>
      </c>
      <c r="CN2915" s="166">
        <v>0</v>
      </c>
      <c r="CO2915" s="166">
        <v>0</v>
      </c>
      <c r="CP2915" s="166">
        <v>0</v>
      </c>
      <c r="CQ2915" s="166">
        <v>0</v>
      </c>
      <c r="CR2915" s="166">
        <v>0</v>
      </c>
      <c r="CS2915" s="166">
        <v>0</v>
      </c>
      <c r="CT2915" s="166">
        <v>0</v>
      </c>
      <c r="CU2915" s="166">
        <v>0</v>
      </c>
      <c r="CV2915" s="166">
        <v>0</v>
      </c>
      <c r="CW2915" s="166">
        <v>0</v>
      </c>
      <c r="CX2915" s="166">
        <v>0</v>
      </c>
      <c r="CY2915" s="166">
        <v>0</v>
      </c>
      <c r="CZ2915" s="166">
        <v>0</v>
      </c>
    </row>
    <row r="2916" spans="1:104" x14ac:dyDescent="0.2">
      <c r="A2916" s="167" t="s">
        <v>1073</v>
      </c>
      <c r="B2916" s="166">
        <v>11541239.51</v>
      </c>
      <c r="C2916" s="166">
        <v>11541239.51</v>
      </c>
      <c r="D2916" s="166">
        <v>0</v>
      </c>
      <c r="E2916" s="166">
        <v>0</v>
      </c>
      <c r="F2916" s="166">
        <v>0</v>
      </c>
      <c r="G2916" s="166">
        <v>0</v>
      </c>
      <c r="H2916" s="166">
        <v>0</v>
      </c>
      <c r="I2916" s="166">
        <v>0</v>
      </c>
      <c r="J2916" s="166">
        <v>0</v>
      </c>
      <c r="K2916" s="166">
        <v>0</v>
      </c>
      <c r="L2916" s="166">
        <v>0</v>
      </c>
      <c r="M2916" s="166">
        <v>0</v>
      </c>
      <c r="N2916" s="166">
        <v>0</v>
      </c>
      <c r="O2916" s="166">
        <v>0</v>
      </c>
      <c r="P2916" s="166">
        <v>0</v>
      </c>
      <c r="Q2916" s="166">
        <v>0</v>
      </c>
      <c r="R2916" s="166">
        <v>0</v>
      </c>
      <c r="S2916" s="166">
        <v>0</v>
      </c>
      <c r="T2916" s="166">
        <v>0</v>
      </c>
      <c r="U2916" s="166">
        <v>0</v>
      </c>
      <c r="V2916" s="166">
        <v>0</v>
      </c>
      <c r="W2916" s="166">
        <v>0</v>
      </c>
      <c r="X2916" s="166">
        <v>0</v>
      </c>
      <c r="Y2916" s="166">
        <v>0</v>
      </c>
      <c r="Z2916" s="166">
        <v>0</v>
      </c>
      <c r="AA2916" s="166">
        <v>0</v>
      </c>
      <c r="AB2916" s="166">
        <v>0</v>
      </c>
      <c r="AC2916" s="166">
        <v>0</v>
      </c>
      <c r="AD2916" s="166">
        <v>0</v>
      </c>
      <c r="AE2916" s="166">
        <v>0</v>
      </c>
      <c r="AF2916" s="166">
        <v>0</v>
      </c>
      <c r="AG2916" s="166">
        <v>0</v>
      </c>
      <c r="AH2916" s="166">
        <v>0</v>
      </c>
      <c r="AI2916" s="166">
        <v>0</v>
      </c>
      <c r="AJ2916" s="166">
        <v>0</v>
      </c>
      <c r="AK2916" s="166">
        <v>0</v>
      </c>
      <c r="AL2916" s="166">
        <v>0</v>
      </c>
      <c r="AM2916" s="166">
        <v>0</v>
      </c>
      <c r="AN2916" s="166">
        <v>0</v>
      </c>
      <c r="AO2916" s="166">
        <v>0</v>
      </c>
      <c r="AP2916" s="166">
        <v>0</v>
      </c>
      <c r="AQ2916" s="166">
        <v>0</v>
      </c>
      <c r="AR2916" s="166">
        <v>0</v>
      </c>
      <c r="AS2916" s="166">
        <v>0</v>
      </c>
      <c r="AT2916" s="166">
        <v>0</v>
      </c>
      <c r="AU2916" s="166">
        <v>0</v>
      </c>
      <c r="AV2916" s="166">
        <v>0</v>
      </c>
      <c r="AW2916" s="166">
        <v>0</v>
      </c>
      <c r="AX2916" s="166">
        <v>0</v>
      </c>
      <c r="AY2916" s="166">
        <v>0</v>
      </c>
      <c r="AZ2916" s="166">
        <v>0</v>
      </c>
      <c r="BA2916" s="166">
        <v>0</v>
      </c>
      <c r="BB2916" s="166">
        <v>0</v>
      </c>
      <c r="BC2916" s="166">
        <v>0</v>
      </c>
      <c r="BD2916" s="166">
        <v>0</v>
      </c>
      <c r="BE2916" s="166">
        <v>0</v>
      </c>
      <c r="BF2916" s="166">
        <v>0</v>
      </c>
      <c r="BG2916" s="166">
        <v>0</v>
      </c>
      <c r="BH2916" s="166">
        <v>0</v>
      </c>
      <c r="BI2916" s="166">
        <v>0</v>
      </c>
      <c r="BJ2916" s="166">
        <v>0</v>
      </c>
      <c r="BK2916" s="166">
        <v>0</v>
      </c>
      <c r="BL2916" s="166">
        <v>0</v>
      </c>
      <c r="BM2916" s="166">
        <v>0</v>
      </c>
      <c r="BN2916" s="166">
        <v>0</v>
      </c>
      <c r="BO2916" s="166">
        <v>0</v>
      </c>
      <c r="BP2916" s="166">
        <v>0</v>
      </c>
      <c r="BQ2916" s="166">
        <v>0</v>
      </c>
      <c r="BR2916" s="166">
        <v>11541239.51</v>
      </c>
      <c r="BS2916" s="166">
        <v>11541239.509999899</v>
      </c>
      <c r="BT2916" s="168">
        <v>0</v>
      </c>
      <c r="BU2916" s="166">
        <v>0</v>
      </c>
      <c r="BV2916" s="166">
        <v>0</v>
      </c>
      <c r="BW2916" s="166">
        <v>0</v>
      </c>
      <c r="BX2916" s="166">
        <v>0</v>
      </c>
      <c r="BY2916" s="166">
        <v>0</v>
      </c>
      <c r="BZ2916" s="166">
        <v>0</v>
      </c>
      <c r="CA2916" s="166">
        <v>0</v>
      </c>
      <c r="CB2916" s="166">
        <v>0</v>
      </c>
      <c r="CC2916" s="166">
        <v>0</v>
      </c>
      <c r="CD2916" s="166">
        <v>0</v>
      </c>
      <c r="CE2916" s="166">
        <v>0</v>
      </c>
      <c r="CF2916" s="166">
        <v>0</v>
      </c>
      <c r="CG2916" s="166">
        <v>0</v>
      </c>
      <c r="CH2916" s="166">
        <v>0</v>
      </c>
      <c r="CI2916" s="166">
        <v>0</v>
      </c>
      <c r="CJ2916" s="166">
        <v>0</v>
      </c>
      <c r="CK2916" s="166">
        <v>0</v>
      </c>
      <c r="CL2916" s="166">
        <v>0</v>
      </c>
      <c r="CM2916" s="166">
        <v>0</v>
      </c>
      <c r="CN2916" s="166">
        <v>0</v>
      </c>
      <c r="CO2916" s="166">
        <v>0</v>
      </c>
      <c r="CP2916" s="166">
        <v>0</v>
      </c>
      <c r="CQ2916" s="166">
        <v>0</v>
      </c>
      <c r="CR2916" s="166">
        <v>0</v>
      </c>
      <c r="CS2916" s="166">
        <v>0</v>
      </c>
      <c r="CT2916" s="166">
        <v>0</v>
      </c>
      <c r="CU2916" s="166">
        <v>0</v>
      </c>
      <c r="CV2916" s="166">
        <v>0</v>
      </c>
      <c r="CW2916" s="166">
        <v>0</v>
      </c>
      <c r="CX2916" s="166">
        <v>0</v>
      </c>
      <c r="CY2916" s="166">
        <v>0</v>
      </c>
      <c r="CZ2916" s="166">
        <v>0</v>
      </c>
    </row>
    <row r="2917" spans="1:104" x14ac:dyDescent="0.2">
      <c r="A2917" s="167" t="s">
        <v>204</v>
      </c>
    </row>
    <row r="2918" spans="1:104" x14ac:dyDescent="0.2">
      <c r="A2918" s="167" t="s">
        <v>1074</v>
      </c>
      <c r="B2918" s="166">
        <v>6504.6750099862402</v>
      </c>
      <c r="C2918" s="166">
        <v>6504.6750099862402</v>
      </c>
      <c r="D2918" s="166">
        <v>0</v>
      </c>
      <c r="E2918" s="166">
        <v>0</v>
      </c>
      <c r="F2918" s="166">
        <v>0</v>
      </c>
      <c r="G2918" s="166">
        <v>0</v>
      </c>
      <c r="H2918" s="166">
        <v>0</v>
      </c>
      <c r="I2918" s="166">
        <v>0</v>
      </c>
      <c r="J2918" s="166">
        <v>0</v>
      </c>
      <c r="K2918" s="166">
        <v>0</v>
      </c>
      <c r="L2918" s="166">
        <v>0</v>
      </c>
      <c r="M2918" s="166">
        <v>0</v>
      </c>
      <c r="N2918" s="166">
        <v>0</v>
      </c>
      <c r="O2918" s="166">
        <v>0</v>
      </c>
      <c r="P2918" s="166">
        <v>0</v>
      </c>
      <c r="Q2918" s="166">
        <v>0</v>
      </c>
      <c r="R2918" s="166">
        <v>0</v>
      </c>
      <c r="S2918" s="166">
        <v>0</v>
      </c>
      <c r="T2918" s="166">
        <v>0</v>
      </c>
      <c r="U2918" s="166">
        <v>0</v>
      </c>
      <c r="V2918" s="166">
        <v>0</v>
      </c>
      <c r="W2918" s="166">
        <v>0</v>
      </c>
      <c r="X2918" s="166">
        <v>0</v>
      </c>
      <c r="Y2918" s="166">
        <v>0</v>
      </c>
      <c r="Z2918" s="166">
        <v>0</v>
      </c>
      <c r="AA2918" s="166">
        <v>0</v>
      </c>
      <c r="AB2918" s="166">
        <v>0</v>
      </c>
      <c r="AC2918" s="166">
        <v>0</v>
      </c>
      <c r="AD2918" s="166">
        <v>0</v>
      </c>
      <c r="AE2918" s="166">
        <v>0</v>
      </c>
      <c r="AF2918" s="166">
        <v>0</v>
      </c>
      <c r="AG2918" s="166">
        <v>0</v>
      </c>
      <c r="AH2918" s="166">
        <v>0</v>
      </c>
      <c r="AI2918" s="166">
        <v>0</v>
      </c>
      <c r="AJ2918" s="166">
        <v>0</v>
      </c>
      <c r="AK2918" s="166">
        <v>0</v>
      </c>
      <c r="AL2918" s="166">
        <v>0</v>
      </c>
      <c r="AM2918" s="166">
        <v>0</v>
      </c>
      <c r="AN2918" s="166">
        <v>0</v>
      </c>
      <c r="AO2918" s="166">
        <v>0</v>
      </c>
      <c r="AP2918" s="166">
        <v>0</v>
      </c>
      <c r="AQ2918" s="166">
        <v>0</v>
      </c>
      <c r="AR2918" s="166">
        <v>0</v>
      </c>
      <c r="AS2918" s="166">
        <v>0</v>
      </c>
      <c r="AT2918" s="166">
        <v>0</v>
      </c>
      <c r="AU2918" s="166">
        <v>0</v>
      </c>
      <c r="AV2918" s="166">
        <v>0</v>
      </c>
      <c r="AW2918" s="166">
        <v>0</v>
      </c>
      <c r="AX2918" s="166">
        <v>0</v>
      </c>
      <c r="AY2918" s="166">
        <v>0</v>
      </c>
      <c r="AZ2918" s="166">
        <v>0</v>
      </c>
      <c r="BA2918" s="166">
        <v>0</v>
      </c>
      <c r="BB2918" s="166">
        <v>0</v>
      </c>
      <c r="BC2918" s="166">
        <v>0</v>
      </c>
      <c r="BD2918" s="166">
        <v>0</v>
      </c>
      <c r="BE2918" s="166">
        <v>0</v>
      </c>
      <c r="BF2918" s="166">
        <v>0</v>
      </c>
      <c r="BG2918" s="166">
        <v>0</v>
      </c>
      <c r="BH2918" s="166">
        <v>0</v>
      </c>
      <c r="BI2918" s="166">
        <v>0</v>
      </c>
      <c r="BJ2918" s="166">
        <v>0</v>
      </c>
      <c r="BK2918" s="166">
        <v>0</v>
      </c>
      <c r="BL2918" s="166">
        <v>0</v>
      </c>
      <c r="BM2918" s="166">
        <v>0</v>
      </c>
      <c r="BN2918" s="166">
        <v>0</v>
      </c>
      <c r="BO2918" s="166">
        <v>0</v>
      </c>
      <c r="BP2918" s="166">
        <v>0</v>
      </c>
      <c r="BQ2918" s="166">
        <v>0</v>
      </c>
      <c r="BR2918" s="166">
        <v>6504.6750099862402</v>
      </c>
      <c r="BS2918" s="166">
        <v>6504.6750099862402</v>
      </c>
      <c r="BT2918" s="168">
        <v>0</v>
      </c>
      <c r="BU2918" s="166">
        <v>0</v>
      </c>
      <c r="BV2918" s="166">
        <v>0</v>
      </c>
      <c r="BW2918" s="166">
        <v>0</v>
      </c>
      <c r="BX2918" s="166">
        <v>0</v>
      </c>
      <c r="BY2918" s="166">
        <v>0</v>
      </c>
      <c r="BZ2918" s="166">
        <v>0</v>
      </c>
      <c r="CA2918" s="166">
        <v>0</v>
      </c>
      <c r="CB2918" s="166">
        <v>0</v>
      </c>
      <c r="CC2918" s="166">
        <v>0</v>
      </c>
      <c r="CD2918" s="166">
        <v>0</v>
      </c>
      <c r="CE2918" s="166">
        <v>0</v>
      </c>
      <c r="CF2918" s="166">
        <v>0</v>
      </c>
      <c r="CG2918" s="166">
        <v>0</v>
      </c>
      <c r="CH2918" s="166">
        <v>0</v>
      </c>
      <c r="CI2918" s="166">
        <v>0</v>
      </c>
      <c r="CJ2918" s="166">
        <v>0</v>
      </c>
      <c r="CK2918" s="166">
        <v>0</v>
      </c>
      <c r="CL2918" s="166">
        <v>0</v>
      </c>
      <c r="CM2918" s="166">
        <v>0</v>
      </c>
      <c r="CN2918" s="166">
        <v>0</v>
      </c>
      <c r="CO2918" s="166">
        <v>0</v>
      </c>
      <c r="CP2918" s="166">
        <v>0</v>
      </c>
      <c r="CQ2918" s="166">
        <v>0</v>
      </c>
      <c r="CR2918" s="166">
        <v>0</v>
      </c>
      <c r="CS2918" s="166">
        <v>0</v>
      </c>
      <c r="CT2918" s="166">
        <v>0</v>
      </c>
      <c r="CU2918" s="166">
        <v>0</v>
      </c>
      <c r="CV2918" s="166">
        <v>0</v>
      </c>
      <c r="CW2918" s="166">
        <v>0</v>
      </c>
      <c r="CX2918" s="166">
        <v>0</v>
      </c>
      <c r="CY2918" s="166">
        <v>0</v>
      </c>
      <c r="CZ2918" s="166">
        <v>0</v>
      </c>
    </row>
    <row r="2919" spans="1:104" x14ac:dyDescent="0.2">
      <c r="A2919" s="167" t="s">
        <v>1075</v>
      </c>
      <c r="B2919" s="166">
        <v>205.65533535673299</v>
      </c>
      <c r="C2919" s="166">
        <v>205.65533535673299</v>
      </c>
      <c r="D2919" s="166">
        <v>0</v>
      </c>
      <c r="E2919" s="166">
        <v>0</v>
      </c>
      <c r="F2919" s="166">
        <v>0</v>
      </c>
      <c r="G2919" s="166">
        <v>0</v>
      </c>
      <c r="H2919" s="166">
        <v>0</v>
      </c>
      <c r="I2919" s="166">
        <v>0</v>
      </c>
      <c r="J2919" s="166">
        <v>0</v>
      </c>
      <c r="K2919" s="166">
        <v>0</v>
      </c>
      <c r="L2919" s="166">
        <v>0</v>
      </c>
      <c r="M2919" s="166">
        <v>0</v>
      </c>
      <c r="N2919" s="166">
        <v>0</v>
      </c>
      <c r="O2919" s="166">
        <v>0</v>
      </c>
      <c r="P2919" s="166">
        <v>0</v>
      </c>
      <c r="Q2919" s="166">
        <v>0</v>
      </c>
      <c r="R2919" s="166">
        <v>0</v>
      </c>
      <c r="S2919" s="166">
        <v>0</v>
      </c>
      <c r="T2919" s="166">
        <v>0</v>
      </c>
      <c r="U2919" s="166">
        <v>0</v>
      </c>
      <c r="V2919" s="166">
        <v>0</v>
      </c>
      <c r="W2919" s="166">
        <v>0</v>
      </c>
      <c r="X2919" s="166">
        <v>0</v>
      </c>
      <c r="Y2919" s="166">
        <v>0</v>
      </c>
      <c r="Z2919" s="166">
        <v>0</v>
      </c>
      <c r="AA2919" s="166">
        <v>0</v>
      </c>
      <c r="AB2919" s="166">
        <v>0</v>
      </c>
      <c r="AC2919" s="166">
        <v>0</v>
      </c>
      <c r="AD2919" s="166">
        <v>0</v>
      </c>
      <c r="AE2919" s="166">
        <v>0</v>
      </c>
      <c r="AF2919" s="166">
        <v>0</v>
      </c>
      <c r="AG2919" s="166">
        <v>0</v>
      </c>
      <c r="AH2919" s="166">
        <v>0</v>
      </c>
      <c r="AI2919" s="166">
        <v>0</v>
      </c>
      <c r="AJ2919" s="166">
        <v>0</v>
      </c>
      <c r="AK2919" s="166">
        <v>0</v>
      </c>
      <c r="AL2919" s="166">
        <v>0</v>
      </c>
      <c r="AM2919" s="166">
        <v>0</v>
      </c>
      <c r="AN2919" s="166">
        <v>0</v>
      </c>
      <c r="AO2919" s="166">
        <v>0</v>
      </c>
      <c r="AP2919" s="166">
        <v>0</v>
      </c>
      <c r="AQ2919" s="166">
        <v>0</v>
      </c>
      <c r="AR2919" s="166">
        <v>0</v>
      </c>
      <c r="AS2919" s="166">
        <v>0</v>
      </c>
      <c r="AT2919" s="166">
        <v>0</v>
      </c>
      <c r="AU2919" s="166">
        <v>0</v>
      </c>
      <c r="AV2919" s="166">
        <v>0</v>
      </c>
      <c r="AW2919" s="166">
        <v>0</v>
      </c>
      <c r="AX2919" s="166">
        <v>0</v>
      </c>
      <c r="AY2919" s="166">
        <v>0</v>
      </c>
      <c r="AZ2919" s="166">
        <v>0</v>
      </c>
      <c r="BA2919" s="166">
        <v>0</v>
      </c>
      <c r="BB2919" s="166">
        <v>0</v>
      </c>
      <c r="BC2919" s="166">
        <v>0</v>
      </c>
      <c r="BD2919" s="166">
        <v>0</v>
      </c>
      <c r="BE2919" s="166">
        <v>0</v>
      </c>
      <c r="BF2919" s="166">
        <v>0</v>
      </c>
      <c r="BG2919" s="166">
        <v>0</v>
      </c>
      <c r="BH2919" s="166">
        <v>0</v>
      </c>
      <c r="BI2919" s="166">
        <v>0</v>
      </c>
      <c r="BJ2919" s="166">
        <v>0</v>
      </c>
      <c r="BK2919" s="166">
        <v>0</v>
      </c>
      <c r="BL2919" s="166">
        <v>0</v>
      </c>
      <c r="BM2919" s="166">
        <v>0</v>
      </c>
      <c r="BN2919" s="166">
        <v>0</v>
      </c>
      <c r="BO2919" s="166">
        <v>0</v>
      </c>
      <c r="BP2919" s="166">
        <v>0</v>
      </c>
      <c r="BQ2919" s="166">
        <v>0</v>
      </c>
      <c r="BR2919" s="166">
        <v>205.65533535673299</v>
      </c>
      <c r="BS2919" s="166">
        <v>205.65533535673299</v>
      </c>
      <c r="BT2919" s="168">
        <v>0</v>
      </c>
      <c r="BU2919" s="166">
        <v>0</v>
      </c>
      <c r="BV2919" s="166">
        <v>0</v>
      </c>
      <c r="BW2919" s="166">
        <v>0</v>
      </c>
      <c r="BX2919" s="166">
        <v>0</v>
      </c>
      <c r="BY2919" s="166">
        <v>0</v>
      </c>
      <c r="BZ2919" s="166">
        <v>0</v>
      </c>
      <c r="CA2919" s="166">
        <v>0</v>
      </c>
      <c r="CB2919" s="166">
        <v>0</v>
      </c>
      <c r="CC2919" s="166">
        <v>0</v>
      </c>
      <c r="CD2919" s="166">
        <v>0</v>
      </c>
      <c r="CE2919" s="166">
        <v>0</v>
      </c>
      <c r="CF2919" s="166">
        <v>0</v>
      </c>
      <c r="CG2919" s="166">
        <v>0</v>
      </c>
      <c r="CH2919" s="166">
        <v>0</v>
      </c>
      <c r="CI2919" s="166">
        <v>0</v>
      </c>
      <c r="CJ2919" s="166">
        <v>0</v>
      </c>
      <c r="CK2919" s="166">
        <v>0</v>
      </c>
      <c r="CL2919" s="166">
        <v>0</v>
      </c>
      <c r="CM2919" s="166">
        <v>0</v>
      </c>
      <c r="CN2919" s="166">
        <v>0</v>
      </c>
      <c r="CO2919" s="166">
        <v>0</v>
      </c>
      <c r="CP2919" s="166">
        <v>0</v>
      </c>
      <c r="CQ2919" s="166">
        <v>0</v>
      </c>
      <c r="CR2919" s="166">
        <v>0</v>
      </c>
      <c r="CS2919" s="166">
        <v>0</v>
      </c>
      <c r="CT2919" s="166">
        <v>0</v>
      </c>
      <c r="CU2919" s="166">
        <v>0</v>
      </c>
      <c r="CV2919" s="166">
        <v>0</v>
      </c>
      <c r="CW2919" s="166">
        <v>0</v>
      </c>
      <c r="CX2919" s="166">
        <v>0</v>
      </c>
      <c r="CY2919" s="166">
        <v>0</v>
      </c>
      <c r="CZ2919" s="166">
        <v>0</v>
      </c>
    </row>
    <row r="2920" spans="1:104" x14ac:dyDescent="0.2">
      <c r="A2920" s="167" t="s">
        <v>1076</v>
      </c>
      <c r="B2920" s="166">
        <v>1483.5621007882501</v>
      </c>
      <c r="C2920" s="166">
        <v>1483.5621007882501</v>
      </c>
      <c r="D2920" s="166">
        <v>0</v>
      </c>
      <c r="E2920" s="166">
        <v>0</v>
      </c>
      <c r="F2920" s="166">
        <v>0</v>
      </c>
      <c r="G2920" s="166">
        <v>0</v>
      </c>
      <c r="H2920" s="166">
        <v>0</v>
      </c>
      <c r="I2920" s="166">
        <v>0</v>
      </c>
      <c r="J2920" s="166">
        <v>0</v>
      </c>
      <c r="K2920" s="166">
        <v>0</v>
      </c>
      <c r="L2920" s="166">
        <v>0</v>
      </c>
      <c r="M2920" s="166">
        <v>0</v>
      </c>
      <c r="N2920" s="166">
        <v>0</v>
      </c>
      <c r="O2920" s="166">
        <v>0</v>
      </c>
      <c r="P2920" s="166">
        <v>0</v>
      </c>
      <c r="Q2920" s="166">
        <v>0</v>
      </c>
      <c r="R2920" s="166">
        <v>0</v>
      </c>
      <c r="S2920" s="166">
        <v>0</v>
      </c>
      <c r="T2920" s="166">
        <v>0</v>
      </c>
      <c r="U2920" s="166">
        <v>0</v>
      </c>
      <c r="V2920" s="166">
        <v>0</v>
      </c>
      <c r="W2920" s="166">
        <v>0</v>
      </c>
      <c r="X2920" s="166">
        <v>0</v>
      </c>
      <c r="Y2920" s="166">
        <v>0</v>
      </c>
      <c r="Z2920" s="166">
        <v>0</v>
      </c>
      <c r="AA2920" s="166">
        <v>0</v>
      </c>
      <c r="AB2920" s="166">
        <v>0</v>
      </c>
      <c r="AC2920" s="166">
        <v>0</v>
      </c>
      <c r="AD2920" s="166">
        <v>0</v>
      </c>
      <c r="AE2920" s="166">
        <v>0</v>
      </c>
      <c r="AF2920" s="166">
        <v>0</v>
      </c>
      <c r="AG2920" s="166">
        <v>0</v>
      </c>
      <c r="AH2920" s="166">
        <v>0</v>
      </c>
      <c r="AI2920" s="166">
        <v>0</v>
      </c>
      <c r="AJ2920" s="166">
        <v>0</v>
      </c>
      <c r="AK2920" s="166">
        <v>0</v>
      </c>
      <c r="AL2920" s="166">
        <v>0</v>
      </c>
      <c r="AM2920" s="166">
        <v>0</v>
      </c>
      <c r="AN2920" s="166">
        <v>0</v>
      </c>
      <c r="AO2920" s="166">
        <v>0</v>
      </c>
      <c r="AP2920" s="166">
        <v>0</v>
      </c>
      <c r="AQ2920" s="166">
        <v>0</v>
      </c>
      <c r="AR2920" s="166">
        <v>0</v>
      </c>
      <c r="AS2920" s="166">
        <v>0</v>
      </c>
      <c r="AT2920" s="166">
        <v>0</v>
      </c>
      <c r="AU2920" s="166">
        <v>0</v>
      </c>
      <c r="AV2920" s="166">
        <v>0</v>
      </c>
      <c r="AW2920" s="166">
        <v>0</v>
      </c>
      <c r="AX2920" s="166">
        <v>0</v>
      </c>
      <c r="AY2920" s="166">
        <v>0</v>
      </c>
      <c r="AZ2920" s="166">
        <v>0</v>
      </c>
      <c r="BA2920" s="166">
        <v>0</v>
      </c>
      <c r="BB2920" s="166">
        <v>0</v>
      </c>
      <c r="BC2920" s="166">
        <v>0</v>
      </c>
      <c r="BD2920" s="166">
        <v>0</v>
      </c>
      <c r="BE2920" s="166">
        <v>0</v>
      </c>
      <c r="BF2920" s="166">
        <v>0</v>
      </c>
      <c r="BG2920" s="166">
        <v>0</v>
      </c>
      <c r="BH2920" s="166">
        <v>0</v>
      </c>
      <c r="BI2920" s="166">
        <v>0</v>
      </c>
      <c r="BJ2920" s="166">
        <v>0</v>
      </c>
      <c r="BK2920" s="166">
        <v>0</v>
      </c>
      <c r="BL2920" s="166">
        <v>0</v>
      </c>
      <c r="BM2920" s="166">
        <v>0</v>
      </c>
      <c r="BN2920" s="166">
        <v>0</v>
      </c>
      <c r="BO2920" s="166">
        <v>0</v>
      </c>
      <c r="BP2920" s="166">
        <v>0</v>
      </c>
      <c r="BQ2920" s="166">
        <v>0</v>
      </c>
      <c r="BR2920" s="166">
        <v>1483.5621007882501</v>
      </c>
      <c r="BS2920" s="166">
        <v>1483.5621007882501</v>
      </c>
      <c r="BT2920" s="168">
        <v>0</v>
      </c>
      <c r="BU2920" s="166">
        <v>0</v>
      </c>
      <c r="BV2920" s="166">
        <v>0</v>
      </c>
      <c r="BW2920" s="166">
        <v>0</v>
      </c>
      <c r="BX2920" s="166">
        <v>0</v>
      </c>
      <c r="BY2920" s="166">
        <v>0</v>
      </c>
      <c r="BZ2920" s="166">
        <v>0</v>
      </c>
      <c r="CA2920" s="166">
        <v>0</v>
      </c>
      <c r="CB2920" s="166">
        <v>0</v>
      </c>
      <c r="CC2920" s="166">
        <v>0</v>
      </c>
      <c r="CD2920" s="166">
        <v>0</v>
      </c>
      <c r="CE2920" s="166">
        <v>0</v>
      </c>
      <c r="CF2920" s="166">
        <v>0</v>
      </c>
      <c r="CG2920" s="166">
        <v>0</v>
      </c>
      <c r="CH2920" s="166">
        <v>0</v>
      </c>
      <c r="CI2920" s="166">
        <v>0</v>
      </c>
      <c r="CJ2920" s="166">
        <v>0</v>
      </c>
      <c r="CK2920" s="166">
        <v>0</v>
      </c>
      <c r="CL2920" s="166">
        <v>0</v>
      </c>
      <c r="CM2920" s="166">
        <v>0</v>
      </c>
      <c r="CN2920" s="166">
        <v>0</v>
      </c>
      <c r="CO2920" s="166">
        <v>0</v>
      </c>
      <c r="CP2920" s="166">
        <v>0</v>
      </c>
      <c r="CQ2920" s="166">
        <v>0</v>
      </c>
      <c r="CR2920" s="166">
        <v>0</v>
      </c>
      <c r="CS2920" s="166">
        <v>0</v>
      </c>
      <c r="CT2920" s="166">
        <v>0</v>
      </c>
      <c r="CU2920" s="166">
        <v>0</v>
      </c>
      <c r="CV2920" s="166">
        <v>0</v>
      </c>
      <c r="CW2920" s="166">
        <v>0</v>
      </c>
      <c r="CX2920" s="166">
        <v>0</v>
      </c>
      <c r="CY2920" s="166">
        <v>0</v>
      </c>
      <c r="CZ2920" s="166">
        <v>0</v>
      </c>
    </row>
    <row r="2921" spans="1:104" x14ac:dyDescent="0.2">
      <c r="A2921" s="167" t="s">
        <v>208</v>
      </c>
      <c r="B2921" s="166">
        <v>4745.9076996411104</v>
      </c>
      <c r="C2921" s="166">
        <v>4745.9076996411104</v>
      </c>
      <c r="D2921" s="166">
        <v>0</v>
      </c>
      <c r="E2921" s="166">
        <v>0</v>
      </c>
      <c r="F2921" s="166">
        <v>0</v>
      </c>
      <c r="G2921" s="166">
        <v>0</v>
      </c>
      <c r="H2921" s="166">
        <v>0</v>
      </c>
      <c r="I2921" s="166">
        <v>0</v>
      </c>
      <c r="J2921" s="166">
        <v>0</v>
      </c>
      <c r="K2921" s="166">
        <v>0</v>
      </c>
      <c r="L2921" s="166">
        <v>0</v>
      </c>
      <c r="M2921" s="166">
        <v>0</v>
      </c>
      <c r="N2921" s="166">
        <v>0</v>
      </c>
      <c r="O2921" s="166">
        <v>0</v>
      </c>
      <c r="P2921" s="166">
        <v>0</v>
      </c>
      <c r="Q2921" s="166">
        <v>0</v>
      </c>
      <c r="R2921" s="166">
        <v>0</v>
      </c>
      <c r="S2921" s="166">
        <v>0</v>
      </c>
      <c r="T2921" s="166">
        <v>0</v>
      </c>
      <c r="U2921" s="166">
        <v>0</v>
      </c>
      <c r="V2921" s="166">
        <v>0</v>
      </c>
      <c r="W2921" s="166">
        <v>0</v>
      </c>
      <c r="X2921" s="166">
        <v>0</v>
      </c>
      <c r="Y2921" s="166">
        <v>0</v>
      </c>
      <c r="Z2921" s="166">
        <v>0</v>
      </c>
      <c r="AA2921" s="166">
        <v>0</v>
      </c>
      <c r="AB2921" s="166">
        <v>0</v>
      </c>
      <c r="AC2921" s="166">
        <v>0</v>
      </c>
      <c r="AD2921" s="166">
        <v>0</v>
      </c>
      <c r="AE2921" s="166">
        <v>0</v>
      </c>
      <c r="AF2921" s="166">
        <v>0</v>
      </c>
      <c r="AG2921" s="166">
        <v>0</v>
      </c>
      <c r="AH2921" s="166">
        <v>0</v>
      </c>
      <c r="AI2921" s="166">
        <v>0</v>
      </c>
      <c r="AJ2921" s="166">
        <v>0</v>
      </c>
      <c r="AK2921" s="166">
        <v>0</v>
      </c>
      <c r="AL2921" s="166">
        <v>0</v>
      </c>
      <c r="AM2921" s="166">
        <v>0</v>
      </c>
      <c r="AN2921" s="166">
        <v>0</v>
      </c>
      <c r="AO2921" s="166">
        <v>0</v>
      </c>
      <c r="AP2921" s="166">
        <v>0</v>
      </c>
      <c r="AQ2921" s="166">
        <v>0</v>
      </c>
      <c r="AR2921" s="166">
        <v>0</v>
      </c>
      <c r="AS2921" s="166">
        <v>0</v>
      </c>
      <c r="AT2921" s="166">
        <v>0</v>
      </c>
      <c r="AU2921" s="166">
        <v>0</v>
      </c>
      <c r="AV2921" s="166">
        <v>0</v>
      </c>
      <c r="AW2921" s="166">
        <v>0</v>
      </c>
      <c r="AX2921" s="166">
        <v>0</v>
      </c>
      <c r="AY2921" s="166">
        <v>0</v>
      </c>
      <c r="AZ2921" s="166">
        <v>0</v>
      </c>
      <c r="BA2921" s="166">
        <v>0</v>
      </c>
      <c r="BB2921" s="166">
        <v>0</v>
      </c>
      <c r="BC2921" s="166">
        <v>0</v>
      </c>
      <c r="BD2921" s="166">
        <v>0</v>
      </c>
      <c r="BE2921" s="166">
        <v>0</v>
      </c>
      <c r="BF2921" s="166">
        <v>0</v>
      </c>
      <c r="BG2921" s="166">
        <v>0</v>
      </c>
      <c r="BH2921" s="166">
        <v>0</v>
      </c>
      <c r="BI2921" s="166">
        <v>0</v>
      </c>
      <c r="BJ2921" s="166">
        <v>0</v>
      </c>
      <c r="BK2921" s="166">
        <v>0</v>
      </c>
      <c r="BL2921" s="166">
        <v>0</v>
      </c>
      <c r="BM2921" s="166">
        <v>0</v>
      </c>
      <c r="BN2921" s="166">
        <v>0</v>
      </c>
      <c r="BO2921" s="166">
        <v>0</v>
      </c>
      <c r="BP2921" s="166">
        <v>0</v>
      </c>
      <c r="BQ2921" s="166">
        <v>0</v>
      </c>
      <c r="BR2921" s="166">
        <v>4745.9076996411104</v>
      </c>
      <c r="BS2921" s="166">
        <v>4745.9076996411104</v>
      </c>
      <c r="BT2921" s="168">
        <v>0</v>
      </c>
      <c r="BU2921" s="166">
        <v>0</v>
      </c>
      <c r="BV2921" s="166">
        <v>0</v>
      </c>
      <c r="BW2921" s="166">
        <v>0</v>
      </c>
      <c r="BX2921" s="166">
        <v>0</v>
      </c>
      <c r="BY2921" s="166">
        <v>0</v>
      </c>
      <c r="BZ2921" s="166">
        <v>0</v>
      </c>
      <c r="CA2921" s="166">
        <v>0</v>
      </c>
      <c r="CB2921" s="166">
        <v>0</v>
      </c>
      <c r="CC2921" s="166">
        <v>0</v>
      </c>
      <c r="CD2921" s="166">
        <v>0</v>
      </c>
      <c r="CE2921" s="166">
        <v>0</v>
      </c>
      <c r="CF2921" s="166">
        <v>0</v>
      </c>
      <c r="CG2921" s="166">
        <v>0</v>
      </c>
      <c r="CH2921" s="166">
        <v>0</v>
      </c>
      <c r="CI2921" s="166">
        <v>0</v>
      </c>
      <c r="CJ2921" s="166">
        <v>0</v>
      </c>
      <c r="CK2921" s="166">
        <v>0</v>
      </c>
      <c r="CL2921" s="166">
        <v>0</v>
      </c>
      <c r="CM2921" s="166">
        <v>0</v>
      </c>
      <c r="CN2921" s="166">
        <v>0</v>
      </c>
      <c r="CO2921" s="166">
        <v>0</v>
      </c>
      <c r="CP2921" s="166">
        <v>0</v>
      </c>
      <c r="CQ2921" s="166">
        <v>0</v>
      </c>
      <c r="CR2921" s="166">
        <v>0</v>
      </c>
      <c r="CS2921" s="166">
        <v>0</v>
      </c>
      <c r="CT2921" s="166">
        <v>0</v>
      </c>
      <c r="CU2921" s="166">
        <v>0</v>
      </c>
      <c r="CV2921" s="166">
        <v>0</v>
      </c>
      <c r="CW2921" s="166">
        <v>0</v>
      </c>
      <c r="CX2921" s="166">
        <v>0</v>
      </c>
      <c r="CY2921" s="166">
        <v>0</v>
      </c>
      <c r="CZ2921" s="166">
        <v>0</v>
      </c>
    </row>
    <row r="2922" spans="1:104" x14ac:dyDescent="0.2">
      <c r="A2922" s="167" t="s">
        <v>209</v>
      </c>
      <c r="B2922" s="166">
        <v>3725.8243786507201</v>
      </c>
      <c r="C2922" s="166">
        <v>3725.8243786507201</v>
      </c>
      <c r="D2922" s="166">
        <v>0</v>
      </c>
      <c r="E2922" s="166">
        <v>0</v>
      </c>
      <c r="F2922" s="166">
        <v>0</v>
      </c>
      <c r="G2922" s="166">
        <v>0</v>
      </c>
      <c r="H2922" s="166">
        <v>0</v>
      </c>
      <c r="I2922" s="166">
        <v>0</v>
      </c>
      <c r="J2922" s="166">
        <v>0</v>
      </c>
      <c r="K2922" s="166">
        <v>0</v>
      </c>
      <c r="L2922" s="166">
        <v>0</v>
      </c>
      <c r="M2922" s="166">
        <v>0</v>
      </c>
      <c r="N2922" s="166">
        <v>0</v>
      </c>
      <c r="O2922" s="166">
        <v>0</v>
      </c>
      <c r="P2922" s="166">
        <v>0</v>
      </c>
      <c r="Q2922" s="166">
        <v>0</v>
      </c>
      <c r="R2922" s="166">
        <v>0</v>
      </c>
      <c r="S2922" s="166">
        <v>0</v>
      </c>
      <c r="T2922" s="166">
        <v>0</v>
      </c>
      <c r="U2922" s="166">
        <v>0</v>
      </c>
      <c r="V2922" s="166">
        <v>0</v>
      </c>
      <c r="W2922" s="166">
        <v>0</v>
      </c>
      <c r="X2922" s="166">
        <v>0</v>
      </c>
      <c r="Y2922" s="166">
        <v>0</v>
      </c>
      <c r="Z2922" s="166">
        <v>0</v>
      </c>
      <c r="AA2922" s="166">
        <v>0</v>
      </c>
      <c r="AB2922" s="166">
        <v>0</v>
      </c>
      <c r="AC2922" s="166">
        <v>0</v>
      </c>
      <c r="AD2922" s="166">
        <v>0</v>
      </c>
      <c r="AE2922" s="166">
        <v>0</v>
      </c>
      <c r="AF2922" s="166">
        <v>0</v>
      </c>
      <c r="AG2922" s="166">
        <v>0</v>
      </c>
      <c r="AH2922" s="166">
        <v>0</v>
      </c>
      <c r="AI2922" s="166">
        <v>0</v>
      </c>
      <c r="AJ2922" s="166">
        <v>0</v>
      </c>
      <c r="AK2922" s="166">
        <v>0</v>
      </c>
      <c r="AL2922" s="166">
        <v>0</v>
      </c>
      <c r="AM2922" s="166">
        <v>0</v>
      </c>
      <c r="AN2922" s="166">
        <v>0</v>
      </c>
      <c r="AO2922" s="166">
        <v>0</v>
      </c>
      <c r="AP2922" s="166">
        <v>0</v>
      </c>
      <c r="AQ2922" s="166">
        <v>0</v>
      </c>
      <c r="AR2922" s="166">
        <v>0</v>
      </c>
      <c r="AS2922" s="166">
        <v>0</v>
      </c>
      <c r="AT2922" s="166">
        <v>0</v>
      </c>
      <c r="AU2922" s="166">
        <v>0</v>
      </c>
      <c r="AV2922" s="166">
        <v>0</v>
      </c>
      <c r="AW2922" s="166">
        <v>0</v>
      </c>
      <c r="AX2922" s="166">
        <v>0</v>
      </c>
      <c r="AY2922" s="166">
        <v>0</v>
      </c>
      <c r="AZ2922" s="166">
        <v>0</v>
      </c>
      <c r="BA2922" s="166">
        <v>0</v>
      </c>
      <c r="BB2922" s="166">
        <v>0</v>
      </c>
      <c r="BC2922" s="166">
        <v>0</v>
      </c>
      <c r="BD2922" s="166">
        <v>0</v>
      </c>
      <c r="BE2922" s="166">
        <v>0</v>
      </c>
      <c r="BF2922" s="166">
        <v>0</v>
      </c>
      <c r="BG2922" s="166">
        <v>0</v>
      </c>
      <c r="BH2922" s="166">
        <v>0</v>
      </c>
      <c r="BI2922" s="166">
        <v>0</v>
      </c>
      <c r="BJ2922" s="166">
        <v>0</v>
      </c>
      <c r="BK2922" s="166">
        <v>0</v>
      </c>
      <c r="BL2922" s="166">
        <v>0</v>
      </c>
      <c r="BM2922" s="166">
        <v>0</v>
      </c>
      <c r="BN2922" s="166">
        <v>0</v>
      </c>
      <c r="BO2922" s="166">
        <v>0</v>
      </c>
      <c r="BP2922" s="166">
        <v>0</v>
      </c>
      <c r="BQ2922" s="166">
        <v>0</v>
      </c>
      <c r="BR2922" s="166">
        <v>3725.8243786507201</v>
      </c>
      <c r="BS2922" s="166">
        <v>3725.8243786507201</v>
      </c>
      <c r="BT2922" s="166">
        <v>0</v>
      </c>
      <c r="BU2922" s="166">
        <v>0</v>
      </c>
      <c r="BV2922" s="166">
        <v>0</v>
      </c>
      <c r="BW2922" s="166">
        <v>0</v>
      </c>
      <c r="BX2922" s="166">
        <v>0</v>
      </c>
      <c r="BY2922" s="166">
        <v>0</v>
      </c>
      <c r="BZ2922" s="166">
        <v>0</v>
      </c>
      <c r="CA2922" s="166">
        <v>0</v>
      </c>
      <c r="CB2922" s="166">
        <v>0</v>
      </c>
      <c r="CC2922" s="166">
        <v>0</v>
      </c>
      <c r="CD2922" s="166">
        <v>0</v>
      </c>
      <c r="CE2922" s="166">
        <v>0</v>
      </c>
      <c r="CF2922" s="166">
        <v>0</v>
      </c>
      <c r="CG2922" s="166">
        <v>0</v>
      </c>
      <c r="CH2922" s="166">
        <v>0</v>
      </c>
      <c r="CI2922" s="166">
        <v>0</v>
      </c>
      <c r="CJ2922" s="166">
        <v>0</v>
      </c>
      <c r="CK2922" s="166">
        <v>0</v>
      </c>
      <c r="CL2922" s="166">
        <v>0</v>
      </c>
      <c r="CM2922" s="166">
        <v>0</v>
      </c>
      <c r="CN2922" s="166">
        <v>0</v>
      </c>
      <c r="CO2922" s="166">
        <v>0</v>
      </c>
      <c r="CP2922" s="166">
        <v>0</v>
      </c>
      <c r="CQ2922" s="166">
        <v>0</v>
      </c>
      <c r="CR2922" s="166">
        <v>0</v>
      </c>
      <c r="CS2922" s="166">
        <v>0</v>
      </c>
      <c r="CT2922" s="166">
        <v>0</v>
      </c>
      <c r="CU2922" s="166">
        <v>0</v>
      </c>
      <c r="CV2922" s="166">
        <v>0</v>
      </c>
      <c r="CW2922" s="166">
        <v>0</v>
      </c>
      <c r="CX2922" s="166">
        <v>0</v>
      </c>
      <c r="CY2922" s="166">
        <v>0</v>
      </c>
      <c r="CZ2922" s="166">
        <v>0</v>
      </c>
    </row>
    <row r="2923" spans="1:104" x14ac:dyDescent="0.2">
      <c r="A2923" s="167" t="s">
        <v>1077</v>
      </c>
      <c r="B2923" s="166">
        <v>637590.40547557699</v>
      </c>
      <c r="C2923" s="166">
        <v>637590.40547557699</v>
      </c>
      <c r="D2923" s="166">
        <v>0</v>
      </c>
      <c r="E2923" s="166">
        <v>0</v>
      </c>
      <c r="F2923" s="166">
        <v>0</v>
      </c>
      <c r="G2923" s="166">
        <v>0</v>
      </c>
      <c r="H2923" s="166">
        <v>0</v>
      </c>
      <c r="I2923" s="166">
        <v>0</v>
      </c>
      <c r="J2923" s="166">
        <v>0</v>
      </c>
      <c r="K2923" s="166">
        <v>0</v>
      </c>
      <c r="L2923" s="166">
        <v>0</v>
      </c>
      <c r="M2923" s="166">
        <v>0</v>
      </c>
      <c r="N2923" s="166">
        <v>0</v>
      </c>
      <c r="O2923" s="166">
        <v>0</v>
      </c>
      <c r="P2923" s="166">
        <v>0</v>
      </c>
      <c r="Q2923" s="166">
        <v>0</v>
      </c>
      <c r="R2923" s="166">
        <v>0</v>
      </c>
      <c r="S2923" s="166">
        <v>0</v>
      </c>
      <c r="T2923" s="166">
        <v>0</v>
      </c>
      <c r="U2923" s="166">
        <v>0</v>
      </c>
      <c r="V2923" s="166">
        <v>0</v>
      </c>
      <c r="W2923" s="166">
        <v>0</v>
      </c>
      <c r="X2923" s="166">
        <v>0</v>
      </c>
      <c r="Y2923" s="166">
        <v>0</v>
      </c>
      <c r="Z2923" s="166">
        <v>0</v>
      </c>
      <c r="AA2923" s="166">
        <v>0</v>
      </c>
      <c r="AB2923" s="166">
        <v>0</v>
      </c>
      <c r="AC2923" s="166">
        <v>0</v>
      </c>
      <c r="AD2923" s="166">
        <v>0</v>
      </c>
      <c r="AE2923" s="166">
        <v>0</v>
      </c>
      <c r="AF2923" s="166">
        <v>0</v>
      </c>
      <c r="AG2923" s="166">
        <v>0</v>
      </c>
      <c r="AH2923" s="166">
        <v>0</v>
      </c>
      <c r="AI2923" s="166">
        <v>0</v>
      </c>
      <c r="AJ2923" s="166">
        <v>0</v>
      </c>
      <c r="AK2923" s="166">
        <v>0</v>
      </c>
      <c r="AL2923" s="166">
        <v>0</v>
      </c>
      <c r="AM2923" s="166">
        <v>0</v>
      </c>
      <c r="AN2923" s="166">
        <v>0</v>
      </c>
      <c r="AO2923" s="166">
        <v>0</v>
      </c>
      <c r="AP2923" s="166">
        <v>0</v>
      </c>
      <c r="AQ2923" s="166">
        <v>0</v>
      </c>
      <c r="AR2923" s="166">
        <v>0</v>
      </c>
      <c r="AS2923" s="166">
        <v>0</v>
      </c>
      <c r="AT2923" s="166">
        <v>0</v>
      </c>
      <c r="AU2923" s="166">
        <v>0</v>
      </c>
      <c r="AV2923" s="166">
        <v>0</v>
      </c>
      <c r="AW2923" s="166">
        <v>0</v>
      </c>
      <c r="AX2923" s="166">
        <v>0</v>
      </c>
      <c r="AY2923" s="166">
        <v>0</v>
      </c>
      <c r="AZ2923" s="166">
        <v>0</v>
      </c>
      <c r="BA2923" s="166">
        <v>0</v>
      </c>
      <c r="BB2923" s="166">
        <v>0</v>
      </c>
      <c r="BC2923" s="166">
        <v>0</v>
      </c>
      <c r="BD2923" s="166">
        <v>0</v>
      </c>
      <c r="BE2923" s="166">
        <v>0</v>
      </c>
      <c r="BF2923" s="166">
        <v>0</v>
      </c>
      <c r="BG2923" s="166">
        <v>0</v>
      </c>
      <c r="BH2923" s="166">
        <v>0</v>
      </c>
      <c r="BI2923" s="166">
        <v>0</v>
      </c>
      <c r="BJ2923" s="166">
        <v>0</v>
      </c>
      <c r="BK2923" s="166">
        <v>0</v>
      </c>
      <c r="BL2923" s="166">
        <v>0</v>
      </c>
      <c r="BM2923" s="166">
        <v>0</v>
      </c>
      <c r="BN2923" s="166">
        <v>0</v>
      </c>
      <c r="BO2923" s="166">
        <v>0</v>
      </c>
      <c r="BP2923" s="166">
        <v>0</v>
      </c>
      <c r="BQ2923" s="166">
        <v>0</v>
      </c>
      <c r="BR2923" s="166">
        <v>637590.40547557699</v>
      </c>
      <c r="BS2923" s="166">
        <v>637590.40547557699</v>
      </c>
      <c r="BT2923" s="168">
        <v>0</v>
      </c>
      <c r="BU2923" s="166">
        <v>0</v>
      </c>
      <c r="BV2923" s="166">
        <v>0</v>
      </c>
      <c r="BW2923" s="166">
        <v>0</v>
      </c>
      <c r="BX2923" s="166">
        <v>0</v>
      </c>
      <c r="BY2923" s="166">
        <v>0</v>
      </c>
      <c r="BZ2923" s="166">
        <v>0</v>
      </c>
      <c r="CA2923" s="166">
        <v>0</v>
      </c>
      <c r="CB2923" s="166">
        <v>0</v>
      </c>
      <c r="CC2923" s="166">
        <v>0</v>
      </c>
      <c r="CD2923" s="166">
        <v>0</v>
      </c>
      <c r="CE2923" s="166">
        <v>0</v>
      </c>
      <c r="CF2923" s="166">
        <v>0</v>
      </c>
      <c r="CG2923" s="166">
        <v>0</v>
      </c>
      <c r="CH2923" s="166">
        <v>0</v>
      </c>
      <c r="CI2923" s="166">
        <v>0</v>
      </c>
      <c r="CJ2923" s="166">
        <v>0</v>
      </c>
      <c r="CK2923" s="166">
        <v>0</v>
      </c>
      <c r="CL2923" s="166">
        <v>0</v>
      </c>
      <c r="CM2923" s="166">
        <v>0</v>
      </c>
      <c r="CN2923" s="166">
        <v>0</v>
      </c>
      <c r="CO2923" s="166">
        <v>0</v>
      </c>
      <c r="CP2923" s="166">
        <v>0</v>
      </c>
      <c r="CQ2923" s="166">
        <v>0</v>
      </c>
      <c r="CR2923" s="166">
        <v>0</v>
      </c>
      <c r="CS2923" s="166">
        <v>0</v>
      </c>
      <c r="CT2923" s="166">
        <v>0</v>
      </c>
      <c r="CU2923" s="166">
        <v>0</v>
      </c>
      <c r="CV2923" s="166">
        <v>0</v>
      </c>
      <c r="CW2923" s="166">
        <v>0</v>
      </c>
      <c r="CX2923" s="166">
        <v>0</v>
      </c>
      <c r="CY2923" s="166">
        <v>0</v>
      </c>
      <c r="CZ2923" s="166">
        <v>0</v>
      </c>
    </row>
    <row r="2924" spans="1:104" x14ac:dyDescent="0.2">
      <c r="A2924" s="167" t="s">
        <v>1078</v>
      </c>
      <c r="B2924" s="166">
        <v>654256.03</v>
      </c>
      <c r="C2924" s="166">
        <v>654256.03</v>
      </c>
      <c r="D2924" s="166">
        <v>0</v>
      </c>
      <c r="E2924" s="166">
        <v>0</v>
      </c>
      <c r="F2924" s="166">
        <v>0</v>
      </c>
      <c r="G2924" s="166">
        <v>0</v>
      </c>
      <c r="H2924" s="166">
        <v>0</v>
      </c>
      <c r="I2924" s="166">
        <v>0</v>
      </c>
      <c r="J2924" s="166">
        <v>0</v>
      </c>
      <c r="K2924" s="166">
        <v>0</v>
      </c>
      <c r="L2924" s="166">
        <v>0</v>
      </c>
      <c r="M2924" s="166">
        <v>0</v>
      </c>
      <c r="N2924" s="166">
        <v>0</v>
      </c>
      <c r="O2924" s="166">
        <v>0</v>
      </c>
      <c r="P2924" s="166">
        <v>0</v>
      </c>
      <c r="Q2924" s="166">
        <v>0</v>
      </c>
      <c r="R2924" s="166">
        <v>0</v>
      </c>
      <c r="S2924" s="166">
        <v>0</v>
      </c>
      <c r="T2924" s="166">
        <v>0</v>
      </c>
      <c r="U2924" s="166">
        <v>0</v>
      </c>
      <c r="V2924" s="166">
        <v>0</v>
      </c>
      <c r="W2924" s="166">
        <v>0</v>
      </c>
      <c r="X2924" s="166">
        <v>0</v>
      </c>
      <c r="Y2924" s="166">
        <v>0</v>
      </c>
      <c r="Z2924" s="166">
        <v>0</v>
      </c>
      <c r="AA2924" s="166">
        <v>0</v>
      </c>
      <c r="AB2924" s="166">
        <v>0</v>
      </c>
      <c r="AC2924" s="166">
        <v>0</v>
      </c>
      <c r="AD2924" s="166">
        <v>0</v>
      </c>
      <c r="AE2924" s="166">
        <v>0</v>
      </c>
      <c r="AF2924" s="166">
        <v>0</v>
      </c>
      <c r="AG2924" s="166">
        <v>0</v>
      </c>
      <c r="AH2924" s="166">
        <v>0</v>
      </c>
      <c r="AI2924" s="166">
        <v>0</v>
      </c>
      <c r="AJ2924" s="166">
        <v>0</v>
      </c>
      <c r="AK2924" s="166">
        <v>0</v>
      </c>
      <c r="AL2924" s="166">
        <v>0</v>
      </c>
      <c r="AM2924" s="166">
        <v>0</v>
      </c>
      <c r="AN2924" s="166">
        <v>0</v>
      </c>
      <c r="AO2924" s="166">
        <v>0</v>
      </c>
      <c r="AP2924" s="166">
        <v>0</v>
      </c>
      <c r="AQ2924" s="166">
        <v>0</v>
      </c>
      <c r="AR2924" s="166">
        <v>0</v>
      </c>
      <c r="AS2924" s="166">
        <v>0</v>
      </c>
      <c r="AT2924" s="166">
        <v>0</v>
      </c>
      <c r="AU2924" s="166">
        <v>0</v>
      </c>
      <c r="AV2924" s="166">
        <v>0</v>
      </c>
      <c r="AW2924" s="166">
        <v>0</v>
      </c>
      <c r="AX2924" s="166">
        <v>0</v>
      </c>
      <c r="AY2924" s="166">
        <v>0</v>
      </c>
      <c r="AZ2924" s="166">
        <v>0</v>
      </c>
      <c r="BA2924" s="166">
        <v>0</v>
      </c>
      <c r="BB2924" s="166">
        <v>0</v>
      </c>
      <c r="BC2924" s="166">
        <v>0</v>
      </c>
      <c r="BD2924" s="166">
        <v>0</v>
      </c>
      <c r="BE2924" s="166">
        <v>0</v>
      </c>
      <c r="BF2924" s="166">
        <v>0</v>
      </c>
      <c r="BG2924" s="166">
        <v>0</v>
      </c>
      <c r="BH2924" s="166">
        <v>0</v>
      </c>
      <c r="BI2924" s="166">
        <v>0</v>
      </c>
      <c r="BJ2924" s="166">
        <v>0</v>
      </c>
      <c r="BK2924" s="166">
        <v>0</v>
      </c>
      <c r="BL2924" s="166">
        <v>0</v>
      </c>
      <c r="BM2924" s="166">
        <v>0</v>
      </c>
      <c r="BN2924" s="166">
        <v>0</v>
      </c>
      <c r="BO2924" s="166">
        <v>0</v>
      </c>
      <c r="BP2924" s="166">
        <v>0</v>
      </c>
      <c r="BQ2924" s="166">
        <v>0</v>
      </c>
      <c r="BR2924" s="166">
        <v>654256.03</v>
      </c>
      <c r="BS2924" s="166">
        <v>654256.03</v>
      </c>
      <c r="BT2924" s="168">
        <v>0</v>
      </c>
      <c r="BU2924" s="166">
        <v>0</v>
      </c>
      <c r="BV2924" s="166">
        <v>0</v>
      </c>
      <c r="BW2924" s="166">
        <v>0</v>
      </c>
      <c r="BX2924" s="166">
        <v>0</v>
      </c>
      <c r="BY2924" s="166">
        <v>0</v>
      </c>
      <c r="BZ2924" s="166">
        <v>0</v>
      </c>
      <c r="CA2924" s="166">
        <v>0</v>
      </c>
      <c r="CB2924" s="166">
        <v>0</v>
      </c>
      <c r="CC2924" s="166">
        <v>0</v>
      </c>
      <c r="CD2924" s="166">
        <v>0</v>
      </c>
      <c r="CE2924" s="166">
        <v>0</v>
      </c>
      <c r="CF2924" s="166">
        <v>0</v>
      </c>
      <c r="CG2924" s="166">
        <v>0</v>
      </c>
      <c r="CH2924" s="166">
        <v>0</v>
      </c>
      <c r="CI2924" s="166">
        <v>0</v>
      </c>
      <c r="CJ2924" s="166">
        <v>0</v>
      </c>
      <c r="CK2924" s="166">
        <v>0</v>
      </c>
      <c r="CL2924" s="166">
        <v>0</v>
      </c>
      <c r="CM2924" s="166">
        <v>0</v>
      </c>
      <c r="CN2924" s="166">
        <v>0</v>
      </c>
      <c r="CO2924" s="166">
        <v>0</v>
      </c>
      <c r="CP2924" s="166">
        <v>0</v>
      </c>
      <c r="CQ2924" s="166">
        <v>0</v>
      </c>
      <c r="CR2924" s="166">
        <v>0</v>
      </c>
      <c r="CS2924" s="166">
        <v>0</v>
      </c>
      <c r="CT2924" s="166">
        <v>0</v>
      </c>
      <c r="CU2924" s="166">
        <v>0</v>
      </c>
      <c r="CV2924" s="166">
        <v>0</v>
      </c>
      <c r="CW2924" s="166">
        <v>0</v>
      </c>
      <c r="CX2924" s="166">
        <v>0</v>
      </c>
      <c r="CY2924" s="166">
        <v>0</v>
      </c>
      <c r="CZ2924" s="166">
        <v>0</v>
      </c>
    </row>
    <row r="2925" spans="1:104" x14ac:dyDescent="0.2">
      <c r="A2925" s="167" t="s">
        <v>212</v>
      </c>
    </row>
    <row r="2926" spans="1:104" x14ac:dyDescent="0.2">
      <c r="A2926" s="167" t="s">
        <v>213</v>
      </c>
      <c r="B2926" s="166">
        <v>10406.2371955911</v>
      </c>
      <c r="C2926" s="166">
        <v>10406.2371955911</v>
      </c>
      <c r="D2926" s="166">
        <v>0</v>
      </c>
      <c r="E2926" s="166">
        <v>0</v>
      </c>
      <c r="F2926" s="166">
        <v>0</v>
      </c>
      <c r="G2926" s="166">
        <v>0</v>
      </c>
      <c r="H2926" s="166">
        <v>0</v>
      </c>
      <c r="I2926" s="166">
        <v>0</v>
      </c>
      <c r="J2926" s="166">
        <v>0</v>
      </c>
      <c r="K2926" s="166">
        <v>0</v>
      </c>
      <c r="L2926" s="166">
        <v>0</v>
      </c>
      <c r="M2926" s="166">
        <v>0</v>
      </c>
      <c r="N2926" s="166">
        <v>0</v>
      </c>
      <c r="O2926" s="166">
        <v>0</v>
      </c>
      <c r="P2926" s="166">
        <v>0</v>
      </c>
      <c r="Q2926" s="166">
        <v>0</v>
      </c>
      <c r="R2926" s="166">
        <v>0</v>
      </c>
      <c r="S2926" s="166">
        <v>0</v>
      </c>
      <c r="T2926" s="166">
        <v>0</v>
      </c>
      <c r="U2926" s="166">
        <v>0</v>
      </c>
      <c r="V2926" s="166">
        <v>0</v>
      </c>
      <c r="W2926" s="166">
        <v>0</v>
      </c>
      <c r="X2926" s="166">
        <v>0</v>
      </c>
      <c r="Y2926" s="166">
        <v>0</v>
      </c>
      <c r="Z2926" s="166">
        <v>0</v>
      </c>
      <c r="AA2926" s="166">
        <v>0</v>
      </c>
      <c r="AB2926" s="166">
        <v>0</v>
      </c>
      <c r="AC2926" s="166">
        <v>0</v>
      </c>
      <c r="AD2926" s="166">
        <v>0</v>
      </c>
      <c r="AE2926" s="166">
        <v>0</v>
      </c>
      <c r="AF2926" s="166">
        <v>0</v>
      </c>
      <c r="AG2926" s="166">
        <v>0</v>
      </c>
      <c r="AH2926" s="166">
        <v>0</v>
      </c>
      <c r="AI2926" s="166">
        <v>0</v>
      </c>
      <c r="AJ2926" s="166">
        <v>0</v>
      </c>
      <c r="AK2926" s="166">
        <v>0</v>
      </c>
      <c r="AL2926" s="166">
        <v>0</v>
      </c>
      <c r="AM2926" s="166">
        <v>0</v>
      </c>
      <c r="AN2926" s="166">
        <v>0</v>
      </c>
      <c r="AO2926" s="166">
        <v>0</v>
      </c>
      <c r="AP2926" s="166">
        <v>0</v>
      </c>
      <c r="AQ2926" s="166">
        <v>0</v>
      </c>
      <c r="AR2926" s="166">
        <v>0</v>
      </c>
      <c r="AS2926" s="166">
        <v>0</v>
      </c>
      <c r="AT2926" s="166">
        <v>0</v>
      </c>
      <c r="AU2926" s="166">
        <v>0</v>
      </c>
      <c r="AV2926" s="166">
        <v>0</v>
      </c>
      <c r="AW2926" s="166">
        <v>0</v>
      </c>
      <c r="AX2926" s="166">
        <v>0</v>
      </c>
      <c r="AY2926" s="166">
        <v>0</v>
      </c>
      <c r="AZ2926" s="166">
        <v>0</v>
      </c>
      <c r="BA2926" s="166">
        <v>0</v>
      </c>
      <c r="BB2926" s="166">
        <v>0</v>
      </c>
      <c r="BC2926" s="166">
        <v>0</v>
      </c>
      <c r="BD2926" s="166">
        <v>0</v>
      </c>
      <c r="BE2926" s="166">
        <v>0</v>
      </c>
      <c r="BF2926" s="166">
        <v>0</v>
      </c>
      <c r="BG2926" s="166">
        <v>0</v>
      </c>
      <c r="BH2926" s="166">
        <v>0</v>
      </c>
      <c r="BI2926" s="166">
        <v>0</v>
      </c>
      <c r="BJ2926" s="166">
        <v>0</v>
      </c>
      <c r="BK2926" s="166">
        <v>0</v>
      </c>
      <c r="BL2926" s="166">
        <v>0</v>
      </c>
      <c r="BM2926" s="166">
        <v>0</v>
      </c>
      <c r="BN2926" s="166">
        <v>0</v>
      </c>
      <c r="BO2926" s="166">
        <v>0</v>
      </c>
      <c r="BP2926" s="166">
        <v>0</v>
      </c>
      <c r="BQ2926" s="166">
        <v>0</v>
      </c>
      <c r="BR2926" s="166">
        <v>10406.2371955911</v>
      </c>
      <c r="BS2926" s="166">
        <v>10406.2371955911</v>
      </c>
      <c r="BT2926" s="166">
        <v>0</v>
      </c>
      <c r="BU2926" s="166">
        <v>0</v>
      </c>
      <c r="BV2926" s="166">
        <v>0</v>
      </c>
      <c r="BW2926" s="166">
        <v>0</v>
      </c>
      <c r="BX2926" s="166">
        <v>0</v>
      </c>
      <c r="BY2926" s="166">
        <v>0</v>
      </c>
      <c r="BZ2926" s="166">
        <v>0</v>
      </c>
      <c r="CA2926" s="166">
        <v>0</v>
      </c>
      <c r="CB2926" s="166">
        <v>0</v>
      </c>
      <c r="CC2926" s="166">
        <v>0</v>
      </c>
      <c r="CD2926" s="166">
        <v>0</v>
      </c>
      <c r="CE2926" s="166">
        <v>0</v>
      </c>
      <c r="CF2926" s="166">
        <v>0</v>
      </c>
      <c r="CG2926" s="166">
        <v>0</v>
      </c>
      <c r="CH2926" s="166">
        <v>0</v>
      </c>
      <c r="CI2926" s="166">
        <v>0</v>
      </c>
      <c r="CJ2926" s="166">
        <v>0</v>
      </c>
      <c r="CK2926" s="166">
        <v>0</v>
      </c>
      <c r="CL2926" s="166">
        <v>0</v>
      </c>
      <c r="CM2926" s="166">
        <v>0</v>
      </c>
      <c r="CN2926" s="166">
        <v>0</v>
      </c>
      <c r="CO2926" s="166">
        <v>0</v>
      </c>
      <c r="CP2926" s="166">
        <v>0</v>
      </c>
      <c r="CQ2926" s="166">
        <v>0</v>
      </c>
      <c r="CR2926" s="166">
        <v>0</v>
      </c>
      <c r="CS2926" s="166">
        <v>0</v>
      </c>
      <c r="CT2926" s="166">
        <v>0</v>
      </c>
      <c r="CU2926" s="166">
        <v>0</v>
      </c>
      <c r="CV2926" s="166">
        <v>0</v>
      </c>
      <c r="CW2926" s="166">
        <v>0</v>
      </c>
      <c r="CX2926" s="166">
        <v>0</v>
      </c>
      <c r="CY2926" s="166">
        <v>0</v>
      </c>
      <c r="CZ2926" s="166">
        <v>0</v>
      </c>
    </row>
    <row r="2927" spans="1:104" x14ac:dyDescent="0.2">
      <c r="A2927" s="167" t="s">
        <v>214</v>
      </c>
      <c r="B2927" s="166">
        <v>329.009242886913</v>
      </c>
      <c r="C2927" s="166">
        <v>329.009242886913</v>
      </c>
      <c r="D2927" s="166">
        <v>0</v>
      </c>
      <c r="E2927" s="166">
        <v>0</v>
      </c>
      <c r="F2927" s="166">
        <v>0</v>
      </c>
      <c r="G2927" s="166">
        <v>0</v>
      </c>
      <c r="H2927" s="166">
        <v>0</v>
      </c>
      <c r="I2927" s="166">
        <v>0</v>
      </c>
      <c r="J2927" s="166">
        <v>0</v>
      </c>
      <c r="K2927" s="166">
        <v>0</v>
      </c>
      <c r="L2927" s="166">
        <v>0</v>
      </c>
      <c r="M2927" s="166">
        <v>0</v>
      </c>
      <c r="N2927" s="166">
        <v>0</v>
      </c>
      <c r="O2927" s="166">
        <v>0</v>
      </c>
      <c r="P2927" s="166">
        <v>0</v>
      </c>
      <c r="Q2927" s="166">
        <v>0</v>
      </c>
      <c r="R2927" s="166">
        <v>0</v>
      </c>
      <c r="S2927" s="166">
        <v>0</v>
      </c>
      <c r="T2927" s="166">
        <v>0</v>
      </c>
      <c r="U2927" s="166">
        <v>0</v>
      </c>
      <c r="V2927" s="166">
        <v>0</v>
      </c>
      <c r="W2927" s="166">
        <v>0</v>
      </c>
      <c r="X2927" s="166">
        <v>0</v>
      </c>
      <c r="Y2927" s="166">
        <v>0</v>
      </c>
      <c r="Z2927" s="166">
        <v>0</v>
      </c>
      <c r="AA2927" s="166">
        <v>0</v>
      </c>
      <c r="AB2927" s="166">
        <v>0</v>
      </c>
      <c r="AC2927" s="166">
        <v>0</v>
      </c>
      <c r="AD2927" s="166">
        <v>0</v>
      </c>
      <c r="AE2927" s="166">
        <v>0</v>
      </c>
      <c r="AF2927" s="166">
        <v>0</v>
      </c>
      <c r="AG2927" s="166">
        <v>0</v>
      </c>
      <c r="AH2927" s="166">
        <v>0</v>
      </c>
      <c r="AI2927" s="166">
        <v>0</v>
      </c>
      <c r="AJ2927" s="166">
        <v>0</v>
      </c>
      <c r="AK2927" s="166">
        <v>0</v>
      </c>
      <c r="AL2927" s="166">
        <v>0</v>
      </c>
      <c r="AM2927" s="166">
        <v>0</v>
      </c>
      <c r="AN2927" s="166">
        <v>0</v>
      </c>
      <c r="AO2927" s="166">
        <v>0</v>
      </c>
      <c r="AP2927" s="166">
        <v>0</v>
      </c>
      <c r="AQ2927" s="166">
        <v>0</v>
      </c>
      <c r="AR2927" s="166">
        <v>0</v>
      </c>
      <c r="AS2927" s="166">
        <v>0</v>
      </c>
      <c r="AT2927" s="166">
        <v>0</v>
      </c>
      <c r="AU2927" s="166">
        <v>0</v>
      </c>
      <c r="AV2927" s="166">
        <v>0</v>
      </c>
      <c r="AW2927" s="166">
        <v>0</v>
      </c>
      <c r="AX2927" s="166">
        <v>0</v>
      </c>
      <c r="AY2927" s="166">
        <v>0</v>
      </c>
      <c r="AZ2927" s="166">
        <v>0</v>
      </c>
      <c r="BA2927" s="166">
        <v>0</v>
      </c>
      <c r="BB2927" s="166">
        <v>0</v>
      </c>
      <c r="BC2927" s="166">
        <v>0</v>
      </c>
      <c r="BD2927" s="166">
        <v>0</v>
      </c>
      <c r="BE2927" s="166">
        <v>0</v>
      </c>
      <c r="BF2927" s="166">
        <v>0</v>
      </c>
      <c r="BG2927" s="166">
        <v>0</v>
      </c>
      <c r="BH2927" s="166">
        <v>0</v>
      </c>
      <c r="BI2927" s="166">
        <v>0</v>
      </c>
      <c r="BJ2927" s="166">
        <v>0</v>
      </c>
      <c r="BK2927" s="166">
        <v>0</v>
      </c>
      <c r="BL2927" s="166">
        <v>0</v>
      </c>
      <c r="BM2927" s="166">
        <v>0</v>
      </c>
      <c r="BN2927" s="166">
        <v>0</v>
      </c>
      <c r="BO2927" s="166">
        <v>0</v>
      </c>
      <c r="BP2927" s="166">
        <v>0</v>
      </c>
      <c r="BQ2927" s="166">
        <v>0</v>
      </c>
      <c r="BR2927" s="166">
        <v>329.009242886913</v>
      </c>
      <c r="BS2927" s="166">
        <v>329.009242886913</v>
      </c>
      <c r="BT2927" s="166">
        <v>0</v>
      </c>
      <c r="BU2927" s="166">
        <v>0</v>
      </c>
      <c r="BV2927" s="166">
        <v>0</v>
      </c>
      <c r="BW2927" s="166">
        <v>0</v>
      </c>
      <c r="BX2927" s="166">
        <v>0</v>
      </c>
      <c r="BY2927" s="166">
        <v>0</v>
      </c>
      <c r="BZ2927" s="166">
        <v>0</v>
      </c>
      <c r="CA2927" s="166">
        <v>0</v>
      </c>
      <c r="CB2927" s="166">
        <v>0</v>
      </c>
      <c r="CC2927" s="166">
        <v>0</v>
      </c>
      <c r="CD2927" s="166">
        <v>0</v>
      </c>
      <c r="CE2927" s="166">
        <v>0</v>
      </c>
      <c r="CF2927" s="166">
        <v>0</v>
      </c>
      <c r="CG2927" s="166">
        <v>0</v>
      </c>
      <c r="CH2927" s="166">
        <v>0</v>
      </c>
      <c r="CI2927" s="166">
        <v>0</v>
      </c>
      <c r="CJ2927" s="166">
        <v>0</v>
      </c>
      <c r="CK2927" s="166">
        <v>0</v>
      </c>
      <c r="CL2927" s="166">
        <v>0</v>
      </c>
      <c r="CM2927" s="166">
        <v>0</v>
      </c>
      <c r="CN2927" s="166">
        <v>0</v>
      </c>
      <c r="CO2927" s="166">
        <v>0</v>
      </c>
      <c r="CP2927" s="166">
        <v>0</v>
      </c>
      <c r="CQ2927" s="166">
        <v>0</v>
      </c>
      <c r="CR2927" s="166">
        <v>0</v>
      </c>
      <c r="CS2927" s="166">
        <v>0</v>
      </c>
      <c r="CT2927" s="166">
        <v>0</v>
      </c>
      <c r="CU2927" s="166">
        <v>0</v>
      </c>
      <c r="CV2927" s="166">
        <v>0</v>
      </c>
      <c r="CW2927" s="166">
        <v>0</v>
      </c>
      <c r="CX2927" s="166">
        <v>0</v>
      </c>
      <c r="CY2927" s="166">
        <v>0</v>
      </c>
      <c r="CZ2927" s="166">
        <v>0</v>
      </c>
    </row>
    <row r="2928" spans="1:104" x14ac:dyDescent="0.2">
      <c r="A2928" s="167" t="s">
        <v>215</v>
      </c>
      <c r="B2928" s="166">
        <v>2373.4159034064701</v>
      </c>
      <c r="C2928" s="166">
        <v>2373.4159034064701</v>
      </c>
      <c r="D2928" s="166">
        <v>0</v>
      </c>
      <c r="E2928" s="166">
        <v>0</v>
      </c>
      <c r="F2928" s="166">
        <v>0</v>
      </c>
      <c r="G2928" s="166">
        <v>0</v>
      </c>
      <c r="H2928" s="166">
        <v>0</v>
      </c>
      <c r="I2928" s="166">
        <v>0</v>
      </c>
      <c r="J2928" s="166">
        <v>0</v>
      </c>
      <c r="K2928" s="166">
        <v>0</v>
      </c>
      <c r="L2928" s="166">
        <v>0</v>
      </c>
      <c r="M2928" s="166">
        <v>0</v>
      </c>
      <c r="N2928" s="166">
        <v>0</v>
      </c>
      <c r="O2928" s="166">
        <v>0</v>
      </c>
      <c r="P2928" s="166">
        <v>0</v>
      </c>
      <c r="Q2928" s="166">
        <v>0</v>
      </c>
      <c r="R2928" s="166">
        <v>0</v>
      </c>
      <c r="S2928" s="166">
        <v>0</v>
      </c>
      <c r="T2928" s="166">
        <v>0</v>
      </c>
      <c r="U2928" s="166">
        <v>0</v>
      </c>
      <c r="V2928" s="166">
        <v>0</v>
      </c>
      <c r="W2928" s="166">
        <v>0</v>
      </c>
      <c r="X2928" s="166">
        <v>0</v>
      </c>
      <c r="Y2928" s="166">
        <v>0</v>
      </c>
      <c r="Z2928" s="166">
        <v>0</v>
      </c>
      <c r="AA2928" s="166">
        <v>0</v>
      </c>
      <c r="AB2928" s="166">
        <v>0</v>
      </c>
      <c r="AC2928" s="166">
        <v>0</v>
      </c>
      <c r="AD2928" s="166">
        <v>0</v>
      </c>
      <c r="AE2928" s="166">
        <v>0</v>
      </c>
      <c r="AF2928" s="166">
        <v>0</v>
      </c>
      <c r="AG2928" s="166">
        <v>0</v>
      </c>
      <c r="AH2928" s="166">
        <v>0</v>
      </c>
      <c r="AI2928" s="166">
        <v>0</v>
      </c>
      <c r="AJ2928" s="166">
        <v>0</v>
      </c>
      <c r="AK2928" s="166">
        <v>0</v>
      </c>
      <c r="AL2928" s="166">
        <v>0</v>
      </c>
      <c r="AM2928" s="166">
        <v>0</v>
      </c>
      <c r="AN2928" s="166">
        <v>0</v>
      </c>
      <c r="AO2928" s="166">
        <v>0</v>
      </c>
      <c r="AP2928" s="166">
        <v>0</v>
      </c>
      <c r="AQ2928" s="166">
        <v>0</v>
      </c>
      <c r="AR2928" s="166">
        <v>0</v>
      </c>
      <c r="AS2928" s="166">
        <v>0</v>
      </c>
      <c r="AT2928" s="166">
        <v>0</v>
      </c>
      <c r="AU2928" s="166">
        <v>0</v>
      </c>
      <c r="AV2928" s="166">
        <v>0</v>
      </c>
      <c r="AW2928" s="166">
        <v>0</v>
      </c>
      <c r="AX2928" s="166">
        <v>0</v>
      </c>
      <c r="AY2928" s="166">
        <v>0</v>
      </c>
      <c r="AZ2928" s="166">
        <v>0</v>
      </c>
      <c r="BA2928" s="166">
        <v>0</v>
      </c>
      <c r="BB2928" s="166">
        <v>0</v>
      </c>
      <c r="BC2928" s="166">
        <v>0</v>
      </c>
      <c r="BD2928" s="166">
        <v>0</v>
      </c>
      <c r="BE2928" s="166">
        <v>0</v>
      </c>
      <c r="BF2928" s="166">
        <v>0</v>
      </c>
      <c r="BG2928" s="166">
        <v>0</v>
      </c>
      <c r="BH2928" s="166">
        <v>0</v>
      </c>
      <c r="BI2928" s="166">
        <v>0</v>
      </c>
      <c r="BJ2928" s="166">
        <v>0</v>
      </c>
      <c r="BK2928" s="166">
        <v>0</v>
      </c>
      <c r="BL2928" s="166">
        <v>0</v>
      </c>
      <c r="BM2928" s="166">
        <v>0</v>
      </c>
      <c r="BN2928" s="166">
        <v>0</v>
      </c>
      <c r="BO2928" s="166">
        <v>0</v>
      </c>
      <c r="BP2928" s="166">
        <v>0</v>
      </c>
      <c r="BQ2928" s="166">
        <v>0</v>
      </c>
      <c r="BR2928" s="166">
        <v>2373.4159034064701</v>
      </c>
      <c r="BS2928" s="166">
        <v>2373.4159034064701</v>
      </c>
      <c r="BT2928" s="166">
        <v>0</v>
      </c>
      <c r="BU2928" s="166">
        <v>0</v>
      </c>
      <c r="BV2928" s="166">
        <v>0</v>
      </c>
      <c r="BW2928" s="166">
        <v>0</v>
      </c>
      <c r="BX2928" s="166">
        <v>0</v>
      </c>
      <c r="BY2928" s="166">
        <v>0</v>
      </c>
      <c r="BZ2928" s="166">
        <v>0</v>
      </c>
      <c r="CA2928" s="166">
        <v>0</v>
      </c>
      <c r="CB2928" s="166">
        <v>0</v>
      </c>
      <c r="CC2928" s="166">
        <v>0</v>
      </c>
      <c r="CD2928" s="166">
        <v>0</v>
      </c>
      <c r="CE2928" s="166">
        <v>0</v>
      </c>
      <c r="CF2928" s="166">
        <v>0</v>
      </c>
      <c r="CG2928" s="166">
        <v>0</v>
      </c>
      <c r="CH2928" s="166">
        <v>0</v>
      </c>
      <c r="CI2928" s="166">
        <v>0</v>
      </c>
      <c r="CJ2928" s="166">
        <v>0</v>
      </c>
      <c r="CK2928" s="166">
        <v>0</v>
      </c>
      <c r="CL2928" s="166">
        <v>0</v>
      </c>
      <c r="CM2928" s="166">
        <v>0</v>
      </c>
      <c r="CN2928" s="166">
        <v>0</v>
      </c>
      <c r="CO2928" s="166">
        <v>0</v>
      </c>
      <c r="CP2928" s="166">
        <v>0</v>
      </c>
      <c r="CQ2928" s="166">
        <v>0</v>
      </c>
      <c r="CR2928" s="166">
        <v>0</v>
      </c>
      <c r="CS2928" s="166">
        <v>0</v>
      </c>
      <c r="CT2928" s="166">
        <v>0</v>
      </c>
      <c r="CU2928" s="166">
        <v>0</v>
      </c>
      <c r="CV2928" s="166">
        <v>0</v>
      </c>
      <c r="CW2928" s="166">
        <v>0</v>
      </c>
      <c r="CX2928" s="166">
        <v>0</v>
      </c>
      <c r="CY2928" s="166">
        <v>0</v>
      </c>
      <c r="CZ2928" s="166">
        <v>0</v>
      </c>
    </row>
    <row r="2929" spans="1:104" x14ac:dyDescent="0.2">
      <c r="A2929" s="167" t="s">
        <v>216</v>
      </c>
      <c r="B2929" s="166">
        <v>7592.5455391739997</v>
      </c>
      <c r="C2929" s="166">
        <v>7592.5455391739997</v>
      </c>
      <c r="D2929" s="166">
        <v>0</v>
      </c>
      <c r="E2929" s="166">
        <v>0</v>
      </c>
      <c r="F2929" s="166">
        <v>0</v>
      </c>
      <c r="G2929" s="166">
        <v>0</v>
      </c>
      <c r="H2929" s="166">
        <v>0</v>
      </c>
      <c r="I2929" s="166">
        <v>0</v>
      </c>
      <c r="J2929" s="166">
        <v>0</v>
      </c>
      <c r="K2929" s="166">
        <v>0</v>
      </c>
      <c r="L2929" s="166">
        <v>0</v>
      </c>
      <c r="M2929" s="166">
        <v>0</v>
      </c>
      <c r="N2929" s="166">
        <v>0</v>
      </c>
      <c r="O2929" s="166">
        <v>0</v>
      </c>
      <c r="P2929" s="166">
        <v>0</v>
      </c>
      <c r="Q2929" s="166">
        <v>0</v>
      </c>
      <c r="R2929" s="166">
        <v>0</v>
      </c>
      <c r="S2929" s="166">
        <v>0</v>
      </c>
      <c r="T2929" s="166">
        <v>0</v>
      </c>
      <c r="U2929" s="166">
        <v>0</v>
      </c>
      <c r="V2929" s="166">
        <v>0</v>
      </c>
      <c r="W2929" s="166">
        <v>0</v>
      </c>
      <c r="X2929" s="166">
        <v>0</v>
      </c>
      <c r="Y2929" s="166">
        <v>0</v>
      </c>
      <c r="Z2929" s="166">
        <v>0</v>
      </c>
      <c r="AA2929" s="166">
        <v>0</v>
      </c>
      <c r="AB2929" s="166">
        <v>0</v>
      </c>
      <c r="AC2929" s="166">
        <v>0</v>
      </c>
      <c r="AD2929" s="166">
        <v>0</v>
      </c>
      <c r="AE2929" s="166">
        <v>0</v>
      </c>
      <c r="AF2929" s="166">
        <v>0</v>
      </c>
      <c r="AG2929" s="166">
        <v>0</v>
      </c>
      <c r="AH2929" s="166">
        <v>0</v>
      </c>
      <c r="AI2929" s="166">
        <v>0</v>
      </c>
      <c r="AJ2929" s="166">
        <v>0</v>
      </c>
      <c r="AK2929" s="166">
        <v>0</v>
      </c>
      <c r="AL2929" s="166">
        <v>0</v>
      </c>
      <c r="AM2929" s="166">
        <v>0</v>
      </c>
      <c r="AN2929" s="166">
        <v>0</v>
      </c>
      <c r="AO2929" s="166">
        <v>0</v>
      </c>
      <c r="AP2929" s="166">
        <v>0</v>
      </c>
      <c r="AQ2929" s="166">
        <v>0</v>
      </c>
      <c r="AR2929" s="166">
        <v>0</v>
      </c>
      <c r="AS2929" s="166">
        <v>0</v>
      </c>
      <c r="AT2929" s="166">
        <v>0</v>
      </c>
      <c r="AU2929" s="166">
        <v>0</v>
      </c>
      <c r="AV2929" s="166">
        <v>0</v>
      </c>
      <c r="AW2929" s="166">
        <v>0</v>
      </c>
      <c r="AX2929" s="166">
        <v>0</v>
      </c>
      <c r="AY2929" s="166">
        <v>0</v>
      </c>
      <c r="AZ2929" s="166">
        <v>0</v>
      </c>
      <c r="BA2929" s="166">
        <v>0</v>
      </c>
      <c r="BB2929" s="166">
        <v>0</v>
      </c>
      <c r="BC2929" s="166">
        <v>0</v>
      </c>
      <c r="BD2929" s="166">
        <v>0</v>
      </c>
      <c r="BE2929" s="166">
        <v>0</v>
      </c>
      <c r="BF2929" s="166">
        <v>0</v>
      </c>
      <c r="BG2929" s="166">
        <v>0</v>
      </c>
      <c r="BH2929" s="166">
        <v>0</v>
      </c>
      <c r="BI2929" s="166">
        <v>0</v>
      </c>
      <c r="BJ2929" s="166">
        <v>0</v>
      </c>
      <c r="BK2929" s="166">
        <v>0</v>
      </c>
      <c r="BL2929" s="166">
        <v>0</v>
      </c>
      <c r="BM2929" s="166">
        <v>0</v>
      </c>
      <c r="BN2929" s="166">
        <v>0</v>
      </c>
      <c r="BO2929" s="166">
        <v>0</v>
      </c>
      <c r="BP2929" s="166">
        <v>0</v>
      </c>
      <c r="BQ2929" s="166">
        <v>0</v>
      </c>
      <c r="BR2929" s="166">
        <v>7592.5455391739997</v>
      </c>
      <c r="BS2929" s="166">
        <v>7592.5455391739997</v>
      </c>
      <c r="BT2929" s="166">
        <v>0</v>
      </c>
      <c r="BU2929" s="166">
        <v>0</v>
      </c>
      <c r="BV2929" s="166">
        <v>0</v>
      </c>
      <c r="BW2929" s="166">
        <v>0</v>
      </c>
      <c r="BX2929" s="166">
        <v>0</v>
      </c>
      <c r="BY2929" s="166">
        <v>0</v>
      </c>
      <c r="BZ2929" s="166">
        <v>0</v>
      </c>
      <c r="CA2929" s="166">
        <v>0</v>
      </c>
      <c r="CB2929" s="166">
        <v>0</v>
      </c>
      <c r="CC2929" s="166">
        <v>0</v>
      </c>
      <c r="CD2929" s="166">
        <v>0</v>
      </c>
      <c r="CE2929" s="166">
        <v>0</v>
      </c>
      <c r="CF2929" s="166">
        <v>0</v>
      </c>
      <c r="CG2929" s="166">
        <v>0</v>
      </c>
      <c r="CH2929" s="166">
        <v>0</v>
      </c>
      <c r="CI2929" s="166">
        <v>0</v>
      </c>
      <c r="CJ2929" s="166">
        <v>0</v>
      </c>
      <c r="CK2929" s="166">
        <v>0</v>
      </c>
      <c r="CL2929" s="166">
        <v>0</v>
      </c>
      <c r="CM2929" s="166">
        <v>0</v>
      </c>
      <c r="CN2929" s="166">
        <v>0</v>
      </c>
      <c r="CO2929" s="166">
        <v>0</v>
      </c>
      <c r="CP2929" s="166">
        <v>0</v>
      </c>
      <c r="CQ2929" s="166">
        <v>0</v>
      </c>
      <c r="CR2929" s="166">
        <v>0</v>
      </c>
      <c r="CS2929" s="166">
        <v>0</v>
      </c>
      <c r="CT2929" s="166">
        <v>0</v>
      </c>
      <c r="CU2929" s="166">
        <v>0</v>
      </c>
      <c r="CV2929" s="166">
        <v>0</v>
      </c>
      <c r="CW2929" s="166">
        <v>0</v>
      </c>
      <c r="CX2929" s="166">
        <v>0</v>
      </c>
      <c r="CY2929" s="166">
        <v>0</v>
      </c>
      <c r="CZ2929" s="166">
        <v>0</v>
      </c>
    </row>
    <row r="2930" spans="1:104" x14ac:dyDescent="0.2">
      <c r="A2930" s="167" t="s">
        <v>217</v>
      </c>
      <c r="B2930" s="166">
        <v>5960.60712853928</v>
      </c>
      <c r="C2930" s="166">
        <v>5960.60712853928</v>
      </c>
      <c r="D2930" s="166">
        <v>0</v>
      </c>
      <c r="E2930" s="166">
        <v>0</v>
      </c>
      <c r="F2930" s="166">
        <v>0</v>
      </c>
      <c r="G2930" s="166">
        <v>0</v>
      </c>
      <c r="H2930" s="166">
        <v>0</v>
      </c>
      <c r="I2930" s="166">
        <v>0</v>
      </c>
      <c r="J2930" s="166">
        <v>0</v>
      </c>
      <c r="K2930" s="166">
        <v>0</v>
      </c>
      <c r="L2930" s="166">
        <v>0</v>
      </c>
      <c r="M2930" s="166">
        <v>0</v>
      </c>
      <c r="N2930" s="166">
        <v>0</v>
      </c>
      <c r="O2930" s="166">
        <v>0</v>
      </c>
      <c r="P2930" s="166">
        <v>0</v>
      </c>
      <c r="Q2930" s="166">
        <v>0</v>
      </c>
      <c r="R2930" s="166">
        <v>0</v>
      </c>
      <c r="S2930" s="166">
        <v>0</v>
      </c>
      <c r="T2930" s="166">
        <v>0</v>
      </c>
      <c r="U2930" s="166">
        <v>0</v>
      </c>
      <c r="V2930" s="166">
        <v>0</v>
      </c>
      <c r="W2930" s="166">
        <v>0</v>
      </c>
      <c r="X2930" s="166">
        <v>0</v>
      </c>
      <c r="Y2930" s="166">
        <v>0</v>
      </c>
      <c r="Z2930" s="166">
        <v>0</v>
      </c>
      <c r="AA2930" s="166">
        <v>0</v>
      </c>
      <c r="AB2930" s="166">
        <v>0</v>
      </c>
      <c r="AC2930" s="166">
        <v>0</v>
      </c>
      <c r="AD2930" s="166">
        <v>0</v>
      </c>
      <c r="AE2930" s="166">
        <v>0</v>
      </c>
      <c r="AF2930" s="166">
        <v>0</v>
      </c>
      <c r="AG2930" s="166">
        <v>0</v>
      </c>
      <c r="AH2930" s="166">
        <v>0</v>
      </c>
      <c r="AI2930" s="166">
        <v>0</v>
      </c>
      <c r="AJ2930" s="166">
        <v>0</v>
      </c>
      <c r="AK2930" s="166">
        <v>0</v>
      </c>
      <c r="AL2930" s="166">
        <v>0</v>
      </c>
      <c r="AM2930" s="166">
        <v>0</v>
      </c>
      <c r="AN2930" s="166">
        <v>0</v>
      </c>
      <c r="AO2930" s="166">
        <v>0</v>
      </c>
      <c r="AP2930" s="166">
        <v>0</v>
      </c>
      <c r="AQ2930" s="166">
        <v>0</v>
      </c>
      <c r="AR2930" s="166">
        <v>0</v>
      </c>
      <c r="AS2930" s="166">
        <v>0</v>
      </c>
      <c r="AT2930" s="166">
        <v>0</v>
      </c>
      <c r="AU2930" s="166">
        <v>0</v>
      </c>
      <c r="AV2930" s="166">
        <v>0</v>
      </c>
      <c r="AW2930" s="166">
        <v>0</v>
      </c>
      <c r="AX2930" s="166">
        <v>0</v>
      </c>
      <c r="AY2930" s="166">
        <v>0</v>
      </c>
      <c r="AZ2930" s="166">
        <v>0</v>
      </c>
      <c r="BA2930" s="166">
        <v>0</v>
      </c>
      <c r="BB2930" s="166">
        <v>0</v>
      </c>
      <c r="BC2930" s="166">
        <v>0</v>
      </c>
      <c r="BD2930" s="166">
        <v>0</v>
      </c>
      <c r="BE2930" s="166">
        <v>0</v>
      </c>
      <c r="BF2930" s="166">
        <v>0</v>
      </c>
      <c r="BG2930" s="166">
        <v>0</v>
      </c>
      <c r="BH2930" s="166">
        <v>0</v>
      </c>
      <c r="BI2930" s="166">
        <v>0</v>
      </c>
      <c r="BJ2930" s="166">
        <v>0</v>
      </c>
      <c r="BK2930" s="166">
        <v>0</v>
      </c>
      <c r="BL2930" s="166">
        <v>0</v>
      </c>
      <c r="BM2930" s="166">
        <v>0</v>
      </c>
      <c r="BN2930" s="166">
        <v>0</v>
      </c>
      <c r="BO2930" s="166">
        <v>0</v>
      </c>
      <c r="BP2930" s="166">
        <v>0</v>
      </c>
      <c r="BQ2930" s="166">
        <v>0</v>
      </c>
      <c r="BR2930" s="166">
        <v>5960.60712853928</v>
      </c>
      <c r="BS2930" s="166">
        <v>5960.60712853928</v>
      </c>
      <c r="BT2930" s="166">
        <v>0</v>
      </c>
      <c r="BU2930" s="166">
        <v>0</v>
      </c>
      <c r="BV2930" s="166">
        <v>0</v>
      </c>
      <c r="BW2930" s="166">
        <v>0</v>
      </c>
      <c r="BX2930" s="166">
        <v>0</v>
      </c>
      <c r="BY2930" s="166">
        <v>0</v>
      </c>
      <c r="BZ2930" s="166">
        <v>0</v>
      </c>
      <c r="CA2930" s="166">
        <v>0</v>
      </c>
      <c r="CB2930" s="166">
        <v>0</v>
      </c>
      <c r="CC2930" s="166">
        <v>0</v>
      </c>
      <c r="CD2930" s="166">
        <v>0</v>
      </c>
      <c r="CE2930" s="166">
        <v>0</v>
      </c>
      <c r="CF2930" s="166">
        <v>0</v>
      </c>
      <c r="CG2930" s="166">
        <v>0</v>
      </c>
      <c r="CH2930" s="166">
        <v>0</v>
      </c>
      <c r="CI2930" s="166">
        <v>0</v>
      </c>
      <c r="CJ2930" s="166">
        <v>0</v>
      </c>
      <c r="CK2930" s="166">
        <v>0</v>
      </c>
      <c r="CL2930" s="166">
        <v>0</v>
      </c>
      <c r="CM2930" s="166">
        <v>0</v>
      </c>
      <c r="CN2930" s="166">
        <v>0</v>
      </c>
      <c r="CO2930" s="166">
        <v>0</v>
      </c>
      <c r="CP2930" s="166">
        <v>0</v>
      </c>
      <c r="CQ2930" s="166">
        <v>0</v>
      </c>
      <c r="CR2930" s="166">
        <v>0</v>
      </c>
      <c r="CS2930" s="166">
        <v>0</v>
      </c>
      <c r="CT2930" s="166">
        <v>0</v>
      </c>
      <c r="CU2930" s="166">
        <v>0</v>
      </c>
      <c r="CV2930" s="166">
        <v>0</v>
      </c>
      <c r="CW2930" s="166">
        <v>0</v>
      </c>
      <c r="CX2930" s="166">
        <v>0</v>
      </c>
      <c r="CY2930" s="166">
        <v>0</v>
      </c>
      <c r="CZ2930" s="166">
        <v>0</v>
      </c>
    </row>
    <row r="2931" spans="1:104" x14ac:dyDescent="0.2">
      <c r="A2931" s="167" t="s">
        <v>218</v>
      </c>
      <c r="B2931" s="166">
        <v>1027524.1449903999</v>
      </c>
      <c r="C2931" s="166">
        <v>1027524.1449903999</v>
      </c>
      <c r="D2931" s="166">
        <v>0</v>
      </c>
      <c r="E2931" s="166">
        <v>0</v>
      </c>
      <c r="F2931" s="166">
        <v>0</v>
      </c>
      <c r="G2931" s="166">
        <v>0</v>
      </c>
      <c r="H2931" s="166">
        <v>0</v>
      </c>
      <c r="I2931" s="166">
        <v>0</v>
      </c>
      <c r="J2931" s="166">
        <v>0</v>
      </c>
      <c r="K2931" s="166">
        <v>0</v>
      </c>
      <c r="L2931" s="166">
        <v>0</v>
      </c>
      <c r="M2931" s="166">
        <v>0</v>
      </c>
      <c r="N2931" s="166">
        <v>0</v>
      </c>
      <c r="O2931" s="166">
        <v>0</v>
      </c>
      <c r="P2931" s="166">
        <v>0</v>
      </c>
      <c r="Q2931" s="166">
        <v>0</v>
      </c>
      <c r="R2931" s="166">
        <v>0</v>
      </c>
      <c r="S2931" s="166">
        <v>0</v>
      </c>
      <c r="T2931" s="166">
        <v>0</v>
      </c>
      <c r="U2931" s="166">
        <v>0</v>
      </c>
      <c r="V2931" s="166">
        <v>0</v>
      </c>
      <c r="W2931" s="166">
        <v>0</v>
      </c>
      <c r="X2931" s="166">
        <v>0</v>
      </c>
      <c r="Y2931" s="166">
        <v>0</v>
      </c>
      <c r="Z2931" s="166">
        <v>0</v>
      </c>
      <c r="AA2931" s="166">
        <v>0</v>
      </c>
      <c r="AB2931" s="166">
        <v>0</v>
      </c>
      <c r="AC2931" s="166">
        <v>0</v>
      </c>
      <c r="AD2931" s="166">
        <v>0</v>
      </c>
      <c r="AE2931" s="166">
        <v>0</v>
      </c>
      <c r="AF2931" s="166">
        <v>0</v>
      </c>
      <c r="AG2931" s="166">
        <v>0</v>
      </c>
      <c r="AH2931" s="166">
        <v>0</v>
      </c>
      <c r="AI2931" s="166">
        <v>0</v>
      </c>
      <c r="AJ2931" s="166">
        <v>0</v>
      </c>
      <c r="AK2931" s="166">
        <v>0</v>
      </c>
      <c r="AL2931" s="166">
        <v>0</v>
      </c>
      <c r="AM2931" s="166">
        <v>0</v>
      </c>
      <c r="AN2931" s="166">
        <v>0</v>
      </c>
      <c r="AO2931" s="166">
        <v>0</v>
      </c>
      <c r="AP2931" s="166">
        <v>0</v>
      </c>
      <c r="AQ2931" s="166">
        <v>0</v>
      </c>
      <c r="AR2931" s="166">
        <v>0</v>
      </c>
      <c r="AS2931" s="166">
        <v>0</v>
      </c>
      <c r="AT2931" s="166">
        <v>0</v>
      </c>
      <c r="AU2931" s="166">
        <v>0</v>
      </c>
      <c r="AV2931" s="166">
        <v>0</v>
      </c>
      <c r="AW2931" s="166">
        <v>0</v>
      </c>
      <c r="AX2931" s="166">
        <v>0</v>
      </c>
      <c r="AY2931" s="166">
        <v>0</v>
      </c>
      <c r="AZ2931" s="166">
        <v>0</v>
      </c>
      <c r="BA2931" s="166">
        <v>0</v>
      </c>
      <c r="BB2931" s="166">
        <v>0</v>
      </c>
      <c r="BC2931" s="166">
        <v>0</v>
      </c>
      <c r="BD2931" s="166">
        <v>0</v>
      </c>
      <c r="BE2931" s="166">
        <v>0</v>
      </c>
      <c r="BF2931" s="166">
        <v>0</v>
      </c>
      <c r="BG2931" s="166">
        <v>0</v>
      </c>
      <c r="BH2931" s="166">
        <v>0</v>
      </c>
      <c r="BI2931" s="166">
        <v>0</v>
      </c>
      <c r="BJ2931" s="166">
        <v>0</v>
      </c>
      <c r="BK2931" s="166">
        <v>0</v>
      </c>
      <c r="BL2931" s="166">
        <v>0</v>
      </c>
      <c r="BM2931" s="166">
        <v>0</v>
      </c>
      <c r="BN2931" s="166">
        <v>0</v>
      </c>
      <c r="BO2931" s="166">
        <v>0</v>
      </c>
      <c r="BP2931" s="166">
        <v>0</v>
      </c>
      <c r="BQ2931" s="166">
        <v>0</v>
      </c>
      <c r="BR2931" s="166">
        <v>1027524.1449903999</v>
      </c>
      <c r="BS2931" s="166">
        <v>1027524.1449903999</v>
      </c>
      <c r="BT2931" s="166">
        <v>0</v>
      </c>
      <c r="BU2931" s="166">
        <v>0</v>
      </c>
      <c r="BV2931" s="166">
        <v>0</v>
      </c>
      <c r="BW2931" s="166">
        <v>0</v>
      </c>
      <c r="BX2931" s="166">
        <v>0</v>
      </c>
      <c r="BY2931" s="166">
        <v>0</v>
      </c>
      <c r="BZ2931" s="166">
        <v>0</v>
      </c>
      <c r="CA2931" s="166">
        <v>0</v>
      </c>
      <c r="CB2931" s="166">
        <v>0</v>
      </c>
      <c r="CC2931" s="166">
        <v>0</v>
      </c>
      <c r="CD2931" s="166">
        <v>0</v>
      </c>
      <c r="CE2931" s="166">
        <v>0</v>
      </c>
      <c r="CF2931" s="166">
        <v>0</v>
      </c>
      <c r="CG2931" s="166">
        <v>0</v>
      </c>
      <c r="CH2931" s="166">
        <v>0</v>
      </c>
      <c r="CI2931" s="166">
        <v>0</v>
      </c>
      <c r="CJ2931" s="166">
        <v>0</v>
      </c>
      <c r="CK2931" s="166">
        <v>0</v>
      </c>
      <c r="CL2931" s="166">
        <v>0</v>
      </c>
      <c r="CM2931" s="166">
        <v>0</v>
      </c>
      <c r="CN2931" s="166">
        <v>0</v>
      </c>
      <c r="CO2931" s="166">
        <v>0</v>
      </c>
      <c r="CP2931" s="166">
        <v>0</v>
      </c>
      <c r="CQ2931" s="166">
        <v>0</v>
      </c>
      <c r="CR2931" s="166">
        <v>0</v>
      </c>
      <c r="CS2931" s="166">
        <v>0</v>
      </c>
      <c r="CT2931" s="166">
        <v>0</v>
      </c>
      <c r="CU2931" s="166">
        <v>0</v>
      </c>
      <c r="CV2931" s="166">
        <v>0</v>
      </c>
      <c r="CW2931" s="166">
        <v>0</v>
      </c>
      <c r="CX2931" s="166">
        <v>0</v>
      </c>
      <c r="CY2931" s="166">
        <v>0</v>
      </c>
      <c r="CZ2931" s="166">
        <v>0</v>
      </c>
    </row>
    <row r="2932" spans="1:104" x14ac:dyDescent="0.2">
      <c r="A2932" s="167" t="s">
        <v>219</v>
      </c>
      <c r="B2932" s="166">
        <v>1054185.96</v>
      </c>
      <c r="C2932" s="166">
        <v>1054185.96</v>
      </c>
      <c r="D2932" s="166">
        <v>0</v>
      </c>
      <c r="E2932" s="166">
        <v>0</v>
      </c>
      <c r="F2932" s="166">
        <v>0</v>
      </c>
      <c r="G2932" s="166">
        <v>0</v>
      </c>
      <c r="H2932" s="166">
        <v>0</v>
      </c>
      <c r="I2932" s="166">
        <v>0</v>
      </c>
      <c r="J2932" s="166">
        <v>0</v>
      </c>
      <c r="K2932" s="166">
        <v>0</v>
      </c>
      <c r="L2932" s="166">
        <v>0</v>
      </c>
      <c r="M2932" s="166">
        <v>0</v>
      </c>
      <c r="N2932" s="166">
        <v>0</v>
      </c>
      <c r="O2932" s="166">
        <v>0</v>
      </c>
      <c r="P2932" s="166">
        <v>0</v>
      </c>
      <c r="Q2932" s="166">
        <v>0</v>
      </c>
      <c r="R2932" s="166">
        <v>0</v>
      </c>
      <c r="S2932" s="166">
        <v>0</v>
      </c>
      <c r="T2932" s="166">
        <v>0</v>
      </c>
      <c r="U2932" s="166">
        <v>0</v>
      </c>
      <c r="V2932" s="166">
        <v>0</v>
      </c>
      <c r="W2932" s="166">
        <v>0</v>
      </c>
      <c r="X2932" s="166">
        <v>0</v>
      </c>
      <c r="Y2932" s="166">
        <v>0</v>
      </c>
      <c r="Z2932" s="166">
        <v>0</v>
      </c>
      <c r="AA2932" s="166">
        <v>0</v>
      </c>
      <c r="AB2932" s="166">
        <v>0</v>
      </c>
      <c r="AC2932" s="166">
        <v>0</v>
      </c>
      <c r="AD2932" s="166">
        <v>0</v>
      </c>
      <c r="AE2932" s="166">
        <v>0</v>
      </c>
      <c r="AF2932" s="166">
        <v>0</v>
      </c>
      <c r="AG2932" s="166">
        <v>0</v>
      </c>
      <c r="AH2932" s="166">
        <v>0</v>
      </c>
      <c r="AI2932" s="166">
        <v>0</v>
      </c>
      <c r="AJ2932" s="166">
        <v>0</v>
      </c>
      <c r="AK2932" s="166">
        <v>0</v>
      </c>
      <c r="AL2932" s="166">
        <v>0</v>
      </c>
      <c r="AM2932" s="166">
        <v>0</v>
      </c>
      <c r="AN2932" s="166">
        <v>0</v>
      </c>
      <c r="AO2932" s="166">
        <v>0</v>
      </c>
      <c r="AP2932" s="166">
        <v>0</v>
      </c>
      <c r="AQ2932" s="166">
        <v>0</v>
      </c>
      <c r="AR2932" s="166">
        <v>0</v>
      </c>
      <c r="AS2932" s="166">
        <v>0</v>
      </c>
      <c r="AT2932" s="166">
        <v>0</v>
      </c>
      <c r="AU2932" s="166">
        <v>0</v>
      </c>
      <c r="AV2932" s="166">
        <v>0</v>
      </c>
      <c r="AW2932" s="166">
        <v>0</v>
      </c>
      <c r="AX2932" s="166">
        <v>0</v>
      </c>
      <c r="AY2932" s="166">
        <v>0</v>
      </c>
      <c r="AZ2932" s="166">
        <v>0</v>
      </c>
      <c r="BA2932" s="166">
        <v>0</v>
      </c>
      <c r="BB2932" s="166">
        <v>0</v>
      </c>
      <c r="BC2932" s="166">
        <v>0</v>
      </c>
      <c r="BD2932" s="166">
        <v>0</v>
      </c>
      <c r="BE2932" s="166">
        <v>0</v>
      </c>
      <c r="BF2932" s="166">
        <v>0</v>
      </c>
      <c r="BG2932" s="166">
        <v>0</v>
      </c>
      <c r="BH2932" s="166">
        <v>0</v>
      </c>
      <c r="BI2932" s="166">
        <v>0</v>
      </c>
      <c r="BJ2932" s="166">
        <v>0</v>
      </c>
      <c r="BK2932" s="166">
        <v>0</v>
      </c>
      <c r="BL2932" s="166">
        <v>0</v>
      </c>
      <c r="BM2932" s="166">
        <v>0</v>
      </c>
      <c r="BN2932" s="166">
        <v>0</v>
      </c>
      <c r="BO2932" s="166">
        <v>0</v>
      </c>
      <c r="BP2932" s="166">
        <v>0</v>
      </c>
      <c r="BQ2932" s="166">
        <v>0</v>
      </c>
      <c r="BR2932" s="166">
        <v>1054185.96</v>
      </c>
      <c r="BS2932" s="166">
        <v>1054185.96</v>
      </c>
      <c r="BT2932" s="168">
        <v>0</v>
      </c>
      <c r="BU2932" s="166">
        <v>0</v>
      </c>
      <c r="BV2932" s="166">
        <v>0</v>
      </c>
      <c r="BW2932" s="166">
        <v>0</v>
      </c>
      <c r="BX2932" s="166">
        <v>0</v>
      </c>
      <c r="BY2932" s="166">
        <v>0</v>
      </c>
      <c r="BZ2932" s="166">
        <v>0</v>
      </c>
      <c r="CA2932" s="166">
        <v>0</v>
      </c>
      <c r="CB2932" s="166">
        <v>0</v>
      </c>
      <c r="CC2932" s="166">
        <v>0</v>
      </c>
      <c r="CD2932" s="166">
        <v>0</v>
      </c>
      <c r="CE2932" s="166">
        <v>0</v>
      </c>
      <c r="CF2932" s="166">
        <v>0</v>
      </c>
      <c r="CG2932" s="166">
        <v>0</v>
      </c>
      <c r="CH2932" s="166">
        <v>0</v>
      </c>
      <c r="CI2932" s="166">
        <v>0</v>
      </c>
      <c r="CJ2932" s="166">
        <v>0</v>
      </c>
      <c r="CK2932" s="166">
        <v>0</v>
      </c>
      <c r="CL2932" s="166">
        <v>0</v>
      </c>
      <c r="CM2932" s="166">
        <v>0</v>
      </c>
      <c r="CN2932" s="166">
        <v>0</v>
      </c>
      <c r="CO2932" s="166">
        <v>0</v>
      </c>
      <c r="CP2932" s="166">
        <v>0</v>
      </c>
      <c r="CQ2932" s="166">
        <v>0</v>
      </c>
      <c r="CR2932" s="166">
        <v>0</v>
      </c>
      <c r="CS2932" s="166">
        <v>0</v>
      </c>
      <c r="CT2932" s="166">
        <v>0</v>
      </c>
      <c r="CU2932" s="166">
        <v>0</v>
      </c>
      <c r="CV2932" s="166">
        <v>0</v>
      </c>
      <c r="CW2932" s="166">
        <v>0</v>
      </c>
      <c r="CX2932" s="166">
        <v>0</v>
      </c>
      <c r="CY2932" s="166">
        <v>0</v>
      </c>
      <c r="CZ2932" s="166">
        <v>0</v>
      </c>
    </row>
    <row r="2933" spans="1:104" x14ac:dyDescent="0.2">
      <c r="A2933" s="167" t="s">
        <v>220</v>
      </c>
    </row>
    <row r="2934" spans="1:104" x14ac:dyDescent="0.2">
      <c r="A2934" s="167" t="s">
        <v>221</v>
      </c>
      <c r="B2934" s="166">
        <v>-5.0400000009176402</v>
      </c>
      <c r="C2934" s="166">
        <v>-5.0400000009176402</v>
      </c>
      <c r="D2934" s="166">
        <v>0</v>
      </c>
      <c r="E2934" s="166">
        <v>0</v>
      </c>
      <c r="F2934" s="166">
        <v>0</v>
      </c>
      <c r="G2934" s="166">
        <v>0</v>
      </c>
      <c r="H2934" s="166">
        <v>0</v>
      </c>
      <c r="I2934" s="166">
        <v>0</v>
      </c>
      <c r="J2934" s="166">
        <v>0</v>
      </c>
      <c r="K2934" s="166">
        <v>0</v>
      </c>
      <c r="L2934" s="166">
        <v>0</v>
      </c>
      <c r="M2934" s="166">
        <v>0</v>
      </c>
      <c r="N2934" s="166">
        <v>0</v>
      </c>
      <c r="O2934" s="166">
        <v>0</v>
      </c>
      <c r="P2934" s="166">
        <v>0</v>
      </c>
      <c r="Q2934" s="166">
        <v>0</v>
      </c>
      <c r="R2934" s="166">
        <v>0</v>
      </c>
      <c r="S2934" s="166">
        <v>0</v>
      </c>
      <c r="T2934" s="166">
        <v>0</v>
      </c>
      <c r="U2934" s="166">
        <v>0</v>
      </c>
      <c r="V2934" s="166">
        <v>0</v>
      </c>
      <c r="W2934" s="166">
        <v>0</v>
      </c>
      <c r="X2934" s="166">
        <v>0</v>
      </c>
      <c r="Y2934" s="166">
        <v>0</v>
      </c>
      <c r="Z2934" s="166">
        <v>0</v>
      </c>
      <c r="AA2934" s="166">
        <v>0</v>
      </c>
      <c r="AB2934" s="166">
        <v>0</v>
      </c>
      <c r="AC2934" s="166">
        <v>0</v>
      </c>
      <c r="AD2934" s="166">
        <v>0</v>
      </c>
      <c r="AE2934" s="166">
        <v>0</v>
      </c>
      <c r="AF2934" s="166">
        <v>0</v>
      </c>
      <c r="AG2934" s="166">
        <v>0</v>
      </c>
      <c r="AH2934" s="166">
        <v>0</v>
      </c>
      <c r="AI2934" s="166">
        <v>0</v>
      </c>
      <c r="AJ2934" s="166">
        <v>0</v>
      </c>
      <c r="AK2934" s="166">
        <v>0</v>
      </c>
      <c r="AL2934" s="166">
        <v>0</v>
      </c>
      <c r="AM2934" s="166">
        <v>0</v>
      </c>
      <c r="AN2934" s="166">
        <v>0</v>
      </c>
      <c r="AO2934" s="166">
        <v>0</v>
      </c>
      <c r="AP2934" s="166">
        <v>0</v>
      </c>
      <c r="AQ2934" s="166">
        <v>0</v>
      </c>
      <c r="AR2934" s="166">
        <v>0</v>
      </c>
      <c r="AS2934" s="166">
        <v>0</v>
      </c>
      <c r="AT2934" s="166">
        <v>0</v>
      </c>
      <c r="AU2934" s="166">
        <v>0</v>
      </c>
      <c r="AV2934" s="166">
        <v>0</v>
      </c>
      <c r="AW2934" s="166">
        <v>0</v>
      </c>
      <c r="AX2934" s="166">
        <v>0</v>
      </c>
      <c r="AY2934" s="166">
        <v>0</v>
      </c>
      <c r="AZ2934" s="166">
        <v>0</v>
      </c>
      <c r="BA2934" s="166">
        <v>0</v>
      </c>
      <c r="BB2934" s="166">
        <v>0</v>
      </c>
      <c r="BC2934" s="166">
        <v>0</v>
      </c>
      <c r="BD2934" s="166">
        <v>0</v>
      </c>
      <c r="BE2934" s="166">
        <v>0</v>
      </c>
      <c r="BF2934" s="166">
        <v>0</v>
      </c>
      <c r="BG2934" s="166">
        <v>0</v>
      </c>
      <c r="BH2934" s="166">
        <v>0</v>
      </c>
      <c r="BI2934" s="166">
        <v>0</v>
      </c>
      <c r="BJ2934" s="166">
        <v>0</v>
      </c>
      <c r="BK2934" s="166">
        <v>0</v>
      </c>
      <c r="BL2934" s="166">
        <v>0</v>
      </c>
      <c r="BM2934" s="166">
        <v>0</v>
      </c>
      <c r="BN2934" s="166">
        <v>0</v>
      </c>
      <c r="BO2934" s="166">
        <v>0</v>
      </c>
      <c r="BP2934" s="166">
        <v>0</v>
      </c>
      <c r="BQ2934" s="166">
        <v>0</v>
      </c>
      <c r="BR2934" s="166">
        <v>-5.0400000009176402</v>
      </c>
      <c r="BS2934" s="166">
        <v>-5.0400000009176402</v>
      </c>
      <c r="BT2934" s="168">
        <v>0</v>
      </c>
      <c r="BU2934" s="166">
        <v>0</v>
      </c>
      <c r="BV2934" s="166">
        <v>0</v>
      </c>
      <c r="BW2934" s="166">
        <v>0</v>
      </c>
      <c r="BX2934" s="166">
        <v>0</v>
      </c>
      <c r="BY2934" s="166">
        <v>0</v>
      </c>
      <c r="BZ2934" s="166">
        <v>0</v>
      </c>
      <c r="CA2934" s="166">
        <v>0</v>
      </c>
      <c r="CB2934" s="166">
        <v>0</v>
      </c>
      <c r="CC2934" s="166">
        <v>0</v>
      </c>
      <c r="CD2934" s="166">
        <v>0</v>
      </c>
      <c r="CE2934" s="166">
        <v>0</v>
      </c>
      <c r="CF2934" s="166">
        <v>0</v>
      </c>
      <c r="CG2934" s="166">
        <v>0</v>
      </c>
      <c r="CH2934" s="166">
        <v>0</v>
      </c>
      <c r="CI2934" s="166">
        <v>0</v>
      </c>
      <c r="CJ2934" s="166">
        <v>0</v>
      </c>
      <c r="CK2934" s="166">
        <v>0</v>
      </c>
      <c r="CL2934" s="166">
        <v>0</v>
      </c>
      <c r="CM2934" s="166">
        <v>0</v>
      </c>
      <c r="CN2934" s="166">
        <v>0</v>
      </c>
      <c r="CO2934" s="166">
        <v>0</v>
      </c>
      <c r="CP2934" s="166">
        <v>0</v>
      </c>
      <c r="CQ2934" s="166">
        <v>0</v>
      </c>
      <c r="CR2934" s="166">
        <v>0</v>
      </c>
      <c r="CS2934" s="166">
        <v>0</v>
      </c>
      <c r="CT2934" s="166">
        <v>0</v>
      </c>
      <c r="CU2934" s="166">
        <v>0</v>
      </c>
      <c r="CV2934" s="166">
        <v>0</v>
      </c>
      <c r="CW2934" s="166">
        <v>0</v>
      </c>
      <c r="CX2934" s="166">
        <v>0</v>
      </c>
      <c r="CY2934" s="166">
        <v>0</v>
      </c>
      <c r="CZ2934" s="166">
        <v>0</v>
      </c>
    </row>
    <row r="2935" spans="1:104" x14ac:dyDescent="0.2">
      <c r="A2935" s="167" t="s">
        <v>222</v>
      </c>
    </row>
    <row r="2936" spans="1:104" x14ac:dyDescent="0.2">
      <c r="A2936" s="167" t="s">
        <v>1079</v>
      </c>
      <c r="B2936" s="166">
        <v>48831.465902275799</v>
      </c>
      <c r="C2936" s="166">
        <v>48831.465902275799</v>
      </c>
      <c r="D2936" s="166">
        <v>0</v>
      </c>
      <c r="E2936" s="166">
        <v>0</v>
      </c>
      <c r="F2936" s="166">
        <v>0</v>
      </c>
      <c r="G2936" s="166">
        <v>0</v>
      </c>
      <c r="H2936" s="166">
        <v>0</v>
      </c>
      <c r="I2936" s="166">
        <v>0</v>
      </c>
      <c r="J2936" s="166">
        <v>0</v>
      </c>
      <c r="K2936" s="166">
        <v>0</v>
      </c>
      <c r="L2936" s="166">
        <v>0</v>
      </c>
      <c r="M2936" s="166">
        <v>0</v>
      </c>
      <c r="N2936" s="166">
        <v>0</v>
      </c>
      <c r="O2936" s="166">
        <v>0</v>
      </c>
      <c r="P2936" s="166">
        <v>0</v>
      </c>
      <c r="Q2936" s="166">
        <v>0</v>
      </c>
      <c r="R2936" s="166">
        <v>0</v>
      </c>
      <c r="S2936" s="166">
        <v>0</v>
      </c>
      <c r="T2936" s="166">
        <v>0</v>
      </c>
      <c r="U2936" s="166">
        <v>0</v>
      </c>
      <c r="V2936" s="166">
        <v>0</v>
      </c>
      <c r="W2936" s="166">
        <v>0</v>
      </c>
      <c r="X2936" s="166">
        <v>0</v>
      </c>
      <c r="Y2936" s="166">
        <v>0</v>
      </c>
      <c r="Z2936" s="166">
        <v>0</v>
      </c>
      <c r="AA2936" s="166">
        <v>0</v>
      </c>
      <c r="AB2936" s="166">
        <v>0</v>
      </c>
      <c r="AC2936" s="166">
        <v>0</v>
      </c>
      <c r="AD2936" s="166">
        <v>0</v>
      </c>
      <c r="AE2936" s="166">
        <v>0</v>
      </c>
      <c r="AF2936" s="166">
        <v>0</v>
      </c>
      <c r="AG2936" s="166">
        <v>0</v>
      </c>
      <c r="AH2936" s="166">
        <v>0</v>
      </c>
      <c r="AI2936" s="166">
        <v>0</v>
      </c>
      <c r="AJ2936" s="166">
        <v>0</v>
      </c>
      <c r="AK2936" s="166">
        <v>0</v>
      </c>
      <c r="AL2936" s="166">
        <v>0</v>
      </c>
      <c r="AM2936" s="166">
        <v>0</v>
      </c>
      <c r="AN2936" s="166">
        <v>0</v>
      </c>
      <c r="AO2936" s="166">
        <v>0</v>
      </c>
      <c r="AP2936" s="166">
        <v>0</v>
      </c>
      <c r="AQ2936" s="166">
        <v>0</v>
      </c>
      <c r="AR2936" s="166">
        <v>0</v>
      </c>
      <c r="AS2936" s="166">
        <v>0</v>
      </c>
      <c r="AT2936" s="166">
        <v>0</v>
      </c>
      <c r="AU2936" s="166">
        <v>0</v>
      </c>
      <c r="AV2936" s="166">
        <v>0</v>
      </c>
      <c r="AW2936" s="166">
        <v>0</v>
      </c>
      <c r="AX2936" s="166">
        <v>0</v>
      </c>
      <c r="AY2936" s="166">
        <v>0</v>
      </c>
      <c r="AZ2936" s="166">
        <v>0</v>
      </c>
      <c r="BA2936" s="166">
        <v>0</v>
      </c>
      <c r="BB2936" s="166">
        <v>0</v>
      </c>
      <c r="BC2936" s="166">
        <v>0</v>
      </c>
      <c r="BD2936" s="166">
        <v>0</v>
      </c>
      <c r="BE2936" s="166">
        <v>0</v>
      </c>
      <c r="BF2936" s="166">
        <v>0</v>
      </c>
      <c r="BG2936" s="166">
        <v>0</v>
      </c>
      <c r="BH2936" s="166">
        <v>0</v>
      </c>
      <c r="BI2936" s="166">
        <v>0</v>
      </c>
      <c r="BJ2936" s="166">
        <v>0</v>
      </c>
      <c r="BK2936" s="166">
        <v>0</v>
      </c>
      <c r="BL2936" s="166">
        <v>0</v>
      </c>
      <c r="BM2936" s="166">
        <v>0</v>
      </c>
      <c r="BN2936" s="166">
        <v>0</v>
      </c>
      <c r="BO2936" s="166">
        <v>0</v>
      </c>
      <c r="BP2936" s="166">
        <v>0</v>
      </c>
      <c r="BQ2936" s="166">
        <v>0</v>
      </c>
      <c r="BR2936" s="166">
        <v>48831.465902275799</v>
      </c>
      <c r="BS2936" s="166">
        <v>48831.465902275799</v>
      </c>
      <c r="BT2936" s="168">
        <v>0</v>
      </c>
      <c r="BU2936" s="166">
        <v>0</v>
      </c>
      <c r="BV2936" s="166">
        <v>0</v>
      </c>
      <c r="BW2936" s="166">
        <v>0</v>
      </c>
      <c r="BX2936" s="166">
        <v>0</v>
      </c>
      <c r="BY2936" s="166">
        <v>0</v>
      </c>
      <c r="BZ2936" s="166">
        <v>0</v>
      </c>
      <c r="CA2936" s="166">
        <v>0</v>
      </c>
      <c r="CB2936" s="166">
        <v>0</v>
      </c>
      <c r="CC2936" s="166">
        <v>0</v>
      </c>
      <c r="CD2936" s="166">
        <v>0</v>
      </c>
      <c r="CE2936" s="166">
        <v>0</v>
      </c>
      <c r="CF2936" s="166">
        <v>0</v>
      </c>
      <c r="CG2936" s="166">
        <v>0</v>
      </c>
      <c r="CH2936" s="166">
        <v>0</v>
      </c>
      <c r="CI2936" s="166">
        <v>0</v>
      </c>
      <c r="CJ2936" s="166">
        <v>0</v>
      </c>
      <c r="CK2936" s="166">
        <v>0</v>
      </c>
      <c r="CL2936" s="166">
        <v>0</v>
      </c>
      <c r="CM2936" s="166">
        <v>0</v>
      </c>
      <c r="CN2936" s="166">
        <v>0</v>
      </c>
      <c r="CO2936" s="166">
        <v>0</v>
      </c>
      <c r="CP2936" s="166">
        <v>0</v>
      </c>
      <c r="CQ2936" s="166">
        <v>0</v>
      </c>
      <c r="CR2936" s="166">
        <v>0</v>
      </c>
      <c r="CS2936" s="166">
        <v>0</v>
      </c>
      <c r="CT2936" s="166">
        <v>0</v>
      </c>
      <c r="CU2936" s="166">
        <v>0</v>
      </c>
      <c r="CV2936" s="166">
        <v>0</v>
      </c>
      <c r="CW2936" s="166">
        <v>0</v>
      </c>
      <c r="CX2936" s="166">
        <v>0</v>
      </c>
      <c r="CY2936" s="166">
        <v>0</v>
      </c>
      <c r="CZ2936" s="166">
        <v>0</v>
      </c>
    </row>
    <row r="2937" spans="1:104" x14ac:dyDescent="0.2">
      <c r="A2937" s="167" t="s">
        <v>1080</v>
      </c>
      <c r="B2937" s="166">
        <v>1543.88212795809</v>
      </c>
      <c r="C2937" s="166">
        <v>1543.88212795809</v>
      </c>
      <c r="D2937" s="166">
        <v>0</v>
      </c>
      <c r="E2937" s="166">
        <v>0</v>
      </c>
      <c r="F2937" s="166">
        <v>0</v>
      </c>
      <c r="G2937" s="166">
        <v>0</v>
      </c>
      <c r="H2937" s="166">
        <v>0</v>
      </c>
      <c r="I2937" s="166">
        <v>0</v>
      </c>
      <c r="J2937" s="166">
        <v>0</v>
      </c>
      <c r="K2937" s="166">
        <v>0</v>
      </c>
      <c r="L2937" s="166">
        <v>0</v>
      </c>
      <c r="M2937" s="166">
        <v>0</v>
      </c>
      <c r="N2937" s="166">
        <v>0</v>
      </c>
      <c r="O2937" s="166">
        <v>0</v>
      </c>
      <c r="P2937" s="166">
        <v>0</v>
      </c>
      <c r="Q2937" s="166">
        <v>0</v>
      </c>
      <c r="R2937" s="166">
        <v>0</v>
      </c>
      <c r="S2937" s="166">
        <v>0</v>
      </c>
      <c r="T2937" s="166">
        <v>0</v>
      </c>
      <c r="U2937" s="166">
        <v>0</v>
      </c>
      <c r="V2937" s="166">
        <v>0</v>
      </c>
      <c r="W2937" s="166">
        <v>0</v>
      </c>
      <c r="X2937" s="166">
        <v>0</v>
      </c>
      <c r="Y2937" s="166">
        <v>0</v>
      </c>
      <c r="Z2937" s="166">
        <v>0</v>
      </c>
      <c r="AA2937" s="166">
        <v>0</v>
      </c>
      <c r="AB2937" s="166">
        <v>0</v>
      </c>
      <c r="AC2937" s="166">
        <v>0</v>
      </c>
      <c r="AD2937" s="166">
        <v>0</v>
      </c>
      <c r="AE2937" s="166">
        <v>0</v>
      </c>
      <c r="AF2937" s="166">
        <v>0</v>
      </c>
      <c r="AG2937" s="166">
        <v>0</v>
      </c>
      <c r="AH2937" s="166">
        <v>0</v>
      </c>
      <c r="AI2937" s="166">
        <v>0</v>
      </c>
      <c r="AJ2937" s="166">
        <v>0</v>
      </c>
      <c r="AK2937" s="166">
        <v>0</v>
      </c>
      <c r="AL2937" s="166">
        <v>0</v>
      </c>
      <c r="AM2937" s="166">
        <v>0</v>
      </c>
      <c r="AN2937" s="166">
        <v>0</v>
      </c>
      <c r="AO2937" s="166">
        <v>0</v>
      </c>
      <c r="AP2937" s="166">
        <v>0</v>
      </c>
      <c r="AQ2937" s="166">
        <v>0</v>
      </c>
      <c r="AR2937" s="166">
        <v>0</v>
      </c>
      <c r="AS2937" s="166">
        <v>0</v>
      </c>
      <c r="AT2937" s="166">
        <v>0</v>
      </c>
      <c r="AU2937" s="166">
        <v>0</v>
      </c>
      <c r="AV2937" s="166">
        <v>0</v>
      </c>
      <c r="AW2937" s="166">
        <v>0</v>
      </c>
      <c r="AX2937" s="166">
        <v>0</v>
      </c>
      <c r="AY2937" s="166">
        <v>0</v>
      </c>
      <c r="AZ2937" s="166">
        <v>0</v>
      </c>
      <c r="BA2937" s="166">
        <v>0</v>
      </c>
      <c r="BB2937" s="166">
        <v>0</v>
      </c>
      <c r="BC2937" s="166">
        <v>0</v>
      </c>
      <c r="BD2937" s="166">
        <v>0</v>
      </c>
      <c r="BE2937" s="166">
        <v>0</v>
      </c>
      <c r="BF2937" s="166">
        <v>0</v>
      </c>
      <c r="BG2937" s="166">
        <v>0</v>
      </c>
      <c r="BH2937" s="166">
        <v>0</v>
      </c>
      <c r="BI2937" s="166">
        <v>0</v>
      </c>
      <c r="BJ2937" s="166">
        <v>0</v>
      </c>
      <c r="BK2937" s="166">
        <v>0</v>
      </c>
      <c r="BL2937" s="166">
        <v>0</v>
      </c>
      <c r="BM2937" s="166">
        <v>0</v>
      </c>
      <c r="BN2937" s="166">
        <v>0</v>
      </c>
      <c r="BO2937" s="166">
        <v>0</v>
      </c>
      <c r="BP2937" s="166">
        <v>0</v>
      </c>
      <c r="BQ2937" s="166">
        <v>0</v>
      </c>
      <c r="BR2937" s="166">
        <v>1543.88212795809</v>
      </c>
      <c r="BS2937" s="166">
        <v>1543.88212795809</v>
      </c>
      <c r="BT2937" s="168">
        <v>0</v>
      </c>
      <c r="BU2937" s="166">
        <v>0</v>
      </c>
      <c r="BV2937" s="166">
        <v>0</v>
      </c>
      <c r="BW2937" s="166">
        <v>0</v>
      </c>
      <c r="BX2937" s="166">
        <v>0</v>
      </c>
      <c r="BY2937" s="166">
        <v>0</v>
      </c>
      <c r="BZ2937" s="166">
        <v>0</v>
      </c>
      <c r="CA2937" s="166">
        <v>0</v>
      </c>
      <c r="CB2937" s="166">
        <v>0</v>
      </c>
      <c r="CC2937" s="166">
        <v>0</v>
      </c>
      <c r="CD2937" s="166">
        <v>0</v>
      </c>
      <c r="CE2937" s="166">
        <v>0</v>
      </c>
      <c r="CF2937" s="166">
        <v>0</v>
      </c>
      <c r="CG2937" s="166">
        <v>0</v>
      </c>
      <c r="CH2937" s="166">
        <v>0</v>
      </c>
      <c r="CI2937" s="166">
        <v>0</v>
      </c>
      <c r="CJ2937" s="166">
        <v>0</v>
      </c>
      <c r="CK2937" s="166">
        <v>0</v>
      </c>
      <c r="CL2937" s="166">
        <v>0</v>
      </c>
      <c r="CM2937" s="166">
        <v>0</v>
      </c>
      <c r="CN2937" s="166">
        <v>0</v>
      </c>
      <c r="CO2937" s="166">
        <v>0</v>
      </c>
      <c r="CP2937" s="166">
        <v>0</v>
      </c>
      <c r="CQ2937" s="166">
        <v>0</v>
      </c>
      <c r="CR2937" s="166">
        <v>0</v>
      </c>
      <c r="CS2937" s="166">
        <v>0</v>
      </c>
      <c r="CT2937" s="166">
        <v>0</v>
      </c>
      <c r="CU2937" s="166">
        <v>0</v>
      </c>
      <c r="CV2937" s="166">
        <v>0</v>
      </c>
      <c r="CW2937" s="166">
        <v>0</v>
      </c>
      <c r="CX2937" s="166">
        <v>0</v>
      </c>
      <c r="CY2937" s="166">
        <v>0</v>
      </c>
      <c r="CZ2937" s="166">
        <v>0</v>
      </c>
    </row>
    <row r="2938" spans="1:104" x14ac:dyDescent="0.2">
      <c r="A2938" s="167" t="s">
        <v>1081</v>
      </c>
      <c r="B2938" s="166">
        <v>11137.2992543563</v>
      </c>
      <c r="C2938" s="166">
        <v>11137.2992543563</v>
      </c>
      <c r="D2938" s="166">
        <v>0</v>
      </c>
      <c r="E2938" s="166">
        <v>0</v>
      </c>
      <c r="F2938" s="166">
        <v>0</v>
      </c>
      <c r="G2938" s="166">
        <v>0</v>
      </c>
      <c r="H2938" s="166">
        <v>0</v>
      </c>
      <c r="I2938" s="166">
        <v>0</v>
      </c>
      <c r="J2938" s="166">
        <v>0</v>
      </c>
      <c r="K2938" s="166">
        <v>0</v>
      </c>
      <c r="L2938" s="166">
        <v>0</v>
      </c>
      <c r="M2938" s="166">
        <v>0</v>
      </c>
      <c r="N2938" s="166">
        <v>0</v>
      </c>
      <c r="O2938" s="166">
        <v>0</v>
      </c>
      <c r="P2938" s="166">
        <v>0</v>
      </c>
      <c r="Q2938" s="166">
        <v>0</v>
      </c>
      <c r="R2938" s="166">
        <v>0</v>
      </c>
      <c r="S2938" s="166">
        <v>0</v>
      </c>
      <c r="T2938" s="166">
        <v>0</v>
      </c>
      <c r="U2938" s="166">
        <v>0</v>
      </c>
      <c r="V2938" s="166">
        <v>0</v>
      </c>
      <c r="W2938" s="166">
        <v>0</v>
      </c>
      <c r="X2938" s="166">
        <v>0</v>
      </c>
      <c r="Y2938" s="166">
        <v>0</v>
      </c>
      <c r="Z2938" s="166">
        <v>0</v>
      </c>
      <c r="AA2938" s="166">
        <v>0</v>
      </c>
      <c r="AB2938" s="166">
        <v>0</v>
      </c>
      <c r="AC2938" s="166">
        <v>0</v>
      </c>
      <c r="AD2938" s="166">
        <v>0</v>
      </c>
      <c r="AE2938" s="166">
        <v>0</v>
      </c>
      <c r="AF2938" s="166">
        <v>0</v>
      </c>
      <c r="AG2938" s="166">
        <v>0</v>
      </c>
      <c r="AH2938" s="166">
        <v>0</v>
      </c>
      <c r="AI2938" s="166">
        <v>0</v>
      </c>
      <c r="AJ2938" s="166">
        <v>0</v>
      </c>
      <c r="AK2938" s="166">
        <v>0</v>
      </c>
      <c r="AL2938" s="166">
        <v>0</v>
      </c>
      <c r="AM2938" s="166">
        <v>0</v>
      </c>
      <c r="AN2938" s="166">
        <v>0</v>
      </c>
      <c r="AO2938" s="166">
        <v>0</v>
      </c>
      <c r="AP2938" s="166">
        <v>0</v>
      </c>
      <c r="AQ2938" s="166">
        <v>0</v>
      </c>
      <c r="AR2938" s="166">
        <v>0</v>
      </c>
      <c r="AS2938" s="166">
        <v>0</v>
      </c>
      <c r="AT2938" s="166">
        <v>0</v>
      </c>
      <c r="AU2938" s="166">
        <v>0</v>
      </c>
      <c r="AV2938" s="166">
        <v>0</v>
      </c>
      <c r="AW2938" s="166">
        <v>0</v>
      </c>
      <c r="AX2938" s="166">
        <v>0</v>
      </c>
      <c r="AY2938" s="166">
        <v>0</v>
      </c>
      <c r="AZ2938" s="166">
        <v>0</v>
      </c>
      <c r="BA2938" s="166">
        <v>0</v>
      </c>
      <c r="BB2938" s="166">
        <v>0</v>
      </c>
      <c r="BC2938" s="166">
        <v>0</v>
      </c>
      <c r="BD2938" s="166">
        <v>0</v>
      </c>
      <c r="BE2938" s="166">
        <v>0</v>
      </c>
      <c r="BF2938" s="166">
        <v>0</v>
      </c>
      <c r="BG2938" s="166">
        <v>0</v>
      </c>
      <c r="BH2938" s="166">
        <v>0</v>
      </c>
      <c r="BI2938" s="166">
        <v>0</v>
      </c>
      <c r="BJ2938" s="166">
        <v>0</v>
      </c>
      <c r="BK2938" s="166">
        <v>0</v>
      </c>
      <c r="BL2938" s="166">
        <v>0</v>
      </c>
      <c r="BM2938" s="166">
        <v>0</v>
      </c>
      <c r="BN2938" s="166">
        <v>0</v>
      </c>
      <c r="BO2938" s="166">
        <v>0</v>
      </c>
      <c r="BP2938" s="166">
        <v>0</v>
      </c>
      <c r="BQ2938" s="166">
        <v>0</v>
      </c>
      <c r="BR2938" s="166">
        <v>11137.2992543563</v>
      </c>
      <c r="BS2938" s="166">
        <v>11137.2992543563</v>
      </c>
      <c r="BT2938" s="168">
        <v>0</v>
      </c>
      <c r="BU2938" s="166">
        <v>0</v>
      </c>
      <c r="BV2938" s="166">
        <v>0</v>
      </c>
      <c r="BW2938" s="166">
        <v>0</v>
      </c>
      <c r="BX2938" s="166">
        <v>0</v>
      </c>
      <c r="BY2938" s="166">
        <v>0</v>
      </c>
      <c r="BZ2938" s="166">
        <v>0</v>
      </c>
      <c r="CA2938" s="166">
        <v>0</v>
      </c>
      <c r="CB2938" s="166">
        <v>0</v>
      </c>
      <c r="CC2938" s="166">
        <v>0</v>
      </c>
      <c r="CD2938" s="166">
        <v>0</v>
      </c>
      <c r="CE2938" s="166">
        <v>0</v>
      </c>
      <c r="CF2938" s="166">
        <v>0</v>
      </c>
      <c r="CG2938" s="166">
        <v>0</v>
      </c>
      <c r="CH2938" s="166">
        <v>0</v>
      </c>
      <c r="CI2938" s="166">
        <v>0</v>
      </c>
      <c r="CJ2938" s="166">
        <v>0</v>
      </c>
      <c r="CK2938" s="166">
        <v>0</v>
      </c>
      <c r="CL2938" s="166">
        <v>0</v>
      </c>
      <c r="CM2938" s="166">
        <v>0</v>
      </c>
      <c r="CN2938" s="166">
        <v>0</v>
      </c>
      <c r="CO2938" s="166">
        <v>0</v>
      </c>
      <c r="CP2938" s="166">
        <v>0</v>
      </c>
      <c r="CQ2938" s="166">
        <v>0</v>
      </c>
      <c r="CR2938" s="166">
        <v>0</v>
      </c>
      <c r="CS2938" s="166">
        <v>0</v>
      </c>
      <c r="CT2938" s="166">
        <v>0</v>
      </c>
      <c r="CU2938" s="166">
        <v>0</v>
      </c>
      <c r="CV2938" s="166">
        <v>0</v>
      </c>
      <c r="CW2938" s="166">
        <v>0</v>
      </c>
      <c r="CX2938" s="166">
        <v>0</v>
      </c>
      <c r="CY2938" s="166">
        <v>0</v>
      </c>
      <c r="CZ2938" s="166">
        <v>0</v>
      </c>
    </row>
    <row r="2939" spans="1:104" x14ac:dyDescent="0.2">
      <c r="A2939" s="167" t="s">
        <v>226</v>
      </c>
      <c r="B2939" s="166">
        <v>35628.164305608101</v>
      </c>
      <c r="C2939" s="166">
        <v>35628.164305608101</v>
      </c>
      <c r="D2939" s="166">
        <v>0</v>
      </c>
      <c r="E2939" s="166">
        <v>0</v>
      </c>
      <c r="F2939" s="166">
        <v>0</v>
      </c>
      <c r="G2939" s="166">
        <v>0</v>
      </c>
      <c r="H2939" s="166">
        <v>0</v>
      </c>
      <c r="I2939" s="166">
        <v>0</v>
      </c>
      <c r="J2939" s="166">
        <v>0</v>
      </c>
      <c r="K2939" s="166">
        <v>0</v>
      </c>
      <c r="L2939" s="166">
        <v>0</v>
      </c>
      <c r="M2939" s="166">
        <v>0</v>
      </c>
      <c r="N2939" s="166">
        <v>0</v>
      </c>
      <c r="O2939" s="166">
        <v>0</v>
      </c>
      <c r="P2939" s="166">
        <v>0</v>
      </c>
      <c r="Q2939" s="166">
        <v>0</v>
      </c>
      <c r="R2939" s="166">
        <v>0</v>
      </c>
      <c r="S2939" s="166">
        <v>0</v>
      </c>
      <c r="T2939" s="166">
        <v>0</v>
      </c>
      <c r="U2939" s="166">
        <v>0</v>
      </c>
      <c r="V2939" s="166">
        <v>0</v>
      </c>
      <c r="W2939" s="166">
        <v>0</v>
      </c>
      <c r="X2939" s="166">
        <v>0</v>
      </c>
      <c r="Y2939" s="166">
        <v>0</v>
      </c>
      <c r="Z2939" s="166">
        <v>0</v>
      </c>
      <c r="AA2939" s="166">
        <v>0</v>
      </c>
      <c r="AB2939" s="166">
        <v>0</v>
      </c>
      <c r="AC2939" s="166">
        <v>0</v>
      </c>
      <c r="AD2939" s="166">
        <v>0</v>
      </c>
      <c r="AE2939" s="166">
        <v>0</v>
      </c>
      <c r="AF2939" s="166">
        <v>0</v>
      </c>
      <c r="AG2939" s="166">
        <v>0</v>
      </c>
      <c r="AH2939" s="166">
        <v>0</v>
      </c>
      <c r="AI2939" s="166">
        <v>0</v>
      </c>
      <c r="AJ2939" s="166">
        <v>0</v>
      </c>
      <c r="AK2939" s="166">
        <v>0</v>
      </c>
      <c r="AL2939" s="166">
        <v>0</v>
      </c>
      <c r="AM2939" s="166">
        <v>0</v>
      </c>
      <c r="AN2939" s="166">
        <v>0</v>
      </c>
      <c r="AO2939" s="166">
        <v>0</v>
      </c>
      <c r="AP2939" s="166">
        <v>0</v>
      </c>
      <c r="AQ2939" s="166">
        <v>0</v>
      </c>
      <c r="AR2939" s="166">
        <v>0</v>
      </c>
      <c r="AS2939" s="166">
        <v>0</v>
      </c>
      <c r="AT2939" s="166">
        <v>0</v>
      </c>
      <c r="AU2939" s="166">
        <v>0</v>
      </c>
      <c r="AV2939" s="166">
        <v>0</v>
      </c>
      <c r="AW2939" s="166">
        <v>0</v>
      </c>
      <c r="AX2939" s="166">
        <v>0</v>
      </c>
      <c r="AY2939" s="166">
        <v>0</v>
      </c>
      <c r="AZ2939" s="166">
        <v>0</v>
      </c>
      <c r="BA2939" s="166">
        <v>0</v>
      </c>
      <c r="BB2939" s="166">
        <v>0</v>
      </c>
      <c r="BC2939" s="166">
        <v>0</v>
      </c>
      <c r="BD2939" s="166">
        <v>0</v>
      </c>
      <c r="BE2939" s="166">
        <v>0</v>
      </c>
      <c r="BF2939" s="166">
        <v>0</v>
      </c>
      <c r="BG2939" s="166">
        <v>0</v>
      </c>
      <c r="BH2939" s="166">
        <v>0</v>
      </c>
      <c r="BI2939" s="166">
        <v>0</v>
      </c>
      <c r="BJ2939" s="166">
        <v>0</v>
      </c>
      <c r="BK2939" s="166">
        <v>0</v>
      </c>
      <c r="BL2939" s="166">
        <v>0</v>
      </c>
      <c r="BM2939" s="166">
        <v>0</v>
      </c>
      <c r="BN2939" s="166">
        <v>0</v>
      </c>
      <c r="BO2939" s="166">
        <v>0</v>
      </c>
      <c r="BP2939" s="166">
        <v>0</v>
      </c>
      <c r="BQ2939" s="166">
        <v>0</v>
      </c>
      <c r="BR2939" s="166">
        <v>35628.164305608101</v>
      </c>
      <c r="BS2939" s="166">
        <v>35628.164305608101</v>
      </c>
      <c r="BT2939" s="168">
        <v>0</v>
      </c>
      <c r="BU2939" s="166">
        <v>0</v>
      </c>
      <c r="BV2939" s="166">
        <v>0</v>
      </c>
      <c r="BW2939" s="166">
        <v>0</v>
      </c>
      <c r="BX2939" s="166">
        <v>0</v>
      </c>
      <c r="BY2939" s="166">
        <v>0</v>
      </c>
      <c r="BZ2939" s="166">
        <v>0</v>
      </c>
      <c r="CA2939" s="166">
        <v>0</v>
      </c>
      <c r="CB2939" s="166">
        <v>0</v>
      </c>
      <c r="CC2939" s="166">
        <v>0</v>
      </c>
      <c r="CD2939" s="166">
        <v>0</v>
      </c>
      <c r="CE2939" s="166">
        <v>0</v>
      </c>
      <c r="CF2939" s="166">
        <v>0</v>
      </c>
      <c r="CG2939" s="166">
        <v>0</v>
      </c>
      <c r="CH2939" s="166">
        <v>0</v>
      </c>
      <c r="CI2939" s="166">
        <v>0</v>
      </c>
      <c r="CJ2939" s="166">
        <v>0</v>
      </c>
      <c r="CK2939" s="166">
        <v>0</v>
      </c>
      <c r="CL2939" s="166">
        <v>0</v>
      </c>
      <c r="CM2939" s="166">
        <v>0</v>
      </c>
      <c r="CN2939" s="166">
        <v>0</v>
      </c>
      <c r="CO2939" s="166">
        <v>0</v>
      </c>
      <c r="CP2939" s="166">
        <v>0</v>
      </c>
      <c r="CQ2939" s="166">
        <v>0</v>
      </c>
      <c r="CR2939" s="166">
        <v>0</v>
      </c>
      <c r="CS2939" s="166">
        <v>0</v>
      </c>
      <c r="CT2939" s="166">
        <v>0</v>
      </c>
      <c r="CU2939" s="166">
        <v>0</v>
      </c>
      <c r="CV2939" s="166">
        <v>0</v>
      </c>
      <c r="CW2939" s="166">
        <v>0</v>
      </c>
      <c r="CX2939" s="166">
        <v>0</v>
      </c>
      <c r="CY2939" s="166">
        <v>0</v>
      </c>
      <c r="CZ2939" s="166">
        <v>0</v>
      </c>
    </row>
    <row r="2940" spans="1:104" x14ac:dyDescent="0.2">
      <c r="A2940" s="167" t="s">
        <v>227</v>
      </c>
      <c r="B2940" s="166">
        <v>27970.262284377401</v>
      </c>
      <c r="C2940" s="166">
        <v>27970.262284377401</v>
      </c>
      <c r="D2940" s="166">
        <v>0</v>
      </c>
      <c r="E2940" s="166">
        <v>0</v>
      </c>
      <c r="F2940" s="166">
        <v>0</v>
      </c>
      <c r="G2940" s="166">
        <v>0</v>
      </c>
      <c r="H2940" s="166">
        <v>0</v>
      </c>
      <c r="I2940" s="166">
        <v>0</v>
      </c>
      <c r="J2940" s="166">
        <v>0</v>
      </c>
      <c r="K2940" s="166">
        <v>0</v>
      </c>
      <c r="L2940" s="166">
        <v>0</v>
      </c>
      <c r="M2940" s="166">
        <v>0</v>
      </c>
      <c r="N2940" s="166">
        <v>0</v>
      </c>
      <c r="O2940" s="166">
        <v>0</v>
      </c>
      <c r="P2940" s="166">
        <v>0</v>
      </c>
      <c r="Q2940" s="166">
        <v>0</v>
      </c>
      <c r="R2940" s="166">
        <v>0</v>
      </c>
      <c r="S2940" s="166">
        <v>0</v>
      </c>
      <c r="T2940" s="166">
        <v>0</v>
      </c>
      <c r="U2940" s="166">
        <v>0</v>
      </c>
      <c r="V2940" s="166">
        <v>0</v>
      </c>
      <c r="W2940" s="166">
        <v>0</v>
      </c>
      <c r="X2940" s="166">
        <v>0</v>
      </c>
      <c r="Y2940" s="166">
        <v>0</v>
      </c>
      <c r="Z2940" s="166">
        <v>0</v>
      </c>
      <c r="AA2940" s="166">
        <v>0</v>
      </c>
      <c r="AB2940" s="166">
        <v>0</v>
      </c>
      <c r="AC2940" s="166">
        <v>0</v>
      </c>
      <c r="AD2940" s="166">
        <v>0</v>
      </c>
      <c r="AE2940" s="166">
        <v>0</v>
      </c>
      <c r="AF2940" s="166">
        <v>0</v>
      </c>
      <c r="AG2940" s="166">
        <v>0</v>
      </c>
      <c r="AH2940" s="166">
        <v>0</v>
      </c>
      <c r="AI2940" s="166">
        <v>0</v>
      </c>
      <c r="AJ2940" s="166">
        <v>0</v>
      </c>
      <c r="AK2940" s="166">
        <v>0</v>
      </c>
      <c r="AL2940" s="166">
        <v>0</v>
      </c>
      <c r="AM2940" s="166">
        <v>0</v>
      </c>
      <c r="AN2940" s="166">
        <v>0</v>
      </c>
      <c r="AO2940" s="166">
        <v>0</v>
      </c>
      <c r="AP2940" s="166">
        <v>0</v>
      </c>
      <c r="AQ2940" s="166">
        <v>0</v>
      </c>
      <c r="AR2940" s="166">
        <v>0</v>
      </c>
      <c r="AS2940" s="166">
        <v>0</v>
      </c>
      <c r="AT2940" s="166">
        <v>0</v>
      </c>
      <c r="AU2940" s="166">
        <v>0</v>
      </c>
      <c r="AV2940" s="166">
        <v>0</v>
      </c>
      <c r="AW2940" s="166">
        <v>0</v>
      </c>
      <c r="AX2940" s="166">
        <v>0</v>
      </c>
      <c r="AY2940" s="166">
        <v>0</v>
      </c>
      <c r="AZ2940" s="166">
        <v>0</v>
      </c>
      <c r="BA2940" s="166">
        <v>0</v>
      </c>
      <c r="BB2940" s="166">
        <v>0</v>
      </c>
      <c r="BC2940" s="166">
        <v>0</v>
      </c>
      <c r="BD2940" s="166">
        <v>0</v>
      </c>
      <c r="BE2940" s="166">
        <v>0</v>
      </c>
      <c r="BF2940" s="166">
        <v>0</v>
      </c>
      <c r="BG2940" s="166">
        <v>0</v>
      </c>
      <c r="BH2940" s="166">
        <v>0</v>
      </c>
      <c r="BI2940" s="166">
        <v>0</v>
      </c>
      <c r="BJ2940" s="166">
        <v>0</v>
      </c>
      <c r="BK2940" s="166">
        <v>0</v>
      </c>
      <c r="BL2940" s="166">
        <v>0</v>
      </c>
      <c r="BM2940" s="166">
        <v>0</v>
      </c>
      <c r="BN2940" s="166">
        <v>0</v>
      </c>
      <c r="BO2940" s="166">
        <v>0</v>
      </c>
      <c r="BP2940" s="166">
        <v>0</v>
      </c>
      <c r="BQ2940" s="166">
        <v>0</v>
      </c>
      <c r="BR2940" s="166">
        <v>27970.262284377401</v>
      </c>
      <c r="BS2940" s="166">
        <v>27970.262284377401</v>
      </c>
      <c r="BT2940" s="166">
        <v>0</v>
      </c>
      <c r="BU2940" s="166">
        <v>0</v>
      </c>
      <c r="BV2940" s="166">
        <v>0</v>
      </c>
      <c r="BW2940" s="166">
        <v>0</v>
      </c>
      <c r="BX2940" s="166">
        <v>0</v>
      </c>
      <c r="BY2940" s="166">
        <v>0</v>
      </c>
      <c r="BZ2940" s="166">
        <v>0</v>
      </c>
      <c r="CA2940" s="166">
        <v>0</v>
      </c>
      <c r="CB2940" s="166">
        <v>0</v>
      </c>
      <c r="CC2940" s="166">
        <v>0</v>
      </c>
      <c r="CD2940" s="166">
        <v>0</v>
      </c>
      <c r="CE2940" s="166">
        <v>0</v>
      </c>
      <c r="CF2940" s="166">
        <v>0</v>
      </c>
      <c r="CG2940" s="166">
        <v>0</v>
      </c>
      <c r="CH2940" s="166">
        <v>0</v>
      </c>
      <c r="CI2940" s="166">
        <v>0</v>
      </c>
      <c r="CJ2940" s="166">
        <v>0</v>
      </c>
      <c r="CK2940" s="166">
        <v>0</v>
      </c>
      <c r="CL2940" s="166">
        <v>0</v>
      </c>
      <c r="CM2940" s="166">
        <v>0</v>
      </c>
      <c r="CN2940" s="166">
        <v>0</v>
      </c>
      <c r="CO2940" s="166">
        <v>0</v>
      </c>
      <c r="CP2940" s="166">
        <v>0</v>
      </c>
      <c r="CQ2940" s="166">
        <v>0</v>
      </c>
      <c r="CR2940" s="166">
        <v>0</v>
      </c>
      <c r="CS2940" s="166">
        <v>0</v>
      </c>
      <c r="CT2940" s="166">
        <v>0</v>
      </c>
      <c r="CU2940" s="166">
        <v>0</v>
      </c>
      <c r="CV2940" s="166">
        <v>0</v>
      </c>
      <c r="CW2940" s="166">
        <v>0</v>
      </c>
      <c r="CX2940" s="166">
        <v>0</v>
      </c>
      <c r="CY2940" s="166">
        <v>0</v>
      </c>
      <c r="CZ2940" s="166">
        <v>0</v>
      </c>
    </row>
    <row r="2941" spans="1:104" x14ac:dyDescent="0.2">
      <c r="A2941" s="167" t="s">
        <v>1082</v>
      </c>
      <c r="B2941" s="166">
        <v>4802157.4661254203</v>
      </c>
      <c r="C2941" s="166">
        <v>4802157.4661254203</v>
      </c>
      <c r="D2941" s="166">
        <v>0</v>
      </c>
      <c r="E2941" s="166">
        <v>0</v>
      </c>
      <c r="F2941" s="166">
        <v>0</v>
      </c>
      <c r="G2941" s="166">
        <v>0</v>
      </c>
      <c r="H2941" s="166">
        <v>0</v>
      </c>
      <c r="I2941" s="166">
        <v>0</v>
      </c>
      <c r="J2941" s="166">
        <v>0</v>
      </c>
      <c r="K2941" s="166">
        <v>0</v>
      </c>
      <c r="L2941" s="166">
        <v>0</v>
      </c>
      <c r="M2941" s="166">
        <v>0</v>
      </c>
      <c r="N2941" s="166">
        <v>0</v>
      </c>
      <c r="O2941" s="166">
        <v>0</v>
      </c>
      <c r="P2941" s="166">
        <v>0</v>
      </c>
      <c r="Q2941" s="166">
        <v>0</v>
      </c>
      <c r="R2941" s="166">
        <v>0</v>
      </c>
      <c r="S2941" s="166">
        <v>0</v>
      </c>
      <c r="T2941" s="166">
        <v>0</v>
      </c>
      <c r="U2941" s="166">
        <v>0</v>
      </c>
      <c r="V2941" s="166">
        <v>0</v>
      </c>
      <c r="W2941" s="166">
        <v>0</v>
      </c>
      <c r="X2941" s="166">
        <v>0</v>
      </c>
      <c r="Y2941" s="166">
        <v>0</v>
      </c>
      <c r="Z2941" s="166">
        <v>0</v>
      </c>
      <c r="AA2941" s="166">
        <v>0</v>
      </c>
      <c r="AB2941" s="166">
        <v>0</v>
      </c>
      <c r="AC2941" s="166">
        <v>0</v>
      </c>
      <c r="AD2941" s="166">
        <v>0</v>
      </c>
      <c r="AE2941" s="166">
        <v>0</v>
      </c>
      <c r="AF2941" s="166">
        <v>0</v>
      </c>
      <c r="AG2941" s="166">
        <v>0</v>
      </c>
      <c r="AH2941" s="166">
        <v>0</v>
      </c>
      <c r="AI2941" s="166">
        <v>0</v>
      </c>
      <c r="AJ2941" s="166">
        <v>0</v>
      </c>
      <c r="AK2941" s="166">
        <v>0</v>
      </c>
      <c r="AL2941" s="166">
        <v>0</v>
      </c>
      <c r="AM2941" s="166">
        <v>0</v>
      </c>
      <c r="AN2941" s="166">
        <v>0</v>
      </c>
      <c r="AO2941" s="166">
        <v>0</v>
      </c>
      <c r="AP2941" s="166">
        <v>0</v>
      </c>
      <c r="AQ2941" s="166">
        <v>0</v>
      </c>
      <c r="AR2941" s="166">
        <v>0</v>
      </c>
      <c r="AS2941" s="166">
        <v>0</v>
      </c>
      <c r="AT2941" s="166">
        <v>0</v>
      </c>
      <c r="AU2941" s="166">
        <v>0</v>
      </c>
      <c r="AV2941" s="166">
        <v>0</v>
      </c>
      <c r="AW2941" s="166">
        <v>0</v>
      </c>
      <c r="AX2941" s="166">
        <v>0</v>
      </c>
      <c r="AY2941" s="166">
        <v>0</v>
      </c>
      <c r="AZ2941" s="166">
        <v>0</v>
      </c>
      <c r="BA2941" s="166">
        <v>0</v>
      </c>
      <c r="BB2941" s="166">
        <v>0</v>
      </c>
      <c r="BC2941" s="166">
        <v>0</v>
      </c>
      <c r="BD2941" s="166">
        <v>0</v>
      </c>
      <c r="BE2941" s="166">
        <v>0</v>
      </c>
      <c r="BF2941" s="166">
        <v>0</v>
      </c>
      <c r="BG2941" s="166">
        <v>0</v>
      </c>
      <c r="BH2941" s="166">
        <v>0</v>
      </c>
      <c r="BI2941" s="166">
        <v>0</v>
      </c>
      <c r="BJ2941" s="166">
        <v>0</v>
      </c>
      <c r="BK2941" s="166">
        <v>0</v>
      </c>
      <c r="BL2941" s="166">
        <v>0</v>
      </c>
      <c r="BM2941" s="166">
        <v>0</v>
      </c>
      <c r="BN2941" s="166">
        <v>0</v>
      </c>
      <c r="BO2941" s="166">
        <v>0</v>
      </c>
      <c r="BP2941" s="166">
        <v>0</v>
      </c>
      <c r="BQ2941" s="166">
        <v>0</v>
      </c>
      <c r="BR2941" s="166">
        <v>4802157.4661254203</v>
      </c>
      <c r="BS2941" s="166">
        <v>4802157.4661254203</v>
      </c>
      <c r="BT2941" s="168">
        <v>0</v>
      </c>
      <c r="BU2941" s="166">
        <v>0</v>
      </c>
      <c r="BV2941" s="166">
        <v>0</v>
      </c>
      <c r="BW2941" s="166">
        <v>0</v>
      </c>
      <c r="BX2941" s="166">
        <v>0</v>
      </c>
      <c r="BY2941" s="166">
        <v>0</v>
      </c>
      <c r="BZ2941" s="166">
        <v>0</v>
      </c>
      <c r="CA2941" s="166">
        <v>0</v>
      </c>
      <c r="CB2941" s="166">
        <v>0</v>
      </c>
      <c r="CC2941" s="166">
        <v>0</v>
      </c>
      <c r="CD2941" s="166">
        <v>0</v>
      </c>
      <c r="CE2941" s="166">
        <v>0</v>
      </c>
      <c r="CF2941" s="166">
        <v>0</v>
      </c>
      <c r="CG2941" s="166">
        <v>0</v>
      </c>
      <c r="CH2941" s="166">
        <v>0</v>
      </c>
      <c r="CI2941" s="166">
        <v>0</v>
      </c>
      <c r="CJ2941" s="166">
        <v>0</v>
      </c>
      <c r="CK2941" s="166">
        <v>0</v>
      </c>
      <c r="CL2941" s="166">
        <v>0</v>
      </c>
      <c r="CM2941" s="166">
        <v>0</v>
      </c>
      <c r="CN2941" s="166">
        <v>0</v>
      </c>
      <c r="CO2941" s="166">
        <v>0</v>
      </c>
      <c r="CP2941" s="166">
        <v>0</v>
      </c>
      <c r="CQ2941" s="166">
        <v>0</v>
      </c>
      <c r="CR2941" s="166">
        <v>0</v>
      </c>
      <c r="CS2941" s="166">
        <v>0</v>
      </c>
      <c r="CT2941" s="166">
        <v>0</v>
      </c>
      <c r="CU2941" s="166">
        <v>0</v>
      </c>
      <c r="CV2941" s="166">
        <v>0</v>
      </c>
      <c r="CW2941" s="166">
        <v>0</v>
      </c>
      <c r="CX2941" s="166">
        <v>0</v>
      </c>
      <c r="CY2941" s="166">
        <v>0</v>
      </c>
      <c r="CZ2941" s="166">
        <v>0</v>
      </c>
    </row>
    <row r="2942" spans="1:104" x14ac:dyDescent="0.2">
      <c r="A2942" s="167" t="s">
        <v>1083</v>
      </c>
      <c r="B2942" s="166">
        <v>4927268.5399999898</v>
      </c>
      <c r="C2942" s="166">
        <v>4927268.5399999898</v>
      </c>
      <c r="D2942" s="166">
        <v>0</v>
      </c>
      <c r="E2942" s="166">
        <v>0</v>
      </c>
      <c r="F2942" s="166">
        <v>0</v>
      </c>
      <c r="G2942" s="166">
        <v>0</v>
      </c>
      <c r="H2942" s="166">
        <v>0</v>
      </c>
      <c r="I2942" s="166">
        <v>0</v>
      </c>
      <c r="J2942" s="166">
        <v>0</v>
      </c>
      <c r="K2942" s="166">
        <v>0</v>
      </c>
      <c r="L2942" s="166">
        <v>0</v>
      </c>
      <c r="M2942" s="166">
        <v>0</v>
      </c>
      <c r="N2942" s="166">
        <v>0</v>
      </c>
      <c r="O2942" s="166">
        <v>0</v>
      </c>
      <c r="P2942" s="166">
        <v>0</v>
      </c>
      <c r="Q2942" s="166">
        <v>0</v>
      </c>
      <c r="R2942" s="166">
        <v>0</v>
      </c>
      <c r="S2942" s="166">
        <v>0</v>
      </c>
      <c r="T2942" s="166">
        <v>0</v>
      </c>
      <c r="U2942" s="166">
        <v>0</v>
      </c>
      <c r="V2942" s="166">
        <v>0</v>
      </c>
      <c r="W2942" s="166">
        <v>0</v>
      </c>
      <c r="X2942" s="166">
        <v>0</v>
      </c>
      <c r="Y2942" s="166">
        <v>0</v>
      </c>
      <c r="Z2942" s="166">
        <v>0</v>
      </c>
      <c r="AA2942" s="166">
        <v>0</v>
      </c>
      <c r="AB2942" s="166">
        <v>0</v>
      </c>
      <c r="AC2942" s="166">
        <v>0</v>
      </c>
      <c r="AD2942" s="166">
        <v>0</v>
      </c>
      <c r="AE2942" s="166">
        <v>0</v>
      </c>
      <c r="AF2942" s="166">
        <v>0</v>
      </c>
      <c r="AG2942" s="166">
        <v>0</v>
      </c>
      <c r="AH2942" s="166">
        <v>0</v>
      </c>
      <c r="AI2942" s="166">
        <v>0</v>
      </c>
      <c r="AJ2942" s="166">
        <v>0</v>
      </c>
      <c r="AK2942" s="166">
        <v>0</v>
      </c>
      <c r="AL2942" s="166">
        <v>0</v>
      </c>
      <c r="AM2942" s="166">
        <v>0</v>
      </c>
      <c r="AN2942" s="166">
        <v>0</v>
      </c>
      <c r="AO2942" s="166">
        <v>0</v>
      </c>
      <c r="AP2942" s="166">
        <v>0</v>
      </c>
      <c r="AQ2942" s="166">
        <v>0</v>
      </c>
      <c r="AR2942" s="166">
        <v>0</v>
      </c>
      <c r="AS2942" s="166">
        <v>0</v>
      </c>
      <c r="AT2942" s="166">
        <v>0</v>
      </c>
      <c r="AU2942" s="166">
        <v>0</v>
      </c>
      <c r="AV2942" s="166">
        <v>0</v>
      </c>
      <c r="AW2942" s="166">
        <v>0</v>
      </c>
      <c r="AX2942" s="166">
        <v>0</v>
      </c>
      <c r="AY2942" s="166">
        <v>0</v>
      </c>
      <c r="AZ2942" s="166">
        <v>0</v>
      </c>
      <c r="BA2942" s="166">
        <v>0</v>
      </c>
      <c r="BB2942" s="166">
        <v>0</v>
      </c>
      <c r="BC2942" s="166">
        <v>0</v>
      </c>
      <c r="BD2942" s="166">
        <v>0</v>
      </c>
      <c r="BE2942" s="166">
        <v>0</v>
      </c>
      <c r="BF2942" s="166">
        <v>0</v>
      </c>
      <c r="BG2942" s="166">
        <v>0</v>
      </c>
      <c r="BH2942" s="166">
        <v>0</v>
      </c>
      <c r="BI2942" s="166">
        <v>0</v>
      </c>
      <c r="BJ2942" s="166">
        <v>0</v>
      </c>
      <c r="BK2942" s="166">
        <v>0</v>
      </c>
      <c r="BL2942" s="166">
        <v>0</v>
      </c>
      <c r="BM2942" s="166">
        <v>0</v>
      </c>
      <c r="BN2942" s="166">
        <v>0</v>
      </c>
      <c r="BO2942" s="166">
        <v>0</v>
      </c>
      <c r="BP2942" s="166">
        <v>0</v>
      </c>
      <c r="BQ2942" s="166">
        <v>0</v>
      </c>
      <c r="BR2942" s="166">
        <v>4927268.5399999898</v>
      </c>
      <c r="BS2942" s="166">
        <v>4927268.5399999898</v>
      </c>
      <c r="BT2942" s="168">
        <v>0</v>
      </c>
      <c r="BU2942" s="166">
        <v>0</v>
      </c>
      <c r="BV2942" s="166">
        <v>0</v>
      </c>
      <c r="BW2942" s="166">
        <v>0</v>
      </c>
      <c r="BX2942" s="166">
        <v>0</v>
      </c>
      <c r="BY2942" s="166">
        <v>0</v>
      </c>
      <c r="BZ2942" s="166">
        <v>0</v>
      </c>
      <c r="CA2942" s="166">
        <v>0</v>
      </c>
      <c r="CB2942" s="166">
        <v>0</v>
      </c>
      <c r="CC2942" s="166">
        <v>0</v>
      </c>
      <c r="CD2942" s="166">
        <v>0</v>
      </c>
      <c r="CE2942" s="166">
        <v>0</v>
      </c>
      <c r="CF2942" s="166">
        <v>0</v>
      </c>
      <c r="CG2942" s="166">
        <v>0</v>
      </c>
      <c r="CH2942" s="166">
        <v>0</v>
      </c>
      <c r="CI2942" s="166">
        <v>0</v>
      </c>
      <c r="CJ2942" s="166">
        <v>0</v>
      </c>
      <c r="CK2942" s="166">
        <v>0</v>
      </c>
      <c r="CL2942" s="166">
        <v>0</v>
      </c>
      <c r="CM2942" s="166">
        <v>0</v>
      </c>
      <c r="CN2942" s="166">
        <v>0</v>
      </c>
      <c r="CO2942" s="166">
        <v>0</v>
      </c>
      <c r="CP2942" s="166">
        <v>0</v>
      </c>
      <c r="CQ2942" s="166">
        <v>0</v>
      </c>
      <c r="CR2942" s="166">
        <v>0</v>
      </c>
      <c r="CS2942" s="166">
        <v>0</v>
      </c>
      <c r="CT2942" s="166">
        <v>0</v>
      </c>
      <c r="CU2942" s="166">
        <v>0</v>
      </c>
      <c r="CV2942" s="166">
        <v>0</v>
      </c>
      <c r="CW2942" s="166">
        <v>0</v>
      </c>
      <c r="CX2942" s="166">
        <v>0</v>
      </c>
      <c r="CY2942" s="166">
        <v>0</v>
      </c>
      <c r="CZ2942" s="166">
        <v>0</v>
      </c>
    </row>
    <row r="2943" spans="1:104" x14ac:dyDescent="0.2">
      <c r="A2943" s="167" t="s">
        <v>230</v>
      </c>
    </row>
    <row r="2944" spans="1:104" x14ac:dyDescent="0.2">
      <c r="A2944" s="167" t="s">
        <v>231</v>
      </c>
      <c r="B2944" s="166">
        <v>430000</v>
      </c>
      <c r="C2944" s="166">
        <v>430000</v>
      </c>
      <c r="D2944" s="166">
        <v>0</v>
      </c>
      <c r="E2944" s="166">
        <v>0</v>
      </c>
      <c r="F2944" s="166">
        <v>0</v>
      </c>
      <c r="G2944" s="166">
        <v>0</v>
      </c>
      <c r="H2944" s="166">
        <v>0</v>
      </c>
      <c r="I2944" s="166">
        <v>0</v>
      </c>
      <c r="J2944" s="166">
        <v>0</v>
      </c>
      <c r="K2944" s="166">
        <v>0</v>
      </c>
      <c r="L2944" s="166">
        <v>0</v>
      </c>
      <c r="M2944" s="166">
        <v>0</v>
      </c>
      <c r="N2944" s="166">
        <v>0</v>
      </c>
      <c r="O2944" s="166">
        <v>0</v>
      </c>
      <c r="P2944" s="166">
        <v>0</v>
      </c>
      <c r="Q2944" s="166">
        <v>0</v>
      </c>
      <c r="R2944" s="166">
        <v>0</v>
      </c>
      <c r="S2944" s="166">
        <v>0</v>
      </c>
      <c r="T2944" s="166">
        <v>0</v>
      </c>
      <c r="U2944" s="166">
        <v>0</v>
      </c>
      <c r="V2944" s="166">
        <v>0</v>
      </c>
      <c r="W2944" s="166">
        <v>0</v>
      </c>
      <c r="X2944" s="166">
        <v>0</v>
      </c>
      <c r="Y2944" s="166">
        <v>0</v>
      </c>
      <c r="Z2944" s="166">
        <v>0</v>
      </c>
      <c r="AA2944" s="166">
        <v>0</v>
      </c>
      <c r="AB2944" s="166">
        <v>0</v>
      </c>
      <c r="AC2944" s="166">
        <v>0</v>
      </c>
      <c r="AD2944" s="166">
        <v>0</v>
      </c>
      <c r="AE2944" s="166">
        <v>0</v>
      </c>
      <c r="AF2944" s="166">
        <v>0</v>
      </c>
      <c r="AG2944" s="166">
        <v>0</v>
      </c>
      <c r="AH2944" s="166">
        <v>0</v>
      </c>
      <c r="AI2944" s="166">
        <v>0</v>
      </c>
      <c r="AJ2944" s="166">
        <v>0</v>
      </c>
      <c r="AK2944" s="166">
        <v>0</v>
      </c>
      <c r="AL2944" s="166">
        <v>0</v>
      </c>
      <c r="AM2944" s="166">
        <v>0</v>
      </c>
      <c r="AN2944" s="166">
        <v>0</v>
      </c>
      <c r="AO2944" s="166">
        <v>0</v>
      </c>
      <c r="AP2944" s="166">
        <v>0</v>
      </c>
      <c r="AQ2944" s="166">
        <v>0</v>
      </c>
      <c r="AR2944" s="166">
        <v>0</v>
      </c>
      <c r="AS2944" s="166">
        <v>0</v>
      </c>
      <c r="AT2944" s="166">
        <v>0</v>
      </c>
      <c r="AU2944" s="166">
        <v>0</v>
      </c>
      <c r="AV2944" s="166">
        <v>0</v>
      </c>
      <c r="AW2944" s="166">
        <v>0</v>
      </c>
      <c r="AX2944" s="166">
        <v>0</v>
      </c>
      <c r="AY2944" s="166">
        <v>0</v>
      </c>
      <c r="AZ2944" s="166">
        <v>0</v>
      </c>
      <c r="BA2944" s="166">
        <v>0</v>
      </c>
      <c r="BB2944" s="166">
        <v>0</v>
      </c>
      <c r="BC2944" s="166">
        <v>0</v>
      </c>
      <c r="BD2944" s="166">
        <v>0</v>
      </c>
      <c r="BE2944" s="166">
        <v>0</v>
      </c>
      <c r="BF2944" s="166">
        <v>0</v>
      </c>
      <c r="BG2944" s="166">
        <v>0</v>
      </c>
      <c r="BH2944" s="166">
        <v>0</v>
      </c>
      <c r="BI2944" s="166">
        <v>0</v>
      </c>
      <c r="BJ2944" s="166">
        <v>0</v>
      </c>
      <c r="BK2944" s="166">
        <v>0</v>
      </c>
      <c r="BL2944" s="166">
        <v>0</v>
      </c>
      <c r="BM2944" s="166">
        <v>0</v>
      </c>
      <c r="BN2944" s="166">
        <v>0</v>
      </c>
      <c r="BO2944" s="166">
        <v>0</v>
      </c>
      <c r="BP2944" s="166">
        <v>0</v>
      </c>
      <c r="BQ2944" s="166">
        <v>0</v>
      </c>
      <c r="BR2944" s="166">
        <v>430000</v>
      </c>
      <c r="BS2944" s="166">
        <v>430000</v>
      </c>
      <c r="BT2944" s="168">
        <v>0</v>
      </c>
      <c r="BU2944" s="166">
        <v>0</v>
      </c>
      <c r="BV2944" s="166">
        <v>0</v>
      </c>
      <c r="BW2944" s="166">
        <v>0</v>
      </c>
      <c r="BX2944" s="166">
        <v>0</v>
      </c>
      <c r="BY2944" s="166">
        <v>0</v>
      </c>
      <c r="BZ2944" s="166">
        <v>0</v>
      </c>
      <c r="CA2944" s="166">
        <v>0</v>
      </c>
      <c r="CB2944" s="166">
        <v>0</v>
      </c>
      <c r="CC2944" s="166">
        <v>0</v>
      </c>
      <c r="CD2944" s="166">
        <v>0</v>
      </c>
      <c r="CE2944" s="166">
        <v>0</v>
      </c>
      <c r="CF2944" s="166">
        <v>0</v>
      </c>
      <c r="CG2944" s="166">
        <v>0</v>
      </c>
      <c r="CH2944" s="166">
        <v>0</v>
      </c>
      <c r="CI2944" s="166">
        <v>0</v>
      </c>
      <c r="CJ2944" s="166">
        <v>0</v>
      </c>
      <c r="CK2944" s="166">
        <v>0</v>
      </c>
      <c r="CL2944" s="166">
        <v>0</v>
      </c>
      <c r="CM2944" s="166">
        <v>0</v>
      </c>
      <c r="CN2944" s="166">
        <v>0</v>
      </c>
      <c r="CO2944" s="166">
        <v>0</v>
      </c>
      <c r="CP2944" s="166">
        <v>0</v>
      </c>
      <c r="CQ2944" s="166">
        <v>0</v>
      </c>
      <c r="CR2944" s="166">
        <v>0</v>
      </c>
      <c r="CS2944" s="166">
        <v>0</v>
      </c>
      <c r="CT2944" s="166">
        <v>0</v>
      </c>
      <c r="CU2944" s="166">
        <v>0</v>
      </c>
      <c r="CV2944" s="166">
        <v>0</v>
      </c>
      <c r="CW2944" s="166">
        <v>0</v>
      </c>
      <c r="CX2944" s="166">
        <v>0</v>
      </c>
      <c r="CY2944" s="166">
        <v>0</v>
      </c>
      <c r="CZ2944" s="166">
        <v>0</v>
      </c>
    </row>
    <row r="2945" spans="1:104" x14ac:dyDescent="0.2">
      <c r="A2945" s="170" t="s">
        <v>232</v>
      </c>
      <c r="B2945" s="166">
        <v>18606944.999999899</v>
      </c>
      <c r="C2945" s="166">
        <v>18606944.999999899</v>
      </c>
      <c r="D2945" s="166">
        <v>0</v>
      </c>
      <c r="E2945" s="166">
        <v>0</v>
      </c>
      <c r="F2945" s="166">
        <v>0</v>
      </c>
      <c r="G2945" s="166">
        <v>0</v>
      </c>
      <c r="H2945" s="166">
        <v>0</v>
      </c>
      <c r="I2945" s="166">
        <v>0</v>
      </c>
      <c r="J2945" s="166">
        <v>0</v>
      </c>
      <c r="K2945" s="166">
        <v>0</v>
      </c>
      <c r="L2945" s="166">
        <v>0</v>
      </c>
      <c r="M2945" s="166">
        <v>0</v>
      </c>
      <c r="N2945" s="166">
        <v>0</v>
      </c>
      <c r="O2945" s="166">
        <v>0</v>
      </c>
      <c r="P2945" s="166">
        <v>0</v>
      </c>
      <c r="Q2945" s="166">
        <v>0</v>
      </c>
      <c r="R2945" s="166">
        <v>0</v>
      </c>
      <c r="S2945" s="166">
        <v>0</v>
      </c>
      <c r="T2945" s="166">
        <v>0</v>
      </c>
      <c r="U2945" s="166">
        <v>0</v>
      </c>
      <c r="V2945" s="166">
        <v>0</v>
      </c>
      <c r="W2945" s="166">
        <v>0</v>
      </c>
      <c r="X2945" s="166">
        <v>0</v>
      </c>
      <c r="Y2945" s="166">
        <v>0</v>
      </c>
      <c r="Z2945" s="166">
        <v>0</v>
      </c>
      <c r="AA2945" s="166">
        <v>0</v>
      </c>
      <c r="AB2945" s="166">
        <v>0</v>
      </c>
      <c r="AC2945" s="166">
        <v>0</v>
      </c>
      <c r="AD2945" s="166">
        <v>0</v>
      </c>
      <c r="AE2945" s="166">
        <v>0</v>
      </c>
      <c r="AF2945" s="166">
        <v>0</v>
      </c>
      <c r="AG2945" s="166">
        <v>0</v>
      </c>
      <c r="AH2945" s="166">
        <v>0</v>
      </c>
      <c r="AI2945" s="166">
        <v>0</v>
      </c>
      <c r="AJ2945" s="166">
        <v>0</v>
      </c>
      <c r="AK2945" s="166">
        <v>0</v>
      </c>
      <c r="AL2945" s="166">
        <v>0</v>
      </c>
      <c r="AM2945" s="166">
        <v>0</v>
      </c>
      <c r="AN2945" s="166">
        <v>0</v>
      </c>
      <c r="AO2945" s="166">
        <v>0</v>
      </c>
      <c r="AP2945" s="166">
        <v>0</v>
      </c>
      <c r="AQ2945" s="166">
        <v>0</v>
      </c>
      <c r="AR2945" s="166">
        <v>0</v>
      </c>
      <c r="AS2945" s="166">
        <v>0</v>
      </c>
      <c r="AT2945" s="166">
        <v>0</v>
      </c>
      <c r="AU2945" s="166">
        <v>0</v>
      </c>
      <c r="AV2945" s="166">
        <v>0</v>
      </c>
      <c r="AW2945" s="166">
        <v>0</v>
      </c>
      <c r="AX2945" s="166">
        <v>0</v>
      </c>
      <c r="AY2945" s="166">
        <v>0</v>
      </c>
      <c r="AZ2945" s="166">
        <v>0</v>
      </c>
      <c r="BA2945" s="166">
        <v>0</v>
      </c>
      <c r="BB2945" s="166">
        <v>0</v>
      </c>
      <c r="BC2945" s="166">
        <v>0</v>
      </c>
      <c r="BD2945" s="166">
        <v>0</v>
      </c>
      <c r="BE2945" s="166">
        <v>0</v>
      </c>
      <c r="BF2945" s="166">
        <v>0</v>
      </c>
      <c r="BG2945" s="166">
        <v>0</v>
      </c>
      <c r="BH2945" s="166">
        <v>0</v>
      </c>
      <c r="BI2945" s="166">
        <v>0</v>
      </c>
      <c r="BJ2945" s="166">
        <v>0</v>
      </c>
      <c r="BK2945" s="166">
        <v>0</v>
      </c>
      <c r="BL2945" s="166">
        <v>0</v>
      </c>
      <c r="BM2945" s="166">
        <v>0</v>
      </c>
      <c r="BN2945" s="166">
        <v>0</v>
      </c>
      <c r="BO2945" s="166">
        <v>0</v>
      </c>
      <c r="BP2945" s="166">
        <v>0</v>
      </c>
      <c r="BQ2945" s="166">
        <v>0</v>
      </c>
      <c r="BR2945" s="166">
        <v>18606944.999999899</v>
      </c>
      <c r="BS2945" s="166">
        <v>18606945</v>
      </c>
      <c r="BT2945" s="168">
        <v>0</v>
      </c>
      <c r="BU2945" s="166">
        <v>0</v>
      </c>
      <c r="BV2945" s="166">
        <v>0</v>
      </c>
      <c r="BW2945" s="166">
        <v>0</v>
      </c>
      <c r="BX2945" s="166">
        <v>0</v>
      </c>
      <c r="BY2945" s="166">
        <v>0</v>
      </c>
      <c r="BZ2945" s="166">
        <v>0</v>
      </c>
      <c r="CA2945" s="166">
        <v>0</v>
      </c>
      <c r="CB2945" s="166">
        <v>0</v>
      </c>
      <c r="CC2945" s="166">
        <v>0</v>
      </c>
      <c r="CD2945" s="166">
        <v>0</v>
      </c>
      <c r="CE2945" s="166">
        <v>0</v>
      </c>
      <c r="CF2945" s="166">
        <v>0</v>
      </c>
      <c r="CG2945" s="166">
        <v>0</v>
      </c>
      <c r="CH2945" s="166">
        <v>0</v>
      </c>
      <c r="CI2945" s="166">
        <v>0</v>
      </c>
      <c r="CJ2945" s="166">
        <v>0</v>
      </c>
      <c r="CK2945" s="166">
        <v>0</v>
      </c>
      <c r="CL2945" s="166">
        <v>0</v>
      </c>
      <c r="CM2945" s="166">
        <v>0</v>
      </c>
      <c r="CN2945" s="166">
        <v>0</v>
      </c>
      <c r="CO2945" s="166">
        <v>0</v>
      </c>
      <c r="CP2945" s="166">
        <v>0</v>
      </c>
      <c r="CQ2945" s="166">
        <v>0</v>
      </c>
      <c r="CR2945" s="166">
        <v>0</v>
      </c>
      <c r="CS2945" s="166">
        <v>0</v>
      </c>
      <c r="CT2945" s="166">
        <v>0</v>
      </c>
      <c r="CU2945" s="166">
        <v>0</v>
      </c>
      <c r="CV2945" s="166">
        <v>0</v>
      </c>
      <c r="CW2945" s="166">
        <v>0</v>
      </c>
      <c r="CX2945" s="166">
        <v>0</v>
      </c>
      <c r="CY2945" s="166">
        <v>0</v>
      </c>
      <c r="CZ2945" s="166">
        <v>0</v>
      </c>
    </row>
    <row r="2946" spans="1:104" x14ac:dyDescent="0.2">
      <c r="A2946" s="170" t="s">
        <v>233</v>
      </c>
    </row>
    <row r="2947" spans="1:104" x14ac:dyDescent="0.2">
      <c r="A2947" s="167" t="s">
        <v>1084</v>
      </c>
      <c r="B2947" s="166">
        <v>0</v>
      </c>
      <c r="C2947" s="166">
        <v>0</v>
      </c>
      <c r="D2947" s="166">
        <v>0</v>
      </c>
      <c r="E2947" s="166">
        <v>0</v>
      </c>
      <c r="F2947" s="166">
        <v>0</v>
      </c>
      <c r="G2947" s="166">
        <v>0</v>
      </c>
      <c r="H2947" s="166">
        <v>0</v>
      </c>
      <c r="I2947" s="166">
        <v>0</v>
      </c>
      <c r="J2947" s="166">
        <v>0</v>
      </c>
      <c r="K2947" s="166">
        <v>0</v>
      </c>
      <c r="L2947" s="166">
        <v>0</v>
      </c>
      <c r="M2947" s="166">
        <v>0</v>
      </c>
      <c r="N2947" s="166">
        <v>0</v>
      </c>
      <c r="O2947" s="166">
        <v>0</v>
      </c>
      <c r="P2947" s="166">
        <v>0</v>
      </c>
      <c r="Q2947" s="166">
        <v>0</v>
      </c>
      <c r="R2947" s="166">
        <v>0</v>
      </c>
      <c r="S2947" s="166">
        <v>0</v>
      </c>
      <c r="T2947" s="166">
        <v>0</v>
      </c>
      <c r="U2947" s="166">
        <v>0</v>
      </c>
      <c r="V2947" s="166">
        <v>0</v>
      </c>
      <c r="W2947" s="166">
        <v>0</v>
      </c>
      <c r="X2947" s="166">
        <v>0</v>
      </c>
      <c r="Y2947" s="166">
        <v>0</v>
      </c>
      <c r="Z2947" s="166">
        <v>0</v>
      </c>
      <c r="AA2947" s="166">
        <v>0</v>
      </c>
      <c r="AB2947" s="166">
        <v>0</v>
      </c>
      <c r="AC2947" s="166">
        <v>0</v>
      </c>
      <c r="AD2947" s="166">
        <v>0</v>
      </c>
      <c r="AE2947" s="166">
        <v>0</v>
      </c>
      <c r="AF2947" s="166">
        <v>0</v>
      </c>
      <c r="AG2947" s="166">
        <v>0</v>
      </c>
      <c r="AH2947" s="166">
        <v>0</v>
      </c>
      <c r="AI2947" s="166">
        <v>0</v>
      </c>
      <c r="AJ2947" s="166">
        <v>0</v>
      </c>
      <c r="AK2947" s="166">
        <v>0</v>
      </c>
      <c r="AL2947" s="166">
        <v>0</v>
      </c>
      <c r="AM2947" s="166">
        <v>0</v>
      </c>
      <c r="AN2947" s="166">
        <v>0</v>
      </c>
      <c r="AO2947" s="166">
        <v>0</v>
      </c>
      <c r="AP2947" s="166">
        <v>0</v>
      </c>
      <c r="AQ2947" s="166">
        <v>0</v>
      </c>
      <c r="AR2947" s="166">
        <v>0</v>
      </c>
      <c r="AS2947" s="166">
        <v>0</v>
      </c>
      <c r="AT2947" s="166">
        <v>0</v>
      </c>
      <c r="AU2947" s="166">
        <v>0</v>
      </c>
      <c r="AV2947" s="166">
        <v>0</v>
      </c>
      <c r="AW2947" s="166">
        <v>0</v>
      </c>
      <c r="AX2947" s="166">
        <v>0</v>
      </c>
      <c r="AY2947" s="166">
        <v>0</v>
      </c>
      <c r="AZ2947" s="166">
        <v>0</v>
      </c>
      <c r="BA2947" s="166">
        <v>0</v>
      </c>
      <c r="BB2947" s="166">
        <v>0</v>
      </c>
      <c r="BC2947" s="166">
        <v>0</v>
      </c>
      <c r="BD2947" s="166">
        <v>0</v>
      </c>
      <c r="BE2947" s="166">
        <v>0</v>
      </c>
      <c r="BF2947" s="166">
        <v>0</v>
      </c>
      <c r="BG2947" s="166">
        <v>0</v>
      </c>
      <c r="BH2947" s="166">
        <v>0</v>
      </c>
      <c r="BI2947" s="166">
        <v>0</v>
      </c>
      <c r="BJ2947" s="166">
        <v>0</v>
      </c>
      <c r="BK2947" s="166">
        <v>0</v>
      </c>
      <c r="BL2947" s="166">
        <v>0</v>
      </c>
      <c r="BM2947" s="166">
        <v>0</v>
      </c>
      <c r="BN2947" s="166">
        <v>0</v>
      </c>
      <c r="BO2947" s="166">
        <v>0</v>
      </c>
      <c r="BP2947" s="166">
        <v>0</v>
      </c>
      <c r="BQ2947" s="166">
        <v>0</v>
      </c>
      <c r="BR2947" s="166">
        <v>0</v>
      </c>
      <c r="BS2947" s="166">
        <v>0</v>
      </c>
      <c r="BT2947" s="168">
        <v>0</v>
      </c>
      <c r="BU2947" s="166">
        <v>0</v>
      </c>
      <c r="BV2947" s="166">
        <v>0</v>
      </c>
      <c r="BW2947" s="166">
        <v>0</v>
      </c>
      <c r="BX2947" s="166">
        <v>0</v>
      </c>
      <c r="BY2947" s="166">
        <v>0</v>
      </c>
      <c r="BZ2947" s="166">
        <v>0</v>
      </c>
      <c r="CA2947" s="166">
        <v>0</v>
      </c>
      <c r="CB2947" s="166">
        <v>0</v>
      </c>
      <c r="CC2947" s="166">
        <v>0</v>
      </c>
      <c r="CD2947" s="166">
        <v>0</v>
      </c>
      <c r="CE2947" s="166">
        <v>0</v>
      </c>
      <c r="CF2947" s="166">
        <v>0</v>
      </c>
      <c r="CG2947" s="166">
        <v>0</v>
      </c>
      <c r="CH2947" s="166">
        <v>0</v>
      </c>
      <c r="CI2947" s="166">
        <v>0</v>
      </c>
      <c r="CJ2947" s="166">
        <v>0</v>
      </c>
      <c r="CK2947" s="166">
        <v>0</v>
      </c>
      <c r="CL2947" s="166">
        <v>0</v>
      </c>
      <c r="CM2947" s="166">
        <v>0</v>
      </c>
      <c r="CN2947" s="166">
        <v>0</v>
      </c>
      <c r="CO2947" s="166">
        <v>0</v>
      </c>
      <c r="CP2947" s="166">
        <v>0</v>
      </c>
      <c r="CQ2947" s="166">
        <v>0</v>
      </c>
      <c r="CR2947" s="166">
        <v>0</v>
      </c>
      <c r="CS2947" s="166">
        <v>0</v>
      </c>
      <c r="CT2947" s="166">
        <v>0</v>
      </c>
      <c r="CU2947" s="166">
        <v>0</v>
      </c>
      <c r="CV2947" s="166">
        <v>0</v>
      </c>
      <c r="CW2947" s="166">
        <v>0</v>
      </c>
      <c r="CX2947" s="166">
        <v>0</v>
      </c>
      <c r="CY2947" s="166">
        <v>0</v>
      </c>
      <c r="CZ2947" s="166">
        <v>0</v>
      </c>
    </row>
    <row r="2948" spans="1:104" x14ac:dyDescent="0.2">
      <c r="A2948" s="167" t="s">
        <v>1085</v>
      </c>
      <c r="B2948" s="166">
        <v>0</v>
      </c>
      <c r="C2948" s="166">
        <v>0</v>
      </c>
      <c r="D2948" s="166">
        <v>0</v>
      </c>
      <c r="E2948" s="166">
        <v>0</v>
      </c>
      <c r="F2948" s="166">
        <v>0</v>
      </c>
      <c r="G2948" s="166">
        <v>0</v>
      </c>
      <c r="H2948" s="166">
        <v>0</v>
      </c>
      <c r="I2948" s="166">
        <v>0</v>
      </c>
      <c r="J2948" s="166">
        <v>0</v>
      </c>
      <c r="K2948" s="166">
        <v>0</v>
      </c>
      <c r="L2948" s="166">
        <v>0</v>
      </c>
      <c r="M2948" s="166">
        <v>0</v>
      </c>
      <c r="N2948" s="166">
        <v>0</v>
      </c>
      <c r="O2948" s="166">
        <v>0</v>
      </c>
      <c r="P2948" s="166">
        <v>0</v>
      </c>
      <c r="Q2948" s="166">
        <v>0</v>
      </c>
      <c r="R2948" s="166">
        <v>0</v>
      </c>
      <c r="S2948" s="166">
        <v>0</v>
      </c>
      <c r="T2948" s="166">
        <v>0</v>
      </c>
      <c r="U2948" s="166">
        <v>0</v>
      </c>
      <c r="V2948" s="166">
        <v>0</v>
      </c>
      <c r="W2948" s="166">
        <v>0</v>
      </c>
      <c r="X2948" s="166">
        <v>0</v>
      </c>
      <c r="Y2948" s="166">
        <v>0</v>
      </c>
      <c r="Z2948" s="166">
        <v>0</v>
      </c>
      <c r="AA2948" s="166">
        <v>0</v>
      </c>
      <c r="AB2948" s="166">
        <v>0</v>
      </c>
      <c r="AC2948" s="166">
        <v>0</v>
      </c>
      <c r="AD2948" s="166">
        <v>0</v>
      </c>
      <c r="AE2948" s="166">
        <v>0</v>
      </c>
      <c r="AF2948" s="166">
        <v>0</v>
      </c>
      <c r="AG2948" s="166">
        <v>0</v>
      </c>
      <c r="AH2948" s="166">
        <v>0</v>
      </c>
      <c r="AI2948" s="166">
        <v>0</v>
      </c>
      <c r="AJ2948" s="166">
        <v>0</v>
      </c>
      <c r="AK2948" s="166">
        <v>0</v>
      </c>
      <c r="AL2948" s="166">
        <v>0</v>
      </c>
      <c r="AM2948" s="166">
        <v>0</v>
      </c>
      <c r="AN2948" s="166">
        <v>0</v>
      </c>
      <c r="AO2948" s="166">
        <v>0</v>
      </c>
      <c r="AP2948" s="166">
        <v>0</v>
      </c>
      <c r="AQ2948" s="166">
        <v>0</v>
      </c>
      <c r="AR2948" s="166">
        <v>0</v>
      </c>
      <c r="AS2948" s="166">
        <v>0</v>
      </c>
      <c r="AT2948" s="166">
        <v>0</v>
      </c>
      <c r="AU2948" s="166">
        <v>0</v>
      </c>
      <c r="AV2948" s="166">
        <v>0</v>
      </c>
      <c r="AW2948" s="166">
        <v>0</v>
      </c>
      <c r="AX2948" s="166">
        <v>0</v>
      </c>
      <c r="AY2948" s="166">
        <v>0</v>
      </c>
      <c r="AZ2948" s="166">
        <v>0</v>
      </c>
      <c r="BA2948" s="166">
        <v>0</v>
      </c>
      <c r="BB2948" s="166">
        <v>0</v>
      </c>
      <c r="BC2948" s="166">
        <v>0</v>
      </c>
      <c r="BD2948" s="166">
        <v>0</v>
      </c>
      <c r="BE2948" s="166">
        <v>0</v>
      </c>
      <c r="BF2948" s="166">
        <v>0</v>
      </c>
      <c r="BG2948" s="166">
        <v>0</v>
      </c>
      <c r="BH2948" s="166">
        <v>0</v>
      </c>
      <c r="BI2948" s="166">
        <v>0</v>
      </c>
      <c r="BJ2948" s="166">
        <v>0</v>
      </c>
      <c r="BK2948" s="166">
        <v>0</v>
      </c>
      <c r="BL2948" s="166">
        <v>0</v>
      </c>
      <c r="BM2948" s="166">
        <v>0</v>
      </c>
      <c r="BN2948" s="166">
        <v>0</v>
      </c>
      <c r="BO2948" s="166">
        <v>0</v>
      </c>
      <c r="BP2948" s="166">
        <v>0</v>
      </c>
      <c r="BQ2948" s="166">
        <v>0</v>
      </c>
      <c r="BR2948" s="166">
        <v>0</v>
      </c>
      <c r="BS2948" s="166">
        <v>0</v>
      </c>
      <c r="BT2948" s="168">
        <v>0</v>
      </c>
      <c r="BU2948" s="166">
        <v>0</v>
      </c>
      <c r="BV2948" s="166">
        <v>0</v>
      </c>
      <c r="BW2948" s="166">
        <v>0</v>
      </c>
      <c r="BX2948" s="166">
        <v>0</v>
      </c>
      <c r="BY2948" s="166">
        <v>0</v>
      </c>
      <c r="BZ2948" s="166">
        <v>0</v>
      </c>
      <c r="CA2948" s="166">
        <v>0</v>
      </c>
      <c r="CB2948" s="166">
        <v>0</v>
      </c>
      <c r="CC2948" s="166">
        <v>0</v>
      </c>
      <c r="CD2948" s="166">
        <v>0</v>
      </c>
      <c r="CE2948" s="166">
        <v>0</v>
      </c>
      <c r="CF2948" s="166">
        <v>0</v>
      </c>
      <c r="CG2948" s="166">
        <v>0</v>
      </c>
      <c r="CH2948" s="166">
        <v>0</v>
      </c>
      <c r="CI2948" s="166">
        <v>0</v>
      </c>
      <c r="CJ2948" s="166">
        <v>0</v>
      </c>
      <c r="CK2948" s="166">
        <v>0</v>
      </c>
      <c r="CL2948" s="166">
        <v>0</v>
      </c>
      <c r="CM2948" s="166">
        <v>0</v>
      </c>
      <c r="CN2948" s="166">
        <v>0</v>
      </c>
      <c r="CO2948" s="166">
        <v>0</v>
      </c>
      <c r="CP2948" s="166">
        <v>0</v>
      </c>
      <c r="CQ2948" s="166">
        <v>0</v>
      </c>
      <c r="CR2948" s="166">
        <v>0</v>
      </c>
      <c r="CS2948" s="166">
        <v>0</v>
      </c>
      <c r="CT2948" s="166">
        <v>0</v>
      </c>
      <c r="CU2948" s="166">
        <v>0</v>
      </c>
      <c r="CV2948" s="166">
        <v>0</v>
      </c>
      <c r="CW2948" s="166">
        <v>0</v>
      </c>
      <c r="CX2948" s="166">
        <v>0</v>
      </c>
      <c r="CY2948" s="166">
        <v>0</v>
      </c>
      <c r="CZ2948" s="166">
        <v>0</v>
      </c>
    </row>
    <row r="2949" spans="1:104" x14ac:dyDescent="0.2">
      <c r="A2949" s="167" t="s">
        <v>1086</v>
      </c>
      <c r="B2949" s="166">
        <v>0</v>
      </c>
      <c r="C2949" s="166">
        <v>0</v>
      </c>
      <c r="D2949" s="166">
        <v>0</v>
      </c>
      <c r="E2949" s="166">
        <v>0</v>
      </c>
      <c r="F2949" s="166">
        <v>0</v>
      </c>
      <c r="G2949" s="166">
        <v>0</v>
      </c>
      <c r="H2949" s="166">
        <v>0</v>
      </c>
      <c r="I2949" s="166">
        <v>0</v>
      </c>
      <c r="J2949" s="166">
        <v>0</v>
      </c>
      <c r="K2949" s="166">
        <v>0</v>
      </c>
      <c r="L2949" s="166">
        <v>0</v>
      </c>
      <c r="M2949" s="166">
        <v>0</v>
      </c>
      <c r="N2949" s="166">
        <v>0</v>
      </c>
      <c r="O2949" s="166">
        <v>0</v>
      </c>
      <c r="P2949" s="166">
        <v>0</v>
      </c>
      <c r="Q2949" s="166">
        <v>0</v>
      </c>
      <c r="R2949" s="166">
        <v>0</v>
      </c>
      <c r="S2949" s="166">
        <v>0</v>
      </c>
      <c r="T2949" s="166">
        <v>0</v>
      </c>
      <c r="U2949" s="166">
        <v>0</v>
      </c>
      <c r="V2949" s="166">
        <v>0</v>
      </c>
      <c r="W2949" s="166">
        <v>0</v>
      </c>
      <c r="X2949" s="166">
        <v>0</v>
      </c>
      <c r="Y2949" s="166">
        <v>0</v>
      </c>
      <c r="Z2949" s="166">
        <v>0</v>
      </c>
      <c r="AA2949" s="166">
        <v>0</v>
      </c>
      <c r="AB2949" s="166">
        <v>0</v>
      </c>
      <c r="AC2949" s="166">
        <v>0</v>
      </c>
      <c r="AD2949" s="166">
        <v>0</v>
      </c>
      <c r="AE2949" s="166">
        <v>0</v>
      </c>
      <c r="AF2949" s="166">
        <v>0</v>
      </c>
      <c r="AG2949" s="166">
        <v>0</v>
      </c>
      <c r="AH2949" s="166">
        <v>0</v>
      </c>
      <c r="AI2949" s="166">
        <v>0</v>
      </c>
      <c r="AJ2949" s="166">
        <v>0</v>
      </c>
      <c r="AK2949" s="166">
        <v>0</v>
      </c>
      <c r="AL2949" s="166">
        <v>0</v>
      </c>
      <c r="AM2949" s="166">
        <v>0</v>
      </c>
      <c r="AN2949" s="166">
        <v>0</v>
      </c>
      <c r="AO2949" s="166">
        <v>0</v>
      </c>
      <c r="AP2949" s="166">
        <v>0</v>
      </c>
      <c r="AQ2949" s="166">
        <v>0</v>
      </c>
      <c r="AR2949" s="166">
        <v>0</v>
      </c>
      <c r="AS2949" s="166">
        <v>0</v>
      </c>
      <c r="AT2949" s="166">
        <v>0</v>
      </c>
      <c r="AU2949" s="166">
        <v>0</v>
      </c>
      <c r="AV2949" s="166">
        <v>0</v>
      </c>
      <c r="AW2949" s="166">
        <v>0</v>
      </c>
      <c r="AX2949" s="166">
        <v>0</v>
      </c>
      <c r="AY2949" s="166">
        <v>0</v>
      </c>
      <c r="AZ2949" s="166">
        <v>0</v>
      </c>
      <c r="BA2949" s="166">
        <v>0</v>
      </c>
      <c r="BB2949" s="166">
        <v>0</v>
      </c>
      <c r="BC2949" s="166">
        <v>0</v>
      </c>
      <c r="BD2949" s="166">
        <v>0</v>
      </c>
      <c r="BE2949" s="166">
        <v>0</v>
      </c>
      <c r="BF2949" s="166">
        <v>0</v>
      </c>
      <c r="BG2949" s="166">
        <v>0</v>
      </c>
      <c r="BH2949" s="166">
        <v>0</v>
      </c>
      <c r="BI2949" s="166">
        <v>0</v>
      </c>
      <c r="BJ2949" s="166">
        <v>0</v>
      </c>
      <c r="BK2949" s="166">
        <v>0</v>
      </c>
      <c r="BL2949" s="166">
        <v>0</v>
      </c>
      <c r="BM2949" s="166">
        <v>0</v>
      </c>
      <c r="BN2949" s="166">
        <v>0</v>
      </c>
      <c r="BO2949" s="166">
        <v>0</v>
      </c>
      <c r="BP2949" s="166">
        <v>0</v>
      </c>
      <c r="BQ2949" s="166">
        <v>0</v>
      </c>
      <c r="BR2949" s="166">
        <v>0</v>
      </c>
      <c r="BS2949" s="166">
        <v>0</v>
      </c>
      <c r="BT2949" s="168">
        <v>0</v>
      </c>
      <c r="BU2949" s="166">
        <v>0</v>
      </c>
      <c r="BV2949" s="166">
        <v>0</v>
      </c>
      <c r="BW2949" s="166">
        <v>0</v>
      </c>
      <c r="BX2949" s="166">
        <v>0</v>
      </c>
      <c r="BY2949" s="166">
        <v>0</v>
      </c>
      <c r="BZ2949" s="166">
        <v>0</v>
      </c>
      <c r="CA2949" s="166">
        <v>0</v>
      </c>
      <c r="CB2949" s="166">
        <v>0</v>
      </c>
      <c r="CC2949" s="166">
        <v>0</v>
      </c>
      <c r="CD2949" s="166">
        <v>0</v>
      </c>
      <c r="CE2949" s="166">
        <v>0</v>
      </c>
      <c r="CF2949" s="166">
        <v>0</v>
      </c>
      <c r="CG2949" s="166">
        <v>0</v>
      </c>
      <c r="CH2949" s="166">
        <v>0</v>
      </c>
      <c r="CI2949" s="166">
        <v>0</v>
      </c>
      <c r="CJ2949" s="166">
        <v>0</v>
      </c>
      <c r="CK2949" s="166">
        <v>0</v>
      </c>
      <c r="CL2949" s="166">
        <v>0</v>
      </c>
      <c r="CM2949" s="166">
        <v>0</v>
      </c>
      <c r="CN2949" s="166">
        <v>0</v>
      </c>
      <c r="CO2949" s="166">
        <v>0</v>
      </c>
      <c r="CP2949" s="166">
        <v>0</v>
      </c>
      <c r="CQ2949" s="166">
        <v>0</v>
      </c>
      <c r="CR2949" s="166">
        <v>0</v>
      </c>
      <c r="CS2949" s="166">
        <v>0</v>
      </c>
      <c r="CT2949" s="166">
        <v>0</v>
      </c>
      <c r="CU2949" s="166">
        <v>0</v>
      </c>
      <c r="CV2949" s="166">
        <v>0</v>
      </c>
      <c r="CW2949" s="166">
        <v>0</v>
      </c>
      <c r="CX2949" s="166">
        <v>0</v>
      </c>
      <c r="CY2949" s="166">
        <v>0</v>
      </c>
      <c r="CZ2949" s="166">
        <v>0</v>
      </c>
    </row>
    <row r="2950" spans="1:104" x14ac:dyDescent="0.2">
      <c r="A2950" s="167" t="s">
        <v>237</v>
      </c>
      <c r="B2950" s="166">
        <v>0</v>
      </c>
      <c r="C2950" s="166">
        <v>0</v>
      </c>
      <c r="D2950" s="166">
        <v>0</v>
      </c>
      <c r="E2950" s="166">
        <v>0</v>
      </c>
      <c r="F2950" s="166">
        <v>0</v>
      </c>
      <c r="G2950" s="166">
        <v>0</v>
      </c>
      <c r="H2950" s="166">
        <v>0</v>
      </c>
      <c r="I2950" s="166">
        <v>0</v>
      </c>
      <c r="J2950" s="166">
        <v>0</v>
      </c>
      <c r="K2950" s="166">
        <v>0</v>
      </c>
      <c r="L2950" s="166">
        <v>0</v>
      </c>
      <c r="M2950" s="166">
        <v>0</v>
      </c>
      <c r="N2950" s="166">
        <v>0</v>
      </c>
      <c r="O2950" s="166">
        <v>0</v>
      </c>
      <c r="P2950" s="166">
        <v>0</v>
      </c>
      <c r="Q2950" s="166">
        <v>0</v>
      </c>
      <c r="R2950" s="166">
        <v>0</v>
      </c>
      <c r="S2950" s="166">
        <v>0</v>
      </c>
      <c r="T2950" s="166">
        <v>0</v>
      </c>
      <c r="U2950" s="166">
        <v>0</v>
      </c>
      <c r="V2950" s="166">
        <v>0</v>
      </c>
      <c r="W2950" s="166">
        <v>0</v>
      </c>
      <c r="X2950" s="166">
        <v>0</v>
      </c>
      <c r="Y2950" s="166">
        <v>0</v>
      </c>
      <c r="Z2950" s="166">
        <v>0</v>
      </c>
      <c r="AA2950" s="166">
        <v>0</v>
      </c>
      <c r="AB2950" s="166">
        <v>0</v>
      </c>
      <c r="AC2950" s="166">
        <v>0</v>
      </c>
      <c r="AD2950" s="166">
        <v>0</v>
      </c>
      <c r="AE2950" s="166">
        <v>0</v>
      </c>
      <c r="AF2950" s="166">
        <v>0</v>
      </c>
      <c r="AG2950" s="166">
        <v>0</v>
      </c>
      <c r="AH2950" s="166">
        <v>0</v>
      </c>
      <c r="AI2950" s="166">
        <v>0</v>
      </c>
      <c r="AJ2950" s="166">
        <v>0</v>
      </c>
      <c r="AK2950" s="166">
        <v>0</v>
      </c>
      <c r="AL2950" s="166">
        <v>0</v>
      </c>
      <c r="AM2950" s="166">
        <v>0</v>
      </c>
      <c r="AN2950" s="166">
        <v>0</v>
      </c>
      <c r="AO2950" s="166">
        <v>0</v>
      </c>
      <c r="AP2950" s="166">
        <v>0</v>
      </c>
      <c r="AQ2950" s="166">
        <v>0</v>
      </c>
      <c r="AR2950" s="166">
        <v>0</v>
      </c>
      <c r="AS2950" s="166">
        <v>0</v>
      </c>
      <c r="AT2950" s="166">
        <v>0</v>
      </c>
      <c r="AU2950" s="166">
        <v>0</v>
      </c>
      <c r="AV2950" s="166">
        <v>0</v>
      </c>
      <c r="AW2950" s="166">
        <v>0</v>
      </c>
      <c r="AX2950" s="166">
        <v>0</v>
      </c>
      <c r="AY2950" s="166">
        <v>0</v>
      </c>
      <c r="AZ2950" s="166">
        <v>0</v>
      </c>
      <c r="BA2950" s="166">
        <v>0</v>
      </c>
      <c r="BB2950" s="166">
        <v>0</v>
      </c>
      <c r="BC2950" s="166">
        <v>0</v>
      </c>
      <c r="BD2950" s="166">
        <v>0</v>
      </c>
      <c r="BE2950" s="166">
        <v>0</v>
      </c>
      <c r="BF2950" s="166">
        <v>0</v>
      </c>
      <c r="BG2950" s="166">
        <v>0</v>
      </c>
      <c r="BH2950" s="166">
        <v>0</v>
      </c>
      <c r="BI2950" s="166">
        <v>0</v>
      </c>
      <c r="BJ2950" s="166">
        <v>0</v>
      </c>
      <c r="BK2950" s="166">
        <v>0</v>
      </c>
      <c r="BL2950" s="166">
        <v>0</v>
      </c>
      <c r="BM2950" s="166">
        <v>0</v>
      </c>
      <c r="BN2950" s="166">
        <v>0</v>
      </c>
      <c r="BO2950" s="166">
        <v>0</v>
      </c>
      <c r="BP2950" s="166">
        <v>0</v>
      </c>
      <c r="BQ2950" s="166">
        <v>0</v>
      </c>
      <c r="BR2950" s="166">
        <v>0</v>
      </c>
      <c r="BS2950" s="166">
        <v>0</v>
      </c>
      <c r="BT2950" s="168">
        <v>0</v>
      </c>
      <c r="BU2950" s="166">
        <v>0</v>
      </c>
      <c r="BV2950" s="166">
        <v>0</v>
      </c>
      <c r="BW2950" s="166">
        <v>0</v>
      </c>
      <c r="BX2950" s="166">
        <v>0</v>
      </c>
      <c r="BY2950" s="166">
        <v>0</v>
      </c>
      <c r="BZ2950" s="166">
        <v>0</v>
      </c>
      <c r="CA2950" s="166">
        <v>0</v>
      </c>
      <c r="CB2950" s="166">
        <v>0</v>
      </c>
      <c r="CC2950" s="166">
        <v>0</v>
      </c>
      <c r="CD2950" s="166">
        <v>0</v>
      </c>
      <c r="CE2950" s="166">
        <v>0</v>
      </c>
      <c r="CF2950" s="166">
        <v>0</v>
      </c>
      <c r="CG2950" s="166">
        <v>0</v>
      </c>
      <c r="CH2950" s="166">
        <v>0</v>
      </c>
      <c r="CI2950" s="166">
        <v>0</v>
      </c>
      <c r="CJ2950" s="166">
        <v>0</v>
      </c>
      <c r="CK2950" s="166">
        <v>0</v>
      </c>
      <c r="CL2950" s="166">
        <v>0</v>
      </c>
      <c r="CM2950" s="166">
        <v>0</v>
      </c>
      <c r="CN2950" s="166">
        <v>0</v>
      </c>
      <c r="CO2950" s="166">
        <v>0</v>
      </c>
      <c r="CP2950" s="166">
        <v>0</v>
      </c>
      <c r="CQ2950" s="166">
        <v>0</v>
      </c>
      <c r="CR2950" s="166">
        <v>0</v>
      </c>
      <c r="CS2950" s="166">
        <v>0</v>
      </c>
      <c r="CT2950" s="166">
        <v>0</v>
      </c>
      <c r="CU2950" s="166">
        <v>0</v>
      </c>
      <c r="CV2950" s="166">
        <v>0</v>
      </c>
      <c r="CW2950" s="166">
        <v>0</v>
      </c>
      <c r="CX2950" s="166">
        <v>0</v>
      </c>
      <c r="CY2950" s="166">
        <v>0</v>
      </c>
      <c r="CZ2950" s="166">
        <v>0</v>
      </c>
    </row>
    <row r="2951" spans="1:104" x14ac:dyDescent="0.2">
      <c r="A2951" s="167" t="s">
        <v>238</v>
      </c>
      <c r="B2951" s="166">
        <v>0</v>
      </c>
      <c r="C2951" s="166">
        <v>0</v>
      </c>
      <c r="D2951" s="166">
        <v>0</v>
      </c>
      <c r="E2951" s="166">
        <v>0</v>
      </c>
      <c r="F2951" s="166">
        <v>0</v>
      </c>
      <c r="G2951" s="166">
        <v>0</v>
      </c>
      <c r="H2951" s="166">
        <v>0</v>
      </c>
      <c r="I2951" s="166">
        <v>0</v>
      </c>
      <c r="J2951" s="166">
        <v>0</v>
      </c>
      <c r="K2951" s="166">
        <v>0</v>
      </c>
      <c r="L2951" s="166">
        <v>0</v>
      </c>
      <c r="M2951" s="166">
        <v>0</v>
      </c>
      <c r="N2951" s="166">
        <v>0</v>
      </c>
      <c r="O2951" s="166">
        <v>0</v>
      </c>
      <c r="P2951" s="166">
        <v>0</v>
      </c>
      <c r="Q2951" s="166">
        <v>0</v>
      </c>
      <c r="R2951" s="166">
        <v>0</v>
      </c>
      <c r="S2951" s="166">
        <v>0</v>
      </c>
      <c r="T2951" s="166">
        <v>0</v>
      </c>
      <c r="U2951" s="166">
        <v>0</v>
      </c>
      <c r="V2951" s="166">
        <v>0</v>
      </c>
      <c r="W2951" s="166">
        <v>0</v>
      </c>
      <c r="X2951" s="166">
        <v>0</v>
      </c>
      <c r="Y2951" s="166">
        <v>0</v>
      </c>
      <c r="Z2951" s="166">
        <v>0</v>
      </c>
      <c r="AA2951" s="166">
        <v>0</v>
      </c>
      <c r="AB2951" s="166">
        <v>0</v>
      </c>
      <c r="AC2951" s="166">
        <v>0</v>
      </c>
      <c r="AD2951" s="166">
        <v>0</v>
      </c>
      <c r="AE2951" s="166">
        <v>0</v>
      </c>
      <c r="AF2951" s="166">
        <v>0</v>
      </c>
      <c r="AG2951" s="166">
        <v>0</v>
      </c>
      <c r="AH2951" s="166">
        <v>0</v>
      </c>
      <c r="AI2951" s="166">
        <v>0</v>
      </c>
      <c r="AJ2951" s="166">
        <v>0</v>
      </c>
      <c r="AK2951" s="166">
        <v>0</v>
      </c>
      <c r="AL2951" s="166">
        <v>0</v>
      </c>
      <c r="AM2951" s="166">
        <v>0</v>
      </c>
      <c r="AN2951" s="166">
        <v>0</v>
      </c>
      <c r="AO2951" s="166">
        <v>0</v>
      </c>
      <c r="AP2951" s="166">
        <v>0</v>
      </c>
      <c r="AQ2951" s="166">
        <v>0</v>
      </c>
      <c r="AR2951" s="166">
        <v>0</v>
      </c>
      <c r="AS2951" s="166">
        <v>0</v>
      </c>
      <c r="AT2951" s="166">
        <v>0</v>
      </c>
      <c r="AU2951" s="166">
        <v>0</v>
      </c>
      <c r="AV2951" s="166">
        <v>0</v>
      </c>
      <c r="AW2951" s="166">
        <v>0</v>
      </c>
      <c r="AX2951" s="166">
        <v>0</v>
      </c>
      <c r="AY2951" s="166">
        <v>0</v>
      </c>
      <c r="AZ2951" s="166">
        <v>0</v>
      </c>
      <c r="BA2951" s="166">
        <v>0</v>
      </c>
      <c r="BB2951" s="166">
        <v>0</v>
      </c>
      <c r="BC2951" s="166">
        <v>0</v>
      </c>
      <c r="BD2951" s="166">
        <v>0</v>
      </c>
      <c r="BE2951" s="166">
        <v>0</v>
      </c>
      <c r="BF2951" s="166">
        <v>0</v>
      </c>
      <c r="BG2951" s="166">
        <v>0</v>
      </c>
      <c r="BH2951" s="166">
        <v>0</v>
      </c>
      <c r="BI2951" s="166">
        <v>0</v>
      </c>
      <c r="BJ2951" s="166">
        <v>0</v>
      </c>
      <c r="BK2951" s="166">
        <v>0</v>
      </c>
      <c r="BL2951" s="166">
        <v>0</v>
      </c>
      <c r="BM2951" s="166">
        <v>0</v>
      </c>
      <c r="BN2951" s="166">
        <v>0</v>
      </c>
      <c r="BO2951" s="166">
        <v>0</v>
      </c>
      <c r="BP2951" s="166">
        <v>0</v>
      </c>
      <c r="BQ2951" s="166">
        <v>0</v>
      </c>
      <c r="BR2951" s="166">
        <v>0</v>
      </c>
      <c r="BS2951" s="166">
        <v>0</v>
      </c>
      <c r="BT2951" s="166">
        <v>0</v>
      </c>
      <c r="BU2951" s="166">
        <v>0</v>
      </c>
      <c r="BV2951" s="166">
        <v>0</v>
      </c>
      <c r="BW2951" s="166">
        <v>0</v>
      </c>
      <c r="BX2951" s="166">
        <v>0</v>
      </c>
      <c r="BY2951" s="166">
        <v>0</v>
      </c>
      <c r="BZ2951" s="166">
        <v>0</v>
      </c>
      <c r="CA2951" s="166">
        <v>0</v>
      </c>
      <c r="CB2951" s="166">
        <v>0</v>
      </c>
      <c r="CC2951" s="166">
        <v>0</v>
      </c>
      <c r="CD2951" s="166">
        <v>0</v>
      </c>
      <c r="CE2951" s="166">
        <v>0</v>
      </c>
      <c r="CF2951" s="166">
        <v>0</v>
      </c>
      <c r="CG2951" s="166">
        <v>0</v>
      </c>
      <c r="CH2951" s="166">
        <v>0</v>
      </c>
      <c r="CI2951" s="166">
        <v>0</v>
      </c>
      <c r="CJ2951" s="166">
        <v>0</v>
      </c>
      <c r="CK2951" s="166">
        <v>0</v>
      </c>
      <c r="CL2951" s="166">
        <v>0</v>
      </c>
      <c r="CM2951" s="166">
        <v>0</v>
      </c>
      <c r="CN2951" s="166">
        <v>0</v>
      </c>
      <c r="CO2951" s="166">
        <v>0</v>
      </c>
      <c r="CP2951" s="166">
        <v>0</v>
      </c>
      <c r="CQ2951" s="166">
        <v>0</v>
      </c>
      <c r="CR2951" s="166">
        <v>0</v>
      </c>
      <c r="CS2951" s="166">
        <v>0</v>
      </c>
      <c r="CT2951" s="166">
        <v>0</v>
      </c>
      <c r="CU2951" s="166">
        <v>0</v>
      </c>
      <c r="CV2951" s="166">
        <v>0</v>
      </c>
      <c r="CW2951" s="166">
        <v>0</v>
      </c>
      <c r="CX2951" s="166">
        <v>0</v>
      </c>
      <c r="CY2951" s="166">
        <v>0</v>
      </c>
      <c r="CZ2951" s="166">
        <v>0</v>
      </c>
    </row>
    <row r="2952" spans="1:104" x14ac:dyDescent="0.2">
      <c r="A2952" s="167" t="s">
        <v>1087</v>
      </c>
      <c r="B2952" s="166">
        <v>0</v>
      </c>
      <c r="C2952" s="166">
        <v>0</v>
      </c>
      <c r="D2952" s="166">
        <v>0</v>
      </c>
      <c r="E2952" s="166">
        <v>0</v>
      </c>
      <c r="F2952" s="166">
        <v>0</v>
      </c>
      <c r="G2952" s="166">
        <v>0</v>
      </c>
      <c r="H2952" s="166">
        <v>0</v>
      </c>
      <c r="I2952" s="166">
        <v>0</v>
      </c>
      <c r="J2952" s="166">
        <v>0</v>
      </c>
      <c r="K2952" s="166">
        <v>0</v>
      </c>
      <c r="L2952" s="166">
        <v>0</v>
      </c>
      <c r="M2952" s="166">
        <v>0</v>
      </c>
      <c r="N2952" s="166">
        <v>0</v>
      </c>
      <c r="O2952" s="166">
        <v>0</v>
      </c>
      <c r="P2952" s="166">
        <v>0</v>
      </c>
      <c r="Q2952" s="166">
        <v>0</v>
      </c>
      <c r="R2952" s="166">
        <v>0</v>
      </c>
      <c r="S2952" s="166">
        <v>0</v>
      </c>
      <c r="T2952" s="166">
        <v>0</v>
      </c>
      <c r="U2952" s="166">
        <v>0</v>
      </c>
      <c r="V2952" s="166">
        <v>0</v>
      </c>
      <c r="W2952" s="166">
        <v>0</v>
      </c>
      <c r="X2952" s="166">
        <v>0</v>
      </c>
      <c r="Y2952" s="166">
        <v>0</v>
      </c>
      <c r="Z2952" s="166">
        <v>0</v>
      </c>
      <c r="AA2952" s="166">
        <v>0</v>
      </c>
      <c r="AB2952" s="166">
        <v>0</v>
      </c>
      <c r="AC2952" s="166">
        <v>0</v>
      </c>
      <c r="AD2952" s="166">
        <v>0</v>
      </c>
      <c r="AE2952" s="166">
        <v>0</v>
      </c>
      <c r="AF2952" s="166">
        <v>0</v>
      </c>
      <c r="AG2952" s="166">
        <v>0</v>
      </c>
      <c r="AH2952" s="166">
        <v>0</v>
      </c>
      <c r="AI2952" s="166">
        <v>0</v>
      </c>
      <c r="AJ2952" s="166">
        <v>0</v>
      </c>
      <c r="AK2952" s="166">
        <v>0</v>
      </c>
      <c r="AL2952" s="166">
        <v>0</v>
      </c>
      <c r="AM2952" s="166">
        <v>0</v>
      </c>
      <c r="AN2952" s="166">
        <v>0</v>
      </c>
      <c r="AO2952" s="166">
        <v>0</v>
      </c>
      <c r="AP2952" s="166">
        <v>0</v>
      </c>
      <c r="AQ2952" s="166">
        <v>0</v>
      </c>
      <c r="AR2952" s="166">
        <v>0</v>
      </c>
      <c r="AS2952" s="166">
        <v>0</v>
      </c>
      <c r="AT2952" s="166">
        <v>0</v>
      </c>
      <c r="AU2952" s="166">
        <v>0</v>
      </c>
      <c r="AV2952" s="166">
        <v>0</v>
      </c>
      <c r="AW2952" s="166">
        <v>0</v>
      </c>
      <c r="AX2952" s="166">
        <v>0</v>
      </c>
      <c r="AY2952" s="166">
        <v>0</v>
      </c>
      <c r="AZ2952" s="166">
        <v>0</v>
      </c>
      <c r="BA2952" s="166">
        <v>0</v>
      </c>
      <c r="BB2952" s="166">
        <v>0</v>
      </c>
      <c r="BC2952" s="166">
        <v>0</v>
      </c>
      <c r="BD2952" s="166">
        <v>0</v>
      </c>
      <c r="BE2952" s="166">
        <v>0</v>
      </c>
      <c r="BF2952" s="166">
        <v>0</v>
      </c>
      <c r="BG2952" s="166">
        <v>0</v>
      </c>
      <c r="BH2952" s="166">
        <v>0</v>
      </c>
      <c r="BI2952" s="166">
        <v>0</v>
      </c>
      <c r="BJ2952" s="166">
        <v>0</v>
      </c>
      <c r="BK2952" s="166">
        <v>0</v>
      </c>
      <c r="BL2952" s="166">
        <v>0</v>
      </c>
      <c r="BM2952" s="166">
        <v>0</v>
      </c>
      <c r="BN2952" s="166">
        <v>0</v>
      </c>
      <c r="BO2952" s="166">
        <v>0</v>
      </c>
      <c r="BP2952" s="166">
        <v>0</v>
      </c>
      <c r="BQ2952" s="166">
        <v>0</v>
      </c>
      <c r="BR2952" s="166">
        <v>0</v>
      </c>
      <c r="BS2952" s="166">
        <v>0</v>
      </c>
      <c r="BT2952" s="168">
        <v>0</v>
      </c>
      <c r="BU2952" s="166">
        <v>0</v>
      </c>
      <c r="BV2952" s="166">
        <v>0</v>
      </c>
      <c r="BW2952" s="166">
        <v>0</v>
      </c>
      <c r="BX2952" s="166">
        <v>0</v>
      </c>
      <c r="BY2952" s="166">
        <v>0</v>
      </c>
      <c r="BZ2952" s="166">
        <v>0</v>
      </c>
      <c r="CA2952" s="166">
        <v>0</v>
      </c>
      <c r="CB2952" s="166">
        <v>0</v>
      </c>
      <c r="CC2952" s="166">
        <v>0</v>
      </c>
      <c r="CD2952" s="166">
        <v>0</v>
      </c>
      <c r="CE2952" s="166">
        <v>0</v>
      </c>
      <c r="CF2952" s="166">
        <v>0</v>
      </c>
      <c r="CG2952" s="166">
        <v>0</v>
      </c>
      <c r="CH2952" s="166">
        <v>0</v>
      </c>
      <c r="CI2952" s="166">
        <v>0</v>
      </c>
      <c r="CJ2952" s="166">
        <v>0</v>
      </c>
      <c r="CK2952" s="166">
        <v>0</v>
      </c>
      <c r="CL2952" s="166">
        <v>0</v>
      </c>
      <c r="CM2952" s="166">
        <v>0</v>
      </c>
      <c r="CN2952" s="166">
        <v>0</v>
      </c>
      <c r="CO2952" s="166">
        <v>0</v>
      </c>
      <c r="CP2952" s="166">
        <v>0</v>
      </c>
      <c r="CQ2952" s="166">
        <v>0</v>
      </c>
      <c r="CR2952" s="166">
        <v>0</v>
      </c>
      <c r="CS2952" s="166">
        <v>0</v>
      </c>
      <c r="CT2952" s="166">
        <v>0</v>
      </c>
      <c r="CU2952" s="166">
        <v>0</v>
      </c>
      <c r="CV2952" s="166">
        <v>0</v>
      </c>
      <c r="CW2952" s="166">
        <v>0</v>
      </c>
      <c r="CX2952" s="166">
        <v>0</v>
      </c>
      <c r="CY2952" s="166">
        <v>0</v>
      </c>
      <c r="CZ2952" s="166">
        <v>0</v>
      </c>
    </row>
    <row r="2953" spans="1:104" x14ac:dyDescent="0.2">
      <c r="A2953" s="167" t="s">
        <v>1088</v>
      </c>
      <c r="B2953" s="166">
        <v>0</v>
      </c>
      <c r="C2953" s="166">
        <v>0</v>
      </c>
      <c r="D2953" s="166">
        <v>0</v>
      </c>
      <c r="E2953" s="166">
        <v>0</v>
      </c>
      <c r="F2953" s="166">
        <v>0</v>
      </c>
      <c r="G2953" s="166">
        <v>0</v>
      </c>
      <c r="H2953" s="166">
        <v>0</v>
      </c>
      <c r="I2953" s="166">
        <v>0</v>
      </c>
      <c r="J2953" s="166">
        <v>0</v>
      </c>
      <c r="K2953" s="166">
        <v>0</v>
      </c>
      <c r="L2953" s="166">
        <v>0</v>
      </c>
      <c r="M2953" s="166">
        <v>0</v>
      </c>
      <c r="N2953" s="166">
        <v>0</v>
      </c>
      <c r="O2953" s="166">
        <v>0</v>
      </c>
      <c r="P2953" s="166">
        <v>0</v>
      </c>
      <c r="Q2953" s="166">
        <v>0</v>
      </c>
      <c r="R2953" s="166">
        <v>0</v>
      </c>
      <c r="S2953" s="166">
        <v>0</v>
      </c>
      <c r="T2953" s="166">
        <v>0</v>
      </c>
      <c r="U2953" s="166">
        <v>0</v>
      </c>
      <c r="V2953" s="166">
        <v>0</v>
      </c>
      <c r="W2953" s="166">
        <v>0</v>
      </c>
      <c r="X2953" s="166">
        <v>0</v>
      </c>
      <c r="Y2953" s="166">
        <v>0</v>
      </c>
      <c r="Z2953" s="166">
        <v>0</v>
      </c>
      <c r="AA2953" s="166">
        <v>0</v>
      </c>
      <c r="AB2953" s="166">
        <v>0</v>
      </c>
      <c r="AC2953" s="166">
        <v>0</v>
      </c>
      <c r="AD2953" s="166">
        <v>0</v>
      </c>
      <c r="AE2953" s="166">
        <v>0</v>
      </c>
      <c r="AF2953" s="166">
        <v>0</v>
      </c>
      <c r="AG2953" s="166">
        <v>0</v>
      </c>
      <c r="AH2953" s="166">
        <v>0</v>
      </c>
      <c r="AI2953" s="166">
        <v>0</v>
      </c>
      <c r="AJ2953" s="166">
        <v>0</v>
      </c>
      <c r="AK2953" s="166">
        <v>0</v>
      </c>
      <c r="AL2953" s="166">
        <v>0</v>
      </c>
      <c r="AM2953" s="166">
        <v>0</v>
      </c>
      <c r="AN2953" s="166">
        <v>0</v>
      </c>
      <c r="AO2953" s="166">
        <v>0</v>
      </c>
      <c r="AP2953" s="166">
        <v>0</v>
      </c>
      <c r="AQ2953" s="166">
        <v>0</v>
      </c>
      <c r="AR2953" s="166">
        <v>0</v>
      </c>
      <c r="AS2953" s="166">
        <v>0</v>
      </c>
      <c r="AT2953" s="166">
        <v>0</v>
      </c>
      <c r="AU2953" s="166">
        <v>0</v>
      </c>
      <c r="AV2953" s="166">
        <v>0</v>
      </c>
      <c r="AW2953" s="166">
        <v>0</v>
      </c>
      <c r="AX2953" s="166">
        <v>0</v>
      </c>
      <c r="AY2953" s="166">
        <v>0</v>
      </c>
      <c r="AZ2953" s="166">
        <v>0</v>
      </c>
      <c r="BA2953" s="166">
        <v>0</v>
      </c>
      <c r="BB2953" s="166">
        <v>0</v>
      </c>
      <c r="BC2953" s="166">
        <v>0</v>
      </c>
      <c r="BD2953" s="166">
        <v>0</v>
      </c>
      <c r="BE2953" s="166">
        <v>0</v>
      </c>
      <c r="BF2953" s="166">
        <v>0</v>
      </c>
      <c r="BG2953" s="166">
        <v>0</v>
      </c>
      <c r="BH2953" s="166">
        <v>0</v>
      </c>
      <c r="BI2953" s="166">
        <v>0</v>
      </c>
      <c r="BJ2953" s="166">
        <v>0</v>
      </c>
      <c r="BK2953" s="166">
        <v>0</v>
      </c>
      <c r="BL2953" s="166">
        <v>0</v>
      </c>
      <c r="BM2953" s="166">
        <v>0</v>
      </c>
      <c r="BN2953" s="166">
        <v>0</v>
      </c>
      <c r="BO2953" s="166">
        <v>0</v>
      </c>
      <c r="BP2953" s="166">
        <v>0</v>
      </c>
      <c r="BQ2953" s="166">
        <v>0</v>
      </c>
      <c r="BR2953" s="166">
        <v>0</v>
      </c>
      <c r="BS2953" s="166">
        <v>0</v>
      </c>
      <c r="BT2953" s="168">
        <v>0</v>
      </c>
      <c r="BU2953" s="166">
        <v>0</v>
      </c>
      <c r="BV2953" s="166">
        <v>0</v>
      </c>
      <c r="BW2953" s="166">
        <v>0</v>
      </c>
      <c r="BX2953" s="166">
        <v>0</v>
      </c>
      <c r="BY2953" s="166">
        <v>0</v>
      </c>
      <c r="BZ2953" s="166">
        <v>0</v>
      </c>
      <c r="CA2953" s="166">
        <v>0</v>
      </c>
      <c r="CB2953" s="166">
        <v>0</v>
      </c>
      <c r="CC2953" s="166">
        <v>0</v>
      </c>
      <c r="CD2953" s="166">
        <v>0</v>
      </c>
      <c r="CE2953" s="166">
        <v>0</v>
      </c>
      <c r="CF2953" s="166">
        <v>0</v>
      </c>
      <c r="CG2953" s="166">
        <v>0</v>
      </c>
      <c r="CH2953" s="166">
        <v>0</v>
      </c>
      <c r="CI2953" s="166">
        <v>0</v>
      </c>
      <c r="CJ2953" s="166">
        <v>0</v>
      </c>
      <c r="CK2953" s="166">
        <v>0</v>
      </c>
      <c r="CL2953" s="166">
        <v>0</v>
      </c>
      <c r="CM2953" s="166">
        <v>0</v>
      </c>
      <c r="CN2953" s="166">
        <v>0</v>
      </c>
      <c r="CO2953" s="166">
        <v>0</v>
      </c>
      <c r="CP2953" s="166">
        <v>0</v>
      </c>
      <c r="CQ2953" s="166">
        <v>0</v>
      </c>
      <c r="CR2953" s="166">
        <v>0</v>
      </c>
      <c r="CS2953" s="166">
        <v>0</v>
      </c>
      <c r="CT2953" s="166">
        <v>0</v>
      </c>
      <c r="CU2953" s="166">
        <v>0</v>
      </c>
      <c r="CV2953" s="166">
        <v>0</v>
      </c>
      <c r="CW2953" s="166">
        <v>0</v>
      </c>
      <c r="CX2953" s="166">
        <v>0</v>
      </c>
      <c r="CY2953" s="166">
        <v>0</v>
      </c>
      <c r="CZ2953" s="166">
        <v>0</v>
      </c>
    </row>
    <row r="2954" spans="1:104" x14ac:dyDescent="0.2">
      <c r="A2954" s="167" t="s">
        <v>241</v>
      </c>
    </row>
    <row r="2955" spans="1:104" x14ac:dyDescent="0.2">
      <c r="A2955" s="167" t="s">
        <v>1089</v>
      </c>
      <c r="B2955" s="166">
        <v>25297.015337191799</v>
      </c>
      <c r="C2955" s="166">
        <v>25297.015337191799</v>
      </c>
      <c r="D2955" s="166">
        <v>0</v>
      </c>
      <c r="E2955" s="166">
        <v>0</v>
      </c>
      <c r="F2955" s="166">
        <v>0</v>
      </c>
      <c r="G2955" s="166">
        <v>0</v>
      </c>
      <c r="H2955" s="166">
        <v>0</v>
      </c>
      <c r="I2955" s="166">
        <v>0</v>
      </c>
      <c r="J2955" s="166">
        <v>0</v>
      </c>
      <c r="K2955" s="166">
        <v>0</v>
      </c>
      <c r="L2955" s="166">
        <v>0</v>
      </c>
      <c r="M2955" s="166">
        <v>0</v>
      </c>
      <c r="N2955" s="166">
        <v>0</v>
      </c>
      <c r="O2955" s="166">
        <v>0</v>
      </c>
      <c r="P2955" s="166">
        <v>0</v>
      </c>
      <c r="Q2955" s="166">
        <v>0</v>
      </c>
      <c r="R2955" s="166">
        <v>0</v>
      </c>
      <c r="S2955" s="166">
        <v>0</v>
      </c>
      <c r="T2955" s="166">
        <v>0</v>
      </c>
      <c r="U2955" s="166">
        <v>0</v>
      </c>
      <c r="V2955" s="166">
        <v>0</v>
      </c>
      <c r="W2955" s="166">
        <v>0</v>
      </c>
      <c r="X2955" s="166">
        <v>0</v>
      </c>
      <c r="Y2955" s="166">
        <v>0</v>
      </c>
      <c r="Z2955" s="166">
        <v>0</v>
      </c>
      <c r="AA2955" s="166">
        <v>0</v>
      </c>
      <c r="AB2955" s="166">
        <v>0</v>
      </c>
      <c r="AC2955" s="166">
        <v>0</v>
      </c>
      <c r="AD2955" s="166">
        <v>0</v>
      </c>
      <c r="AE2955" s="166">
        <v>0</v>
      </c>
      <c r="AF2955" s="166">
        <v>0</v>
      </c>
      <c r="AG2955" s="166">
        <v>0</v>
      </c>
      <c r="AH2955" s="166">
        <v>0</v>
      </c>
      <c r="AI2955" s="166">
        <v>0</v>
      </c>
      <c r="AJ2955" s="166">
        <v>0</v>
      </c>
      <c r="AK2955" s="166">
        <v>0</v>
      </c>
      <c r="AL2955" s="166">
        <v>0</v>
      </c>
      <c r="AM2955" s="166">
        <v>0</v>
      </c>
      <c r="AN2955" s="166">
        <v>0</v>
      </c>
      <c r="AO2955" s="166">
        <v>0</v>
      </c>
      <c r="AP2955" s="166">
        <v>0</v>
      </c>
      <c r="AQ2955" s="166">
        <v>0</v>
      </c>
      <c r="AR2955" s="166">
        <v>0</v>
      </c>
      <c r="AS2955" s="166">
        <v>0</v>
      </c>
      <c r="AT2955" s="166">
        <v>0</v>
      </c>
      <c r="AU2955" s="166">
        <v>0</v>
      </c>
      <c r="AV2955" s="166">
        <v>0</v>
      </c>
      <c r="AW2955" s="166">
        <v>0</v>
      </c>
      <c r="AX2955" s="166">
        <v>0</v>
      </c>
      <c r="AY2955" s="166">
        <v>0</v>
      </c>
      <c r="AZ2955" s="166">
        <v>0</v>
      </c>
      <c r="BA2955" s="166">
        <v>0</v>
      </c>
      <c r="BB2955" s="166">
        <v>0</v>
      </c>
      <c r="BC2955" s="166">
        <v>0</v>
      </c>
      <c r="BD2955" s="166">
        <v>0</v>
      </c>
      <c r="BE2955" s="166">
        <v>0</v>
      </c>
      <c r="BF2955" s="166">
        <v>0</v>
      </c>
      <c r="BG2955" s="166">
        <v>0</v>
      </c>
      <c r="BH2955" s="166">
        <v>0</v>
      </c>
      <c r="BI2955" s="166">
        <v>0</v>
      </c>
      <c r="BJ2955" s="166">
        <v>0</v>
      </c>
      <c r="BK2955" s="166">
        <v>0</v>
      </c>
      <c r="BL2955" s="166">
        <v>0</v>
      </c>
      <c r="BM2955" s="166">
        <v>0</v>
      </c>
      <c r="BN2955" s="166">
        <v>0</v>
      </c>
      <c r="BO2955" s="166">
        <v>0</v>
      </c>
      <c r="BP2955" s="166">
        <v>0</v>
      </c>
      <c r="BQ2955" s="166">
        <v>0</v>
      </c>
      <c r="BR2955" s="166">
        <v>25297.015337191799</v>
      </c>
      <c r="BS2955" s="166">
        <v>25297.015337191799</v>
      </c>
      <c r="BT2955" s="168">
        <v>0</v>
      </c>
      <c r="BU2955" s="166">
        <v>0</v>
      </c>
      <c r="BV2955" s="166">
        <v>0</v>
      </c>
      <c r="BW2955" s="166">
        <v>0</v>
      </c>
      <c r="BX2955" s="166">
        <v>0</v>
      </c>
      <c r="BY2955" s="166">
        <v>0</v>
      </c>
      <c r="BZ2955" s="166">
        <v>0</v>
      </c>
      <c r="CA2955" s="166">
        <v>0</v>
      </c>
      <c r="CB2955" s="166">
        <v>0</v>
      </c>
      <c r="CC2955" s="166">
        <v>0</v>
      </c>
      <c r="CD2955" s="166">
        <v>0</v>
      </c>
      <c r="CE2955" s="166">
        <v>0</v>
      </c>
      <c r="CF2955" s="166">
        <v>0</v>
      </c>
      <c r="CG2955" s="166">
        <v>0</v>
      </c>
      <c r="CH2955" s="166">
        <v>0</v>
      </c>
      <c r="CI2955" s="166">
        <v>0</v>
      </c>
      <c r="CJ2955" s="166">
        <v>0</v>
      </c>
      <c r="CK2955" s="166">
        <v>0</v>
      </c>
      <c r="CL2955" s="166">
        <v>0</v>
      </c>
      <c r="CM2955" s="166">
        <v>0</v>
      </c>
      <c r="CN2955" s="166">
        <v>0</v>
      </c>
      <c r="CO2955" s="166">
        <v>0</v>
      </c>
      <c r="CP2955" s="166">
        <v>0</v>
      </c>
      <c r="CQ2955" s="166">
        <v>0</v>
      </c>
      <c r="CR2955" s="166">
        <v>0</v>
      </c>
      <c r="CS2955" s="166">
        <v>0</v>
      </c>
      <c r="CT2955" s="166">
        <v>0</v>
      </c>
      <c r="CU2955" s="166">
        <v>0</v>
      </c>
      <c r="CV2955" s="166">
        <v>0</v>
      </c>
      <c r="CW2955" s="166">
        <v>0</v>
      </c>
      <c r="CX2955" s="166">
        <v>0</v>
      </c>
      <c r="CY2955" s="166">
        <v>0</v>
      </c>
      <c r="CZ2955" s="166">
        <v>0</v>
      </c>
    </row>
    <row r="2956" spans="1:104" x14ac:dyDescent="0.2">
      <c r="A2956" s="167" t="s">
        <v>1090</v>
      </c>
      <c r="B2956" s="166">
        <v>799.80416618932702</v>
      </c>
      <c r="C2956" s="166">
        <v>799.80416618932702</v>
      </c>
      <c r="D2956" s="166">
        <v>0</v>
      </c>
      <c r="E2956" s="166">
        <v>0</v>
      </c>
      <c r="F2956" s="166">
        <v>0</v>
      </c>
      <c r="G2956" s="166">
        <v>0</v>
      </c>
      <c r="H2956" s="166">
        <v>0</v>
      </c>
      <c r="I2956" s="166">
        <v>0</v>
      </c>
      <c r="J2956" s="166">
        <v>0</v>
      </c>
      <c r="K2956" s="166">
        <v>0</v>
      </c>
      <c r="L2956" s="166">
        <v>0</v>
      </c>
      <c r="M2956" s="166">
        <v>0</v>
      </c>
      <c r="N2956" s="166">
        <v>0</v>
      </c>
      <c r="O2956" s="166">
        <v>0</v>
      </c>
      <c r="P2956" s="166">
        <v>0</v>
      </c>
      <c r="Q2956" s="166">
        <v>0</v>
      </c>
      <c r="R2956" s="166">
        <v>0</v>
      </c>
      <c r="S2956" s="166">
        <v>0</v>
      </c>
      <c r="T2956" s="166">
        <v>0</v>
      </c>
      <c r="U2956" s="166">
        <v>0</v>
      </c>
      <c r="V2956" s="166">
        <v>0</v>
      </c>
      <c r="W2956" s="166">
        <v>0</v>
      </c>
      <c r="X2956" s="166">
        <v>0</v>
      </c>
      <c r="Y2956" s="166">
        <v>0</v>
      </c>
      <c r="Z2956" s="166">
        <v>0</v>
      </c>
      <c r="AA2956" s="166">
        <v>0</v>
      </c>
      <c r="AB2956" s="166">
        <v>0</v>
      </c>
      <c r="AC2956" s="166">
        <v>0</v>
      </c>
      <c r="AD2956" s="166">
        <v>0</v>
      </c>
      <c r="AE2956" s="166">
        <v>0</v>
      </c>
      <c r="AF2956" s="166">
        <v>0</v>
      </c>
      <c r="AG2956" s="166">
        <v>0</v>
      </c>
      <c r="AH2956" s="166">
        <v>0</v>
      </c>
      <c r="AI2956" s="166">
        <v>0</v>
      </c>
      <c r="AJ2956" s="166">
        <v>0</v>
      </c>
      <c r="AK2956" s="166">
        <v>0</v>
      </c>
      <c r="AL2956" s="166">
        <v>0</v>
      </c>
      <c r="AM2956" s="166">
        <v>0</v>
      </c>
      <c r="AN2956" s="166">
        <v>0</v>
      </c>
      <c r="AO2956" s="166">
        <v>0</v>
      </c>
      <c r="AP2956" s="166">
        <v>0</v>
      </c>
      <c r="AQ2956" s="166">
        <v>0</v>
      </c>
      <c r="AR2956" s="166">
        <v>0</v>
      </c>
      <c r="AS2956" s="166">
        <v>0</v>
      </c>
      <c r="AT2956" s="166">
        <v>0</v>
      </c>
      <c r="AU2956" s="166">
        <v>0</v>
      </c>
      <c r="AV2956" s="166">
        <v>0</v>
      </c>
      <c r="AW2956" s="166">
        <v>0</v>
      </c>
      <c r="AX2956" s="166">
        <v>0</v>
      </c>
      <c r="AY2956" s="166">
        <v>0</v>
      </c>
      <c r="AZ2956" s="166">
        <v>0</v>
      </c>
      <c r="BA2956" s="166">
        <v>0</v>
      </c>
      <c r="BB2956" s="166">
        <v>0</v>
      </c>
      <c r="BC2956" s="166">
        <v>0</v>
      </c>
      <c r="BD2956" s="166">
        <v>0</v>
      </c>
      <c r="BE2956" s="166">
        <v>0</v>
      </c>
      <c r="BF2956" s="166">
        <v>0</v>
      </c>
      <c r="BG2956" s="166">
        <v>0</v>
      </c>
      <c r="BH2956" s="166">
        <v>0</v>
      </c>
      <c r="BI2956" s="166">
        <v>0</v>
      </c>
      <c r="BJ2956" s="166">
        <v>0</v>
      </c>
      <c r="BK2956" s="166">
        <v>0</v>
      </c>
      <c r="BL2956" s="166">
        <v>0</v>
      </c>
      <c r="BM2956" s="166">
        <v>0</v>
      </c>
      <c r="BN2956" s="166">
        <v>0</v>
      </c>
      <c r="BO2956" s="166">
        <v>0</v>
      </c>
      <c r="BP2956" s="166">
        <v>0</v>
      </c>
      <c r="BQ2956" s="166">
        <v>0</v>
      </c>
      <c r="BR2956" s="166">
        <v>799.80416618932702</v>
      </c>
      <c r="BS2956" s="166">
        <v>799.80416618932702</v>
      </c>
      <c r="BT2956" s="168">
        <v>0</v>
      </c>
      <c r="BU2956" s="166">
        <v>0</v>
      </c>
      <c r="BV2956" s="166">
        <v>0</v>
      </c>
      <c r="BW2956" s="166">
        <v>0</v>
      </c>
      <c r="BX2956" s="166">
        <v>0</v>
      </c>
      <c r="BY2956" s="166">
        <v>0</v>
      </c>
      <c r="BZ2956" s="166">
        <v>0</v>
      </c>
      <c r="CA2956" s="166">
        <v>0</v>
      </c>
      <c r="CB2956" s="166">
        <v>0</v>
      </c>
      <c r="CC2956" s="166">
        <v>0</v>
      </c>
      <c r="CD2956" s="166">
        <v>0</v>
      </c>
      <c r="CE2956" s="166">
        <v>0</v>
      </c>
      <c r="CF2956" s="166">
        <v>0</v>
      </c>
      <c r="CG2956" s="166">
        <v>0</v>
      </c>
      <c r="CH2956" s="166">
        <v>0</v>
      </c>
      <c r="CI2956" s="166">
        <v>0</v>
      </c>
      <c r="CJ2956" s="166">
        <v>0</v>
      </c>
      <c r="CK2956" s="166">
        <v>0</v>
      </c>
      <c r="CL2956" s="166">
        <v>0</v>
      </c>
      <c r="CM2956" s="166">
        <v>0</v>
      </c>
      <c r="CN2956" s="166">
        <v>0</v>
      </c>
      <c r="CO2956" s="166">
        <v>0</v>
      </c>
      <c r="CP2956" s="166">
        <v>0</v>
      </c>
      <c r="CQ2956" s="166">
        <v>0</v>
      </c>
      <c r="CR2956" s="166">
        <v>0</v>
      </c>
      <c r="CS2956" s="166">
        <v>0</v>
      </c>
      <c r="CT2956" s="166">
        <v>0</v>
      </c>
      <c r="CU2956" s="166">
        <v>0</v>
      </c>
      <c r="CV2956" s="166">
        <v>0</v>
      </c>
      <c r="CW2956" s="166">
        <v>0</v>
      </c>
      <c r="CX2956" s="166">
        <v>0</v>
      </c>
      <c r="CY2956" s="166">
        <v>0</v>
      </c>
      <c r="CZ2956" s="166">
        <v>0</v>
      </c>
    </row>
    <row r="2957" spans="1:104" x14ac:dyDescent="0.2">
      <c r="A2957" s="167" t="s">
        <v>1091</v>
      </c>
      <c r="B2957" s="166">
        <v>5769.6492383862096</v>
      </c>
      <c r="C2957" s="166">
        <v>5769.6492383862096</v>
      </c>
      <c r="D2957" s="166">
        <v>0</v>
      </c>
      <c r="E2957" s="166">
        <v>0</v>
      </c>
      <c r="F2957" s="166">
        <v>0</v>
      </c>
      <c r="G2957" s="166">
        <v>0</v>
      </c>
      <c r="H2957" s="166">
        <v>0</v>
      </c>
      <c r="I2957" s="166">
        <v>0</v>
      </c>
      <c r="J2957" s="166">
        <v>0</v>
      </c>
      <c r="K2957" s="166">
        <v>0</v>
      </c>
      <c r="L2957" s="166">
        <v>0</v>
      </c>
      <c r="M2957" s="166">
        <v>0</v>
      </c>
      <c r="N2957" s="166">
        <v>0</v>
      </c>
      <c r="O2957" s="166">
        <v>0</v>
      </c>
      <c r="P2957" s="166">
        <v>0</v>
      </c>
      <c r="Q2957" s="166">
        <v>0</v>
      </c>
      <c r="R2957" s="166">
        <v>0</v>
      </c>
      <c r="S2957" s="166">
        <v>0</v>
      </c>
      <c r="T2957" s="166">
        <v>0</v>
      </c>
      <c r="U2957" s="166">
        <v>0</v>
      </c>
      <c r="V2957" s="166">
        <v>0</v>
      </c>
      <c r="W2957" s="166">
        <v>0</v>
      </c>
      <c r="X2957" s="166">
        <v>0</v>
      </c>
      <c r="Y2957" s="166">
        <v>0</v>
      </c>
      <c r="Z2957" s="166">
        <v>0</v>
      </c>
      <c r="AA2957" s="166">
        <v>0</v>
      </c>
      <c r="AB2957" s="166">
        <v>0</v>
      </c>
      <c r="AC2957" s="166">
        <v>0</v>
      </c>
      <c r="AD2957" s="166">
        <v>0</v>
      </c>
      <c r="AE2957" s="166">
        <v>0</v>
      </c>
      <c r="AF2957" s="166">
        <v>0</v>
      </c>
      <c r="AG2957" s="166">
        <v>0</v>
      </c>
      <c r="AH2957" s="166">
        <v>0</v>
      </c>
      <c r="AI2957" s="166">
        <v>0</v>
      </c>
      <c r="AJ2957" s="166">
        <v>0</v>
      </c>
      <c r="AK2957" s="166">
        <v>0</v>
      </c>
      <c r="AL2957" s="166">
        <v>0</v>
      </c>
      <c r="AM2957" s="166">
        <v>0</v>
      </c>
      <c r="AN2957" s="166">
        <v>0</v>
      </c>
      <c r="AO2957" s="166">
        <v>0</v>
      </c>
      <c r="AP2957" s="166">
        <v>0</v>
      </c>
      <c r="AQ2957" s="166">
        <v>0</v>
      </c>
      <c r="AR2957" s="166">
        <v>0</v>
      </c>
      <c r="AS2957" s="166">
        <v>0</v>
      </c>
      <c r="AT2957" s="166">
        <v>0</v>
      </c>
      <c r="AU2957" s="166">
        <v>0</v>
      </c>
      <c r="AV2957" s="166">
        <v>0</v>
      </c>
      <c r="AW2957" s="166">
        <v>0</v>
      </c>
      <c r="AX2957" s="166">
        <v>0</v>
      </c>
      <c r="AY2957" s="166">
        <v>0</v>
      </c>
      <c r="AZ2957" s="166">
        <v>0</v>
      </c>
      <c r="BA2957" s="166">
        <v>0</v>
      </c>
      <c r="BB2957" s="166">
        <v>0</v>
      </c>
      <c r="BC2957" s="166">
        <v>0</v>
      </c>
      <c r="BD2957" s="166">
        <v>0</v>
      </c>
      <c r="BE2957" s="166">
        <v>0</v>
      </c>
      <c r="BF2957" s="166">
        <v>0</v>
      </c>
      <c r="BG2957" s="166">
        <v>0</v>
      </c>
      <c r="BH2957" s="166">
        <v>0</v>
      </c>
      <c r="BI2957" s="166">
        <v>0</v>
      </c>
      <c r="BJ2957" s="166">
        <v>0</v>
      </c>
      <c r="BK2957" s="166">
        <v>0</v>
      </c>
      <c r="BL2957" s="166">
        <v>0</v>
      </c>
      <c r="BM2957" s="166">
        <v>0</v>
      </c>
      <c r="BN2957" s="166">
        <v>0</v>
      </c>
      <c r="BO2957" s="166">
        <v>0</v>
      </c>
      <c r="BP2957" s="166">
        <v>0</v>
      </c>
      <c r="BQ2957" s="166">
        <v>0</v>
      </c>
      <c r="BR2957" s="166">
        <v>5769.6492383862096</v>
      </c>
      <c r="BS2957" s="166">
        <v>5769.6492383862096</v>
      </c>
      <c r="BT2957" s="168">
        <v>0</v>
      </c>
      <c r="BU2957" s="166">
        <v>0</v>
      </c>
      <c r="BV2957" s="166">
        <v>0</v>
      </c>
      <c r="BW2957" s="166">
        <v>0</v>
      </c>
      <c r="BX2957" s="166">
        <v>0</v>
      </c>
      <c r="BY2957" s="166">
        <v>0</v>
      </c>
      <c r="BZ2957" s="166">
        <v>0</v>
      </c>
      <c r="CA2957" s="166">
        <v>0</v>
      </c>
      <c r="CB2957" s="166">
        <v>0</v>
      </c>
      <c r="CC2957" s="166">
        <v>0</v>
      </c>
      <c r="CD2957" s="166">
        <v>0</v>
      </c>
      <c r="CE2957" s="166">
        <v>0</v>
      </c>
      <c r="CF2957" s="166">
        <v>0</v>
      </c>
      <c r="CG2957" s="166">
        <v>0</v>
      </c>
      <c r="CH2957" s="166">
        <v>0</v>
      </c>
      <c r="CI2957" s="166">
        <v>0</v>
      </c>
      <c r="CJ2957" s="166">
        <v>0</v>
      </c>
      <c r="CK2957" s="166">
        <v>0</v>
      </c>
      <c r="CL2957" s="166">
        <v>0</v>
      </c>
      <c r="CM2957" s="166">
        <v>0</v>
      </c>
      <c r="CN2957" s="166">
        <v>0</v>
      </c>
      <c r="CO2957" s="166">
        <v>0</v>
      </c>
      <c r="CP2957" s="166">
        <v>0</v>
      </c>
      <c r="CQ2957" s="166">
        <v>0</v>
      </c>
      <c r="CR2957" s="166">
        <v>0</v>
      </c>
      <c r="CS2957" s="166">
        <v>0</v>
      </c>
      <c r="CT2957" s="166">
        <v>0</v>
      </c>
      <c r="CU2957" s="166">
        <v>0</v>
      </c>
      <c r="CV2957" s="166">
        <v>0</v>
      </c>
      <c r="CW2957" s="166">
        <v>0</v>
      </c>
      <c r="CX2957" s="166">
        <v>0</v>
      </c>
      <c r="CY2957" s="166">
        <v>0</v>
      </c>
      <c r="CZ2957" s="166">
        <v>0</v>
      </c>
    </row>
    <row r="2958" spans="1:104" x14ac:dyDescent="0.2">
      <c r="A2958" s="167" t="s">
        <v>245</v>
      </c>
      <c r="B2958" s="166">
        <v>18457.078898238698</v>
      </c>
      <c r="C2958" s="166">
        <v>18457.078898238698</v>
      </c>
      <c r="D2958" s="166">
        <v>0</v>
      </c>
      <c r="E2958" s="166">
        <v>0</v>
      </c>
      <c r="F2958" s="166">
        <v>0</v>
      </c>
      <c r="G2958" s="166">
        <v>0</v>
      </c>
      <c r="H2958" s="166">
        <v>0</v>
      </c>
      <c r="I2958" s="166">
        <v>0</v>
      </c>
      <c r="J2958" s="166">
        <v>0</v>
      </c>
      <c r="K2958" s="166">
        <v>0</v>
      </c>
      <c r="L2958" s="166">
        <v>0</v>
      </c>
      <c r="M2958" s="166">
        <v>0</v>
      </c>
      <c r="N2958" s="166">
        <v>0</v>
      </c>
      <c r="O2958" s="166">
        <v>0</v>
      </c>
      <c r="P2958" s="166">
        <v>0</v>
      </c>
      <c r="Q2958" s="166">
        <v>0</v>
      </c>
      <c r="R2958" s="166">
        <v>0</v>
      </c>
      <c r="S2958" s="166">
        <v>0</v>
      </c>
      <c r="T2958" s="166">
        <v>0</v>
      </c>
      <c r="U2958" s="166">
        <v>0</v>
      </c>
      <c r="V2958" s="166">
        <v>0</v>
      </c>
      <c r="W2958" s="166">
        <v>0</v>
      </c>
      <c r="X2958" s="166">
        <v>0</v>
      </c>
      <c r="Y2958" s="166">
        <v>0</v>
      </c>
      <c r="Z2958" s="166">
        <v>0</v>
      </c>
      <c r="AA2958" s="166">
        <v>0</v>
      </c>
      <c r="AB2958" s="166">
        <v>0</v>
      </c>
      <c r="AC2958" s="166">
        <v>0</v>
      </c>
      <c r="AD2958" s="166">
        <v>0</v>
      </c>
      <c r="AE2958" s="166">
        <v>0</v>
      </c>
      <c r="AF2958" s="166">
        <v>0</v>
      </c>
      <c r="AG2958" s="166">
        <v>0</v>
      </c>
      <c r="AH2958" s="166">
        <v>0</v>
      </c>
      <c r="AI2958" s="166">
        <v>0</v>
      </c>
      <c r="AJ2958" s="166">
        <v>0</v>
      </c>
      <c r="AK2958" s="166">
        <v>0</v>
      </c>
      <c r="AL2958" s="166">
        <v>0</v>
      </c>
      <c r="AM2958" s="166">
        <v>0</v>
      </c>
      <c r="AN2958" s="166">
        <v>0</v>
      </c>
      <c r="AO2958" s="166">
        <v>0</v>
      </c>
      <c r="AP2958" s="166">
        <v>0</v>
      </c>
      <c r="AQ2958" s="166">
        <v>0</v>
      </c>
      <c r="AR2958" s="166">
        <v>0</v>
      </c>
      <c r="AS2958" s="166">
        <v>0</v>
      </c>
      <c r="AT2958" s="166">
        <v>0</v>
      </c>
      <c r="AU2958" s="166">
        <v>0</v>
      </c>
      <c r="AV2958" s="166">
        <v>0</v>
      </c>
      <c r="AW2958" s="166">
        <v>0</v>
      </c>
      <c r="AX2958" s="166">
        <v>0</v>
      </c>
      <c r="AY2958" s="166">
        <v>0</v>
      </c>
      <c r="AZ2958" s="166">
        <v>0</v>
      </c>
      <c r="BA2958" s="166">
        <v>0</v>
      </c>
      <c r="BB2958" s="166">
        <v>0</v>
      </c>
      <c r="BC2958" s="166">
        <v>0</v>
      </c>
      <c r="BD2958" s="166">
        <v>0</v>
      </c>
      <c r="BE2958" s="166">
        <v>0</v>
      </c>
      <c r="BF2958" s="166">
        <v>0</v>
      </c>
      <c r="BG2958" s="166">
        <v>0</v>
      </c>
      <c r="BH2958" s="166">
        <v>0</v>
      </c>
      <c r="BI2958" s="166">
        <v>0</v>
      </c>
      <c r="BJ2958" s="166">
        <v>0</v>
      </c>
      <c r="BK2958" s="166">
        <v>0</v>
      </c>
      <c r="BL2958" s="166">
        <v>0</v>
      </c>
      <c r="BM2958" s="166">
        <v>0</v>
      </c>
      <c r="BN2958" s="166">
        <v>0</v>
      </c>
      <c r="BO2958" s="166">
        <v>0</v>
      </c>
      <c r="BP2958" s="166">
        <v>0</v>
      </c>
      <c r="BQ2958" s="166">
        <v>0</v>
      </c>
      <c r="BR2958" s="166">
        <v>18457.078898238698</v>
      </c>
      <c r="BS2958" s="166">
        <v>18457.078898238698</v>
      </c>
      <c r="BT2958" s="168">
        <v>0</v>
      </c>
      <c r="BU2958" s="166">
        <v>0</v>
      </c>
      <c r="BV2958" s="166">
        <v>0</v>
      </c>
      <c r="BW2958" s="166">
        <v>0</v>
      </c>
      <c r="BX2958" s="166">
        <v>0</v>
      </c>
      <c r="BY2958" s="166">
        <v>0</v>
      </c>
      <c r="BZ2958" s="166">
        <v>0</v>
      </c>
      <c r="CA2958" s="166">
        <v>0</v>
      </c>
      <c r="CB2958" s="166">
        <v>0</v>
      </c>
      <c r="CC2958" s="166">
        <v>0</v>
      </c>
      <c r="CD2958" s="166">
        <v>0</v>
      </c>
      <c r="CE2958" s="166">
        <v>0</v>
      </c>
      <c r="CF2958" s="166">
        <v>0</v>
      </c>
      <c r="CG2958" s="166">
        <v>0</v>
      </c>
      <c r="CH2958" s="166">
        <v>0</v>
      </c>
      <c r="CI2958" s="166">
        <v>0</v>
      </c>
      <c r="CJ2958" s="166">
        <v>0</v>
      </c>
      <c r="CK2958" s="166">
        <v>0</v>
      </c>
      <c r="CL2958" s="166">
        <v>0</v>
      </c>
      <c r="CM2958" s="166">
        <v>0</v>
      </c>
      <c r="CN2958" s="166">
        <v>0</v>
      </c>
      <c r="CO2958" s="166">
        <v>0</v>
      </c>
      <c r="CP2958" s="166">
        <v>0</v>
      </c>
      <c r="CQ2958" s="166">
        <v>0</v>
      </c>
      <c r="CR2958" s="166">
        <v>0</v>
      </c>
      <c r="CS2958" s="166">
        <v>0</v>
      </c>
      <c r="CT2958" s="166">
        <v>0</v>
      </c>
      <c r="CU2958" s="166">
        <v>0</v>
      </c>
      <c r="CV2958" s="166">
        <v>0</v>
      </c>
      <c r="CW2958" s="166">
        <v>0</v>
      </c>
      <c r="CX2958" s="166">
        <v>0</v>
      </c>
      <c r="CY2958" s="166">
        <v>0</v>
      </c>
      <c r="CZ2958" s="166">
        <v>0</v>
      </c>
    </row>
    <row r="2959" spans="1:104" x14ac:dyDescent="0.2">
      <c r="A2959" s="167" t="s">
        <v>246</v>
      </c>
      <c r="B2959" s="166">
        <v>14489.9224489633</v>
      </c>
      <c r="C2959" s="166">
        <v>14489.9224489633</v>
      </c>
      <c r="D2959" s="166">
        <v>0</v>
      </c>
      <c r="E2959" s="166">
        <v>0</v>
      </c>
      <c r="F2959" s="166">
        <v>0</v>
      </c>
      <c r="G2959" s="166">
        <v>0</v>
      </c>
      <c r="H2959" s="166">
        <v>0</v>
      </c>
      <c r="I2959" s="166">
        <v>0</v>
      </c>
      <c r="J2959" s="166">
        <v>0</v>
      </c>
      <c r="K2959" s="166">
        <v>0</v>
      </c>
      <c r="L2959" s="166">
        <v>0</v>
      </c>
      <c r="M2959" s="166">
        <v>0</v>
      </c>
      <c r="N2959" s="166">
        <v>0</v>
      </c>
      <c r="O2959" s="166">
        <v>0</v>
      </c>
      <c r="P2959" s="166">
        <v>0</v>
      </c>
      <c r="Q2959" s="166">
        <v>0</v>
      </c>
      <c r="R2959" s="166">
        <v>0</v>
      </c>
      <c r="S2959" s="166">
        <v>0</v>
      </c>
      <c r="T2959" s="166">
        <v>0</v>
      </c>
      <c r="U2959" s="166">
        <v>0</v>
      </c>
      <c r="V2959" s="166">
        <v>0</v>
      </c>
      <c r="W2959" s="166">
        <v>0</v>
      </c>
      <c r="X2959" s="166">
        <v>0</v>
      </c>
      <c r="Y2959" s="166">
        <v>0</v>
      </c>
      <c r="Z2959" s="166">
        <v>0</v>
      </c>
      <c r="AA2959" s="166">
        <v>0</v>
      </c>
      <c r="AB2959" s="166">
        <v>0</v>
      </c>
      <c r="AC2959" s="166">
        <v>0</v>
      </c>
      <c r="AD2959" s="166">
        <v>0</v>
      </c>
      <c r="AE2959" s="166">
        <v>0</v>
      </c>
      <c r="AF2959" s="166">
        <v>0</v>
      </c>
      <c r="AG2959" s="166">
        <v>0</v>
      </c>
      <c r="AH2959" s="166">
        <v>0</v>
      </c>
      <c r="AI2959" s="166">
        <v>0</v>
      </c>
      <c r="AJ2959" s="166">
        <v>0</v>
      </c>
      <c r="AK2959" s="166">
        <v>0</v>
      </c>
      <c r="AL2959" s="166">
        <v>0</v>
      </c>
      <c r="AM2959" s="166">
        <v>0</v>
      </c>
      <c r="AN2959" s="166">
        <v>0</v>
      </c>
      <c r="AO2959" s="166">
        <v>0</v>
      </c>
      <c r="AP2959" s="166">
        <v>0</v>
      </c>
      <c r="AQ2959" s="166">
        <v>0</v>
      </c>
      <c r="AR2959" s="166">
        <v>0</v>
      </c>
      <c r="AS2959" s="166">
        <v>0</v>
      </c>
      <c r="AT2959" s="166">
        <v>0</v>
      </c>
      <c r="AU2959" s="166">
        <v>0</v>
      </c>
      <c r="AV2959" s="166">
        <v>0</v>
      </c>
      <c r="AW2959" s="166">
        <v>0</v>
      </c>
      <c r="AX2959" s="166">
        <v>0</v>
      </c>
      <c r="AY2959" s="166">
        <v>0</v>
      </c>
      <c r="AZ2959" s="166">
        <v>0</v>
      </c>
      <c r="BA2959" s="166">
        <v>0</v>
      </c>
      <c r="BB2959" s="166">
        <v>0</v>
      </c>
      <c r="BC2959" s="166">
        <v>0</v>
      </c>
      <c r="BD2959" s="166">
        <v>0</v>
      </c>
      <c r="BE2959" s="166">
        <v>0</v>
      </c>
      <c r="BF2959" s="166">
        <v>0</v>
      </c>
      <c r="BG2959" s="166">
        <v>0</v>
      </c>
      <c r="BH2959" s="166">
        <v>0</v>
      </c>
      <c r="BI2959" s="166">
        <v>0</v>
      </c>
      <c r="BJ2959" s="166">
        <v>0</v>
      </c>
      <c r="BK2959" s="166">
        <v>0</v>
      </c>
      <c r="BL2959" s="166">
        <v>0</v>
      </c>
      <c r="BM2959" s="166">
        <v>0</v>
      </c>
      <c r="BN2959" s="166">
        <v>0</v>
      </c>
      <c r="BO2959" s="166">
        <v>0</v>
      </c>
      <c r="BP2959" s="166">
        <v>0</v>
      </c>
      <c r="BQ2959" s="166">
        <v>0</v>
      </c>
      <c r="BR2959" s="166">
        <v>14489.9224489633</v>
      </c>
      <c r="BS2959" s="166">
        <v>14489.9224489633</v>
      </c>
      <c r="BT2959" s="166">
        <v>0</v>
      </c>
      <c r="BU2959" s="166">
        <v>0</v>
      </c>
      <c r="BV2959" s="166">
        <v>0</v>
      </c>
      <c r="BW2959" s="166">
        <v>0</v>
      </c>
      <c r="BX2959" s="166">
        <v>0</v>
      </c>
      <c r="BY2959" s="166">
        <v>0</v>
      </c>
      <c r="BZ2959" s="166">
        <v>0</v>
      </c>
      <c r="CA2959" s="166">
        <v>0</v>
      </c>
      <c r="CB2959" s="166">
        <v>0</v>
      </c>
      <c r="CC2959" s="166">
        <v>0</v>
      </c>
      <c r="CD2959" s="166">
        <v>0</v>
      </c>
      <c r="CE2959" s="166">
        <v>0</v>
      </c>
      <c r="CF2959" s="166">
        <v>0</v>
      </c>
      <c r="CG2959" s="166">
        <v>0</v>
      </c>
      <c r="CH2959" s="166">
        <v>0</v>
      </c>
      <c r="CI2959" s="166">
        <v>0</v>
      </c>
      <c r="CJ2959" s="166">
        <v>0</v>
      </c>
      <c r="CK2959" s="166">
        <v>0</v>
      </c>
      <c r="CL2959" s="166">
        <v>0</v>
      </c>
      <c r="CM2959" s="166">
        <v>0</v>
      </c>
      <c r="CN2959" s="166">
        <v>0</v>
      </c>
      <c r="CO2959" s="166">
        <v>0</v>
      </c>
      <c r="CP2959" s="166">
        <v>0</v>
      </c>
      <c r="CQ2959" s="166">
        <v>0</v>
      </c>
      <c r="CR2959" s="166">
        <v>0</v>
      </c>
      <c r="CS2959" s="166">
        <v>0</v>
      </c>
      <c r="CT2959" s="166">
        <v>0</v>
      </c>
      <c r="CU2959" s="166">
        <v>0</v>
      </c>
      <c r="CV2959" s="166">
        <v>0</v>
      </c>
      <c r="CW2959" s="166">
        <v>0</v>
      </c>
      <c r="CX2959" s="166">
        <v>0</v>
      </c>
      <c r="CY2959" s="166">
        <v>0</v>
      </c>
      <c r="CZ2959" s="166">
        <v>0</v>
      </c>
    </row>
    <row r="2960" spans="1:104" x14ac:dyDescent="0.2">
      <c r="A2960" s="167" t="s">
        <v>1092</v>
      </c>
      <c r="B2960" s="166">
        <v>2480273.7599110301</v>
      </c>
      <c r="C2960" s="166">
        <v>2480273.7599110301</v>
      </c>
      <c r="D2960" s="166">
        <v>0</v>
      </c>
      <c r="E2960" s="166">
        <v>0</v>
      </c>
      <c r="F2960" s="166">
        <v>0</v>
      </c>
      <c r="G2960" s="166">
        <v>0</v>
      </c>
      <c r="H2960" s="166">
        <v>0</v>
      </c>
      <c r="I2960" s="166">
        <v>0</v>
      </c>
      <c r="J2960" s="166">
        <v>0</v>
      </c>
      <c r="K2960" s="166">
        <v>0</v>
      </c>
      <c r="L2960" s="166">
        <v>0</v>
      </c>
      <c r="M2960" s="166">
        <v>0</v>
      </c>
      <c r="N2960" s="166">
        <v>0</v>
      </c>
      <c r="O2960" s="166">
        <v>0</v>
      </c>
      <c r="P2960" s="166">
        <v>0</v>
      </c>
      <c r="Q2960" s="166">
        <v>0</v>
      </c>
      <c r="R2960" s="166">
        <v>0</v>
      </c>
      <c r="S2960" s="166">
        <v>0</v>
      </c>
      <c r="T2960" s="166">
        <v>0</v>
      </c>
      <c r="U2960" s="166">
        <v>0</v>
      </c>
      <c r="V2960" s="166">
        <v>0</v>
      </c>
      <c r="W2960" s="166">
        <v>0</v>
      </c>
      <c r="X2960" s="166">
        <v>0</v>
      </c>
      <c r="Y2960" s="166">
        <v>0</v>
      </c>
      <c r="Z2960" s="166">
        <v>0</v>
      </c>
      <c r="AA2960" s="166">
        <v>0</v>
      </c>
      <c r="AB2960" s="166">
        <v>0</v>
      </c>
      <c r="AC2960" s="166">
        <v>0</v>
      </c>
      <c r="AD2960" s="166">
        <v>0</v>
      </c>
      <c r="AE2960" s="166">
        <v>0</v>
      </c>
      <c r="AF2960" s="166">
        <v>0</v>
      </c>
      <c r="AG2960" s="166">
        <v>0</v>
      </c>
      <c r="AH2960" s="166">
        <v>0</v>
      </c>
      <c r="AI2960" s="166">
        <v>0</v>
      </c>
      <c r="AJ2960" s="166">
        <v>0</v>
      </c>
      <c r="AK2960" s="166">
        <v>0</v>
      </c>
      <c r="AL2960" s="166">
        <v>0</v>
      </c>
      <c r="AM2960" s="166">
        <v>0</v>
      </c>
      <c r="AN2960" s="166">
        <v>0</v>
      </c>
      <c r="AO2960" s="166">
        <v>0</v>
      </c>
      <c r="AP2960" s="166">
        <v>0</v>
      </c>
      <c r="AQ2960" s="166">
        <v>0</v>
      </c>
      <c r="AR2960" s="166">
        <v>0</v>
      </c>
      <c r="AS2960" s="166">
        <v>0</v>
      </c>
      <c r="AT2960" s="166">
        <v>0</v>
      </c>
      <c r="AU2960" s="166">
        <v>0</v>
      </c>
      <c r="AV2960" s="166">
        <v>0</v>
      </c>
      <c r="AW2960" s="166">
        <v>0</v>
      </c>
      <c r="AX2960" s="166">
        <v>0</v>
      </c>
      <c r="AY2960" s="166">
        <v>0</v>
      </c>
      <c r="AZ2960" s="166">
        <v>0</v>
      </c>
      <c r="BA2960" s="166">
        <v>0</v>
      </c>
      <c r="BB2960" s="166">
        <v>0</v>
      </c>
      <c r="BC2960" s="166">
        <v>0</v>
      </c>
      <c r="BD2960" s="166">
        <v>0</v>
      </c>
      <c r="BE2960" s="166">
        <v>0</v>
      </c>
      <c r="BF2960" s="166">
        <v>0</v>
      </c>
      <c r="BG2960" s="166">
        <v>0</v>
      </c>
      <c r="BH2960" s="166">
        <v>0</v>
      </c>
      <c r="BI2960" s="166">
        <v>0</v>
      </c>
      <c r="BJ2960" s="166">
        <v>0</v>
      </c>
      <c r="BK2960" s="166">
        <v>0</v>
      </c>
      <c r="BL2960" s="166">
        <v>0</v>
      </c>
      <c r="BM2960" s="166">
        <v>0</v>
      </c>
      <c r="BN2960" s="166">
        <v>0</v>
      </c>
      <c r="BO2960" s="166">
        <v>0</v>
      </c>
      <c r="BP2960" s="166">
        <v>0</v>
      </c>
      <c r="BQ2960" s="166">
        <v>0</v>
      </c>
      <c r="BR2960" s="166">
        <v>2480273.7599110301</v>
      </c>
      <c r="BS2960" s="166">
        <v>2480273.7599110301</v>
      </c>
      <c r="BT2960" s="168">
        <v>0</v>
      </c>
      <c r="BU2960" s="166">
        <v>0</v>
      </c>
      <c r="BV2960" s="166">
        <v>0</v>
      </c>
      <c r="BW2960" s="166">
        <v>0</v>
      </c>
      <c r="BX2960" s="166">
        <v>0</v>
      </c>
      <c r="BY2960" s="166">
        <v>0</v>
      </c>
      <c r="BZ2960" s="166">
        <v>0</v>
      </c>
      <c r="CA2960" s="166">
        <v>0</v>
      </c>
      <c r="CB2960" s="166">
        <v>0</v>
      </c>
      <c r="CC2960" s="166">
        <v>0</v>
      </c>
      <c r="CD2960" s="166">
        <v>0</v>
      </c>
      <c r="CE2960" s="166">
        <v>0</v>
      </c>
      <c r="CF2960" s="166">
        <v>0</v>
      </c>
      <c r="CG2960" s="166">
        <v>0</v>
      </c>
      <c r="CH2960" s="166">
        <v>0</v>
      </c>
      <c r="CI2960" s="166">
        <v>0</v>
      </c>
      <c r="CJ2960" s="166">
        <v>0</v>
      </c>
      <c r="CK2960" s="166">
        <v>0</v>
      </c>
      <c r="CL2960" s="166">
        <v>0</v>
      </c>
      <c r="CM2960" s="166">
        <v>0</v>
      </c>
      <c r="CN2960" s="166">
        <v>0</v>
      </c>
      <c r="CO2960" s="166">
        <v>0</v>
      </c>
      <c r="CP2960" s="166">
        <v>0</v>
      </c>
      <c r="CQ2960" s="166">
        <v>0</v>
      </c>
      <c r="CR2960" s="166">
        <v>0</v>
      </c>
      <c r="CS2960" s="166">
        <v>0</v>
      </c>
      <c r="CT2960" s="166">
        <v>0</v>
      </c>
      <c r="CU2960" s="166">
        <v>0</v>
      </c>
      <c r="CV2960" s="166">
        <v>0</v>
      </c>
      <c r="CW2960" s="166">
        <v>0</v>
      </c>
      <c r="CX2960" s="166">
        <v>0</v>
      </c>
      <c r="CY2960" s="166">
        <v>0</v>
      </c>
      <c r="CZ2960" s="166">
        <v>0</v>
      </c>
    </row>
    <row r="2961" spans="1:104" x14ac:dyDescent="0.2">
      <c r="A2961" s="167" t="s">
        <v>1093</v>
      </c>
      <c r="B2961" s="166">
        <v>2545087.23</v>
      </c>
      <c r="C2961" s="166">
        <v>2545087.23</v>
      </c>
      <c r="D2961" s="166">
        <v>0</v>
      </c>
      <c r="E2961" s="166">
        <v>0</v>
      </c>
      <c r="F2961" s="166">
        <v>0</v>
      </c>
      <c r="G2961" s="166">
        <v>0</v>
      </c>
      <c r="H2961" s="166">
        <v>0</v>
      </c>
      <c r="I2961" s="166">
        <v>0</v>
      </c>
      <c r="J2961" s="166">
        <v>0</v>
      </c>
      <c r="K2961" s="166">
        <v>0</v>
      </c>
      <c r="L2961" s="166">
        <v>0</v>
      </c>
      <c r="M2961" s="166">
        <v>0</v>
      </c>
      <c r="N2961" s="166">
        <v>0</v>
      </c>
      <c r="O2961" s="166">
        <v>0</v>
      </c>
      <c r="P2961" s="166">
        <v>0</v>
      </c>
      <c r="Q2961" s="166">
        <v>0</v>
      </c>
      <c r="R2961" s="166">
        <v>0</v>
      </c>
      <c r="S2961" s="166">
        <v>0</v>
      </c>
      <c r="T2961" s="166">
        <v>0</v>
      </c>
      <c r="U2961" s="166">
        <v>0</v>
      </c>
      <c r="V2961" s="166">
        <v>0</v>
      </c>
      <c r="W2961" s="166">
        <v>0</v>
      </c>
      <c r="X2961" s="166">
        <v>0</v>
      </c>
      <c r="Y2961" s="166">
        <v>0</v>
      </c>
      <c r="Z2961" s="166">
        <v>0</v>
      </c>
      <c r="AA2961" s="166">
        <v>0</v>
      </c>
      <c r="AB2961" s="166">
        <v>0</v>
      </c>
      <c r="AC2961" s="166">
        <v>0</v>
      </c>
      <c r="AD2961" s="166">
        <v>0</v>
      </c>
      <c r="AE2961" s="166">
        <v>0</v>
      </c>
      <c r="AF2961" s="166">
        <v>0</v>
      </c>
      <c r="AG2961" s="166">
        <v>0</v>
      </c>
      <c r="AH2961" s="166">
        <v>0</v>
      </c>
      <c r="AI2961" s="166">
        <v>0</v>
      </c>
      <c r="AJ2961" s="166">
        <v>0</v>
      </c>
      <c r="AK2961" s="166">
        <v>0</v>
      </c>
      <c r="AL2961" s="166">
        <v>0</v>
      </c>
      <c r="AM2961" s="166">
        <v>0</v>
      </c>
      <c r="AN2961" s="166">
        <v>0</v>
      </c>
      <c r="AO2961" s="166">
        <v>0</v>
      </c>
      <c r="AP2961" s="166">
        <v>0</v>
      </c>
      <c r="AQ2961" s="166">
        <v>0</v>
      </c>
      <c r="AR2961" s="166">
        <v>0</v>
      </c>
      <c r="AS2961" s="166">
        <v>0</v>
      </c>
      <c r="AT2961" s="166">
        <v>0</v>
      </c>
      <c r="AU2961" s="166">
        <v>0</v>
      </c>
      <c r="AV2961" s="166">
        <v>0</v>
      </c>
      <c r="AW2961" s="166">
        <v>0</v>
      </c>
      <c r="AX2961" s="166">
        <v>0</v>
      </c>
      <c r="AY2961" s="166">
        <v>0</v>
      </c>
      <c r="AZ2961" s="166">
        <v>0</v>
      </c>
      <c r="BA2961" s="166">
        <v>0</v>
      </c>
      <c r="BB2961" s="166">
        <v>0</v>
      </c>
      <c r="BC2961" s="166">
        <v>0</v>
      </c>
      <c r="BD2961" s="166">
        <v>0</v>
      </c>
      <c r="BE2961" s="166">
        <v>0</v>
      </c>
      <c r="BF2961" s="166">
        <v>0</v>
      </c>
      <c r="BG2961" s="166">
        <v>0</v>
      </c>
      <c r="BH2961" s="166">
        <v>0</v>
      </c>
      <c r="BI2961" s="166">
        <v>0</v>
      </c>
      <c r="BJ2961" s="166">
        <v>0</v>
      </c>
      <c r="BK2961" s="166">
        <v>0</v>
      </c>
      <c r="BL2961" s="166">
        <v>0</v>
      </c>
      <c r="BM2961" s="166">
        <v>0</v>
      </c>
      <c r="BN2961" s="166">
        <v>0</v>
      </c>
      <c r="BO2961" s="166">
        <v>0</v>
      </c>
      <c r="BP2961" s="166">
        <v>0</v>
      </c>
      <c r="BQ2961" s="166">
        <v>0</v>
      </c>
      <c r="BR2961" s="166">
        <v>2545087.23</v>
      </c>
      <c r="BS2961" s="166">
        <v>2545087.23</v>
      </c>
      <c r="BT2961" s="168">
        <v>0</v>
      </c>
      <c r="BU2961" s="166">
        <v>0</v>
      </c>
      <c r="BV2961" s="166">
        <v>0</v>
      </c>
      <c r="BW2961" s="166">
        <v>0</v>
      </c>
      <c r="BX2961" s="166">
        <v>0</v>
      </c>
      <c r="BY2961" s="166">
        <v>0</v>
      </c>
      <c r="BZ2961" s="166">
        <v>0</v>
      </c>
      <c r="CA2961" s="166">
        <v>0</v>
      </c>
      <c r="CB2961" s="166">
        <v>0</v>
      </c>
      <c r="CC2961" s="166">
        <v>0</v>
      </c>
      <c r="CD2961" s="166">
        <v>0</v>
      </c>
      <c r="CE2961" s="166">
        <v>0</v>
      </c>
      <c r="CF2961" s="166">
        <v>0</v>
      </c>
      <c r="CG2961" s="166">
        <v>0</v>
      </c>
      <c r="CH2961" s="166">
        <v>0</v>
      </c>
      <c r="CI2961" s="166">
        <v>0</v>
      </c>
      <c r="CJ2961" s="166">
        <v>0</v>
      </c>
      <c r="CK2961" s="166">
        <v>0</v>
      </c>
      <c r="CL2961" s="166">
        <v>0</v>
      </c>
      <c r="CM2961" s="166">
        <v>0</v>
      </c>
      <c r="CN2961" s="166">
        <v>0</v>
      </c>
      <c r="CO2961" s="166">
        <v>0</v>
      </c>
      <c r="CP2961" s="166">
        <v>0</v>
      </c>
      <c r="CQ2961" s="166">
        <v>0</v>
      </c>
      <c r="CR2961" s="166">
        <v>0</v>
      </c>
      <c r="CS2961" s="166">
        <v>0</v>
      </c>
      <c r="CT2961" s="166">
        <v>0</v>
      </c>
      <c r="CU2961" s="166">
        <v>0</v>
      </c>
      <c r="CV2961" s="166">
        <v>0</v>
      </c>
      <c r="CW2961" s="166">
        <v>0</v>
      </c>
      <c r="CX2961" s="166">
        <v>0</v>
      </c>
      <c r="CY2961" s="166">
        <v>0</v>
      </c>
      <c r="CZ2961" s="166">
        <v>0</v>
      </c>
    </row>
    <row r="2962" spans="1:104" x14ac:dyDescent="0.2">
      <c r="A2962" s="167" t="s">
        <v>249</v>
      </c>
    </row>
    <row r="2963" spans="1:104" x14ac:dyDescent="0.2">
      <c r="A2963" s="167" t="s">
        <v>1094</v>
      </c>
      <c r="B2963" s="166">
        <v>58414.438641930501</v>
      </c>
      <c r="C2963" s="166">
        <v>58414.438641930501</v>
      </c>
      <c r="D2963" s="166">
        <v>0</v>
      </c>
      <c r="E2963" s="166">
        <v>0</v>
      </c>
      <c r="F2963" s="166">
        <v>0</v>
      </c>
      <c r="G2963" s="166">
        <v>0</v>
      </c>
      <c r="H2963" s="166">
        <v>0</v>
      </c>
      <c r="I2963" s="166">
        <v>0</v>
      </c>
      <c r="J2963" s="166">
        <v>0</v>
      </c>
      <c r="K2963" s="166">
        <v>0</v>
      </c>
      <c r="L2963" s="166">
        <v>0</v>
      </c>
      <c r="M2963" s="166">
        <v>0</v>
      </c>
      <c r="N2963" s="166">
        <v>0</v>
      </c>
      <c r="O2963" s="166">
        <v>0</v>
      </c>
      <c r="P2963" s="166">
        <v>0</v>
      </c>
      <c r="Q2963" s="166">
        <v>0</v>
      </c>
      <c r="R2963" s="166">
        <v>0</v>
      </c>
      <c r="S2963" s="166">
        <v>0</v>
      </c>
      <c r="T2963" s="166">
        <v>0</v>
      </c>
      <c r="U2963" s="166">
        <v>0</v>
      </c>
      <c r="V2963" s="166">
        <v>0</v>
      </c>
      <c r="W2963" s="166">
        <v>0</v>
      </c>
      <c r="X2963" s="166">
        <v>0</v>
      </c>
      <c r="Y2963" s="166">
        <v>0</v>
      </c>
      <c r="Z2963" s="166">
        <v>0</v>
      </c>
      <c r="AA2963" s="166">
        <v>0</v>
      </c>
      <c r="AB2963" s="166">
        <v>0</v>
      </c>
      <c r="AC2963" s="166">
        <v>0</v>
      </c>
      <c r="AD2963" s="166">
        <v>0</v>
      </c>
      <c r="AE2963" s="166">
        <v>0</v>
      </c>
      <c r="AF2963" s="166">
        <v>0</v>
      </c>
      <c r="AG2963" s="166">
        <v>0</v>
      </c>
      <c r="AH2963" s="166">
        <v>0</v>
      </c>
      <c r="AI2963" s="166">
        <v>0</v>
      </c>
      <c r="AJ2963" s="166">
        <v>0</v>
      </c>
      <c r="AK2963" s="166">
        <v>0</v>
      </c>
      <c r="AL2963" s="166">
        <v>0</v>
      </c>
      <c r="AM2963" s="166">
        <v>0</v>
      </c>
      <c r="AN2963" s="166">
        <v>0</v>
      </c>
      <c r="AO2963" s="166">
        <v>0</v>
      </c>
      <c r="AP2963" s="166">
        <v>0</v>
      </c>
      <c r="AQ2963" s="166">
        <v>0</v>
      </c>
      <c r="AR2963" s="166">
        <v>0</v>
      </c>
      <c r="AS2963" s="166">
        <v>0</v>
      </c>
      <c r="AT2963" s="166">
        <v>0</v>
      </c>
      <c r="AU2963" s="166">
        <v>0</v>
      </c>
      <c r="AV2963" s="166">
        <v>0</v>
      </c>
      <c r="AW2963" s="166">
        <v>0</v>
      </c>
      <c r="AX2963" s="166">
        <v>0</v>
      </c>
      <c r="AY2963" s="166">
        <v>0</v>
      </c>
      <c r="AZ2963" s="166">
        <v>0</v>
      </c>
      <c r="BA2963" s="166">
        <v>0</v>
      </c>
      <c r="BB2963" s="166">
        <v>0</v>
      </c>
      <c r="BC2963" s="166">
        <v>0</v>
      </c>
      <c r="BD2963" s="166">
        <v>0</v>
      </c>
      <c r="BE2963" s="166">
        <v>0</v>
      </c>
      <c r="BF2963" s="166">
        <v>0</v>
      </c>
      <c r="BG2963" s="166">
        <v>0</v>
      </c>
      <c r="BH2963" s="166">
        <v>0</v>
      </c>
      <c r="BI2963" s="166">
        <v>0</v>
      </c>
      <c r="BJ2963" s="166">
        <v>0</v>
      </c>
      <c r="BK2963" s="166">
        <v>0</v>
      </c>
      <c r="BL2963" s="166">
        <v>0</v>
      </c>
      <c r="BM2963" s="166">
        <v>0</v>
      </c>
      <c r="BN2963" s="166">
        <v>0</v>
      </c>
      <c r="BO2963" s="166">
        <v>0</v>
      </c>
      <c r="BP2963" s="166">
        <v>0</v>
      </c>
      <c r="BQ2963" s="166">
        <v>0</v>
      </c>
      <c r="BR2963" s="166">
        <v>58414.438641930501</v>
      </c>
      <c r="BS2963" s="166">
        <v>58414.438641930501</v>
      </c>
      <c r="BT2963" s="168">
        <v>0</v>
      </c>
      <c r="BU2963" s="166">
        <v>0</v>
      </c>
      <c r="BV2963" s="166">
        <v>0</v>
      </c>
      <c r="BW2963" s="166">
        <v>0</v>
      </c>
      <c r="BX2963" s="166">
        <v>0</v>
      </c>
      <c r="BY2963" s="166">
        <v>0</v>
      </c>
      <c r="BZ2963" s="166">
        <v>0</v>
      </c>
      <c r="CA2963" s="166">
        <v>0</v>
      </c>
      <c r="CB2963" s="166">
        <v>0</v>
      </c>
      <c r="CC2963" s="166">
        <v>0</v>
      </c>
      <c r="CD2963" s="166">
        <v>0</v>
      </c>
      <c r="CE2963" s="166">
        <v>0</v>
      </c>
      <c r="CF2963" s="166">
        <v>0</v>
      </c>
      <c r="CG2963" s="166">
        <v>0</v>
      </c>
      <c r="CH2963" s="166">
        <v>0</v>
      </c>
      <c r="CI2963" s="166">
        <v>0</v>
      </c>
      <c r="CJ2963" s="166">
        <v>0</v>
      </c>
      <c r="CK2963" s="166">
        <v>0</v>
      </c>
      <c r="CL2963" s="166">
        <v>0</v>
      </c>
      <c r="CM2963" s="166">
        <v>0</v>
      </c>
      <c r="CN2963" s="166">
        <v>0</v>
      </c>
      <c r="CO2963" s="166">
        <v>0</v>
      </c>
      <c r="CP2963" s="166">
        <v>0</v>
      </c>
      <c r="CQ2963" s="166">
        <v>0</v>
      </c>
      <c r="CR2963" s="166">
        <v>0</v>
      </c>
      <c r="CS2963" s="166">
        <v>0</v>
      </c>
      <c r="CT2963" s="166">
        <v>0</v>
      </c>
      <c r="CU2963" s="166">
        <v>0</v>
      </c>
      <c r="CV2963" s="166">
        <v>0</v>
      </c>
      <c r="CW2963" s="166">
        <v>0</v>
      </c>
      <c r="CX2963" s="166">
        <v>0</v>
      </c>
      <c r="CY2963" s="166">
        <v>0</v>
      </c>
      <c r="CZ2963" s="166">
        <v>0</v>
      </c>
    </row>
    <row r="2964" spans="1:104" x14ac:dyDescent="0.2">
      <c r="A2964" s="167" t="s">
        <v>1095</v>
      </c>
      <c r="B2964" s="166">
        <v>1846.8625950010201</v>
      </c>
      <c r="C2964" s="166">
        <v>1846.8625950010201</v>
      </c>
      <c r="D2964" s="166">
        <v>0</v>
      </c>
      <c r="E2964" s="166">
        <v>0</v>
      </c>
      <c r="F2964" s="166">
        <v>0</v>
      </c>
      <c r="G2964" s="166">
        <v>0</v>
      </c>
      <c r="H2964" s="166">
        <v>0</v>
      </c>
      <c r="I2964" s="166">
        <v>0</v>
      </c>
      <c r="J2964" s="166">
        <v>0</v>
      </c>
      <c r="K2964" s="166">
        <v>0</v>
      </c>
      <c r="L2964" s="166">
        <v>0</v>
      </c>
      <c r="M2964" s="166">
        <v>0</v>
      </c>
      <c r="N2964" s="166">
        <v>0</v>
      </c>
      <c r="O2964" s="166">
        <v>0</v>
      </c>
      <c r="P2964" s="166">
        <v>0</v>
      </c>
      <c r="Q2964" s="166">
        <v>0</v>
      </c>
      <c r="R2964" s="166">
        <v>0</v>
      </c>
      <c r="S2964" s="166">
        <v>0</v>
      </c>
      <c r="T2964" s="166">
        <v>0</v>
      </c>
      <c r="U2964" s="166">
        <v>0</v>
      </c>
      <c r="V2964" s="166">
        <v>0</v>
      </c>
      <c r="W2964" s="166">
        <v>0</v>
      </c>
      <c r="X2964" s="166">
        <v>0</v>
      </c>
      <c r="Y2964" s="166">
        <v>0</v>
      </c>
      <c r="Z2964" s="166">
        <v>0</v>
      </c>
      <c r="AA2964" s="166">
        <v>0</v>
      </c>
      <c r="AB2964" s="166">
        <v>0</v>
      </c>
      <c r="AC2964" s="166">
        <v>0</v>
      </c>
      <c r="AD2964" s="166">
        <v>0</v>
      </c>
      <c r="AE2964" s="166">
        <v>0</v>
      </c>
      <c r="AF2964" s="166">
        <v>0</v>
      </c>
      <c r="AG2964" s="166">
        <v>0</v>
      </c>
      <c r="AH2964" s="166">
        <v>0</v>
      </c>
      <c r="AI2964" s="166">
        <v>0</v>
      </c>
      <c r="AJ2964" s="166">
        <v>0</v>
      </c>
      <c r="AK2964" s="166">
        <v>0</v>
      </c>
      <c r="AL2964" s="166">
        <v>0</v>
      </c>
      <c r="AM2964" s="166">
        <v>0</v>
      </c>
      <c r="AN2964" s="166">
        <v>0</v>
      </c>
      <c r="AO2964" s="166">
        <v>0</v>
      </c>
      <c r="AP2964" s="166">
        <v>0</v>
      </c>
      <c r="AQ2964" s="166">
        <v>0</v>
      </c>
      <c r="AR2964" s="166">
        <v>0</v>
      </c>
      <c r="AS2964" s="166">
        <v>0</v>
      </c>
      <c r="AT2964" s="166">
        <v>0</v>
      </c>
      <c r="AU2964" s="166">
        <v>0</v>
      </c>
      <c r="AV2964" s="166">
        <v>0</v>
      </c>
      <c r="AW2964" s="166">
        <v>0</v>
      </c>
      <c r="AX2964" s="166">
        <v>0</v>
      </c>
      <c r="AY2964" s="166">
        <v>0</v>
      </c>
      <c r="AZ2964" s="166">
        <v>0</v>
      </c>
      <c r="BA2964" s="166">
        <v>0</v>
      </c>
      <c r="BB2964" s="166">
        <v>0</v>
      </c>
      <c r="BC2964" s="166">
        <v>0</v>
      </c>
      <c r="BD2964" s="166">
        <v>0</v>
      </c>
      <c r="BE2964" s="166">
        <v>0</v>
      </c>
      <c r="BF2964" s="166">
        <v>0</v>
      </c>
      <c r="BG2964" s="166">
        <v>0</v>
      </c>
      <c r="BH2964" s="166">
        <v>0</v>
      </c>
      <c r="BI2964" s="166">
        <v>0</v>
      </c>
      <c r="BJ2964" s="166">
        <v>0</v>
      </c>
      <c r="BK2964" s="166">
        <v>0</v>
      </c>
      <c r="BL2964" s="166">
        <v>0</v>
      </c>
      <c r="BM2964" s="166">
        <v>0</v>
      </c>
      <c r="BN2964" s="166">
        <v>0</v>
      </c>
      <c r="BO2964" s="166">
        <v>0</v>
      </c>
      <c r="BP2964" s="166">
        <v>0</v>
      </c>
      <c r="BQ2964" s="166">
        <v>0</v>
      </c>
      <c r="BR2964" s="166">
        <v>1846.8625950010201</v>
      </c>
      <c r="BS2964" s="166">
        <v>1846.8625950010201</v>
      </c>
      <c r="BT2964" s="168">
        <v>0</v>
      </c>
      <c r="BU2964" s="166">
        <v>0</v>
      </c>
      <c r="BV2964" s="166">
        <v>0</v>
      </c>
      <c r="BW2964" s="166">
        <v>0</v>
      </c>
      <c r="BX2964" s="166">
        <v>0</v>
      </c>
      <c r="BY2964" s="166">
        <v>0</v>
      </c>
      <c r="BZ2964" s="166">
        <v>0</v>
      </c>
      <c r="CA2964" s="166">
        <v>0</v>
      </c>
      <c r="CB2964" s="166">
        <v>0</v>
      </c>
      <c r="CC2964" s="166">
        <v>0</v>
      </c>
      <c r="CD2964" s="166">
        <v>0</v>
      </c>
      <c r="CE2964" s="166">
        <v>0</v>
      </c>
      <c r="CF2964" s="166">
        <v>0</v>
      </c>
      <c r="CG2964" s="166">
        <v>0</v>
      </c>
      <c r="CH2964" s="166">
        <v>0</v>
      </c>
      <c r="CI2964" s="166">
        <v>0</v>
      </c>
      <c r="CJ2964" s="166">
        <v>0</v>
      </c>
      <c r="CK2964" s="166">
        <v>0</v>
      </c>
      <c r="CL2964" s="166">
        <v>0</v>
      </c>
      <c r="CM2964" s="166">
        <v>0</v>
      </c>
      <c r="CN2964" s="166">
        <v>0</v>
      </c>
      <c r="CO2964" s="166">
        <v>0</v>
      </c>
      <c r="CP2964" s="166">
        <v>0</v>
      </c>
      <c r="CQ2964" s="166">
        <v>0</v>
      </c>
      <c r="CR2964" s="166">
        <v>0</v>
      </c>
      <c r="CS2964" s="166">
        <v>0</v>
      </c>
      <c r="CT2964" s="166">
        <v>0</v>
      </c>
      <c r="CU2964" s="166">
        <v>0</v>
      </c>
      <c r="CV2964" s="166">
        <v>0</v>
      </c>
      <c r="CW2964" s="166">
        <v>0</v>
      </c>
      <c r="CX2964" s="166">
        <v>0</v>
      </c>
      <c r="CY2964" s="166">
        <v>0</v>
      </c>
      <c r="CZ2964" s="166">
        <v>0</v>
      </c>
    </row>
    <row r="2965" spans="1:104" x14ac:dyDescent="0.2">
      <c r="A2965" s="167" t="s">
        <v>1096</v>
      </c>
      <c r="B2965" s="166">
        <v>13322.9480604246</v>
      </c>
      <c r="C2965" s="166">
        <v>13322.9480604246</v>
      </c>
      <c r="D2965" s="166">
        <v>0</v>
      </c>
      <c r="E2965" s="166">
        <v>0</v>
      </c>
      <c r="F2965" s="166">
        <v>0</v>
      </c>
      <c r="G2965" s="166">
        <v>0</v>
      </c>
      <c r="H2965" s="166">
        <v>0</v>
      </c>
      <c r="I2965" s="166">
        <v>0</v>
      </c>
      <c r="J2965" s="166">
        <v>0</v>
      </c>
      <c r="K2965" s="166">
        <v>0</v>
      </c>
      <c r="L2965" s="166">
        <v>0</v>
      </c>
      <c r="M2965" s="166">
        <v>0</v>
      </c>
      <c r="N2965" s="166">
        <v>0</v>
      </c>
      <c r="O2965" s="166">
        <v>0</v>
      </c>
      <c r="P2965" s="166">
        <v>0</v>
      </c>
      <c r="Q2965" s="166">
        <v>0</v>
      </c>
      <c r="R2965" s="166">
        <v>0</v>
      </c>
      <c r="S2965" s="166">
        <v>0</v>
      </c>
      <c r="T2965" s="166">
        <v>0</v>
      </c>
      <c r="U2965" s="166">
        <v>0</v>
      </c>
      <c r="V2965" s="166">
        <v>0</v>
      </c>
      <c r="W2965" s="166">
        <v>0</v>
      </c>
      <c r="X2965" s="166">
        <v>0</v>
      </c>
      <c r="Y2965" s="166">
        <v>0</v>
      </c>
      <c r="Z2965" s="166">
        <v>0</v>
      </c>
      <c r="AA2965" s="166">
        <v>0</v>
      </c>
      <c r="AB2965" s="166">
        <v>0</v>
      </c>
      <c r="AC2965" s="166">
        <v>0</v>
      </c>
      <c r="AD2965" s="166">
        <v>0</v>
      </c>
      <c r="AE2965" s="166">
        <v>0</v>
      </c>
      <c r="AF2965" s="166">
        <v>0</v>
      </c>
      <c r="AG2965" s="166">
        <v>0</v>
      </c>
      <c r="AH2965" s="166">
        <v>0</v>
      </c>
      <c r="AI2965" s="166">
        <v>0</v>
      </c>
      <c r="AJ2965" s="166">
        <v>0</v>
      </c>
      <c r="AK2965" s="166">
        <v>0</v>
      </c>
      <c r="AL2965" s="166">
        <v>0</v>
      </c>
      <c r="AM2965" s="166">
        <v>0</v>
      </c>
      <c r="AN2965" s="166">
        <v>0</v>
      </c>
      <c r="AO2965" s="166">
        <v>0</v>
      </c>
      <c r="AP2965" s="166">
        <v>0</v>
      </c>
      <c r="AQ2965" s="166">
        <v>0</v>
      </c>
      <c r="AR2965" s="166">
        <v>0</v>
      </c>
      <c r="AS2965" s="166">
        <v>0</v>
      </c>
      <c r="AT2965" s="166">
        <v>0</v>
      </c>
      <c r="AU2965" s="166">
        <v>0</v>
      </c>
      <c r="AV2965" s="166">
        <v>0</v>
      </c>
      <c r="AW2965" s="166">
        <v>0</v>
      </c>
      <c r="AX2965" s="166">
        <v>0</v>
      </c>
      <c r="AY2965" s="166">
        <v>0</v>
      </c>
      <c r="AZ2965" s="166">
        <v>0</v>
      </c>
      <c r="BA2965" s="166">
        <v>0</v>
      </c>
      <c r="BB2965" s="166">
        <v>0</v>
      </c>
      <c r="BC2965" s="166">
        <v>0</v>
      </c>
      <c r="BD2965" s="166">
        <v>0</v>
      </c>
      <c r="BE2965" s="166">
        <v>0</v>
      </c>
      <c r="BF2965" s="166">
        <v>0</v>
      </c>
      <c r="BG2965" s="166">
        <v>0</v>
      </c>
      <c r="BH2965" s="166">
        <v>0</v>
      </c>
      <c r="BI2965" s="166">
        <v>0</v>
      </c>
      <c r="BJ2965" s="166">
        <v>0</v>
      </c>
      <c r="BK2965" s="166">
        <v>0</v>
      </c>
      <c r="BL2965" s="166">
        <v>0</v>
      </c>
      <c r="BM2965" s="166">
        <v>0</v>
      </c>
      <c r="BN2965" s="166">
        <v>0</v>
      </c>
      <c r="BO2965" s="166">
        <v>0</v>
      </c>
      <c r="BP2965" s="166">
        <v>0</v>
      </c>
      <c r="BQ2965" s="166">
        <v>0</v>
      </c>
      <c r="BR2965" s="166">
        <v>13322.9480604246</v>
      </c>
      <c r="BS2965" s="166">
        <v>13322.9480604246</v>
      </c>
      <c r="BT2965" s="168">
        <v>0</v>
      </c>
      <c r="BU2965" s="166">
        <v>0</v>
      </c>
      <c r="BV2965" s="166">
        <v>0</v>
      </c>
      <c r="BW2965" s="166">
        <v>0</v>
      </c>
      <c r="BX2965" s="166">
        <v>0</v>
      </c>
      <c r="BY2965" s="166">
        <v>0</v>
      </c>
      <c r="BZ2965" s="166">
        <v>0</v>
      </c>
      <c r="CA2965" s="166">
        <v>0</v>
      </c>
      <c r="CB2965" s="166">
        <v>0</v>
      </c>
      <c r="CC2965" s="166">
        <v>0</v>
      </c>
      <c r="CD2965" s="166">
        <v>0</v>
      </c>
      <c r="CE2965" s="166">
        <v>0</v>
      </c>
      <c r="CF2965" s="166">
        <v>0</v>
      </c>
      <c r="CG2965" s="166">
        <v>0</v>
      </c>
      <c r="CH2965" s="166">
        <v>0</v>
      </c>
      <c r="CI2965" s="166">
        <v>0</v>
      </c>
      <c r="CJ2965" s="166">
        <v>0</v>
      </c>
      <c r="CK2965" s="166">
        <v>0</v>
      </c>
      <c r="CL2965" s="166">
        <v>0</v>
      </c>
      <c r="CM2965" s="166">
        <v>0</v>
      </c>
      <c r="CN2965" s="166">
        <v>0</v>
      </c>
      <c r="CO2965" s="166">
        <v>0</v>
      </c>
      <c r="CP2965" s="166">
        <v>0</v>
      </c>
      <c r="CQ2965" s="166">
        <v>0</v>
      </c>
      <c r="CR2965" s="166">
        <v>0</v>
      </c>
      <c r="CS2965" s="166">
        <v>0</v>
      </c>
      <c r="CT2965" s="166">
        <v>0</v>
      </c>
      <c r="CU2965" s="166">
        <v>0</v>
      </c>
      <c r="CV2965" s="166">
        <v>0</v>
      </c>
      <c r="CW2965" s="166">
        <v>0</v>
      </c>
      <c r="CX2965" s="166">
        <v>0</v>
      </c>
      <c r="CY2965" s="166">
        <v>0</v>
      </c>
      <c r="CZ2965" s="166">
        <v>0</v>
      </c>
    </row>
    <row r="2966" spans="1:104" x14ac:dyDescent="0.2">
      <c r="A2966" s="167" t="s">
        <v>253</v>
      </c>
      <c r="B2966" s="166">
        <v>42620.043844671301</v>
      </c>
      <c r="C2966" s="166">
        <v>42620.043844671301</v>
      </c>
      <c r="D2966" s="166">
        <v>0</v>
      </c>
      <c r="E2966" s="166">
        <v>0</v>
      </c>
      <c r="F2966" s="166">
        <v>0</v>
      </c>
      <c r="G2966" s="166">
        <v>0</v>
      </c>
      <c r="H2966" s="166">
        <v>0</v>
      </c>
      <c r="I2966" s="166">
        <v>0</v>
      </c>
      <c r="J2966" s="166">
        <v>0</v>
      </c>
      <c r="K2966" s="166">
        <v>0</v>
      </c>
      <c r="L2966" s="166">
        <v>0</v>
      </c>
      <c r="M2966" s="166">
        <v>0</v>
      </c>
      <c r="N2966" s="166">
        <v>0</v>
      </c>
      <c r="O2966" s="166">
        <v>0</v>
      </c>
      <c r="P2966" s="166">
        <v>0</v>
      </c>
      <c r="Q2966" s="166">
        <v>0</v>
      </c>
      <c r="R2966" s="166">
        <v>0</v>
      </c>
      <c r="S2966" s="166">
        <v>0</v>
      </c>
      <c r="T2966" s="166">
        <v>0</v>
      </c>
      <c r="U2966" s="166">
        <v>0</v>
      </c>
      <c r="V2966" s="166">
        <v>0</v>
      </c>
      <c r="W2966" s="166">
        <v>0</v>
      </c>
      <c r="X2966" s="166">
        <v>0</v>
      </c>
      <c r="Y2966" s="166">
        <v>0</v>
      </c>
      <c r="Z2966" s="166">
        <v>0</v>
      </c>
      <c r="AA2966" s="166">
        <v>0</v>
      </c>
      <c r="AB2966" s="166">
        <v>0</v>
      </c>
      <c r="AC2966" s="166">
        <v>0</v>
      </c>
      <c r="AD2966" s="166">
        <v>0</v>
      </c>
      <c r="AE2966" s="166">
        <v>0</v>
      </c>
      <c r="AF2966" s="166">
        <v>0</v>
      </c>
      <c r="AG2966" s="166">
        <v>0</v>
      </c>
      <c r="AH2966" s="166">
        <v>0</v>
      </c>
      <c r="AI2966" s="166">
        <v>0</v>
      </c>
      <c r="AJ2966" s="166">
        <v>0</v>
      </c>
      <c r="AK2966" s="166">
        <v>0</v>
      </c>
      <c r="AL2966" s="166">
        <v>0</v>
      </c>
      <c r="AM2966" s="166">
        <v>0</v>
      </c>
      <c r="AN2966" s="166">
        <v>0</v>
      </c>
      <c r="AO2966" s="166">
        <v>0</v>
      </c>
      <c r="AP2966" s="166">
        <v>0</v>
      </c>
      <c r="AQ2966" s="166">
        <v>0</v>
      </c>
      <c r="AR2966" s="166">
        <v>0</v>
      </c>
      <c r="AS2966" s="166">
        <v>0</v>
      </c>
      <c r="AT2966" s="166">
        <v>0</v>
      </c>
      <c r="AU2966" s="166">
        <v>0</v>
      </c>
      <c r="AV2966" s="166">
        <v>0</v>
      </c>
      <c r="AW2966" s="166">
        <v>0</v>
      </c>
      <c r="AX2966" s="166">
        <v>0</v>
      </c>
      <c r="AY2966" s="166">
        <v>0</v>
      </c>
      <c r="AZ2966" s="166">
        <v>0</v>
      </c>
      <c r="BA2966" s="166">
        <v>0</v>
      </c>
      <c r="BB2966" s="166">
        <v>0</v>
      </c>
      <c r="BC2966" s="166">
        <v>0</v>
      </c>
      <c r="BD2966" s="166">
        <v>0</v>
      </c>
      <c r="BE2966" s="166">
        <v>0</v>
      </c>
      <c r="BF2966" s="166">
        <v>0</v>
      </c>
      <c r="BG2966" s="166">
        <v>0</v>
      </c>
      <c r="BH2966" s="166">
        <v>0</v>
      </c>
      <c r="BI2966" s="166">
        <v>0</v>
      </c>
      <c r="BJ2966" s="166">
        <v>0</v>
      </c>
      <c r="BK2966" s="166">
        <v>0</v>
      </c>
      <c r="BL2966" s="166">
        <v>0</v>
      </c>
      <c r="BM2966" s="166">
        <v>0</v>
      </c>
      <c r="BN2966" s="166">
        <v>0</v>
      </c>
      <c r="BO2966" s="166">
        <v>0</v>
      </c>
      <c r="BP2966" s="166">
        <v>0</v>
      </c>
      <c r="BQ2966" s="166">
        <v>0</v>
      </c>
      <c r="BR2966" s="166">
        <v>42620.043844671301</v>
      </c>
      <c r="BS2966" s="166">
        <v>42620.043844671301</v>
      </c>
      <c r="BT2966" s="168">
        <v>0</v>
      </c>
      <c r="BU2966" s="166">
        <v>0</v>
      </c>
      <c r="BV2966" s="166">
        <v>0</v>
      </c>
      <c r="BW2966" s="166">
        <v>0</v>
      </c>
      <c r="BX2966" s="166">
        <v>0</v>
      </c>
      <c r="BY2966" s="166">
        <v>0</v>
      </c>
      <c r="BZ2966" s="166">
        <v>0</v>
      </c>
      <c r="CA2966" s="166">
        <v>0</v>
      </c>
      <c r="CB2966" s="166">
        <v>0</v>
      </c>
      <c r="CC2966" s="166">
        <v>0</v>
      </c>
      <c r="CD2966" s="166">
        <v>0</v>
      </c>
      <c r="CE2966" s="166">
        <v>0</v>
      </c>
      <c r="CF2966" s="166">
        <v>0</v>
      </c>
      <c r="CG2966" s="166">
        <v>0</v>
      </c>
      <c r="CH2966" s="166">
        <v>0</v>
      </c>
      <c r="CI2966" s="166">
        <v>0</v>
      </c>
      <c r="CJ2966" s="166">
        <v>0</v>
      </c>
      <c r="CK2966" s="166">
        <v>0</v>
      </c>
      <c r="CL2966" s="166">
        <v>0</v>
      </c>
      <c r="CM2966" s="166">
        <v>0</v>
      </c>
      <c r="CN2966" s="166">
        <v>0</v>
      </c>
      <c r="CO2966" s="166">
        <v>0</v>
      </c>
      <c r="CP2966" s="166">
        <v>0</v>
      </c>
      <c r="CQ2966" s="166">
        <v>0</v>
      </c>
      <c r="CR2966" s="166">
        <v>0</v>
      </c>
      <c r="CS2966" s="166">
        <v>0</v>
      </c>
      <c r="CT2966" s="166">
        <v>0</v>
      </c>
      <c r="CU2966" s="166">
        <v>0</v>
      </c>
      <c r="CV2966" s="166">
        <v>0</v>
      </c>
      <c r="CW2966" s="166">
        <v>0</v>
      </c>
      <c r="CX2966" s="166">
        <v>0</v>
      </c>
      <c r="CY2966" s="166">
        <v>0</v>
      </c>
      <c r="CZ2966" s="166">
        <v>0</v>
      </c>
    </row>
    <row r="2967" spans="1:104" x14ac:dyDescent="0.2">
      <c r="A2967" s="167" t="s">
        <v>254</v>
      </c>
      <c r="B2967" s="166">
        <v>33459.310299618097</v>
      </c>
      <c r="C2967" s="166">
        <v>33459.310299618097</v>
      </c>
      <c r="D2967" s="166">
        <v>0</v>
      </c>
      <c r="E2967" s="166">
        <v>0</v>
      </c>
      <c r="F2967" s="166">
        <v>0</v>
      </c>
      <c r="G2967" s="166">
        <v>0</v>
      </c>
      <c r="H2967" s="166">
        <v>0</v>
      </c>
      <c r="I2967" s="166">
        <v>0</v>
      </c>
      <c r="J2967" s="166">
        <v>0</v>
      </c>
      <c r="K2967" s="166">
        <v>0</v>
      </c>
      <c r="L2967" s="166">
        <v>0</v>
      </c>
      <c r="M2967" s="166">
        <v>0</v>
      </c>
      <c r="N2967" s="166">
        <v>0</v>
      </c>
      <c r="O2967" s="166">
        <v>0</v>
      </c>
      <c r="P2967" s="166">
        <v>0</v>
      </c>
      <c r="Q2967" s="166">
        <v>0</v>
      </c>
      <c r="R2967" s="166">
        <v>0</v>
      </c>
      <c r="S2967" s="166">
        <v>0</v>
      </c>
      <c r="T2967" s="166">
        <v>0</v>
      </c>
      <c r="U2967" s="166">
        <v>0</v>
      </c>
      <c r="V2967" s="166">
        <v>0</v>
      </c>
      <c r="W2967" s="166">
        <v>0</v>
      </c>
      <c r="X2967" s="166">
        <v>0</v>
      </c>
      <c r="Y2967" s="166">
        <v>0</v>
      </c>
      <c r="Z2967" s="166">
        <v>0</v>
      </c>
      <c r="AA2967" s="166">
        <v>0</v>
      </c>
      <c r="AB2967" s="166">
        <v>0</v>
      </c>
      <c r="AC2967" s="166">
        <v>0</v>
      </c>
      <c r="AD2967" s="166">
        <v>0</v>
      </c>
      <c r="AE2967" s="166">
        <v>0</v>
      </c>
      <c r="AF2967" s="166">
        <v>0</v>
      </c>
      <c r="AG2967" s="166">
        <v>0</v>
      </c>
      <c r="AH2967" s="166">
        <v>0</v>
      </c>
      <c r="AI2967" s="166">
        <v>0</v>
      </c>
      <c r="AJ2967" s="166">
        <v>0</v>
      </c>
      <c r="AK2967" s="166">
        <v>0</v>
      </c>
      <c r="AL2967" s="166">
        <v>0</v>
      </c>
      <c r="AM2967" s="166">
        <v>0</v>
      </c>
      <c r="AN2967" s="166">
        <v>0</v>
      </c>
      <c r="AO2967" s="166">
        <v>0</v>
      </c>
      <c r="AP2967" s="166">
        <v>0</v>
      </c>
      <c r="AQ2967" s="166">
        <v>0</v>
      </c>
      <c r="AR2967" s="166">
        <v>0</v>
      </c>
      <c r="AS2967" s="166">
        <v>0</v>
      </c>
      <c r="AT2967" s="166">
        <v>0</v>
      </c>
      <c r="AU2967" s="166">
        <v>0</v>
      </c>
      <c r="AV2967" s="166">
        <v>0</v>
      </c>
      <c r="AW2967" s="166">
        <v>0</v>
      </c>
      <c r="AX2967" s="166">
        <v>0</v>
      </c>
      <c r="AY2967" s="166">
        <v>0</v>
      </c>
      <c r="AZ2967" s="166">
        <v>0</v>
      </c>
      <c r="BA2967" s="166">
        <v>0</v>
      </c>
      <c r="BB2967" s="166">
        <v>0</v>
      </c>
      <c r="BC2967" s="166">
        <v>0</v>
      </c>
      <c r="BD2967" s="166">
        <v>0</v>
      </c>
      <c r="BE2967" s="166">
        <v>0</v>
      </c>
      <c r="BF2967" s="166">
        <v>0</v>
      </c>
      <c r="BG2967" s="166">
        <v>0</v>
      </c>
      <c r="BH2967" s="166">
        <v>0</v>
      </c>
      <c r="BI2967" s="166">
        <v>0</v>
      </c>
      <c r="BJ2967" s="166">
        <v>0</v>
      </c>
      <c r="BK2967" s="166">
        <v>0</v>
      </c>
      <c r="BL2967" s="166">
        <v>0</v>
      </c>
      <c r="BM2967" s="166">
        <v>0</v>
      </c>
      <c r="BN2967" s="166">
        <v>0</v>
      </c>
      <c r="BO2967" s="166">
        <v>0</v>
      </c>
      <c r="BP2967" s="166">
        <v>0</v>
      </c>
      <c r="BQ2967" s="166">
        <v>0</v>
      </c>
      <c r="BR2967" s="166">
        <v>33459.310299618097</v>
      </c>
      <c r="BS2967" s="166">
        <v>33459.310299618097</v>
      </c>
      <c r="BT2967" s="166">
        <v>0</v>
      </c>
      <c r="BU2967" s="166">
        <v>0</v>
      </c>
      <c r="BV2967" s="166">
        <v>0</v>
      </c>
      <c r="BW2967" s="166">
        <v>0</v>
      </c>
      <c r="BX2967" s="166">
        <v>0</v>
      </c>
      <c r="BY2967" s="166">
        <v>0</v>
      </c>
      <c r="BZ2967" s="166">
        <v>0</v>
      </c>
      <c r="CA2967" s="166">
        <v>0</v>
      </c>
      <c r="CB2967" s="166">
        <v>0</v>
      </c>
      <c r="CC2967" s="166">
        <v>0</v>
      </c>
      <c r="CD2967" s="166">
        <v>0</v>
      </c>
      <c r="CE2967" s="166">
        <v>0</v>
      </c>
      <c r="CF2967" s="166">
        <v>0</v>
      </c>
      <c r="CG2967" s="166">
        <v>0</v>
      </c>
      <c r="CH2967" s="166">
        <v>0</v>
      </c>
      <c r="CI2967" s="166">
        <v>0</v>
      </c>
      <c r="CJ2967" s="166">
        <v>0</v>
      </c>
      <c r="CK2967" s="166">
        <v>0</v>
      </c>
      <c r="CL2967" s="166">
        <v>0</v>
      </c>
      <c r="CM2967" s="166">
        <v>0</v>
      </c>
      <c r="CN2967" s="166">
        <v>0</v>
      </c>
      <c r="CO2967" s="166">
        <v>0</v>
      </c>
      <c r="CP2967" s="166">
        <v>0</v>
      </c>
      <c r="CQ2967" s="166">
        <v>0</v>
      </c>
      <c r="CR2967" s="166">
        <v>0</v>
      </c>
      <c r="CS2967" s="166">
        <v>0</v>
      </c>
      <c r="CT2967" s="166">
        <v>0</v>
      </c>
      <c r="CU2967" s="166">
        <v>0</v>
      </c>
      <c r="CV2967" s="166">
        <v>0</v>
      </c>
      <c r="CW2967" s="166">
        <v>0</v>
      </c>
      <c r="CX2967" s="166">
        <v>0</v>
      </c>
      <c r="CY2967" s="166">
        <v>0</v>
      </c>
      <c r="CZ2967" s="166">
        <v>0</v>
      </c>
    </row>
    <row r="2968" spans="1:104" x14ac:dyDescent="0.2">
      <c r="A2968" s="167" t="s">
        <v>1097</v>
      </c>
      <c r="B2968" s="166">
        <v>5741168.5165583501</v>
      </c>
      <c r="C2968" s="166">
        <v>5741168.5165583501</v>
      </c>
      <c r="D2968" s="166">
        <v>0</v>
      </c>
      <c r="E2968" s="166">
        <v>0</v>
      </c>
      <c r="F2968" s="166">
        <v>0</v>
      </c>
      <c r="G2968" s="166">
        <v>0</v>
      </c>
      <c r="H2968" s="166">
        <v>0</v>
      </c>
      <c r="I2968" s="166">
        <v>0</v>
      </c>
      <c r="J2968" s="166">
        <v>0</v>
      </c>
      <c r="K2968" s="166">
        <v>0</v>
      </c>
      <c r="L2968" s="166">
        <v>0</v>
      </c>
      <c r="M2968" s="166">
        <v>0</v>
      </c>
      <c r="N2968" s="166">
        <v>0</v>
      </c>
      <c r="O2968" s="166">
        <v>0</v>
      </c>
      <c r="P2968" s="166">
        <v>0</v>
      </c>
      <c r="Q2968" s="166">
        <v>0</v>
      </c>
      <c r="R2968" s="166">
        <v>0</v>
      </c>
      <c r="S2968" s="166">
        <v>0</v>
      </c>
      <c r="T2968" s="166">
        <v>0</v>
      </c>
      <c r="U2968" s="166">
        <v>0</v>
      </c>
      <c r="V2968" s="166">
        <v>0</v>
      </c>
      <c r="W2968" s="166">
        <v>0</v>
      </c>
      <c r="X2968" s="166">
        <v>0</v>
      </c>
      <c r="Y2968" s="166">
        <v>0</v>
      </c>
      <c r="Z2968" s="166">
        <v>0</v>
      </c>
      <c r="AA2968" s="166">
        <v>0</v>
      </c>
      <c r="AB2968" s="166">
        <v>0</v>
      </c>
      <c r="AC2968" s="166">
        <v>0</v>
      </c>
      <c r="AD2968" s="166">
        <v>0</v>
      </c>
      <c r="AE2968" s="166">
        <v>0</v>
      </c>
      <c r="AF2968" s="166">
        <v>0</v>
      </c>
      <c r="AG2968" s="166">
        <v>0</v>
      </c>
      <c r="AH2968" s="166">
        <v>0</v>
      </c>
      <c r="AI2968" s="166">
        <v>0</v>
      </c>
      <c r="AJ2968" s="166">
        <v>0</v>
      </c>
      <c r="AK2968" s="166">
        <v>0</v>
      </c>
      <c r="AL2968" s="166">
        <v>0</v>
      </c>
      <c r="AM2968" s="166">
        <v>0</v>
      </c>
      <c r="AN2968" s="166">
        <v>0</v>
      </c>
      <c r="AO2968" s="166">
        <v>0</v>
      </c>
      <c r="AP2968" s="166">
        <v>0</v>
      </c>
      <c r="AQ2968" s="166">
        <v>0</v>
      </c>
      <c r="AR2968" s="166">
        <v>0</v>
      </c>
      <c r="AS2968" s="166">
        <v>0</v>
      </c>
      <c r="AT2968" s="166">
        <v>0</v>
      </c>
      <c r="AU2968" s="166">
        <v>0</v>
      </c>
      <c r="AV2968" s="166">
        <v>0</v>
      </c>
      <c r="AW2968" s="166">
        <v>0</v>
      </c>
      <c r="AX2968" s="166">
        <v>0</v>
      </c>
      <c r="AY2968" s="166">
        <v>0</v>
      </c>
      <c r="AZ2968" s="166">
        <v>0</v>
      </c>
      <c r="BA2968" s="166">
        <v>0</v>
      </c>
      <c r="BB2968" s="166">
        <v>0</v>
      </c>
      <c r="BC2968" s="166">
        <v>0</v>
      </c>
      <c r="BD2968" s="166">
        <v>0</v>
      </c>
      <c r="BE2968" s="166">
        <v>0</v>
      </c>
      <c r="BF2968" s="166">
        <v>0</v>
      </c>
      <c r="BG2968" s="166">
        <v>0</v>
      </c>
      <c r="BH2968" s="166">
        <v>0</v>
      </c>
      <c r="BI2968" s="166">
        <v>0</v>
      </c>
      <c r="BJ2968" s="166">
        <v>0</v>
      </c>
      <c r="BK2968" s="166">
        <v>0</v>
      </c>
      <c r="BL2968" s="166">
        <v>0</v>
      </c>
      <c r="BM2968" s="166">
        <v>0</v>
      </c>
      <c r="BN2968" s="166">
        <v>0</v>
      </c>
      <c r="BO2968" s="166">
        <v>0</v>
      </c>
      <c r="BP2968" s="166">
        <v>0</v>
      </c>
      <c r="BQ2968" s="166">
        <v>0</v>
      </c>
      <c r="BR2968" s="166">
        <v>5741168.5165583501</v>
      </c>
      <c r="BS2968" s="166">
        <v>5741168.5165583501</v>
      </c>
      <c r="BT2968" s="168">
        <v>0</v>
      </c>
      <c r="BU2968" s="166">
        <v>0</v>
      </c>
      <c r="BV2968" s="166">
        <v>0</v>
      </c>
      <c r="BW2968" s="166">
        <v>0</v>
      </c>
      <c r="BX2968" s="166">
        <v>0</v>
      </c>
      <c r="BY2968" s="166">
        <v>0</v>
      </c>
      <c r="BZ2968" s="166">
        <v>0</v>
      </c>
      <c r="CA2968" s="166">
        <v>0</v>
      </c>
      <c r="CB2968" s="166">
        <v>0</v>
      </c>
      <c r="CC2968" s="166">
        <v>0</v>
      </c>
      <c r="CD2968" s="166">
        <v>0</v>
      </c>
      <c r="CE2968" s="166">
        <v>0</v>
      </c>
      <c r="CF2968" s="166">
        <v>0</v>
      </c>
      <c r="CG2968" s="166">
        <v>0</v>
      </c>
      <c r="CH2968" s="166">
        <v>0</v>
      </c>
      <c r="CI2968" s="166">
        <v>0</v>
      </c>
      <c r="CJ2968" s="166">
        <v>0</v>
      </c>
      <c r="CK2968" s="166">
        <v>0</v>
      </c>
      <c r="CL2968" s="166">
        <v>0</v>
      </c>
      <c r="CM2968" s="166">
        <v>0</v>
      </c>
      <c r="CN2968" s="166">
        <v>0</v>
      </c>
      <c r="CO2968" s="166">
        <v>0</v>
      </c>
      <c r="CP2968" s="166">
        <v>0</v>
      </c>
      <c r="CQ2968" s="166">
        <v>0</v>
      </c>
      <c r="CR2968" s="166">
        <v>0</v>
      </c>
      <c r="CS2968" s="166">
        <v>0</v>
      </c>
      <c r="CT2968" s="166">
        <v>0</v>
      </c>
      <c r="CU2968" s="166">
        <v>0</v>
      </c>
      <c r="CV2968" s="166">
        <v>0</v>
      </c>
      <c r="CW2968" s="166">
        <v>0</v>
      </c>
      <c r="CX2968" s="166">
        <v>0</v>
      </c>
      <c r="CY2968" s="166">
        <v>0</v>
      </c>
      <c r="CZ2968" s="166">
        <v>0</v>
      </c>
    </row>
    <row r="2969" spans="1:104" x14ac:dyDescent="0.2">
      <c r="A2969" s="167" t="s">
        <v>1098</v>
      </c>
      <c r="B2969" s="166">
        <v>5890832.1200000001</v>
      </c>
      <c r="C2969" s="166">
        <v>5890832.1200000001</v>
      </c>
      <c r="D2969" s="166">
        <v>0</v>
      </c>
      <c r="E2969" s="166">
        <v>0</v>
      </c>
      <c r="F2969" s="166">
        <v>0</v>
      </c>
      <c r="G2969" s="166">
        <v>0</v>
      </c>
      <c r="H2969" s="166">
        <v>0</v>
      </c>
      <c r="I2969" s="166">
        <v>0</v>
      </c>
      <c r="J2969" s="166">
        <v>0</v>
      </c>
      <c r="K2969" s="166">
        <v>0</v>
      </c>
      <c r="L2969" s="166">
        <v>0</v>
      </c>
      <c r="M2969" s="166">
        <v>0</v>
      </c>
      <c r="N2969" s="166">
        <v>0</v>
      </c>
      <c r="O2969" s="166">
        <v>0</v>
      </c>
      <c r="P2969" s="166">
        <v>0</v>
      </c>
      <c r="Q2969" s="166">
        <v>0</v>
      </c>
      <c r="R2969" s="166">
        <v>0</v>
      </c>
      <c r="S2969" s="166">
        <v>0</v>
      </c>
      <c r="T2969" s="166">
        <v>0</v>
      </c>
      <c r="U2969" s="166">
        <v>0</v>
      </c>
      <c r="V2969" s="166">
        <v>0</v>
      </c>
      <c r="W2969" s="166">
        <v>0</v>
      </c>
      <c r="X2969" s="166">
        <v>0</v>
      </c>
      <c r="Y2969" s="166">
        <v>0</v>
      </c>
      <c r="Z2969" s="166">
        <v>0</v>
      </c>
      <c r="AA2969" s="166">
        <v>0</v>
      </c>
      <c r="AB2969" s="166">
        <v>0</v>
      </c>
      <c r="AC2969" s="166">
        <v>0</v>
      </c>
      <c r="AD2969" s="166">
        <v>0</v>
      </c>
      <c r="AE2969" s="166">
        <v>0</v>
      </c>
      <c r="AF2969" s="166">
        <v>0</v>
      </c>
      <c r="AG2969" s="166">
        <v>0</v>
      </c>
      <c r="AH2969" s="166">
        <v>0</v>
      </c>
      <c r="AI2969" s="166">
        <v>0</v>
      </c>
      <c r="AJ2969" s="166">
        <v>0</v>
      </c>
      <c r="AK2969" s="166">
        <v>0</v>
      </c>
      <c r="AL2969" s="166">
        <v>0</v>
      </c>
      <c r="AM2969" s="166">
        <v>0</v>
      </c>
      <c r="AN2969" s="166">
        <v>0</v>
      </c>
      <c r="AO2969" s="166">
        <v>0</v>
      </c>
      <c r="AP2969" s="166">
        <v>0</v>
      </c>
      <c r="AQ2969" s="166">
        <v>0</v>
      </c>
      <c r="AR2969" s="166">
        <v>0</v>
      </c>
      <c r="AS2969" s="166">
        <v>0</v>
      </c>
      <c r="AT2969" s="166">
        <v>0</v>
      </c>
      <c r="AU2969" s="166">
        <v>0</v>
      </c>
      <c r="AV2969" s="166">
        <v>0</v>
      </c>
      <c r="AW2969" s="166">
        <v>0</v>
      </c>
      <c r="AX2969" s="166">
        <v>0</v>
      </c>
      <c r="AY2969" s="166">
        <v>0</v>
      </c>
      <c r="AZ2969" s="166">
        <v>0</v>
      </c>
      <c r="BA2969" s="166">
        <v>0</v>
      </c>
      <c r="BB2969" s="166">
        <v>0</v>
      </c>
      <c r="BC2969" s="166">
        <v>0</v>
      </c>
      <c r="BD2969" s="166">
        <v>0</v>
      </c>
      <c r="BE2969" s="166">
        <v>0</v>
      </c>
      <c r="BF2969" s="166">
        <v>0</v>
      </c>
      <c r="BG2969" s="166">
        <v>0</v>
      </c>
      <c r="BH2969" s="166">
        <v>0</v>
      </c>
      <c r="BI2969" s="166">
        <v>0</v>
      </c>
      <c r="BJ2969" s="166">
        <v>0</v>
      </c>
      <c r="BK2969" s="166">
        <v>0</v>
      </c>
      <c r="BL2969" s="166">
        <v>0</v>
      </c>
      <c r="BM2969" s="166">
        <v>0</v>
      </c>
      <c r="BN2969" s="166">
        <v>0</v>
      </c>
      <c r="BO2969" s="166">
        <v>0</v>
      </c>
      <c r="BP2969" s="166">
        <v>0</v>
      </c>
      <c r="BQ2969" s="166">
        <v>0</v>
      </c>
      <c r="BR2969" s="166">
        <v>5890832.1200000001</v>
      </c>
      <c r="BS2969" s="166">
        <v>5890832.1200000001</v>
      </c>
      <c r="BT2969" s="168">
        <v>0</v>
      </c>
      <c r="BU2969" s="166">
        <v>0</v>
      </c>
      <c r="BV2969" s="166">
        <v>0</v>
      </c>
      <c r="BW2969" s="166">
        <v>0</v>
      </c>
      <c r="BX2969" s="166">
        <v>0</v>
      </c>
      <c r="BY2969" s="166">
        <v>0</v>
      </c>
      <c r="BZ2969" s="166">
        <v>0</v>
      </c>
      <c r="CA2969" s="166">
        <v>0</v>
      </c>
      <c r="CB2969" s="166">
        <v>0</v>
      </c>
      <c r="CC2969" s="166">
        <v>0</v>
      </c>
      <c r="CD2969" s="166">
        <v>0</v>
      </c>
      <c r="CE2969" s="166">
        <v>0</v>
      </c>
      <c r="CF2969" s="166">
        <v>0</v>
      </c>
      <c r="CG2969" s="166">
        <v>0</v>
      </c>
      <c r="CH2969" s="166">
        <v>0</v>
      </c>
      <c r="CI2969" s="166">
        <v>0</v>
      </c>
      <c r="CJ2969" s="166">
        <v>0</v>
      </c>
      <c r="CK2969" s="166">
        <v>0</v>
      </c>
      <c r="CL2969" s="166">
        <v>0</v>
      </c>
      <c r="CM2969" s="166">
        <v>0</v>
      </c>
      <c r="CN2969" s="166">
        <v>0</v>
      </c>
      <c r="CO2969" s="166">
        <v>0</v>
      </c>
      <c r="CP2969" s="166">
        <v>0</v>
      </c>
      <c r="CQ2969" s="166">
        <v>0</v>
      </c>
      <c r="CR2969" s="166">
        <v>0</v>
      </c>
      <c r="CS2969" s="166">
        <v>0</v>
      </c>
      <c r="CT2969" s="166">
        <v>0</v>
      </c>
      <c r="CU2969" s="166">
        <v>0</v>
      </c>
      <c r="CV2969" s="166">
        <v>0</v>
      </c>
      <c r="CW2969" s="166">
        <v>0</v>
      </c>
      <c r="CX2969" s="166">
        <v>0</v>
      </c>
      <c r="CY2969" s="166">
        <v>0</v>
      </c>
      <c r="CZ2969" s="166">
        <v>0</v>
      </c>
    </row>
    <row r="2970" spans="1:104" x14ac:dyDescent="0.2">
      <c r="A2970" s="167" t="s">
        <v>257</v>
      </c>
    </row>
    <row r="2971" spans="1:104" x14ac:dyDescent="0.2">
      <c r="A2971" s="167" t="s">
        <v>1099</v>
      </c>
      <c r="B2971" s="166">
        <v>53839.361991962804</v>
      </c>
      <c r="C2971" s="166">
        <v>53839.361991962804</v>
      </c>
      <c r="D2971" s="166">
        <v>0</v>
      </c>
      <c r="E2971" s="166">
        <v>0</v>
      </c>
      <c r="F2971" s="166">
        <v>0</v>
      </c>
      <c r="G2971" s="166">
        <v>0</v>
      </c>
      <c r="H2971" s="166">
        <v>0</v>
      </c>
      <c r="I2971" s="166">
        <v>0</v>
      </c>
      <c r="J2971" s="166">
        <v>0</v>
      </c>
      <c r="K2971" s="166">
        <v>0</v>
      </c>
      <c r="L2971" s="166">
        <v>0</v>
      </c>
      <c r="M2971" s="166">
        <v>0</v>
      </c>
      <c r="N2971" s="166">
        <v>0</v>
      </c>
      <c r="O2971" s="166">
        <v>0</v>
      </c>
      <c r="P2971" s="166">
        <v>0</v>
      </c>
      <c r="Q2971" s="166">
        <v>0</v>
      </c>
      <c r="R2971" s="166">
        <v>0</v>
      </c>
      <c r="S2971" s="166">
        <v>0</v>
      </c>
      <c r="T2971" s="166">
        <v>0</v>
      </c>
      <c r="U2971" s="166">
        <v>0</v>
      </c>
      <c r="V2971" s="166">
        <v>0</v>
      </c>
      <c r="W2971" s="166">
        <v>0</v>
      </c>
      <c r="X2971" s="166">
        <v>0</v>
      </c>
      <c r="Y2971" s="166">
        <v>0</v>
      </c>
      <c r="Z2971" s="166">
        <v>0</v>
      </c>
      <c r="AA2971" s="166">
        <v>0</v>
      </c>
      <c r="AB2971" s="166">
        <v>0</v>
      </c>
      <c r="AC2971" s="166">
        <v>0</v>
      </c>
      <c r="AD2971" s="166">
        <v>0</v>
      </c>
      <c r="AE2971" s="166">
        <v>0</v>
      </c>
      <c r="AF2971" s="166">
        <v>0</v>
      </c>
      <c r="AG2971" s="166">
        <v>0</v>
      </c>
      <c r="AH2971" s="166">
        <v>0</v>
      </c>
      <c r="AI2971" s="166">
        <v>0</v>
      </c>
      <c r="AJ2971" s="166">
        <v>0</v>
      </c>
      <c r="AK2971" s="166">
        <v>0</v>
      </c>
      <c r="AL2971" s="166">
        <v>0</v>
      </c>
      <c r="AM2971" s="166">
        <v>0</v>
      </c>
      <c r="AN2971" s="166">
        <v>0</v>
      </c>
      <c r="AO2971" s="166">
        <v>0</v>
      </c>
      <c r="AP2971" s="166">
        <v>0</v>
      </c>
      <c r="AQ2971" s="166">
        <v>0</v>
      </c>
      <c r="AR2971" s="166">
        <v>0</v>
      </c>
      <c r="AS2971" s="166">
        <v>0</v>
      </c>
      <c r="AT2971" s="166">
        <v>0</v>
      </c>
      <c r="AU2971" s="166">
        <v>0</v>
      </c>
      <c r="AV2971" s="166">
        <v>0</v>
      </c>
      <c r="AW2971" s="166">
        <v>0</v>
      </c>
      <c r="AX2971" s="166">
        <v>0</v>
      </c>
      <c r="AY2971" s="166">
        <v>0</v>
      </c>
      <c r="AZ2971" s="166">
        <v>0</v>
      </c>
      <c r="BA2971" s="166">
        <v>0</v>
      </c>
      <c r="BB2971" s="166">
        <v>0</v>
      </c>
      <c r="BC2971" s="166">
        <v>0</v>
      </c>
      <c r="BD2971" s="166">
        <v>0</v>
      </c>
      <c r="BE2971" s="166">
        <v>0</v>
      </c>
      <c r="BF2971" s="166">
        <v>0</v>
      </c>
      <c r="BG2971" s="166">
        <v>0</v>
      </c>
      <c r="BH2971" s="166">
        <v>0</v>
      </c>
      <c r="BI2971" s="166">
        <v>0</v>
      </c>
      <c r="BJ2971" s="166">
        <v>0</v>
      </c>
      <c r="BK2971" s="166">
        <v>0</v>
      </c>
      <c r="BL2971" s="166">
        <v>0</v>
      </c>
      <c r="BM2971" s="166">
        <v>0</v>
      </c>
      <c r="BN2971" s="166">
        <v>0</v>
      </c>
      <c r="BO2971" s="166">
        <v>0</v>
      </c>
      <c r="BP2971" s="166">
        <v>0</v>
      </c>
      <c r="BQ2971" s="166">
        <v>0</v>
      </c>
      <c r="BR2971" s="166">
        <v>53839.361991962804</v>
      </c>
      <c r="BS2971" s="166">
        <v>53839.361991962804</v>
      </c>
      <c r="BT2971" s="168">
        <v>0</v>
      </c>
      <c r="BU2971" s="166">
        <v>0</v>
      </c>
      <c r="BV2971" s="166">
        <v>0</v>
      </c>
      <c r="BW2971" s="166">
        <v>0</v>
      </c>
      <c r="BX2971" s="166">
        <v>0</v>
      </c>
      <c r="BY2971" s="166">
        <v>0</v>
      </c>
      <c r="BZ2971" s="166">
        <v>0</v>
      </c>
      <c r="CA2971" s="166">
        <v>0</v>
      </c>
      <c r="CB2971" s="166">
        <v>0</v>
      </c>
      <c r="CC2971" s="166">
        <v>0</v>
      </c>
      <c r="CD2971" s="166">
        <v>0</v>
      </c>
      <c r="CE2971" s="166">
        <v>0</v>
      </c>
      <c r="CF2971" s="166">
        <v>0</v>
      </c>
      <c r="CG2971" s="166">
        <v>0</v>
      </c>
      <c r="CH2971" s="166">
        <v>0</v>
      </c>
      <c r="CI2971" s="166">
        <v>0</v>
      </c>
      <c r="CJ2971" s="166">
        <v>0</v>
      </c>
      <c r="CK2971" s="166">
        <v>0</v>
      </c>
      <c r="CL2971" s="166">
        <v>0</v>
      </c>
      <c r="CM2971" s="166">
        <v>0</v>
      </c>
      <c r="CN2971" s="166">
        <v>0</v>
      </c>
      <c r="CO2971" s="166">
        <v>0</v>
      </c>
      <c r="CP2971" s="166">
        <v>0</v>
      </c>
      <c r="CQ2971" s="166">
        <v>0</v>
      </c>
      <c r="CR2971" s="166">
        <v>0</v>
      </c>
      <c r="CS2971" s="166">
        <v>0</v>
      </c>
      <c r="CT2971" s="166">
        <v>0</v>
      </c>
      <c r="CU2971" s="166">
        <v>0</v>
      </c>
      <c r="CV2971" s="166">
        <v>0</v>
      </c>
      <c r="CW2971" s="166">
        <v>0</v>
      </c>
      <c r="CX2971" s="166">
        <v>0</v>
      </c>
      <c r="CY2971" s="166">
        <v>0</v>
      </c>
      <c r="CZ2971" s="166">
        <v>0</v>
      </c>
    </row>
    <row r="2972" spans="1:104" x14ac:dyDescent="0.2">
      <c r="A2972" s="167" t="s">
        <v>1100</v>
      </c>
      <c r="B2972" s="166">
        <v>1702.2144886333101</v>
      </c>
      <c r="C2972" s="166">
        <v>1702.2144886333101</v>
      </c>
      <c r="D2972" s="166">
        <v>0</v>
      </c>
      <c r="E2972" s="166">
        <v>0</v>
      </c>
      <c r="F2972" s="166">
        <v>0</v>
      </c>
      <c r="G2972" s="166">
        <v>0</v>
      </c>
      <c r="H2972" s="166">
        <v>0</v>
      </c>
      <c r="I2972" s="166">
        <v>0</v>
      </c>
      <c r="J2972" s="166">
        <v>0</v>
      </c>
      <c r="K2972" s="166">
        <v>0</v>
      </c>
      <c r="L2972" s="166">
        <v>0</v>
      </c>
      <c r="M2972" s="166">
        <v>0</v>
      </c>
      <c r="N2972" s="166">
        <v>0</v>
      </c>
      <c r="O2972" s="166">
        <v>0</v>
      </c>
      <c r="P2972" s="166">
        <v>0</v>
      </c>
      <c r="Q2972" s="166">
        <v>0</v>
      </c>
      <c r="R2972" s="166">
        <v>0</v>
      </c>
      <c r="S2972" s="166">
        <v>0</v>
      </c>
      <c r="T2972" s="166">
        <v>0</v>
      </c>
      <c r="U2972" s="166">
        <v>0</v>
      </c>
      <c r="V2972" s="166">
        <v>0</v>
      </c>
      <c r="W2972" s="166">
        <v>0</v>
      </c>
      <c r="X2972" s="166">
        <v>0</v>
      </c>
      <c r="Y2972" s="166">
        <v>0</v>
      </c>
      <c r="Z2972" s="166">
        <v>0</v>
      </c>
      <c r="AA2972" s="166">
        <v>0</v>
      </c>
      <c r="AB2972" s="166">
        <v>0</v>
      </c>
      <c r="AC2972" s="166">
        <v>0</v>
      </c>
      <c r="AD2972" s="166">
        <v>0</v>
      </c>
      <c r="AE2972" s="166">
        <v>0</v>
      </c>
      <c r="AF2972" s="166">
        <v>0</v>
      </c>
      <c r="AG2972" s="166">
        <v>0</v>
      </c>
      <c r="AH2972" s="166">
        <v>0</v>
      </c>
      <c r="AI2972" s="166">
        <v>0</v>
      </c>
      <c r="AJ2972" s="166">
        <v>0</v>
      </c>
      <c r="AK2972" s="166">
        <v>0</v>
      </c>
      <c r="AL2972" s="166">
        <v>0</v>
      </c>
      <c r="AM2972" s="166">
        <v>0</v>
      </c>
      <c r="AN2972" s="166">
        <v>0</v>
      </c>
      <c r="AO2972" s="166">
        <v>0</v>
      </c>
      <c r="AP2972" s="166">
        <v>0</v>
      </c>
      <c r="AQ2972" s="166">
        <v>0</v>
      </c>
      <c r="AR2972" s="166">
        <v>0</v>
      </c>
      <c r="AS2972" s="166">
        <v>0</v>
      </c>
      <c r="AT2972" s="166">
        <v>0</v>
      </c>
      <c r="AU2972" s="166">
        <v>0</v>
      </c>
      <c r="AV2972" s="166">
        <v>0</v>
      </c>
      <c r="AW2972" s="166">
        <v>0</v>
      </c>
      <c r="AX2972" s="166">
        <v>0</v>
      </c>
      <c r="AY2972" s="166">
        <v>0</v>
      </c>
      <c r="AZ2972" s="166">
        <v>0</v>
      </c>
      <c r="BA2972" s="166">
        <v>0</v>
      </c>
      <c r="BB2972" s="166">
        <v>0</v>
      </c>
      <c r="BC2972" s="166">
        <v>0</v>
      </c>
      <c r="BD2972" s="166">
        <v>0</v>
      </c>
      <c r="BE2972" s="166">
        <v>0</v>
      </c>
      <c r="BF2972" s="166">
        <v>0</v>
      </c>
      <c r="BG2972" s="166">
        <v>0</v>
      </c>
      <c r="BH2972" s="166">
        <v>0</v>
      </c>
      <c r="BI2972" s="166">
        <v>0</v>
      </c>
      <c r="BJ2972" s="166">
        <v>0</v>
      </c>
      <c r="BK2972" s="166">
        <v>0</v>
      </c>
      <c r="BL2972" s="166">
        <v>0</v>
      </c>
      <c r="BM2972" s="166">
        <v>0</v>
      </c>
      <c r="BN2972" s="166">
        <v>0</v>
      </c>
      <c r="BO2972" s="166">
        <v>0</v>
      </c>
      <c r="BP2972" s="166">
        <v>0</v>
      </c>
      <c r="BQ2972" s="166">
        <v>0</v>
      </c>
      <c r="BR2972" s="166">
        <v>1702.2144886333101</v>
      </c>
      <c r="BS2972" s="166">
        <v>1702.2144886333101</v>
      </c>
      <c r="BT2972" s="168">
        <v>0</v>
      </c>
      <c r="BU2972" s="166">
        <v>0</v>
      </c>
      <c r="BV2972" s="166">
        <v>0</v>
      </c>
      <c r="BW2972" s="166">
        <v>0</v>
      </c>
      <c r="BX2972" s="166">
        <v>0</v>
      </c>
      <c r="BY2972" s="166">
        <v>0</v>
      </c>
      <c r="BZ2972" s="166">
        <v>0</v>
      </c>
      <c r="CA2972" s="166">
        <v>0</v>
      </c>
      <c r="CB2972" s="166">
        <v>0</v>
      </c>
      <c r="CC2972" s="166">
        <v>0</v>
      </c>
      <c r="CD2972" s="166">
        <v>0</v>
      </c>
      <c r="CE2972" s="166">
        <v>0</v>
      </c>
      <c r="CF2972" s="166">
        <v>0</v>
      </c>
      <c r="CG2972" s="166">
        <v>0</v>
      </c>
      <c r="CH2972" s="166">
        <v>0</v>
      </c>
      <c r="CI2972" s="166">
        <v>0</v>
      </c>
      <c r="CJ2972" s="166">
        <v>0</v>
      </c>
      <c r="CK2972" s="166">
        <v>0</v>
      </c>
      <c r="CL2972" s="166">
        <v>0</v>
      </c>
      <c r="CM2972" s="166">
        <v>0</v>
      </c>
      <c r="CN2972" s="166">
        <v>0</v>
      </c>
      <c r="CO2972" s="166">
        <v>0</v>
      </c>
      <c r="CP2972" s="166">
        <v>0</v>
      </c>
      <c r="CQ2972" s="166">
        <v>0</v>
      </c>
      <c r="CR2972" s="166">
        <v>0</v>
      </c>
      <c r="CS2972" s="166">
        <v>0</v>
      </c>
      <c r="CT2972" s="166">
        <v>0</v>
      </c>
      <c r="CU2972" s="166">
        <v>0</v>
      </c>
      <c r="CV2972" s="166">
        <v>0</v>
      </c>
      <c r="CW2972" s="166">
        <v>0</v>
      </c>
      <c r="CX2972" s="166">
        <v>0</v>
      </c>
      <c r="CY2972" s="166">
        <v>0</v>
      </c>
      <c r="CZ2972" s="166">
        <v>0</v>
      </c>
    </row>
    <row r="2973" spans="1:104" x14ac:dyDescent="0.2">
      <c r="A2973" s="167" t="s">
        <v>1101</v>
      </c>
      <c r="B2973" s="166">
        <v>12279.481581980601</v>
      </c>
      <c r="C2973" s="166">
        <v>12279.481581980601</v>
      </c>
      <c r="D2973" s="166">
        <v>0</v>
      </c>
      <c r="E2973" s="166">
        <v>0</v>
      </c>
      <c r="F2973" s="166">
        <v>0</v>
      </c>
      <c r="G2973" s="166">
        <v>0</v>
      </c>
      <c r="H2973" s="166">
        <v>0</v>
      </c>
      <c r="I2973" s="166">
        <v>0</v>
      </c>
      <c r="J2973" s="166">
        <v>0</v>
      </c>
      <c r="K2973" s="166">
        <v>0</v>
      </c>
      <c r="L2973" s="166">
        <v>0</v>
      </c>
      <c r="M2973" s="166">
        <v>0</v>
      </c>
      <c r="N2973" s="166">
        <v>0</v>
      </c>
      <c r="O2973" s="166">
        <v>0</v>
      </c>
      <c r="P2973" s="166">
        <v>0</v>
      </c>
      <c r="Q2973" s="166">
        <v>0</v>
      </c>
      <c r="R2973" s="166">
        <v>0</v>
      </c>
      <c r="S2973" s="166">
        <v>0</v>
      </c>
      <c r="T2973" s="166">
        <v>0</v>
      </c>
      <c r="U2973" s="166">
        <v>0</v>
      </c>
      <c r="V2973" s="166">
        <v>0</v>
      </c>
      <c r="W2973" s="166">
        <v>0</v>
      </c>
      <c r="X2973" s="166">
        <v>0</v>
      </c>
      <c r="Y2973" s="166">
        <v>0</v>
      </c>
      <c r="Z2973" s="166">
        <v>0</v>
      </c>
      <c r="AA2973" s="166">
        <v>0</v>
      </c>
      <c r="AB2973" s="166">
        <v>0</v>
      </c>
      <c r="AC2973" s="166">
        <v>0</v>
      </c>
      <c r="AD2973" s="166">
        <v>0</v>
      </c>
      <c r="AE2973" s="166">
        <v>0</v>
      </c>
      <c r="AF2973" s="166">
        <v>0</v>
      </c>
      <c r="AG2973" s="166">
        <v>0</v>
      </c>
      <c r="AH2973" s="166">
        <v>0</v>
      </c>
      <c r="AI2973" s="166">
        <v>0</v>
      </c>
      <c r="AJ2973" s="166">
        <v>0</v>
      </c>
      <c r="AK2973" s="166">
        <v>0</v>
      </c>
      <c r="AL2973" s="166">
        <v>0</v>
      </c>
      <c r="AM2973" s="166">
        <v>0</v>
      </c>
      <c r="AN2973" s="166">
        <v>0</v>
      </c>
      <c r="AO2973" s="166">
        <v>0</v>
      </c>
      <c r="AP2973" s="166">
        <v>0</v>
      </c>
      <c r="AQ2973" s="166">
        <v>0</v>
      </c>
      <c r="AR2973" s="166">
        <v>0</v>
      </c>
      <c r="AS2973" s="166">
        <v>0</v>
      </c>
      <c r="AT2973" s="166">
        <v>0</v>
      </c>
      <c r="AU2973" s="166">
        <v>0</v>
      </c>
      <c r="AV2973" s="166">
        <v>0</v>
      </c>
      <c r="AW2973" s="166">
        <v>0</v>
      </c>
      <c r="AX2973" s="166">
        <v>0</v>
      </c>
      <c r="AY2973" s="166">
        <v>0</v>
      </c>
      <c r="AZ2973" s="166">
        <v>0</v>
      </c>
      <c r="BA2973" s="166">
        <v>0</v>
      </c>
      <c r="BB2973" s="166">
        <v>0</v>
      </c>
      <c r="BC2973" s="166">
        <v>0</v>
      </c>
      <c r="BD2973" s="166">
        <v>0</v>
      </c>
      <c r="BE2973" s="166">
        <v>0</v>
      </c>
      <c r="BF2973" s="166">
        <v>0</v>
      </c>
      <c r="BG2973" s="166">
        <v>0</v>
      </c>
      <c r="BH2973" s="166">
        <v>0</v>
      </c>
      <c r="BI2973" s="166">
        <v>0</v>
      </c>
      <c r="BJ2973" s="166">
        <v>0</v>
      </c>
      <c r="BK2973" s="166">
        <v>0</v>
      </c>
      <c r="BL2973" s="166">
        <v>0</v>
      </c>
      <c r="BM2973" s="166">
        <v>0</v>
      </c>
      <c r="BN2973" s="166">
        <v>0</v>
      </c>
      <c r="BO2973" s="166">
        <v>0</v>
      </c>
      <c r="BP2973" s="166">
        <v>0</v>
      </c>
      <c r="BQ2973" s="166">
        <v>0</v>
      </c>
      <c r="BR2973" s="166">
        <v>12279.481581980601</v>
      </c>
      <c r="BS2973" s="166">
        <v>12279.481581980601</v>
      </c>
      <c r="BT2973" s="168">
        <v>0</v>
      </c>
      <c r="BU2973" s="166">
        <v>0</v>
      </c>
      <c r="BV2973" s="166">
        <v>0</v>
      </c>
      <c r="BW2973" s="166">
        <v>0</v>
      </c>
      <c r="BX2973" s="166">
        <v>0</v>
      </c>
      <c r="BY2973" s="166">
        <v>0</v>
      </c>
      <c r="BZ2973" s="166">
        <v>0</v>
      </c>
      <c r="CA2973" s="166">
        <v>0</v>
      </c>
      <c r="CB2973" s="166">
        <v>0</v>
      </c>
      <c r="CC2973" s="166">
        <v>0</v>
      </c>
      <c r="CD2973" s="166">
        <v>0</v>
      </c>
      <c r="CE2973" s="166">
        <v>0</v>
      </c>
      <c r="CF2973" s="166">
        <v>0</v>
      </c>
      <c r="CG2973" s="166">
        <v>0</v>
      </c>
      <c r="CH2973" s="166">
        <v>0</v>
      </c>
      <c r="CI2973" s="166">
        <v>0</v>
      </c>
      <c r="CJ2973" s="166">
        <v>0</v>
      </c>
      <c r="CK2973" s="166">
        <v>0</v>
      </c>
      <c r="CL2973" s="166">
        <v>0</v>
      </c>
      <c r="CM2973" s="166">
        <v>0</v>
      </c>
      <c r="CN2973" s="166">
        <v>0</v>
      </c>
      <c r="CO2973" s="166">
        <v>0</v>
      </c>
      <c r="CP2973" s="166">
        <v>0</v>
      </c>
      <c r="CQ2973" s="166">
        <v>0</v>
      </c>
      <c r="CR2973" s="166">
        <v>0</v>
      </c>
      <c r="CS2973" s="166">
        <v>0</v>
      </c>
      <c r="CT2973" s="166">
        <v>0</v>
      </c>
      <c r="CU2973" s="166">
        <v>0</v>
      </c>
      <c r="CV2973" s="166">
        <v>0</v>
      </c>
      <c r="CW2973" s="166">
        <v>0</v>
      </c>
      <c r="CX2973" s="166">
        <v>0</v>
      </c>
      <c r="CY2973" s="166">
        <v>0</v>
      </c>
      <c r="CZ2973" s="166">
        <v>0</v>
      </c>
    </row>
    <row r="2974" spans="1:104" x14ac:dyDescent="0.2">
      <c r="A2974" s="167" t="s">
        <v>261</v>
      </c>
      <c r="B2974" s="166">
        <v>39281.999827684202</v>
      </c>
      <c r="C2974" s="166">
        <v>39281.999827684202</v>
      </c>
      <c r="D2974" s="166">
        <v>0</v>
      </c>
      <c r="E2974" s="166">
        <v>0</v>
      </c>
      <c r="F2974" s="166">
        <v>0</v>
      </c>
      <c r="G2974" s="166">
        <v>0</v>
      </c>
      <c r="H2974" s="166">
        <v>0</v>
      </c>
      <c r="I2974" s="166">
        <v>0</v>
      </c>
      <c r="J2974" s="166">
        <v>0</v>
      </c>
      <c r="K2974" s="166">
        <v>0</v>
      </c>
      <c r="L2974" s="166">
        <v>0</v>
      </c>
      <c r="M2974" s="166">
        <v>0</v>
      </c>
      <c r="N2974" s="166">
        <v>0</v>
      </c>
      <c r="O2974" s="166">
        <v>0</v>
      </c>
      <c r="P2974" s="166">
        <v>0</v>
      </c>
      <c r="Q2974" s="166">
        <v>0</v>
      </c>
      <c r="R2974" s="166">
        <v>0</v>
      </c>
      <c r="S2974" s="166">
        <v>0</v>
      </c>
      <c r="T2974" s="166">
        <v>0</v>
      </c>
      <c r="U2974" s="166">
        <v>0</v>
      </c>
      <c r="V2974" s="166">
        <v>0</v>
      </c>
      <c r="W2974" s="166">
        <v>0</v>
      </c>
      <c r="X2974" s="166">
        <v>0</v>
      </c>
      <c r="Y2974" s="166">
        <v>0</v>
      </c>
      <c r="Z2974" s="166">
        <v>0</v>
      </c>
      <c r="AA2974" s="166">
        <v>0</v>
      </c>
      <c r="AB2974" s="166">
        <v>0</v>
      </c>
      <c r="AC2974" s="166">
        <v>0</v>
      </c>
      <c r="AD2974" s="166">
        <v>0</v>
      </c>
      <c r="AE2974" s="166">
        <v>0</v>
      </c>
      <c r="AF2974" s="166">
        <v>0</v>
      </c>
      <c r="AG2974" s="166">
        <v>0</v>
      </c>
      <c r="AH2974" s="166">
        <v>0</v>
      </c>
      <c r="AI2974" s="166">
        <v>0</v>
      </c>
      <c r="AJ2974" s="166">
        <v>0</v>
      </c>
      <c r="AK2974" s="166">
        <v>0</v>
      </c>
      <c r="AL2974" s="166">
        <v>0</v>
      </c>
      <c r="AM2974" s="166">
        <v>0</v>
      </c>
      <c r="AN2974" s="166">
        <v>0</v>
      </c>
      <c r="AO2974" s="166">
        <v>0</v>
      </c>
      <c r="AP2974" s="166">
        <v>0</v>
      </c>
      <c r="AQ2974" s="166">
        <v>0</v>
      </c>
      <c r="AR2974" s="166">
        <v>0</v>
      </c>
      <c r="AS2974" s="166">
        <v>0</v>
      </c>
      <c r="AT2974" s="166">
        <v>0</v>
      </c>
      <c r="AU2974" s="166">
        <v>0</v>
      </c>
      <c r="AV2974" s="166">
        <v>0</v>
      </c>
      <c r="AW2974" s="166">
        <v>0</v>
      </c>
      <c r="AX2974" s="166">
        <v>0</v>
      </c>
      <c r="AY2974" s="166">
        <v>0</v>
      </c>
      <c r="AZ2974" s="166">
        <v>0</v>
      </c>
      <c r="BA2974" s="166">
        <v>0</v>
      </c>
      <c r="BB2974" s="166">
        <v>0</v>
      </c>
      <c r="BC2974" s="166">
        <v>0</v>
      </c>
      <c r="BD2974" s="166">
        <v>0</v>
      </c>
      <c r="BE2974" s="166">
        <v>0</v>
      </c>
      <c r="BF2974" s="166">
        <v>0</v>
      </c>
      <c r="BG2974" s="166">
        <v>0</v>
      </c>
      <c r="BH2974" s="166">
        <v>0</v>
      </c>
      <c r="BI2974" s="166">
        <v>0</v>
      </c>
      <c r="BJ2974" s="166">
        <v>0</v>
      </c>
      <c r="BK2974" s="166">
        <v>0</v>
      </c>
      <c r="BL2974" s="166">
        <v>0</v>
      </c>
      <c r="BM2974" s="166">
        <v>0</v>
      </c>
      <c r="BN2974" s="166">
        <v>0</v>
      </c>
      <c r="BO2974" s="166">
        <v>0</v>
      </c>
      <c r="BP2974" s="166">
        <v>0</v>
      </c>
      <c r="BQ2974" s="166">
        <v>0</v>
      </c>
      <c r="BR2974" s="166">
        <v>39281.999827684202</v>
      </c>
      <c r="BS2974" s="166">
        <v>39281.999827684202</v>
      </c>
      <c r="BT2974" s="168">
        <v>0</v>
      </c>
      <c r="BU2974" s="166">
        <v>0</v>
      </c>
      <c r="BV2974" s="166">
        <v>0</v>
      </c>
      <c r="BW2974" s="166">
        <v>0</v>
      </c>
      <c r="BX2974" s="166">
        <v>0</v>
      </c>
      <c r="BY2974" s="166">
        <v>0</v>
      </c>
      <c r="BZ2974" s="166">
        <v>0</v>
      </c>
      <c r="CA2974" s="166">
        <v>0</v>
      </c>
      <c r="CB2974" s="166">
        <v>0</v>
      </c>
      <c r="CC2974" s="166">
        <v>0</v>
      </c>
      <c r="CD2974" s="166">
        <v>0</v>
      </c>
      <c r="CE2974" s="166">
        <v>0</v>
      </c>
      <c r="CF2974" s="166">
        <v>0</v>
      </c>
      <c r="CG2974" s="166">
        <v>0</v>
      </c>
      <c r="CH2974" s="166">
        <v>0</v>
      </c>
      <c r="CI2974" s="166">
        <v>0</v>
      </c>
      <c r="CJ2974" s="166">
        <v>0</v>
      </c>
      <c r="CK2974" s="166">
        <v>0</v>
      </c>
      <c r="CL2974" s="166">
        <v>0</v>
      </c>
      <c r="CM2974" s="166">
        <v>0</v>
      </c>
      <c r="CN2974" s="166">
        <v>0</v>
      </c>
      <c r="CO2974" s="166">
        <v>0</v>
      </c>
      <c r="CP2974" s="166">
        <v>0</v>
      </c>
      <c r="CQ2974" s="166">
        <v>0</v>
      </c>
      <c r="CR2974" s="166">
        <v>0</v>
      </c>
      <c r="CS2974" s="166">
        <v>0</v>
      </c>
      <c r="CT2974" s="166">
        <v>0</v>
      </c>
      <c r="CU2974" s="166">
        <v>0</v>
      </c>
      <c r="CV2974" s="166">
        <v>0</v>
      </c>
      <c r="CW2974" s="166">
        <v>0</v>
      </c>
      <c r="CX2974" s="166">
        <v>0</v>
      </c>
      <c r="CY2974" s="166">
        <v>0</v>
      </c>
      <c r="CZ2974" s="166">
        <v>0</v>
      </c>
    </row>
    <row r="2975" spans="1:104" x14ac:dyDescent="0.2">
      <c r="A2975" s="167" t="s">
        <v>262</v>
      </c>
      <c r="B2975" s="166">
        <v>30838.744000690702</v>
      </c>
      <c r="C2975" s="166">
        <v>30838.744000690702</v>
      </c>
      <c r="D2975" s="166">
        <v>0</v>
      </c>
      <c r="E2975" s="166">
        <v>0</v>
      </c>
      <c r="F2975" s="166">
        <v>0</v>
      </c>
      <c r="G2975" s="166">
        <v>0</v>
      </c>
      <c r="H2975" s="166">
        <v>0</v>
      </c>
      <c r="I2975" s="166">
        <v>0</v>
      </c>
      <c r="J2975" s="166">
        <v>0</v>
      </c>
      <c r="K2975" s="166">
        <v>0</v>
      </c>
      <c r="L2975" s="166">
        <v>0</v>
      </c>
      <c r="M2975" s="166">
        <v>0</v>
      </c>
      <c r="N2975" s="166">
        <v>0</v>
      </c>
      <c r="O2975" s="166">
        <v>0</v>
      </c>
      <c r="P2975" s="166">
        <v>0</v>
      </c>
      <c r="Q2975" s="166">
        <v>0</v>
      </c>
      <c r="R2975" s="166">
        <v>0</v>
      </c>
      <c r="S2975" s="166">
        <v>0</v>
      </c>
      <c r="T2975" s="166">
        <v>0</v>
      </c>
      <c r="U2975" s="166">
        <v>0</v>
      </c>
      <c r="V2975" s="166">
        <v>0</v>
      </c>
      <c r="W2975" s="166">
        <v>0</v>
      </c>
      <c r="X2975" s="166">
        <v>0</v>
      </c>
      <c r="Y2975" s="166">
        <v>0</v>
      </c>
      <c r="Z2975" s="166">
        <v>0</v>
      </c>
      <c r="AA2975" s="166">
        <v>0</v>
      </c>
      <c r="AB2975" s="166">
        <v>0</v>
      </c>
      <c r="AC2975" s="166">
        <v>0</v>
      </c>
      <c r="AD2975" s="166">
        <v>0</v>
      </c>
      <c r="AE2975" s="166">
        <v>0</v>
      </c>
      <c r="AF2975" s="166">
        <v>0</v>
      </c>
      <c r="AG2975" s="166">
        <v>0</v>
      </c>
      <c r="AH2975" s="166">
        <v>0</v>
      </c>
      <c r="AI2975" s="166">
        <v>0</v>
      </c>
      <c r="AJ2975" s="166">
        <v>0</v>
      </c>
      <c r="AK2975" s="166">
        <v>0</v>
      </c>
      <c r="AL2975" s="166">
        <v>0</v>
      </c>
      <c r="AM2975" s="166">
        <v>0</v>
      </c>
      <c r="AN2975" s="166">
        <v>0</v>
      </c>
      <c r="AO2975" s="166">
        <v>0</v>
      </c>
      <c r="AP2975" s="166">
        <v>0</v>
      </c>
      <c r="AQ2975" s="166">
        <v>0</v>
      </c>
      <c r="AR2975" s="166">
        <v>0</v>
      </c>
      <c r="AS2975" s="166">
        <v>0</v>
      </c>
      <c r="AT2975" s="166">
        <v>0</v>
      </c>
      <c r="AU2975" s="166">
        <v>0</v>
      </c>
      <c r="AV2975" s="166">
        <v>0</v>
      </c>
      <c r="AW2975" s="166">
        <v>0</v>
      </c>
      <c r="AX2975" s="166">
        <v>0</v>
      </c>
      <c r="AY2975" s="166">
        <v>0</v>
      </c>
      <c r="AZ2975" s="166">
        <v>0</v>
      </c>
      <c r="BA2975" s="166">
        <v>0</v>
      </c>
      <c r="BB2975" s="166">
        <v>0</v>
      </c>
      <c r="BC2975" s="166">
        <v>0</v>
      </c>
      <c r="BD2975" s="166">
        <v>0</v>
      </c>
      <c r="BE2975" s="166">
        <v>0</v>
      </c>
      <c r="BF2975" s="166">
        <v>0</v>
      </c>
      <c r="BG2975" s="166">
        <v>0</v>
      </c>
      <c r="BH2975" s="166">
        <v>0</v>
      </c>
      <c r="BI2975" s="166">
        <v>0</v>
      </c>
      <c r="BJ2975" s="166">
        <v>0</v>
      </c>
      <c r="BK2975" s="166">
        <v>0</v>
      </c>
      <c r="BL2975" s="166">
        <v>0</v>
      </c>
      <c r="BM2975" s="166">
        <v>0</v>
      </c>
      <c r="BN2975" s="166">
        <v>0</v>
      </c>
      <c r="BO2975" s="166">
        <v>0</v>
      </c>
      <c r="BP2975" s="166">
        <v>0</v>
      </c>
      <c r="BQ2975" s="166">
        <v>0</v>
      </c>
      <c r="BR2975" s="166">
        <v>30838.744000690702</v>
      </c>
      <c r="BS2975" s="166">
        <v>30838.744000690702</v>
      </c>
      <c r="BT2975" s="166">
        <v>0</v>
      </c>
      <c r="BU2975" s="166">
        <v>0</v>
      </c>
      <c r="BV2975" s="166">
        <v>0</v>
      </c>
      <c r="BW2975" s="166">
        <v>0</v>
      </c>
      <c r="BX2975" s="166">
        <v>0</v>
      </c>
      <c r="BY2975" s="166">
        <v>0</v>
      </c>
      <c r="BZ2975" s="166">
        <v>0</v>
      </c>
      <c r="CA2975" s="166">
        <v>0</v>
      </c>
      <c r="CB2975" s="166">
        <v>0</v>
      </c>
      <c r="CC2975" s="166">
        <v>0</v>
      </c>
      <c r="CD2975" s="166">
        <v>0</v>
      </c>
      <c r="CE2975" s="166">
        <v>0</v>
      </c>
      <c r="CF2975" s="166">
        <v>0</v>
      </c>
      <c r="CG2975" s="166">
        <v>0</v>
      </c>
      <c r="CH2975" s="166">
        <v>0</v>
      </c>
      <c r="CI2975" s="166">
        <v>0</v>
      </c>
      <c r="CJ2975" s="166">
        <v>0</v>
      </c>
      <c r="CK2975" s="166">
        <v>0</v>
      </c>
      <c r="CL2975" s="166">
        <v>0</v>
      </c>
      <c r="CM2975" s="166">
        <v>0</v>
      </c>
      <c r="CN2975" s="166">
        <v>0</v>
      </c>
      <c r="CO2975" s="166">
        <v>0</v>
      </c>
      <c r="CP2975" s="166">
        <v>0</v>
      </c>
      <c r="CQ2975" s="166">
        <v>0</v>
      </c>
      <c r="CR2975" s="166">
        <v>0</v>
      </c>
      <c r="CS2975" s="166">
        <v>0</v>
      </c>
      <c r="CT2975" s="166">
        <v>0</v>
      </c>
      <c r="CU2975" s="166">
        <v>0</v>
      </c>
      <c r="CV2975" s="166">
        <v>0</v>
      </c>
      <c r="CW2975" s="166">
        <v>0</v>
      </c>
      <c r="CX2975" s="166">
        <v>0</v>
      </c>
      <c r="CY2975" s="166">
        <v>0</v>
      </c>
      <c r="CZ2975" s="166">
        <v>0</v>
      </c>
    </row>
    <row r="2976" spans="1:104" x14ac:dyDescent="0.2">
      <c r="A2976" s="167" t="s">
        <v>1102</v>
      </c>
      <c r="B2976" s="166">
        <v>5300952.9281090396</v>
      </c>
      <c r="C2976" s="166">
        <v>5300952.9281090396</v>
      </c>
      <c r="D2976" s="166">
        <v>0</v>
      </c>
      <c r="E2976" s="166">
        <v>0</v>
      </c>
      <c r="F2976" s="166">
        <v>0</v>
      </c>
      <c r="G2976" s="166">
        <v>0</v>
      </c>
      <c r="H2976" s="166">
        <v>0</v>
      </c>
      <c r="I2976" s="166">
        <v>0</v>
      </c>
      <c r="J2976" s="166">
        <v>0</v>
      </c>
      <c r="K2976" s="166">
        <v>0</v>
      </c>
      <c r="L2976" s="166">
        <v>0</v>
      </c>
      <c r="M2976" s="166">
        <v>0</v>
      </c>
      <c r="N2976" s="166">
        <v>0</v>
      </c>
      <c r="O2976" s="166">
        <v>0</v>
      </c>
      <c r="P2976" s="166">
        <v>0</v>
      </c>
      <c r="Q2976" s="166">
        <v>0</v>
      </c>
      <c r="R2976" s="166">
        <v>0</v>
      </c>
      <c r="S2976" s="166">
        <v>0</v>
      </c>
      <c r="T2976" s="166">
        <v>0</v>
      </c>
      <c r="U2976" s="166">
        <v>0</v>
      </c>
      <c r="V2976" s="166">
        <v>0</v>
      </c>
      <c r="W2976" s="166">
        <v>0</v>
      </c>
      <c r="X2976" s="166">
        <v>0</v>
      </c>
      <c r="Y2976" s="166">
        <v>0</v>
      </c>
      <c r="Z2976" s="166">
        <v>0</v>
      </c>
      <c r="AA2976" s="166">
        <v>0</v>
      </c>
      <c r="AB2976" s="166">
        <v>0</v>
      </c>
      <c r="AC2976" s="166">
        <v>0</v>
      </c>
      <c r="AD2976" s="166">
        <v>0</v>
      </c>
      <c r="AE2976" s="166">
        <v>0</v>
      </c>
      <c r="AF2976" s="166">
        <v>0</v>
      </c>
      <c r="AG2976" s="166">
        <v>0</v>
      </c>
      <c r="AH2976" s="166">
        <v>0</v>
      </c>
      <c r="AI2976" s="166">
        <v>0</v>
      </c>
      <c r="AJ2976" s="166">
        <v>0</v>
      </c>
      <c r="AK2976" s="166">
        <v>0</v>
      </c>
      <c r="AL2976" s="166">
        <v>0</v>
      </c>
      <c r="AM2976" s="166">
        <v>0</v>
      </c>
      <c r="AN2976" s="166">
        <v>0</v>
      </c>
      <c r="AO2976" s="166">
        <v>0</v>
      </c>
      <c r="AP2976" s="166">
        <v>0</v>
      </c>
      <c r="AQ2976" s="166">
        <v>0</v>
      </c>
      <c r="AR2976" s="166">
        <v>0</v>
      </c>
      <c r="AS2976" s="166">
        <v>0</v>
      </c>
      <c r="AT2976" s="166">
        <v>0</v>
      </c>
      <c r="AU2976" s="166">
        <v>0</v>
      </c>
      <c r="AV2976" s="166">
        <v>0</v>
      </c>
      <c r="AW2976" s="166">
        <v>0</v>
      </c>
      <c r="AX2976" s="166">
        <v>0</v>
      </c>
      <c r="AY2976" s="166">
        <v>0</v>
      </c>
      <c r="AZ2976" s="166">
        <v>0</v>
      </c>
      <c r="BA2976" s="166">
        <v>0</v>
      </c>
      <c r="BB2976" s="166">
        <v>0</v>
      </c>
      <c r="BC2976" s="166">
        <v>0</v>
      </c>
      <c r="BD2976" s="166">
        <v>0</v>
      </c>
      <c r="BE2976" s="166">
        <v>0</v>
      </c>
      <c r="BF2976" s="166">
        <v>0</v>
      </c>
      <c r="BG2976" s="166">
        <v>0</v>
      </c>
      <c r="BH2976" s="166">
        <v>0</v>
      </c>
      <c r="BI2976" s="166">
        <v>0</v>
      </c>
      <c r="BJ2976" s="166">
        <v>0</v>
      </c>
      <c r="BK2976" s="166">
        <v>0</v>
      </c>
      <c r="BL2976" s="166">
        <v>0</v>
      </c>
      <c r="BM2976" s="166">
        <v>0</v>
      </c>
      <c r="BN2976" s="166">
        <v>0</v>
      </c>
      <c r="BO2976" s="166">
        <v>0</v>
      </c>
      <c r="BP2976" s="166">
        <v>0</v>
      </c>
      <c r="BQ2976" s="166">
        <v>0</v>
      </c>
      <c r="BR2976" s="166">
        <v>5300952.9281090396</v>
      </c>
      <c r="BS2976" s="166">
        <v>5300952.9281090396</v>
      </c>
      <c r="BT2976" s="168">
        <v>0</v>
      </c>
      <c r="BU2976" s="166">
        <v>0</v>
      </c>
      <c r="BV2976" s="166">
        <v>0</v>
      </c>
      <c r="BW2976" s="166">
        <v>0</v>
      </c>
      <c r="BX2976" s="166">
        <v>0</v>
      </c>
      <c r="BY2976" s="166">
        <v>0</v>
      </c>
      <c r="BZ2976" s="166">
        <v>0</v>
      </c>
      <c r="CA2976" s="166">
        <v>0</v>
      </c>
      <c r="CB2976" s="166">
        <v>0</v>
      </c>
      <c r="CC2976" s="166">
        <v>0</v>
      </c>
      <c r="CD2976" s="166">
        <v>0</v>
      </c>
      <c r="CE2976" s="166">
        <v>0</v>
      </c>
      <c r="CF2976" s="166">
        <v>0</v>
      </c>
      <c r="CG2976" s="166">
        <v>0</v>
      </c>
      <c r="CH2976" s="166">
        <v>0</v>
      </c>
      <c r="CI2976" s="166">
        <v>0</v>
      </c>
      <c r="CJ2976" s="166">
        <v>0</v>
      </c>
      <c r="CK2976" s="166">
        <v>0</v>
      </c>
      <c r="CL2976" s="166">
        <v>0</v>
      </c>
      <c r="CM2976" s="166">
        <v>0</v>
      </c>
      <c r="CN2976" s="166">
        <v>0</v>
      </c>
      <c r="CO2976" s="166">
        <v>0</v>
      </c>
      <c r="CP2976" s="166">
        <v>0</v>
      </c>
      <c r="CQ2976" s="166">
        <v>0</v>
      </c>
      <c r="CR2976" s="166">
        <v>0</v>
      </c>
      <c r="CS2976" s="166">
        <v>0</v>
      </c>
      <c r="CT2976" s="166">
        <v>0</v>
      </c>
      <c r="CU2976" s="166">
        <v>0</v>
      </c>
      <c r="CV2976" s="166">
        <v>0</v>
      </c>
      <c r="CW2976" s="166">
        <v>0</v>
      </c>
      <c r="CX2976" s="166">
        <v>0</v>
      </c>
      <c r="CY2976" s="166">
        <v>0</v>
      </c>
      <c r="CZ2976" s="166">
        <v>0</v>
      </c>
    </row>
    <row r="2977" spans="1:104" x14ac:dyDescent="0.2">
      <c r="A2977" s="167" t="s">
        <v>1103</v>
      </c>
      <c r="B2977" s="166">
        <v>5438894.7299999902</v>
      </c>
      <c r="C2977" s="166">
        <v>5438894.7299999902</v>
      </c>
      <c r="D2977" s="166">
        <v>0</v>
      </c>
      <c r="E2977" s="166">
        <v>0</v>
      </c>
      <c r="F2977" s="166">
        <v>0</v>
      </c>
      <c r="G2977" s="166">
        <v>0</v>
      </c>
      <c r="H2977" s="166">
        <v>0</v>
      </c>
      <c r="I2977" s="166">
        <v>0</v>
      </c>
      <c r="J2977" s="166">
        <v>0</v>
      </c>
      <c r="K2977" s="166">
        <v>0</v>
      </c>
      <c r="L2977" s="166">
        <v>0</v>
      </c>
      <c r="M2977" s="166">
        <v>0</v>
      </c>
      <c r="N2977" s="166">
        <v>0</v>
      </c>
      <c r="O2977" s="166">
        <v>0</v>
      </c>
      <c r="P2977" s="166">
        <v>0</v>
      </c>
      <c r="Q2977" s="166">
        <v>0</v>
      </c>
      <c r="R2977" s="166">
        <v>0</v>
      </c>
      <c r="S2977" s="166">
        <v>0</v>
      </c>
      <c r="T2977" s="166">
        <v>0</v>
      </c>
      <c r="U2977" s="166">
        <v>0</v>
      </c>
      <c r="V2977" s="166">
        <v>0</v>
      </c>
      <c r="W2977" s="166">
        <v>0</v>
      </c>
      <c r="X2977" s="166">
        <v>0</v>
      </c>
      <c r="Y2977" s="166">
        <v>0</v>
      </c>
      <c r="Z2977" s="166">
        <v>0</v>
      </c>
      <c r="AA2977" s="166">
        <v>0</v>
      </c>
      <c r="AB2977" s="166">
        <v>0</v>
      </c>
      <c r="AC2977" s="166">
        <v>0</v>
      </c>
      <c r="AD2977" s="166">
        <v>0</v>
      </c>
      <c r="AE2977" s="166">
        <v>0</v>
      </c>
      <c r="AF2977" s="166">
        <v>0</v>
      </c>
      <c r="AG2977" s="166">
        <v>0</v>
      </c>
      <c r="AH2977" s="166">
        <v>0</v>
      </c>
      <c r="AI2977" s="166">
        <v>0</v>
      </c>
      <c r="AJ2977" s="166">
        <v>0</v>
      </c>
      <c r="AK2977" s="166">
        <v>0</v>
      </c>
      <c r="AL2977" s="166">
        <v>0</v>
      </c>
      <c r="AM2977" s="166">
        <v>0</v>
      </c>
      <c r="AN2977" s="166">
        <v>0</v>
      </c>
      <c r="AO2977" s="166">
        <v>0</v>
      </c>
      <c r="AP2977" s="166">
        <v>0</v>
      </c>
      <c r="AQ2977" s="166">
        <v>0</v>
      </c>
      <c r="AR2977" s="166">
        <v>0</v>
      </c>
      <c r="AS2977" s="166">
        <v>0</v>
      </c>
      <c r="AT2977" s="166">
        <v>0</v>
      </c>
      <c r="AU2977" s="166">
        <v>0</v>
      </c>
      <c r="AV2977" s="166">
        <v>0</v>
      </c>
      <c r="AW2977" s="166">
        <v>0</v>
      </c>
      <c r="AX2977" s="166">
        <v>0</v>
      </c>
      <c r="AY2977" s="166">
        <v>0</v>
      </c>
      <c r="AZ2977" s="166">
        <v>0</v>
      </c>
      <c r="BA2977" s="166">
        <v>0</v>
      </c>
      <c r="BB2977" s="166">
        <v>0</v>
      </c>
      <c r="BC2977" s="166">
        <v>0</v>
      </c>
      <c r="BD2977" s="166">
        <v>0</v>
      </c>
      <c r="BE2977" s="166">
        <v>0</v>
      </c>
      <c r="BF2977" s="166">
        <v>0</v>
      </c>
      <c r="BG2977" s="166">
        <v>0</v>
      </c>
      <c r="BH2977" s="166">
        <v>0</v>
      </c>
      <c r="BI2977" s="166">
        <v>0</v>
      </c>
      <c r="BJ2977" s="166">
        <v>0</v>
      </c>
      <c r="BK2977" s="166">
        <v>0</v>
      </c>
      <c r="BL2977" s="166">
        <v>0</v>
      </c>
      <c r="BM2977" s="166">
        <v>0</v>
      </c>
      <c r="BN2977" s="166">
        <v>0</v>
      </c>
      <c r="BO2977" s="166">
        <v>0</v>
      </c>
      <c r="BP2977" s="166">
        <v>0</v>
      </c>
      <c r="BQ2977" s="166">
        <v>0</v>
      </c>
      <c r="BR2977" s="166">
        <v>5438894.7299999902</v>
      </c>
      <c r="BS2977" s="166">
        <v>5438894.7299999902</v>
      </c>
      <c r="BT2977" s="168">
        <v>0</v>
      </c>
      <c r="BU2977" s="166">
        <v>0</v>
      </c>
      <c r="BV2977" s="166">
        <v>0</v>
      </c>
      <c r="BW2977" s="166">
        <v>0</v>
      </c>
      <c r="BX2977" s="166">
        <v>0</v>
      </c>
      <c r="BY2977" s="166">
        <v>0</v>
      </c>
      <c r="BZ2977" s="166">
        <v>0</v>
      </c>
      <c r="CA2977" s="166">
        <v>0</v>
      </c>
      <c r="CB2977" s="166">
        <v>0</v>
      </c>
      <c r="CC2977" s="166">
        <v>0</v>
      </c>
      <c r="CD2977" s="166">
        <v>0</v>
      </c>
      <c r="CE2977" s="166">
        <v>0</v>
      </c>
      <c r="CF2977" s="166">
        <v>0</v>
      </c>
      <c r="CG2977" s="166">
        <v>0</v>
      </c>
      <c r="CH2977" s="166">
        <v>0</v>
      </c>
      <c r="CI2977" s="166">
        <v>0</v>
      </c>
      <c r="CJ2977" s="166">
        <v>0</v>
      </c>
      <c r="CK2977" s="166">
        <v>0</v>
      </c>
      <c r="CL2977" s="166">
        <v>0</v>
      </c>
      <c r="CM2977" s="166">
        <v>0</v>
      </c>
      <c r="CN2977" s="166">
        <v>0</v>
      </c>
      <c r="CO2977" s="166">
        <v>0</v>
      </c>
      <c r="CP2977" s="166">
        <v>0</v>
      </c>
      <c r="CQ2977" s="166">
        <v>0</v>
      </c>
      <c r="CR2977" s="166">
        <v>0</v>
      </c>
      <c r="CS2977" s="166">
        <v>0</v>
      </c>
      <c r="CT2977" s="166">
        <v>0</v>
      </c>
      <c r="CU2977" s="166">
        <v>0</v>
      </c>
      <c r="CV2977" s="166">
        <v>0</v>
      </c>
      <c r="CW2977" s="166">
        <v>0</v>
      </c>
      <c r="CX2977" s="166">
        <v>0</v>
      </c>
      <c r="CY2977" s="166">
        <v>0</v>
      </c>
      <c r="CZ2977" s="166">
        <v>0</v>
      </c>
    </row>
    <row r="2978" spans="1:104" x14ac:dyDescent="0.2">
      <c r="A2978" s="167" t="s">
        <v>265</v>
      </c>
    </row>
    <row r="2979" spans="1:104" x14ac:dyDescent="0.2">
      <c r="A2979" s="167" t="s">
        <v>266</v>
      </c>
      <c r="B2979" s="166">
        <v>1.22071725270395E-11</v>
      </c>
      <c r="C2979" s="166">
        <v>1.22071725270395E-11</v>
      </c>
      <c r="D2979" s="166">
        <v>0</v>
      </c>
      <c r="E2979" s="166">
        <v>0</v>
      </c>
      <c r="F2979" s="166">
        <v>0</v>
      </c>
      <c r="G2979" s="166">
        <v>0</v>
      </c>
      <c r="H2979" s="166">
        <v>0</v>
      </c>
      <c r="I2979" s="166">
        <v>0</v>
      </c>
      <c r="J2979" s="166">
        <v>0</v>
      </c>
      <c r="K2979" s="166">
        <v>0</v>
      </c>
      <c r="L2979" s="166">
        <v>0</v>
      </c>
      <c r="M2979" s="166">
        <v>0</v>
      </c>
      <c r="N2979" s="166">
        <v>0</v>
      </c>
      <c r="O2979" s="166">
        <v>0</v>
      </c>
      <c r="P2979" s="166">
        <v>0</v>
      </c>
      <c r="Q2979" s="166">
        <v>0</v>
      </c>
      <c r="R2979" s="166">
        <v>0</v>
      </c>
      <c r="S2979" s="166">
        <v>0</v>
      </c>
      <c r="T2979" s="166">
        <v>0</v>
      </c>
      <c r="U2979" s="166">
        <v>0</v>
      </c>
      <c r="V2979" s="166">
        <v>0</v>
      </c>
      <c r="W2979" s="166">
        <v>0</v>
      </c>
      <c r="X2979" s="166">
        <v>0</v>
      </c>
      <c r="Y2979" s="166">
        <v>0</v>
      </c>
      <c r="Z2979" s="166">
        <v>0</v>
      </c>
      <c r="AA2979" s="166">
        <v>0</v>
      </c>
      <c r="AB2979" s="166">
        <v>0</v>
      </c>
      <c r="AC2979" s="166">
        <v>0</v>
      </c>
      <c r="AD2979" s="166">
        <v>0</v>
      </c>
      <c r="AE2979" s="166">
        <v>0</v>
      </c>
      <c r="AF2979" s="166">
        <v>0</v>
      </c>
      <c r="AG2979" s="166">
        <v>0</v>
      </c>
      <c r="AH2979" s="166">
        <v>0</v>
      </c>
      <c r="AI2979" s="166">
        <v>0</v>
      </c>
      <c r="AJ2979" s="166">
        <v>0</v>
      </c>
      <c r="AK2979" s="166">
        <v>0</v>
      </c>
      <c r="AL2979" s="166">
        <v>0</v>
      </c>
      <c r="AM2979" s="166">
        <v>0</v>
      </c>
      <c r="AN2979" s="166">
        <v>0</v>
      </c>
      <c r="AO2979" s="166">
        <v>0</v>
      </c>
      <c r="AP2979" s="166">
        <v>0</v>
      </c>
      <c r="AQ2979" s="166">
        <v>0</v>
      </c>
      <c r="AR2979" s="166">
        <v>0</v>
      </c>
      <c r="AS2979" s="166">
        <v>0</v>
      </c>
      <c r="AT2979" s="166">
        <v>0</v>
      </c>
      <c r="AU2979" s="166">
        <v>0</v>
      </c>
      <c r="AV2979" s="166">
        <v>0</v>
      </c>
      <c r="AW2979" s="166">
        <v>0</v>
      </c>
      <c r="AX2979" s="166">
        <v>0</v>
      </c>
      <c r="AY2979" s="166">
        <v>0</v>
      </c>
      <c r="AZ2979" s="166">
        <v>0</v>
      </c>
      <c r="BA2979" s="166">
        <v>0</v>
      </c>
      <c r="BB2979" s="166">
        <v>0</v>
      </c>
      <c r="BC2979" s="166">
        <v>0</v>
      </c>
      <c r="BD2979" s="166">
        <v>0</v>
      </c>
      <c r="BE2979" s="166">
        <v>0</v>
      </c>
      <c r="BF2979" s="166">
        <v>0</v>
      </c>
      <c r="BG2979" s="166">
        <v>0</v>
      </c>
      <c r="BH2979" s="166">
        <v>0</v>
      </c>
      <c r="BI2979" s="166">
        <v>0</v>
      </c>
      <c r="BJ2979" s="166">
        <v>0</v>
      </c>
      <c r="BK2979" s="166">
        <v>0</v>
      </c>
      <c r="BL2979" s="166">
        <v>0</v>
      </c>
      <c r="BM2979" s="166">
        <v>0</v>
      </c>
      <c r="BN2979" s="166">
        <v>0</v>
      </c>
      <c r="BO2979" s="166">
        <v>0</v>
      </c>
      <c r="BP2979" s="166">
        <v>0</v>
      </c>
      <c r="BQ2979" s="166">
        <v>0</v>
      </c>
      <c r="BR2979" s="166">
        <v>1.22071725270395E-11</v>
      </c>
      <c r="BS2979" s="166">
        <v>1.22071725270395E-11</v>
      </c>
      <c r="BT2979" s="168">
        <v>0</v>
      </c>
      <c r="BU2979" s="166">
        <v>0</v>
      </c>
      <c r="BV2979" s="166">
        <v>0</v>
      </c>
      <c r="BW2979" s="166">
        <v>0</v>
      </c>
      <c r="BX2979" s="166">
        <v>0</v>
      </c>
      <c r="BY2979" s="166">
        <v>0</v>
      </c>
      <c r="BZ2979" s="166">
        <v>0</v>
      </c>
      <c r="CA2979" s="166">
        <v>0</v>
      </c>
      <c r="CB2979" s="166">
        <v>0</v>
      </c>
      <c r="CC2979" s="166">
        <v>0</v>
      </c>
      <c r="CD2979" s="166">
        <v>0</v>
      </c>
      <c r="CE2979" s="166">
        <v>0</v>
      </c>
      <c r="CF2979" s="166">
        <v>0</v>
      </c>
      <c r="CG2979" s="166">
        <v>0</v>
      </c>
      <c r="CH2979" s="166">
        <v>0</v>
      </c>
      <c r="CI2979" s="166">
        <v>0</v>
      </c>
      <c r="CJ2979" s="166">
        <v>0</v>
      </c>
      <c r="CK2979" s="166">
        <v>0</v>
      </c>
      <c r="CL2979" s="166">
        <v>0</v>
      </c>
      <c r="CM2979" s="166">
        <v>0</v>
      </c>
      <c r="CN2979" s="166">
        <v>0</v>
      </c>
      <c r="CO2979" s="166">
        <v>0</v>
      </c>
      <c r="CP2979" s="166">
        <v>0</v>
      </c>
      <c r="CQ2979" s="166">
        <v>0</v>
      </c>
      <c r="CR2979" s="166">
        <v>0</v>
      </c>
      <c r="CS2979" s="166">
        <v>0</v>
      </c>
      <c r="CT2979" s="166">
        <v>0</v>
      </c>
      <c r="CU2979" s="166">
        <v>0</v>
      </c>
      <c r="CV2979" s="166">
        <v>0</v>
      </c>
      <c r="CW2979" s="166">
        <v>0</v>
      </c>
      <c r="CX2979" s="166">
        <v>0</v>
      </c>
      <c r="CY2979" s="166">
        <v>0</v>
      </c>
      <c r="CZ2979" s="166">
        <v>0</v>
      </c>
    </row>
    <row r="2980" spans="1:104" x14ac:dyDescent="0.2">
      <c r="A2980" s="167" t="s">
        <v>267</v>
      </c>
      <c r="B2980" s="166">
        <v>1.06380774319538E-12</v>
      </c>
      <c r="C2980" s="166">
        <v>1.06380774319538E-12</v>
      </c>
      <c r="D2980" s="166">
        <v>0</v>
      </c>
      <c r="E2980" s="166">
        <v>0</v>
      </c>
      <c r="F2980" s="166">
        <v>0</v>
      </c>
      <c r="G2980" s="166">
        <v>0</v>
      </c>
      <c r="H2980" s="166">
        <v>0</v>
      </c>
      <c r="I2980" s="166">
        <v>0</v>
      </c>
      <c r="J2980" s="166">
        <v>0</v>
      </c>
      <c r="K2980" s="166">
        <v>0</v>
      </c>
      <c r="L2980" s="166">
        <v>0</v>
      </c>
      <c r="M2980" s="166">
        <v>0</v>
      </c>
      <c r="N2980" s="166">
        <v>0</v>
      </c>
      <c r="O2980" s="166">
        <v>0</v>
      </c>
      <c r="P2980" s="166">
        <v>0</v>
      </c>
      <c r="Q2980" s="166">
        <v>0</v>
      </c>
      <c r="R2980" s="166">
        <v>0</v>
      </c>
      <c r="S2980" s="166">
        <v>0</v>
      </c>
      <c r="T2980" s="166">
        <v>0</v>
      </c>
      <c r="U2980" s="166">
        <v>0</v>
      </c>
      <c r="V2980" s="166">
        <v>0</v>
      </c>
      <c r="W2980" s="166">
        <v>0</v>
      </c>
      <c r="X2980" s="166">
        <v>0</v>
      </c>
      <c r="Y2980" s="166">
        <v>0</v>
      </c>
      <c r="Z2980" s="166">
        <v>0</v>
      </c>
      <c r="AA2980" s="166">
        <v>0</v>
      </c>
      <c r="AB2980" s="166">
        <v>0</v>
      </c>
      <c r="AC2980" s="166">
        <v>0</v>
      </c>
      <c r="AD2980" s="166">
        <v>0</v>
      </c>
      <c r="AE2980" s="166">
        <v>0</v>
      </c>
      <c r="AF2980" s="166">
        <v>0</v>
      </c>
      <c r="AG2980" s="166">
        <v>0</v>
      </c>
      <c r="AH2980" s="166">
        <v>0</v>
      </c>
      <c r="AI2980" s="166">
        <v>0</v>
      </c>
      <c r="AJ2980" s="166">
        <v>0</v>
      </c>
      <c r="AK2980" s="166">
        <v>0</v>
      </c>
      <c r="AL2980" s="166">
        <v>0</v>
      </c>
      <c r="AM2980" s="166">
        <v>0</v>
      </c>
      <c r="AN2980" s="166">
        <v>0</v>
      </c>
      <c r="AO2980" s="166">
        <v>0</v>
      </c>
      <c r="AP2980" s="166">
        <v>0</v>
      </c>
      <c r="AQ2980" s="166">
        <v>0</v>
      </c>
      <c r="AR2980" s="166">
        <v>0</v>
      </c>
      <c r="AS2980" s="166">
        <v>0</v>
      </c>
      <c r="AT2980" s="166">
        <v>0</v>
      </c>
      <c r="AU2980" s="166">
        <v>0</v>
      </c>
      <c r="AV2980" s="166">
        <v>0</v>
      </c>
      <c r="AW2980" s="166">
        <v>0</v>
      </c>
      <c r="AX2980" s="166">
        <v>0</v>
      </c>
      <c r="AY2980" s="166">
        <v>0</v>
      </c>
      <c r="AZ2980" s="166">
        <v>0</v>
      </c>
      <c r="BA2980" s="166">
        <v>0</v>
      </c>
      <c r="BB2980" s="166">
        <v>0</v>
      </c>
      <c r="BC2980" s="166">
        <v>0</v>
      </c>
      <c r="BD2980" s="166">
        <v>0</v>
      </c>
      <c r="BE2980" s="166">
        <v>0</v>
      </c>
      <c r="BF2980" s="166">
        <v>0</v>
      </c>
      <c r="BG2980" s="166">
        <v>0</v>
      </c>
      <c r="BH2980" s="166">
        <v>0</v>
      </c>
      <c r="BI2980" s="166">
        <v>0</v>
      </c>
      <c r="BJ2980" s="166">
        <v>0</v>
      </c>
      <c r="BK2980" s="166">
        <v>0</v>
      </c>
      <c r="BL2980" s="166">
        <v>0</v>
      </c>
      <c r="BM2980" s="166">
        <v>0</v>
      </c>
      <c r="BN2980" s="166">
        <v>0</v>
      </c>
      <c r="BO2980" s="166">
        <v>0</v>
      </c>
      <c r="BP2980" s="166">
        <v>0</v>
      </c>
      <c r="BQ2980" s="166">
        <v>0</v>
      </c>
      <c r="BR2980" s="166">
        <v>1.06380774319538E-12</v>
      </c>
      <c r="BS2980" s="166">
        <v>1.06380774319538E-12</v>
      </c>
      <c r="BT2980" s="168">
        <v>0</v>
      </c>
      <c r="BU2980" s="166">
        <v>0</v>
      </c>
      <c r="BV2980" s="166">
        <v>0</v>
      </c>
      <c r="BW2980" s="166">
        <v>0</v>
      </c>
      <c r="BX2980" s="166">
        <v>0</v>
      </c>
      <c r="BY2980" s="166">
        <v>0</v>
      </c>
      <c r="BZ2980" s="166">
        <v>0</v>
      </c>
      <c r="CA2980" s="166">
        <v>0</v>
      </c>
      <c r="CB2980" s="166">
        <v>0</v>
      </c>
      <c r="CC2980" s="166">
        <v>0</v>
      </c>
      <c r="CD2980" s="166">
        <v>0</v>
      </c>
      <c r="CE2980" s="166">
        <v>0</v>
      </c>
      <c r="CF2980" s="166">
        <v>0</v>
      </c>
      <c r="CG2980" s="166">
        <v>0</v>
      </c>
      <c r="CH2980" s="166">
        <v>0</v>
      </c>
      <c r="CI2980" s="166">
        <v>0</v>
      </c>
      <c r="CJ2980" s="166">
        <v>0</v>
      </c>
      <c r="CK2980" s="166">
        <v>0</v>
      </c>
      <c r="CL2980" s="166">
        <v>0</v>
      </c>
      <c r="CM2980" s="166">
        <v>0</v>
      </c>
      <c r="CN2980" s="166">
        <v>0</v>
      </c>
      <c r="CO2980" s="166">
        <v>0</v>
      </c>
      <c r="CP2980" s="166">
        <v>0</v>
      </c>
      <c r="CQ2980" s="166">
        <v>0</v>
      </c>
      <c r="CR2980" s="166">
        <v>0</v>
      </c>
      <c r="CS2980" s="166">
        <v>0</v>
      </c>
      <c r="CT2980" s="166">
        <v>0</v>
      </c>
      <c r="CU2980" s="166">
        <v>0</v>
      </c>
      <c r="CV2980" s="166">
        <v>0</v>
      </c>
      <c r="CW2980" s="166">
        <v>0</v>
      </c>
      <c r="CX2980" s="166">
        <v>0</v>
      </c>
      <c r="CY2980" s="166">
        <v>0</v>
      </c>
      <c r="CZ2980" s="166">
        <v>0</v>
      </c>
    </row>
    <row r="2981" spans="1:104" x14ac:dyDescent="0.2">
      <c r="A2981" s="167" t="s">
        <v>268</v>
      </c>
      <c r="B2981" s="166">
        <v>1.1007545629414999E-12</v>
      </c>
      <c r="C2981" s="166">
        <v>1.1007545629414999E-12</v>
      </c>
      <c r="D2981" s="166">
        <v>0</v>
      </c>
      <c r="E2981" s="166">
        <v>0</v>
      </c>
      <c r="F2981" s="166">
        <v>0</v>
      </c>
      <c r="G2981" s="166">
        <v>0</v>
      </c>
      <c r="H2981" s="166">
        <v>0</v>
      </c>
      <c r="I2981" s="166">
        <v>0</v>
      </c>
      <c r="J2981" s="166">
        <v>0</v>
      </c>
      <c r="K2981" s="166">
        <v>0</v>
      </c>
      <c r="L2981" s="166">
        <v>0</v>
      </c>
      <c r="M2981" s="166">
        <v>0</v>
      </c>
      <c r="N2981" s="166">
        <v>0</v>
      </c>
      <c r="O2981" s="166">
        <v>0</v>
      </c>
      <c r="P2981" s="166">
        <v>0</v>
      </c>
      <c r="Q2981" s="166">
        <v>0</v>
      </c>
      <c r="R2981" s="166">
        <v>0</v>
      </c>
      <c r="S2981" s="166">
        <v>0</v>
      </c>
      <c r="T2981" s="166">
        <v>0</v>
      </c>
      <c r="U2981" s="166">
        <v>0</v>
      </c>
      <c r="V2981" s="166">
        <v>0</v>
      </c>
      <c r="W2981" s="166">
        <v>0</v>
      </c>
      <c r="X2981" s="166">
        <v>0</v>
      </c>
      <c r="Y2981" s="166">
        <v>0</v>
      </c>
      <c r="Z2981" s="166">
        <v>0</v>
      </c>
      <c r="AA2981" s="166">
        <v>0</v>
      </c>
      <c r="AB2981" s="166">
        <v>0</v>
      </c>
      <c r="AC2981" s="166">
        <v>0</v>
      </c>
      <c r="AD2981" s="166">
        <v>0</v>
      </c>
      <c r="AE2981" s="166">
        <v>0</v>
      </c>
      <c r="AF2981" s="166">
        <v>0</v>
      </c>
      <c r="AG2981" s="166">
        <v>0</v>
      </c>
      <c r="AH2981" s="166">
        <v>0</v>
      </c>
      <c r="AI2981" s="166">
        <v>0</v>
      </c>
      <c r="AJ2981" s="166">
        <v>0</v>
      </c>
      <c r="AK2981" s="166">
        <v>0</v>
      </c>
      <c r="AL2981" s="166">
        <v>0</v>
      </c>
      <c r="AM2981" s="166">
        <v>0</v>
      </c>
      <c r="AN2981" s="166">
        <v>0</v>
      </c>
      <c r="AO2981" s="166">
        <v>0</v>
      </c>
      <c r="AP2981" s="166">
        <v>0</v>
      </c>
      <c r="AQ2981" s="166">
        <v>0</v>
      </c>
      <c r="AR2981" s="166">
        <v>0</v>
      </c>
      <c r="AS2981" s="166">
        <v>0</v>
      </c>
      <c r="AT2981" s="166">
        <v>0</v>
      </c>
      <c r="AU2981" s="166">
        <v>0</v>
      </c>
      <c r="AV2981" s="166">
        <v>0</v>
      </c>
      <c r="AW2981" s="166">
        <v>0</v>
      </c>
      <c r="AX2981" s="166">
        <v>0</v>
      </c>
      <c r="AY2981" s="166">
        <v>0</v>
      </c>
      <c r="AZ2981" s="166">
        <v>0</v>
      </c>
      <c r="BA2981" s="166">
        <v>0</v>
      </c>
      <c r="BB2981" s="166">
        <v>0</v>
      </c>
      <c r="BC2981" s="166">
        <v>0</v>
      </c>
      <c r="BD2981" s="166">
        <v>0</v>
      </c>
      <c r="BE2981" s="166">
        <v>0</v>
      </c>
      <c r="BF2981" s="166">
        <v>0</v>
      </c>
      <c r="BG2981" s="166">
        <v>0</v>
      </c>
      <c r="BH2981" s="166">
        <v>0</v>
      </c>
      <c r="BI2981" s="166">
        <v>0</v>
      </c>
      <c r="BJ2981" s="166">
        <v>0</v>
      </c>
      <c r="BK2981" s="166">
        <v>0</v>
      </c>
      <c r="BL2981" s="166">
        <v>0</v>
      </c>
      <c r="BM2981" s="166">
        <v>0</v>
      </c>
      <c r="BN2981" s="166">
        <v>0</v>
      </c>
      <c r="BO2981" s="166">
        <v>0</v>
      </c>
      <c r="BP2981" s="166">
        <v>0</v>
      </c>
      <c r="BQ2981" s="166">
        <v>0</v>
      </c>
      <c r="BR2981" s="166">
        <v>1.1007545629414999E-12</v>
      </c>
      <c r="BS2981" s="166">
        <v>1.1007545629414999E-12</v>
      </c>
      <c r="BT2981" s="168">
        <v>0</v>
      </c>
      <c r="BU2981" s="166">
        <v>0</v>
      </c>
      <c r="BV2981" s="166">
        <v>0</v>
      </c>
      <c r="BW2981" s="166">
        <v>0</v>
      </c>
      <c r="BX2981" s="166">
        <v>0</v>
      </c>
      <c r="BY2981" s="166">
        <v>0</v>
      </c>
      <c r="BZ2981" s="166">
        <v>0</v>
      </c>
      <c r="CA2981" s="166">
        <v>0</v>
      </c>
      <c r="CB2981" s="166">
        <v>0</v>
      </c>
      <c r="CC2981" s="166">
        <v>0</v>
      </c>
      <c r="CD2981" s="166">
        <v>0</v>
      </c>
      <c r="CE2981" s="166">
        <v>0</v>
      </c>
      <c r="CF2981" s="166">
        <v>0</v>
      </c>
      <c r="CG2981" s="166">
        <v>0</v>
      </c>
      <c r="CH2981" s="166">
        <v>0</v>
      </c>
      <c r="CI2981" s="166">
        <v>0</v>
      </c>
      <c r="CJ2981" s="166">
        <v>0</v>
      </c>
      <c r="CK2981" s="166">
        <v>0</v>
      </c>
      <c r="CL2981" s="166">
        <v>0</v>
      </c>
      <c r="CM2981" s="166">
        <v>0</v>
      </c>
      <c r="CN2981" s="166">
        <v>0</v>
      </c>
      <c r="CO2981" s="166">
        <v>0</v>
      </c>
      <c r="CP2981" s="166">
        <v>0</v>
      </c>
      <c r="CQ2981" s="166">
        <v>0</v>
      </c>
      <c r="CR2981" s="166">
        <v>0</v>
      </c>
      <c r="CS2981" s="166">
        <v>0</v>
      </c>
      <c r="CT2981" s="166">
        <v>0</v>
      </c>
      <c r="CU2981" s="166">
        <v>0</v>
      </c>
      <c r="CV2981" s="166">
        <v>0</v>
      </c>
      <c r="CW2981" s="166">
        <v>0</v>
      </c>
      <c r="CX2981" s="166">
        <v>0</v>
      </c>
      <c r="CY2981" s="166">
        <v>0</v>
      </c>
      <c r="CZ2981" s="166">
        <v>0</v>
      </c>
    </row>
    <row r="2982" spans="1:104" x14ac:dyDescent="0.2">
      <c r="A2982" s="167" t="s">
        <v>269</v>
      </c>
      <c r="B2982" s="166">
        <v>5.1681904002263404E-12</v>
      </c>
      <c r="C2982" s="166">
        <v>5.1681904002263404E-12</v>
      </c>
      <c r="D2982" s="166">
        <v>0</v>
      </c>
      <c r="E2982" s="166">
        <v>0</v>
      </c>
      <c r="F2982" s="166">
        <v>0</v>
      </c>
      <c r="G2982" s="166">
        <v>0</v>
      </c>
      <c r="H2982" s="166">
        <v>0</v>
      </c>
      <c r="I2982" s="166">
        <v>0</v>
      </c>
      <c r="J2982" s="166">
        <v>0</v>
      </c>
      <c r="K2982" s="166">
        <v>0</v>
      </c>
      <c r="L2982" s="166">
        <v>0</v>
      </c>
      <c r="M2982" s="166">
        <v>0</v>
      </c>
      <c r="N2982" s="166">
        <v>0</v>
      </c>
      <c r="O2982" s="166">
        <v>0</v>
      </c>
      <c r="P2982" s="166">
        <v>0</v>
      </c>
      <c r="Q2982" s="166">
        <v>0</v>
      </c>
      <c r="R2982" s="166">
        <v>0</v>
      </c>
      <c r="S2982" s="166">
        <v>0</v>
      </c>
      <c r="T2982" s="166">
        <v>0</v>
      </c>
      <c r="U2982" s="166">
        <v>0</v>
      </c>
      <c r="V2982" s="166">
        <v>0</v>
      </c>
      <c r="W2982" s="166">
        <v>0</v>
      </c>
      <c r="X2982" s="166">
        <v>0</v>
      </c>
      <c r="Y2982" s="166">
        <v>0</v>
      </c>
      <c r="Z2982" s="166">
        <v>0</v>
      </c>
      <c r="AA2982" s="166">
        <v>0</v>
      </c>
      <c r="AB2982" s="166">
        <v>0</v>
      </c>
      <c r="AC2982" s="166">
        <v>0</v>
      </c>
      <c r="AD2982" s="166">
        <v>0</v>
      </c>
      <c r="AE2982" s="166">
        <v>0</v>
      </c>
      <c r="AF2982" s="166">
        <v>0</v>
      </c>
      <c r="AG2982" s="166">
        <v>0</v>
      </c>
      <c r="AH2982" s="166">
        <v>0</v>
      </c>
      <c r="AI2982" s="166">
        <v>0</v>
      </c>
      <c r="AJ2982" s="166">
        <v>0</v>
      </c>
      <c r="AK2982" s="166">
        <v>0</v>
      </c>
      <c r="AL2982" s="166">
        <v>0</v>
      </c>
      <c r="AM2982" s="166">
        <v>0</v>
      </c>
      <c r="AN2982" s="166">
        <v>0</v>
      </c>
      <c r="AO2982" s="166">
        <v>0</v>
      </c>
      <c r="AP2982" s="166">
        <v>0</v>
      </c>
      <c r="AQ2982" s="166">
        <v>0</v>
      </c>
      <c r="AR2982" s="166">
        <v>0</v>
      </c>
      <c r="AS2982" s="166">
        <v>0</v>
      </c>
      <c r="AT2982" s="166">
        <v>0</v>
      </c>
      <c r="AU2982" s="166">
        <v>0</v>
      </c>
      <c r="AV2982" s="166">
        <v>0</v>
      </c>
      <c r="AW2982" s="166">
        <v>0</v>
      </c>
      <c r="AX2982" s="166">
        <v>0</v>
      </c>
      <c r="AY2982" s="166">
        <v>0</v>
      </c>
      <c r="AZ2982" s="166">
        <v>0</v>
      </c>
      <c r="BA2982" s="166">
        <v>0</v>
      </c>
      <c r="BB2982" s="166">
        <v>0</v>
      </c>
      <c r="BC2982" s="166">
        <v>0</v>
      </c>
      <c r="BD2982" s="166">
        <v>0</v>
      </c>
      <c r="BE2982" s="166">
        <v>0</v>
      </c>
      <c r="BF2982" s="166">
        <v>0</v>
      </c>
      <c r="BG2982" s="166">
        <v>0</v>
      </c>
      <c r="BH2982" s="166">
        <v>0</v>
      </c>
      <c r="BI2982" s="166">
        <v>0</v>
      </c>
      <c r="BJ2982" s="166">
        <v>0</v>
      </c>
      <c r="BK2982" s="166">
        <v>0</v>
      </c>
      <c r="BL2982" s="166">
        <v>0</v>
      </c>
      <c r="BM2982" s="166">
        <v>0</v>
      </c>
      <c r="BN2982" s="166">
        <v>0</v>
      </c>
      <c r="BO2982" s="166">
        <v>0</v>
      </c>
      <c r="BP2982" s="166">
        <v>0</v>
      </c>
      <c r="BQ2982" s="166">
        <v>0</v>
      </c>
      <c r="BR2982" s="166">
        <v>5.1681904002263404E-12</v>
      </c>
      <c r="BS2982" s="166">
        <v>5.1681904002263404E-12</v>
      </c>
      <c r="BT2982" s="168">
        <v>0</v>
      </c>
      <c r="BU2982" s="166">
        <v>0</v>
      </c>
      <c r="BV2982" s="166">
        <v>0</v>
      </c>
      <c r="BW2982" s="166">
        <v>0</v>
      </c>
      <c r="BX2982" s="166">
        <v>0</v>
      </c>
      <c r="BY2982" s="166">
        <v>0</v>
      </c>
      <c r="BZ2982" s="166">
        <v>0</v>
      </c>
      <c r="CA2982" s="166">
        <v>0</v>
      </c>
      <c r="CB2982" s="166">
        <v>0</v>
      </c>
      <c r="CC2982" s="166">
        <v>0</v>
      </c>
      <c r="CD2982" s="166">
        <v>0</v>
      </c>
      <c r="CE2982" s="166">
        <v>0</v>
      </c>
      <c r="CF2982" s="166">
        <v>0</v>
      </c>
      <c r="CG2982" s="166">
        <v>0</v>
      </c>
      <c r="CH2982" s="166">
        <v>0</v>
      </c>
      <c r="CI2982" s="166">
        <v>0</v>
      </c>
      <c r="CJ2982" s="166">
        <v>0</v>
      </c>
      <c r="CK2982" s="166">
        <v>0</v>
      </c>
      <c r="CL2982" s="166">
        <v>0</v>
      </c>
      <c r="CM2982" s="166">
        <v>0</v>
      </c>
      <c r="CN2982" s="166">
        <v>0</v>
      </c>
      <c r="CO2982" s="166">
        <v>0</v>
      </c>
      <c r="CP2982" s="166">
        <v>0</v>
      </c>
      <c r="CQ2982" s="166">
        <v>0</v>
      </c>
      <c r="CR2982" s="166">
        <v>0</v>
      </c>
      <c r="CS2982" s="166">
        <v>0</v>
      </c>
      <c r="CT2982" s="166">
        <v>0</v>
      </c>
      <c r="CU2982" s="166">
        <v>0</v>
      </c>
      <c r="CV2982" s="166">
        <v>0</v>
      </c>
      <c r="CW2982" s="166">
        <v>0</v>
      </c>
      <c r="CX2982" s="166">
        <v>0</v>
      </c>
      <c r="CY2982" s="166">
        <v>0</v>
      </c>
      <c r="CZ2982" s="166">
        <v>0</v>
      </c>
    </row>
    <row r="2983" spans="1:104" x14ac:dyDescent="0.2">
      <c r="A2983" s="167" t="s">
        <v>1104</v>
      </c>
      <c r="B2983" s="166">
        <v>396723.47</v>
      </c>
      <c r="C2983" s="166">
        <v>396723.47</v>
      </c>
      <c r="D2983" s="166">
        <v>0</v>
      </c>
      <c r="E2983" s="166">
        <v>0</v>
      </c>
      <c r="F2983" s="166">
        <v>0</v>
      </c>
      <c r="G2983" s="166">
        <v>0</v>
      </c>
      <c r="H2983" s="166">
        <v>0</v>
      </c>
      <c r="I2983" s="166">
        <v>0</v>
      </c>
      <c r="J2983" s="166">
        <v>0</v>
      </c>
      <c r="K2983" s="166">
        <v>0</v>
      </c>
      <c r="L2983" s="166">
        <v>0</v>
      </c>
      <c r="M2983" s="166">
        <v>0</v>
      </c>
      <c r="N2983" s="166">
        <v>0</v>
      </c>
      <c r="O2983" s="166">
        <v>0</v>
      </c>
      <c r="P2983" s="166">
        <v>0</v>
      </c>
      <c r="Q2983" s="166">
        <v>0</v>
      </c>
      <c r="R2983" s="166">
        <v>0</v>
      </c>
      <c r="S2983" s="166">
        <v>0</v>
      </c>
      <c r="T2983" s="166">
        <v>0</v>
      </c>
      <c r="U2983" s="166">
        <v>0</v>
      </c>
      <c r="V2983" s="166">
        <v>0</v>
      </c>
      <c r="W2983" s="166">
        <v>0</v>
      </c>
      <c r="X2983" s="166">
        <v>0</v>
      </c>
      <c r="Y2983" s="166">
        <v>0</v>
      </c>
      <c r="Z2983" s="166">
        <v>0</v>
      </c>
      <c r="AA2983" s="166">
        <v>0</v>
      </c>
      <c r="AB2983" s="166">
        <v>0</v>
      </c>
      <c r="AC2983" s="166">
        <v>0</v>
      </c>
      <c r="AD2983" s="166">
        <v>0</v>
      </c>
      <c r="AE2983" s="166">
        <v>0</v>
      </c>
      <c r="AF2983" s="166">
        <v>0</v>
      </c>
      <c r="AG2983" s="166">
        <v>0</v>
      </c>
      <c r="AH2983" s="166">
        <v>0</v>
      </c>
      <c r="AI2983" s="166">
        <v>0</v>
      </c>
      <c r="AJ2983" s="166">
        <v>0</v>
      </c>
      <c r="AK2983" s="166">
        <v>0</v>
      </c>
      <c r="AL2983" s="166">
        <v>0</v>
      </c>
      <c r="AM2983" s="166">
        <v>0</v>
      </c>
      <c r="AN2983" s="166">
        <v>0</v>
      </c>
      <c r="AO2983" s="166">
        <v>0</v>
      </c>
      <c r="AP2983" s="166">
        <v>0</v>
      </c>
      <c r="AQ2983" s="166">
        <v>0</v>
      </c>
      <c r="AR2983" s="166">
        <v>0</v>
      </c>
      <c r="AS2983" s="166">
        <v>0</v>
      </c>
      <c r="AT2983" s="166">
        <v>0</v>
      </c>
      <c r="AU2983" s="166">
        <v>0</v>
      </c>
      <c r="AV2983" s="166">
        <v>0</v>
      </c>
      <c r="AW2983" s="166">
        <v>0</v>
      </c>
      <c r="AX2983" s="166">
        <v>0</v>
      </c>
      <c r="AY2983" s="166">
        <v>0</v>
      </c>
      <c r="AZ2983" s="166">
        <v>0</v>
      </c>
      <c r="BA2983" s="166">
        <v>0</v>
      </c>
      <c r="BB2983" s="166">
        <v>0</v>
      </c>
      <c r="BC2983" s="166">
        <v>0</v>
      </c>
      <c r="BD2983" s="166">
        <v>0</v>
      </c>
      <c r="BE2983" s="166">
        <v>0</v>
      </c>
      <c r="BF2983" s="166">
        <v>0</v>
      </c>
      <c r="BG2983" s="166">
        <v>0</v>
      </c>
      <c r="BH2983" s="166">
        <v>0</v>
      </c>
      <c r="BI2983" s="166">
        <v>0</v>
      </c>
      <c r="BJ2983" s="166">
        <v>0</v>
      </c>
      <c r="BK2983" s="166">
        <v>0</v>
      </c>
      <c r="BL2983" s="166">
        <v>0</v>
      </c>
      <c r="BM2983" s="166">
        <v>0</v>
      </c>
      <c r="BN2983" s="166">
        <v>0</v>
      </c>
      <c r="BO2983" s="166">
        <v>0</v>
      </c>
      <c r="BP2983" s="166">
        <v>0</v>
      </c>
      <c r="BQ2983" s="166">
        <v>0</v>
      </c>
      <c r="BR2983" s="166">
        <v>396723.47</v>
      </c>
      <c r="BS2983" s="166">
        <v>396723.47</v>
      </c>
      <c r="BT2983" s="168">
        <v>0</v>
      </c>
      <c r="BU2983" s="166">
        <v>0</v>
      </c>
      <c r="BV2983" s="166">
        <v>0</v>
      </c>
      <c r="BW2983" s="166">
        <v>0</v>
      </c>
      <c r="BX2983" s="166">
        <v>0</v>
      </c>
      <c r="BY2983" s="166">
        <v>0</v>
      </c>
      <c r="BZ2983" s="166">
        <v>0</v>
      </c>
      <c r="CA2983" s="166">
        <v>0</v>
      </c>
      <c r="CB2983" s="166">
        <v>0</v>
      </c>
      <c r="CC2983" s="166">
        <v>0</v>
      </c>
      <c r="CD2983" s="166">
        <v>0</v>
      </c>
      <c r="CE2983" s="166">
        <v>0</v>
      </c>
      <c r="CF2983" s="166">
        <v>0</v>
      </c>
      <c r="CG2983" s="166">
        <v>0</v>
      </c>
      <c r="CH2983" s="166">
        <v>0</v>
      </c>
      <c r="CI2983" s="166">
        <v>0</v>
      </c>
      <c r="CJ2983" s="166">
        <v>0</v>
      </c>
      <c r="CK2983" s="166">
        <v>0</v>
      </c>
      <c r="CL2983" s="166">
        <v>0</v>
      </c>
      <c r="CM2983" s="166">
        <v>0</v>
      </c>
      <c r="CN2983" s="166">
        <v>0</v>
      </c>
      <c r="CO2983" s="166">
        <v>0</v>
      </c>
      <c r="CP2983" s="166">
        <v>0</v>
      </c>
      <c r="CQ2983" s="166">
        <v>0</v>
      </c>
      <c r="CR2983" s="166">
        <v>0</v>
      </c>
      <c r="CS2983" s="166">
        <v>0</v>
      </c>
      <c r="CT2983" s="166">
        <v>0</v>
      </c>
      <c r="CU2983" s="166">
        <v>0</v>
      </c>
      <c r="CV2983" s="166">
        <v>0</v>
      </c>
      <c r="CW2983" s="166">
        <v>0</v>
      </c>
      <c r="CX2983" s="166">
        <v>0</v>
      </c>
      <c r="CY2983" s="166">
        <v>0</v>
      </c>
      <c r="CZ2983" s="166">
        <v>0</v>
      </c>
    </row>
    <row r="2984" spans="1:104" x14ac:dyDescent="0.2">
      <c r="A2984" s="167" t="s">
        <v>271</v>
      </c>
      <c r="B2984" s="166">
        <v>396723.47</v>
      </c>
      <c r="C2984" s="166">
        <v>396723.47</v>
      </c>
      <c r="D2984" s="166">
        <v>0</v>
      </c>
      <c r="E2984" s="166">
        <v>0</v>
      </c>
      <c r="F2984" s="166">
        <v>0</v>
      </c>
      <c r="G2984" s="166">
        <v>0</v>
      </c>
      <c r="H2984" s="166">
        <v>0</v>
      </c>
      <c r="I2984" s="166">
        <v>0</v>
      </c>
      <c r="J2984" s="166">
        <v>0</v>
      </c>
      <c r="K2984" s="166">
        <v>0</v>
      </c>
      <c r="L2984" s="166">
        <v>0</v>
      </c>
      <c r="M2984" s="166">
        <v>0</v>
      </c>
      <c r="N2984" s="166">
        <v>0</v>
      </c>
      <c r="O2984" s="166">
        <v>0</v>
      </c>
      <c r="P2984" s="166">
        <v>0</v>
      </c>
      <c r="Q2984" s="166">
        <v>0</v>
      </c>
      <c r="R2984" s="166">
        <v>0</v>
      </c>
      <c r="S2984" s="166">
        <v>0</v>
      </c>
      <c r="T2984" s="166">
        <v>0</v>
      </c>
      <c r="U2984" s="166">
        <v>0</v>
      </c>
      <c r="V2984" s="166">
        <v>0</v>
      </c>
      <c r="W2984" s="166">
        <v>0</v>
      </c>
      <c r="X2984" s="166">
        <v>0</v>
      </c>
      <c r="Y2984" s="166">
        <v>0</v>
      </c>
      <c r="Z2984" s="166">
        <v>0</v>
      </c>
      <c r="AA2984" s="166">
        <v>0</v>
      </c>
      <c r="AB2984" s="166">
        <v>0</v>
      </c>
      <c r="AC2984" s="166">
        <v>0</v>
      </c>
      <c r="AD2984" s="166">
        <v>0</v>
      </c>
      <c r="AE2984" s="166">
        <v>0</v>
      </c>
      <c r="AF2984" s="166">
        <v>0</v>
      </c>
      <c r="AG2984" s="166">
        <v>0</v>
      </c>
      <c r="AH2984" s="166">
        <v>0</v>
      </c>
      <c r="AI2984" s="166">
        <v>0</v>
      </c>
      <c r="AJ2984" s="166">
        <v>0</v>
      </c>
      <c r="AK2984" s="166">
        <v>0</v>
      </c>
      <c r="AL2984" s="166">
        <v>0</v>
      </c>
      <c r="AM2984" s="166">
        <v>0</v>
      </c>
      <c r="AN2984" s="166">
        <v>0</v>
      </c>
      <c r="AO2984" s="166">
        <v>0</v>
      </c>
      <c r="AP2984" s="166">
        <v>0</v>
      </c>
      <c r="AQ2984" s="166">
        <v>0</v>
      </c>
      <c r="AR2984" s="166">
        <v>0</v>
      </c>
      <c r="AS2984" s="166">
        <v>0</v>
      </c>
      <c r="AT2984" s="166">
        <v>0</v>
      </c>
      <c r="AU2984" s="166">
        <v>0</v>
      </c>
      <c r="AV2984" s="166">
        <v>0</v>
      </c>
      <c r="AW2984" s="166">
        <v>0</v>
      </c>
      <c r="AX2984" s="166">
        <v>0</v>
      </c>
      <c r="AY2984" s="166">
        <v>0</v>
      </c>
      <c r="AZ2984" s="166">
        <v>0</v>
      </c>
      <c r="BA2984" s="166">
        <v>0</v>
      </c>
      <c r="BB2984" s="166">
        <v>0</v>
      </c>
      <c r="BC2984" s="166">
        <v>0</v>
      </c>
      <c r="BD2984" s="166">
        <v>0</v>
      </c>
      <c r="BE2984" s="166">
        <v>0</v>
      </c>
      <c r="BF2984" s="166">
        <v>0</v>
      </c>
      <c r="BG2984" s="166">
        <v>0</v>
      </c>
      <c r="BH2984" s="166">
        <v>0</v>
      </c>
      <c r="BI2984" s="166">
        <v>0</v>
      </c>
      <c r="BJ2984" s="166">
        <v>0</v>
      </c>
      <c r="BK2984" s="166">
        <v>0</v>
      </c>
      <c r="BL2984" s="166">
        <v>0</v>
      </c>
      <c r="BM2984" s="166">
        <v>0</v>
      </c>
      <c r="BN2984" s="166">
        <v>0</v>
      </c>
      <c r="BO2984" s="166">
        <v>0</v>
      </c>
      <c r="BP2984" s="166">
        <v>0</v>
      </c>
      <c r="BQ2984" s="166">
        <v>0</v>
      </c>
      <c r="BR2984" s="166">
        <v>396723.47</v>
      </c>
      <c r="BS2984" s="166">
        <v>396723.47</v>
      </c>
      <c r="BT2984" s="168">
        <v>0</v>
      </c>
      <c r="BU2984" s="166">
        <v>0</v>
      </c>
      <c r="BV2984" s="166">
        <v>0</v>
      </c>
      <c r="BW2984" s="166">
        <v>0</v>
      </c>
      <c r="BX2984" s="166">
        <v>0</v>
      </c>
      <c r="BY2984" s="166">
        <v>0</v>
      </c>
      <c r="BZ2984" s="166">
        <v>0</v>
      </c>
      <c r="CA2984" s="166">
        <v>0</v>
      </c>
      <c r="CB2984" s="166">
        <v>0</v>
      </c>
      <c r="CC2984" s="166">
        <v>0</v>
      </c>
      <c r="CD2984" s="166">
        <v>0</v>
      </c>
      <c r="CE2984" s="166">
        <v>0</v>
      </c>
      <c r="CF2984" s="166">
        <v>0</v>
      </c>
      <c r="CG2984" s="166">
        <v>0</v>
      </c>
      <c r="CH2984" s="166">
        <v>0</v>
      </c>
      <c r="CI2984" s="166">
        <v>0</v>
      </c>
      <c r="CJ2984" s="166">
        <v>0</v>
      </c>
      <c r="CK2984" s="166">
        <v>0</v>
      </c>
      <c r="CL2984" s="166">
        <v>0</v>
      </c>
      <c r="CM2984" s="166">
        <v>0</v>
      </c>
      <c r="CN2984" s="166">
        <v>0</v>
      </c>
      <c r="CO2984" s="166">
        <v>0</v>
      </c>
      <c r="CP2984" s="166">
        <v>0</v>
      </c>
      <c r="CQ2984" s="166">
        <v>0</v>
      </c>
      <c r="CR2984" s="166">
        <v>0</v>
      </c>
      <c r="CS2984" s="166">
        <v>0</v>
      </c>
      <c r="CT2984" s="166">
        <v>0</v>
      </c>
      <c r="CU2984" s="166">
        <v>0</v>
      </c>
      <c r="CV2984" s="166">
        <v>0</v>
      </c>
      <c r="CW2984" s="166">
        <v>0</v>
      </c>
      <c r="CX2984" s="166">
        <v>0</v>
      </c>
      <c r="CY2984" s="166">
        <v>0</v>
      </c>
      <c r="CZ2984" s="166">
        <v>0</v>
      </c>
    </row>
    <row r="2985" spans="1:104" x14ac:dyDescent="0.2">
      <c r="A2985" s="167" t="s">
        <v>272</v>
      </c>
    </row>
    <row r="2986" spans="1:104" x14ac:dyDescent="0.2">
      <c r="A2986" s="167" t="s">
        <v>1105</v>
      </c>
      <c r="B2986" s="166">
        <v>0</v>
      </c>
      <c r="C2986" s="166">
        <v>0</v>
      </c>
      <c r="D2986" s="166">
        <v>0</v>
      </c>
      <c r="E2986" s="166">
        <v>0</v>
      </c>
      <c r="F2986" s="166">
        <v>0</v>
      </c>
      <c r="G2986" s="166">
        <v>0</v>
      </c>
      <c r="H2986" s="166">
        <v>0</v>
      </c>
      <c r="I2986" s="166">
        <v>0</v>
      </c>
      <c r="J2986" s="166">
        <v>0</v>
      </c>
      <c r="K2986" s="166">
        <v>0</v>
      </c>
      <c r="L2986" s="166">
        <v>0</v>
      </c>
      <c r="M2986" s="166">
        <v>0</v>
      </c>
      <c r="N2986" s="166">
        <v>0</v>
      </c>
      <c r="O2986" s="166">
        <v>0</v>
      </c>
      <c r="P2986" s="166">
        <v>0</v>
      </c>
      <c r="Q2986" s="166">
        <v>0</v>
      </c>
      <c r="R2986" s="166">
        <v>0</v>
      </c>
      <c r="S2986" s="166">
        <v>0</v>
      </c>
      <c r="T2986" s="166">
        <v>0</v>
      </c>
      <c r="U2986" s="166">
        <v>0</v>
      </c>
      <c r="V2986" s="166">
        <v>0</v>
      </c>
      <c r="W2986" s="166">
        <v>0</v>
      </c>
      <c r="X2986" s="166">
        <v>0</v>
      </c>
      <c r="Y2986" s="166">
        <v>0</v>
      </c>
      <c r="Z2986" s="166">
        <v>0</v>
      </c>
      <c r="AA2986" s="166">
        <v>0</v>
      </c>
      <c r="AB2986" s="166">
        <v>0</v>
      </c>
      <c r="AC2986" s="166">
        <v>0</v>
      </c>
      <c r="AD2986" s="166">
        <v>0</v>
      </c>
      <c r="AE2986" s="166">
        <v>0</v>
      </c>
      <c r="AF2986" s="166">
        <v>0</v>
      </c>
      <c r="AG2986" s="166">
        <v>0</v>
      </c>
      <c r="AH2986" s="166">
        <v>0</v>
      </c>
      <c r="AI2986" s="166">
        <v>0</v>
      </c>
      <c r="AJ2986" s="166">
        <v>0</v>
      </c>
      <c r="AK2986" s="166">
        <v>0</v>
      </c>
      <c r="AL2986" s="166">
        <v>0</v>
      </c>
      <c r="AM2986" s="166">
        <v>0</v>
      </c>
      <c r="AN2986" s="166">
        <v>0</v>
      </c>
      <c r="AO2986" s="166">
        <v>0</v>
      </c>
      <c r="AP2986" s="166">
        <v>0</v>
      </c>
      <c r="AQ2986" s="166">
        <v>0</v>
      </c>
      <c r="AR2986" s="166">
        <v>0</v>
      </c>
      <c r="AS2986" s="166">
        <v>0</v>
      </c>
      <c r="AT2986" s="166">
        <v>0</v>
      </c>
      <c r="AU2986" s="166">
        <v>0</v>
      </c>
      <c r="AV2986" s="166">
        <v>0</v>
      </c>
      <c r="AW2986" s="166">
        <v>0</v>
      </c>
      <c r="AX2986" s="166">
        <v>0</v>
      </c>
      <c r="AY2986" s="166">
        <v>0</v>
      </c>
      <c r="AZ2986" s="166">
        <v>0</v>
      </c>
      <c r="BA2986" s="166">
        <v>0</v>
      </c>
      <c r="BB2986" s="166">
        <v>0</v>
      </c>
      <c r="BC2986" s="166">
        <v>0</v>
      </c>
      <c r="BD2986" s="166">
        <v>0</v>
      </c>
      <c r="BE2986" s="166">
        <v>0</v>
      </c>
      <c r="BF2986" s="166">
        <v>0</v>
      </c>
      <c r="BG2986" s="166">
        <v>0</v>
      </c>
      <c r="BH2986" s="166">
        <v>0</v>
      </c>
      <c r="BI2986" s="166">
        <v>0</v>
      </c>
      <c r="BJ2986" s="166">
        <v>0</v>
      </c>
      <c r="BK2986" s="166">
        <v>0</v>
      </c>
      <c r="BL2986" s="166">
        <v>0</v>
      </c>
      <c r="BM2986" s="166">
        <v>0</v>
      </c>
      <c r="BN2986" s="166">
        <v>0</v>
      </c>
      <c r="BO2986" s="166">
        <v>0</v>
      </c>
      <c r="BP2986" s="166">
        <v>0</v>
      </c>
      <c r="BQ2986" s="166">
        <v>0</v>
      </c>
      <c r="BR2986" s="166">
        <v>0</v>
      </c>
      <c r="BS2986" s="166">
        <v>0</v>
      </c>
      <c r="BT2986" s="168">
        <v>0</v>
      </c>
      <c r="BU2986" s="166">
        <v>0</v>
      </c>
      <c r="BV2986" s="166">
        <v>0</v>
      </c>
      <c r="BW2986" s="166">
        <v>0</v>
      </c>
      <c r="BX2986" s="166">
        <v>0</v>
      </c>
      <c r="BY2986" s="166">
        <v>0</v>
      </c>
      <c r="BZ2986" s="166">
        <v>0</v>
      </c>
      <c r="CA2986" s="166">
        <v>0</v>
      </c>
      <c r="CB2986" s="166">
        <v>0</v>
      </c>
      <c r="CC2986" s="166">
        <v>0</v>
      </c>
      <c r="CD2986" s="166">
        <v>0</v>
      </c>
      <c r="CE2986" s="166">
        <v>0</v>
      </c>
      <c r="CF2986" s="166">
        <v>0</v>
      </c>
      <c r="CG2986" s="166">
        <v>0</v>
      </c>
      <c r="CH2986" s="166">
        <v>0</v>
      </c>
      <c r="CI2986" s="166">
        <v>0</v>
      </c>
      <c r="CJ2986" s="166">
        <v>0</v>
      </c>
      <c r="CK2986" s="166">
        <v>0</v>
      </c>
      <c r="CL2986" s="166">
        <v>0</v>
      </c>
      <c r="CM2986" s="166">
        <v>0</v>
      </c>
      <c r="CN2986" s="166">
        <v>0</v>
      </c>
      <c r="CO2986" s="166">
        <v>0</v>
      </c>
      <c r="CP2986" s="166">
        <v>0</v>
      </c>
      <c r="CQ2986" s="166">
        <v>0</v>
      </c>
      <c r="CR2986" s="166">
        <v>0</v>
      </c>
      <c r="CS2986" s="166">
        <v>0</v>
      </c>
      <c r="CT2986" s="166">
        <v>0</v>
      </c>
      <c r="CU2986" s="166">
        <v>0</v>
      </c>
      <c r="CV2986" s="166">
        <v>0</v>
      </c>
      <c r="CW2986" s="166">
        <v>0</v>
      </c>
      <c r="CX2986" s="166">
        <v>0</v>
      </c>
      <c r="CY2986" s="166">
        <v>0</v>
      </c>
      <c r="CZ2986" s="166">
        <v>0</v>
      </c>
    </row>
    <row r="2987" spans="1:104" x14ac:dyDescent="0.2">
      <c r="A2987" s="167" t="s">
        <v>1106</v>
      </c>
      <c r="B2987" s="166">
        <v>0</v>
      </c>
      <c r="C2987" s="166">
        <v>0</v>
      </c>
      <c r="D2987" s="166">
        <v>0</v>
      </c>
      <c r="E2987" s="166">
        <v>0</v>
      </c>
      <c r="F2987" s="166">
        <v>0</v>
      </c>
      <c r="G2987" s="166">
        <v>0</v>
      </c>
      <c r="H2987" s="166">
        <v>0</v>
      </c>
      <c r="I2987" s="166">
        <v>0</v>
      </c>
      <c r="J2987" s="166">
        <v>0</v>
      </c>
      <c r="K2987" s="166">
        <v>0</v>
      </c>
      <c r="L2987" s="166">
        <v>0</v>
      </c>
      <c r="M2987" s="166">
        <v>0</v>
      </c>
      <c r="N2987" s="166">
        <v>0</v>
      </c>
      <c r="O2987" s="166">
        <v>0</v>
      </c>
      <c r="P2987" s="166">
        <v>0</v>
      </c>
      <c r="Q2987" s="166">
        <v>0</v>
      </c>
      <c r="R2987" s="166">
        <v>0</v>
      </c>
      <c r="S2987" s="166">
        <v>0</v>
      </c>
      <c r="T2987" s="166">
        <v>0</v>
      </c>
      <c r="U2987" s="166">
        <v>0</v>
      </c>
      <c r="V2987" s="166">
        <v>0</v>
      </c>
      <c r="W2987" s="166">
        <v>0</v>
      </c>
      <c r="X2987" s="166">
        <v>0</v>
      </c>
      <c r="Y2987" s="166">
        <v>0</v>
      </c>
      <c r="Z2987" s="166">
        <v>0</v>
      </c>
      <c r="AA2987" s="166">
        <v>0</v>
      </c>
      <c r="AB2987" s="166">
        <v>0</v>
      </c>
      <c r="AC2987" s="166">
        <v>0</v>
      </c>
      <c r="AD2987" s="166">
        <v>0</v>
      </c>
      <c r="AE2987" s="166">
        <v>0</v>
      </c>
      <c r="AF2987" s="166">
        <v>0</v>
      </c>
      <c r="AG2987" s="166">
        <v>0</v>
      </c>
      <c r="AH2987" s="166">
        <v>0</v>
      </c>
      <c r="AI2987" s="166">
        <v>0</v>
      </c>
      <c r="AJ2987" s="166">
        <v>0</v>
      </c>
      <c r="AK2987" s="166">
        <v>0</v>
      </c>
      <c r="AL2987" s="166">
        <v>0</v>
      </c>
      <c r="AM2987" s="166">
        <v>0</v>
      </c>
      <c r="AN2987" s="166">
        <v>0</v>
      </c>
      <c r="AO2987" s="166">
        <v>0</v>
      </c>
      <c r="AP2987" s="166">
        <v>0</v>
      </c>
      <c r="AQ2987" s="166">
        <v>0</v>
      </c>
      <c r="AR2987" s="166">
        <v>0</v>
      </c>
      <c r="AS2987" s="166">
        <v>0</v>
      </c>
      <c r="AT2987" s="166">
        <v>0</v>
      </c>
      <c r="AU2987" s="166">
        <v>0</v>
      </c>
      <c r="AV2987" s="166">
        <v>0</v>
      </c>
      <c r="AW2987" s="166">
        <v>0</v>
      </c>
      <c r="AX2987" s="166">
        <v>0</v>
      </c>
      <c r="AY2987" s="166">
        <v>0</v>
      </c>
      <c r="AZ2987" s="166">
        <v>0</v>
      </c>
      <c r="BA2987" s="166">
        <v>0</v>
      </c>
      <c r="BB2987" s="166">
        <v>0</v>
      </c>
      <c r="BC2987" s="166">
        <v>0</v>
      </c>
      <c r="BD2987" s="166">
        <v>0</v>
      </c>
      <c r="BE2987" s="166">
        <v>0</v>
      </c>
      <c r="BF2987" s="166">
        <v>0</v>
      </c>
      <c r="BG2987" s="166">
        <v>0</v>
      </c>
      <c r="BH2987" s="166">
        <v>0</v>
      </c>
      <c r="BI2987" s="166">
        <v>0</v>
      </c>
      <c r="BJ2987" s="166">
        <v>0</v>
      </c>
      <c r="BK2987" s="166">
        <v>0</v>
      </c>
      <c r="BL2987" s="166">
        <v>0</v>
      </c>
      <c r="BM2987" s="166">
        <v>0</v>
      </c>
      <c r="BN2987" s="166">
        <v>0</v>
      </c>
      <c r="BO2987" s="166">
        <v>0</v>
      </c>
      <c r="BP2987" s="166">
        <v>0</v>
      </c>
      <c r="BQ2987" s="166">
        <v>0</v>
      </c>
      <c r="BR2987" s="166">
        <v>0</v>
      </c>
      <c r="BS2987" s="166">
        <v>0</v>
      </c>
      <c r="BT2987" s="168">
        <v>0</v>
      </c>
      <c r="BU2987" s="166">
        <v>0</v>
      </c>
      <c r="BV2987" s="166">
        <v>0</v>
      </c>
      <c r="BW2987" s="166">
        <v>0</v>
      </c>
      <c r="BX2987" s="166">
        <v>0</v>
      </c>
      <c r="BY2987" s="166">
        <v>0</v>
      </c>
      <c r="BZ2987" s="166">
        <v>0</v>
      </c>
      <c r="CA2987" s="166">
        <v>0</v>
      </c>
      <c r="CB2987" s="166">
        <v>0</v>
      </c>
      <c r="CC2987" s="166">
        <v>0</v>
      </c>
      <c r="CD2987" s="166">
        <v>0</v>
      </c>
      <c r="CE2987" s="166">
        <v>0</v>
      </c>
      <c r="CF2987" s="166">
        <v>0</v>
      </c>
      <c r="CG2987" s="166">
        <v>0</v>
      </c>
      <c r="CH2987" s="166">
        <v>0</v>
      </c>
      <c r="CI2987" s="166">
        <v>0</v>
      </c>
      <c r="CJ2987" s="166">
        <v>0</v>
      </c>
      <c r="CK2987" s="166">
        <v>0</v>
      </c>
      <c r="CL2987" s="166">
        <v>0</v>
      </c>
      <c r="CM2987" s="166">
        <v>0</v>
      </c>
      <c r="CN2987" s="166">
        <v>0</v>
      </c>
      <c r="CO2987" s="166">
        <v>0</v>
      </c>
      <c r="CP2987" s="166">
        <v>0</v>
      </c>
      <c r="CQ2987" s="166">
        <v>0</v>
      </c>
      <c r="CR2987" s="166">
        <v>0</v>
      </c>
      <c r="CS2987" s="166">
        <v>0</v>
      </c>
      <c r="CT2987" s="166">
        <v>0</v>
      </c>
      <c r="CU2987" s="166">
        <v>0</v>
      </c>
      <c r="CV2987" s="166">
        <v>0</v>
      </c>
      <c r="CW2987" s="166">
        <v>0</v>
      </c>
      <c r="CX2987" s="166">
        <v>0</v>
      </c>
      <c r="CY2987" s="166">
        <v>0</v>
      </c>
      <c r="CZ2987" s="166">
        <v>0</v>
      </c>
    </row>
    <row r="2988" spans="1:104" x14ac:dyDescent="0.2">
      <c r="A2988" s="167" t="s">
        <v>275</v>
      </c>
      <c r="B2988" s="166">
        <v>0</v>
      </c>
      <c r="C2988" s="166">
        <v>0</v>
      </c>
      <c r="D2988" s="166">
        <v>0</v>
      </c>
      <c r="E2988" s="166">
        <v>0</v>
      </c>
      <c r="F2988" s="166">
        <v>0</v>
      </c>
      <c r="G2988" s="166">
        <v>0</v>
      </c>
      <c r="H2988" s="166">
        <v>0</v>
      </c>
      <c r="I2988" s="166">
        <v>0</v>
      </c>
      <c r="J2988" s="166">
        <v>0</v>
      </c>
      <c r="K2988" s="166">
        <v>0</v>
      </c>
      <c r="L2988" s="166">
        <v>0</v>
      </c>
      <c r="M2988" s="166">
        <v>0</v>
      </c>
      <c r="N2988" s="166">
        <v>0</v>
      </c>
      <c r="O2988" s="166">
        <v>0</v>
      </c>
      <c r="P2988" s="166">
        <v>0</v>
      </c>
      <c r="Q2988" s="166">
        <v>0</v>
      </c>
      <c r="R2988" s="166">
        <v>0</v>
      </c>
      <c r="S2988" s="166">
        <v>0</v>
      </c>
      <c r="T2988" s="166">
        <v>0</v>
      </c>
      <c r="U2988" s="166">
        <v>0</v>
      </c>
      <c r="V2988" s="166">
        <v>0</v>
      </c>
      <c r="W2988" s="166">
        <v>0</v>
      </c>
      <c r="X2988" s="166">
        <v>0</v>
      </c>
      <c r="Y2988" s="166">
        <v>0</v>
      </c>
      <c r="Z2988" s="166">
        <v>0</v>
      </c>
      <c r="AA2988" s="166">
        <v>0</v>
      </c>
      <c r="AB2988" s="166">
        <v>0</v>
      </c>
      <c r="AC2988" s="166">
        <v>0</v>
      </c>
      <c r="AD2988" s="166">
        <v>0</v>
      </c>
      <c r="AE2988" s="166">
        <v>0</v>
      </c>
      <c r="AF2988" s="166">
        <v>0</v>
      </c>
      <c r="AG2988" s="166">
        <v>0</v>
      </c>
      <c r="AH2988" s="166">
        <v>0</v>
      </c>
      <c r="AI2988" s="166">
        <v>0</v>
      </c>
      <c r="AJ2988" s="166">
        <v>0</v>
      </c>
      <c r="AK2988" s="166">
        <v>0</v>
      </c>
      <c r="AL2988" s="166">
        <v>0</v>
      </c>
      <c r="AM2988" s="166">
        <v>0</v>
      </c>
      <c r="AN2988" s="166">
        <v>0</v>
      </c>
      <c r="AO2988" s="166">
        <v>0</v>
      </c>
      <c r="AP2988" s="166">
        <v>0</v>
      </c>
      <c r="AQ2988" s="166">
        <v>0</v>
      </c>
      <c r="AR2988" s="166">
        <v>0</v>
      </c>
      <c r="AS2988" s="166">
        <v>0</v>
      </c>
      <c r="AT2988" s="166">
        <v>0</v>
      </c>
      <c r="AU2988" s="166">
        <v>0</v>
      </c>
      <c r="AV2988" s="166">
        <v>0</v>
      </c>
      <c r="AW2988" s="166">
        <v>0</v>
      </c>
      <c r="AX2988" s="166">
        <v>0</v>
      </c>
      <c r="AY2988" s="166">
        <v>0</v>
      </c>
      <c r="AZ2988" s="166">
        <v>0</v>
      </c>
      <c r="BA2988" s="166">
        <v>0</v>
      </c>
      <c r="BB2988" s="166">
        <v>0</v>
      </c>
      <c r="BC2988" s="166">
        <v>0</v>
      </c>
      <c r="BD2988" s="166">
        <v>0</v>
      </c>
      <c r="BE2988" s="166">
        <v>0</v>
      </c>
      <c r="BF2988" s="166">
        <v>0</v>
      </c>
      <c r="BG2988" s="166">
        <v>0</v>
      </c>
      <c r="BH2988" s="166">
        <v>0</v>
      </c>
      <c r="BI2988" s="166">
        <v>0</v>
      </c>
      <c r="BJ2988" s="166">
        <v>0</v>
      </c>
      <c r="BK2988" s="166">
        <v>0</v>
      </c>
      <c r="BL2988" s="166">
        <v>0</v>
      </c>
      <c r="BM2988" s="166">
        <v>0</v>
      </c>
      <c r="BN2988" s="166">
        <v>0</v>
      </c>
      <c r="BO2988" s="166">
        <v>0</v>
      </c>
      <c r="BP2988" s="166">
        <v>0</v>
      </c>
      <c r="BQ2988" s="166">
        <v>0</v>
      </c>
      <c r="BR2988" s="166">
        <v>0</v>
      </c>
      <c r="BS2988" s="166">
        <v>0</v>
      </c>
      <c r="BT2988" s="168">
        <v>0</v>
      </c>
      <c r="BU2988" s="166">
        <v>0</v>
      </c>
      <c r="BV2988" s="166">
        <v>0</v>
      </c>
      <c r="BW2988" s="166">
        <v>0</v>
      </c>
      <c r="BX2988" s="166">
        <v>0</v>
      </c>
      <c r="BY2988" s="166">
        <v>0</v>
      </c>
      <c r="BZ2988" s="166">
        <v>0</v>
      </c>
      <c r="CA2988" s="166">
        <v>0</v>
      </c>
      <c r="CB2988" s="166">
        <v>0</v>
      </c>
      <c r="CC2988" s="166">
        <v>0</v>
      </c>
      <c r="CD2988" s="166">
        <v>0</v>
      </c>
      <c r="CE2988" s="166">
        <v>0</v>
      </c>
      <c r="CF2988" s="166">
        <v>0</v>
      </c>
      <c r="CG2988" s="166">
        <v>0</v>
      </c>
      <c r="CH2988" s="166">
        <v>0</v>
      </c>
      <c r="CI2988" s="166">
        <v>0</v>
      </c>
      <c r="CJ2988" s="166">
        <v>0</v>
      </c>
      <c r="CK2988" s="166">
        <v>0</v>
      </c>
      <c r="CL2988" s="166">
        <v>0</v>
      </c>
      <c r="CM2988" s="166">
        <v>0</v>
      </c>
      <c r="CN2988" s="166">
        <v>0</v>
      </c>
      <c r="CO2988" s="166">
        <v>0</v>
      </c>
      <c r="CP2988" s="166">
        <v>0</v>
      </c>
      <c r="CQ2988" s="166">
        <v>0</v>
      </c>
      <c r="CR2988" s="166">
        <v>0</v>
      </c>
      <c r="CS2988" s="166">
        <v>0</v>
      </c>
      <c r="CT2988" s="166">
        <v>0</v>
      </c>
      <c r="CU2988" s="166">
        <v>0</v>
      </c>
      <c r="CV2988" s="166">
        <v>0</v>
      </c>
      <c r="CW2988" s="166">
        <v>0</v>
      </c>
      <c r="CX2988" s="166">
        <v>0</v>
      </c>
      <c r="CY2988" s="166">
        <v>0</v>
      </c>
      <c r="CZ2988" s="166">
        <v>0</v>
      </c>
    </row>
    <row r="2989" spans="1:104" x14ac:dyDescent="0.2">
      <c r="A2989" s="167" t="s">
        <v>276</v>
      </c>
      <c r="B2989" s="166">
        <v>0</v>
      </c>
      <c r="C2989" s="166">
        <v>0</v>
      </c>
      <c r="D2989" s="166">
        <v>0</v>
      </c>
      <c r="E2989" s="166">
        <v>0</v>
      </c>
      <c r="F2989" s="166">
        <v>0</v>
      </c>
      <c r="G2989" s="166">
        <v>0</v>
      </c>
      <c r="H2989" s="166">
        <v>0</v>
      </c>
      <c r="I2989" s="166">
        <v>0</v>
      </c>
      <c r="J2989" s="166">
        <v>0</v>
      </c>
      <c r="K2989" s="166">
        <v>0</v>
      </c>
      <c r="L2989" s="166">
        <v>0</v>
      </c>
      <c r="M2989" s="166">
        <v>0</v>
      </c>
      <c r="N2989" s="166">
        <v>0</v>
      </c>
      <c r="O2989" s="166">
        <v>0</v>
      </c>
      <c r="P2989" s="166">
        <v>0</v>
      </c>
      <c r="Q2989" s="166">
        <v>0</v>
      </c>
      <c r="R2989" s="166">
        <v>0</v>
      </c>
      <c r="S2989" s="166">
        <v>0</v>
      </c>
      <c r="T2989" s="166">
        <v>0</v>
      </c>
      <c r="U2989" s="166">
        <v>0</v>
      </c>
      <c r="V2989" s="166">
        <v>0</v>
      </c>
      <c r="W2989" s="166">
        <v>0</v>
      </c>
      <c r="X2989" s="166">
        <v>0</v>
      </c>
      <c r="Y2989" s="166">
        <v>0</v>
      </c>
      <c r="Z2989" s="166">
        <v>0</v>
      </c>
      <c r="AA2989" s="166">
        <v>0</v>
      </c>
      <c r="AB2989" s="166">
        <v>0</v>
      </c>
      <c r="AC2989" s="166">
        <v>0</v>
      </c>
      <c r="AD2989" s="166">
        <v>0</v>
      </c>
      <c r="AE2989" s="166">
        <v>0</v>
      </c>
      <c r="AF2989" s="166">
        <v>0</v>
      </c>
      <c r="AG2989" s="166">
        <v>0</v>
      </c>
      <c r="AH2989" s="166">
        <v>0</v>
      </c>
      <c r="AI2989" s="166">
        <v>0</v>
      </c>
      <c r="AJ2989" s="166">
        <v>0</v>
      </c>
      <c r="AK2989" s="166">
        <v>0</v>
      </c>
      <c r="AL2989" s="166">
        <v>0</v>
      </c>
      <c r="AM2989" s="166">
        <v>0</v>
      </c>
      <c r="AN2989" s="166">
        <v>0</v>
      </c>
      <c r="AO2989" s="166">
        <v>0</v>
      </c>
      <c r="AP2989" s="166">
        <v>0</v>
      </c>
      <c r="AQ2989" s="166">
        <v>0</v>
      </c>
      <c r="AR2989" s="166">
        <v>0</v>
      </c>
      <c r="AS2989" s="166">
        <v>0</v>
      </c>
      <c r="AT2989" s="166">
        <v>0</v>
      </c>
      <c r="AU2989" s="166">
        <v>0</v>
      </c>
      <c r="AV2989" s="166">
        <v>0</v>
      </c>
      <c r="AW2989" s="166">
        <v>0</v>
      </c>
      <c r="AX2989" s="166">
        <v>0</v>
      </c>
      <c r="AY2989" s="166">
        <v>0</v>
      </c>
      <c r="AZ2989" s="166">
        <v>0</v>
      </c>
      <c r="BA2989" s="166">
        <v>0</v>
      </c>
      <c r="BB2989" s="166">
        <v>0</v>
      </c>
      <c r="BC2989" s="166">
        <v>0</v>
      </c>
      <c r="BD2989" s="166">
        <v>0</v>
      </c>
      <c r="BE2989" s="166">
        <v>0</v>
      </c>
      <c r="BF2989" s="166">
        <v>0</v>
      </c>
      <c r="BG2989" s="166">
        <v>0</v>
      </c>
      <c r="BH2989" s="166">
        <v>0</v>
      </c>
      <c r="BI2989" s="166">
        <v>0</v>
      </c>
      <c r="BJ2989" s="166">
        <v>0</v>
      </c>
      <c r="BK2989" s="166">
        <v>0</v>
      </c>
      <c r="BL2989" s="166">
        <v>0</v>
      </c>
      <c r="BM2989" s="166">
        <v>0</v>
      </c>
      <c r="BN2989" s="166">
        <v>0</v>
      </c>
      <c r="BO2989" s="166">
        <v>0</v>
      </c>
      <c r="BP2989" s="166">
        <v>0</v>
      </c>
      <c r="BQ2989" s="166">
        <v>0</v>
      </c>
      <c r="BR2989" s="166">
        <v>0</v>
      </c>
      <c r="BS2989" s="166">
        <v>0</v>
      </c>
      <c r="BT2989" s="168">
        <v>0</v>
      </c>
      <c r="BU2989" s="166">
        <v>0</v>
      </c>
      <c r="BV2989" s="166">
        <v>0</v>
      </c>
      <c r="BW2989" s="166">
        <v>0</v>
      </c>
      <c r="BX2989" s="166">
        <v>0</v>
      </c>
      <c r="BY2989" s="166">
        <v>0</v>
      </c>
      <c r="BZ2989" s="166">
        <v>0</v>
      </c>
      <c r="CA2989" s="166">
        <v>0</v>
      </c>
      <c r="CB2989" s="166">
        <v>0</v>
      </c>
      <c r="CC2989" s="166">
        <v>0</v>
      </c>
      <c r="CD2989" s="166">
        <v>0</v>
      </c>
      <c r="CE2989" s="166">
        <v>0</v>
      </c>
      <c r="CF2989" s="166">
        <v>0</v>
      </c>
      <c r="CG2989" s="166">
        <v>0</v>
      </c>
      <c r="CH2989" s="166">
        <v>0</v>
      </c>
      <c r="CI2989" s="166">
        <v>0</v>
      </c>
      <c r="CJ2989" s="166">
        <v>0</v>
      </c>
      <c r="CK2989" s="166">
        <v>0</v>
      </c>
      <c r="CL2989" s="166">
        <v>0</v>
      </c>
      <c r="CM2989" s="166">
        <v>0</v>
      </c>
      <c r="CN2989" s="166">
        <v>0</v>
      </c>
      <c r="CO2989" s="166">
        <v>0</v>
      </c>
      <c r="CP2989" s="166">
        <v>0</v>
      </c>
      <c r="CQ2989" s="166">
        <v>0</v>
      </c>
      <c r="CR2989" s="166">
        <v>0</v>
      </c>
      <c r="CS2989" s="166">
        <v>0</v>
      </c>
      <c r="CT2989" s="166">
        <v>0</v>
      </c>
      <c r="CU2989" s="166">
        <v>0</v>
      </c>
      <c r="CV2989" s="166">
        <v>0</v>
      </c>
      <c r="CW2989" s="166">
        <v>0</v>
      </c>
      <c r="CX2989" s="166">
        <v>0</v>
      </c>
      <c r="CY2989" s="166">
        <v>0</v>
      </c>
      <c r="CZ2989" s="166">
        <v>0</v>
      </c>
    </row>
    <row r="2990" spans="1:104" x14ac:dyDescent="0.2">
      <c r="A2990" s="167" t="s">
        <v>1107</v>
      </c>
      <c r="B2990" s="166">
        <v>0</v>
      </c>
      <c r="C2990" s="166">
        <v>0</v>
      </c>
      <c r="D2990" s="166">
        <v>0</v>
      </c>
      <c r="E2990" s="166">
        <v>0</v>
      </c>
      <c r="F2990" s="166">
        <v>0</v>
      </c>
      <c r="G2990" s="166">
        <v>0</v>
      </c>
      <c r="H2990" s="166">
        <v>0</v>
      </c>
      <c r="I2990" s="166">
        <v>0</v>
      </c>
      <c r="J2990" s="166">
        <v>0</v>
      </c>
      <c r="K2990" s="166">
        <v>0</v>
      </c>
      <c r="L2990" s="166">
        <v>0</v>
      </c>
      <c r="M2990" s="166">
        <v>0</v>
      </c>
      <c r="N2990" s="166">
        <v>0</v>
      </c>
      <c r="O2990" s="166">
        <v>0</v>
      </c>
      <c r="P2990" s="166">
        <v>0</v>
      </c>
      <c r="Q2990" s="166">
        <v>0</v>
      </c>
      <c r="R2990" s="166">
        <v>0</v>
      </c>
      <c r="S2990" s="166">
        <v>0</v>
      </c>
      <c r="T2990" s="166">
        <v>0</v>
      </c>
      <c r="U2990" s="166">
        <v>0</v>
      </c>
      <c r="V2990" s="166">
        <v>0</v>
      </c>
      <c r="W2990" s="166">
        <v>0</v>
      </c>
      <c r="X2990" s="166">
        <v>0</v>
      </c>
      <c r="Y2990" s="166">
        <v>0</v>
      </c>
      <c r="Z2990" s="166">
        <v>0</v>
      </c>
      <c r="AA2990" s="166">
        <v>0</v>
      </c>
      <c r="AB2990" s="166">
        <v>0</v>
      </c>
      <c r="AC2990" s="166">
        <v>0</v>
      </c>
      <c r="AD2990" s="166">
        <v>0</v>
      </c>
      <c r="AE2990" s="166">
        <v>0</v>
      </c>
      <c r="AF2990" s="166">
        <v>0</v>
      </c>
      <c r="AG2990" s="166">
        <v>0</v>
      </c>
      <c r="AH2990" s="166">
        <v>0</v>
      </c>
      <c r="AI2990" s="166">
        <v>0</v>
      </c>
      <c r="AJ2990" s="166">
        <v>0</v>
      </c>
      <c r="AK2990" s="166">
        <v>0</v>
      </c>
      <c r="AL2990" s="166">
        <v>0</v>
      </c>
      <c r="AM2990" s="166">
        <v>0</v>
      </c>
      <c r="AN2990" s="166">
        <v>0</v>
      </c>
      <c r="AO2990" s="166">
        <v>0</v>
      </c>
      <c r="AP2990" s="166">
        <v>0</v>
      </c>
      <c r="AQ2990" s="166">
        <v>0</v>
      </c>
      <c r="AR2990" s="166">
        <v>0</v>
      </c>
      <c r="AS2990" s="166">
        <v>0</v>
      </c>
      <c r="AT2990" s="166">
        <v>0</v>
      </c>
      <c r="AU2990" s="166">
        <v>0</v>
      </c>
      <c r="AV2990" s="166">
        <v>0</v>
      </c>
      <c r="AW2990" s="166">
        <v>0</v>
      </c>
      <c r="AX2990" s="166">
        <v>0</v>
      </c>
      <c r="AY2990" s="166">
        <v>0</v>
      </c>
      <c r="AZ2990" s="166">
        <v>0</v>
      </c>
      <c r="BA2990" s="166">
        <v>0</v>
      </c>
      <c r="BB2990" s="166">
        <v>0</v>
      </c>
      <c r="BC2990" s="166">
        <v>0</v>
      </c>
      <c r="BD2990" s="166">
        <v>0</v>
      </c>
      <c r="BE2990" s="166">
        <v>0</v>
      </c>
      <c r="BF2990" s="166">
        <v>0</v>
      </c>
      <c r="BG2990" s="166">
        <v>0</v>
      </c>
      <c r="BH2990" s="166">
        <v>0</v>
      </c>
      <c r="BI2990" s="166">
        <v>0</v>
      </c>
      <c r="BJ2990" s="166">
        <v>0</v>
      </c>
      <c r="BK2990" s="166">
        <v>0</v>
      </c>
      <c r="BL2990" s="166">
        <v>0</v>
      </c>
      <c r="BM2990" s="166">
        <v>0</v>
      </c>
      <c r="BN2990" s="166">
        <v>0</v>
      </c>
      <c r="BO2990" s="166">
        <v>0</v>
      </c>
      <c r="BP2990" s="166">
        <v>0</v>
      </c>
      <c r="BQ2990" s="166">
        <v>0</v>
      </c>
      <c r="BR2990" s="166">
        <v>0</v>
      </c>
      <c r="BS2990" s="166">
        <v>0</v>
      </c>
      <c r="BT2990" s="168">
        <v>0</v>
      </c>
      <c r="BU2990" s="166">
        <v>0</v>
      </c>
      <c r="BV2990" s="166">
        <v>0</v>
      </c>
      <c r="BW2990" s="166">
        <v>0</v>
      </c>
      <c r="BX2990" s="166">
        <v>0</v>
      </c>
      <c r="BY2990" s="166">
        <v>0</v>
      </c>
      <c r="BZ2990" s="166">
        <v>0</v>
      </c>
      <c r="CA2990" s="166">
        <v>0</v>
      </c>
      <c r="CB2990" s="166">
        <v>0</v>
      </c>
      <c r="CC2990" s="166">
        <v>0</v>
      </c>
      <c r="CD2990" s="166">
        <v>0</v>
      </c>
      <c r="CE2990" s="166">
        <v>0</v>
      </c>
      <c r="CF2990" s="166">
        <v>0</v>
      </c>
      <c r="CG2990" s="166">
        <v>0</v>
      </c>
      <c r="CH2990" s="166">
        <v>0</v>
      </c>
      <c r="CI2990" s="166">
        <v>0</v>
      </c>
      <c r="CJ2990" s="166">
        <v>0</v>
      </c>
      <c r="CK2990" s="166">
        <v>0</v>
      </c>
      <c r="CL2990" s="166">
        <v>0</v>
      </c>
      <c r="CM2990" s="166">
        <v>0</v>
      </c>
      <c r="CN2990" s="166">
        <v>0</v>
      </c>
      <c r="CO2990" s="166">
        <v>0</v>
      </c>
      <c r="CP2990" s="166">
        <v>0</v>
      </c>
      <c r="CQ2990" s="166">
        <v>0</v>
      </c>
      <c r="CR2990" s="166">
        <v>0</v>
      </c>
      <c r="CS2990" s="166">
        <v>0</v>
      </c>
      <c r="CT2990" s="166">
        <v>0</v>
      </c>
      <c r="CU2990" s="166">
        <v>0</v>
      </c>
      <c r="CV2990" s="166">
        <v>0</v>
      </c>
      <c r="CW2990" s="166">
        <v>0</v>
      </c>
      <c r="CX2990" s="166">
        <v>0</v>
      </c>
      <c r="CY2990" s="166">
        <v>0</v>
      </c>
      <c r="CZ2990" s="166">
        <v>0</v>
      </c>
    </row>
    <row r="2991" spans="1:104" x14ac:dyDescent="0.2">
      <c r="A2991" s="167" t="s">
        <v>1108</v>
      </c>
      <c r="B2991" s="166">
        <v>0</v>
      </c>
      <c r="C2991" s="166">
        <v>0</v>
      </c>
      <c r="D2991" s="166">
        <v>0</v>
      </c>
      <c r="E2991" s="166">
        <v>0</v>
      </c>
      <c r="F2991" s="166">
        <v>0</v>
      </c>
      <c r="G2991" s="166">
        <v>0</v>
      </c>
      <c r="H2991" s="166">
        <v>0</v>
      </c>
      <c r="I2991" s="166">
        <v>0</v>
      </c>
      <c r="J2991" s="166">
        <v>0</v>
      </c>
      <c r="K2991" s="166">
        <v>0</v>
      </c>
      <c r="L2991" s="166">
        <v>0</v>
      </c>
      <c r="M2991" s="166">
        <v>0</v>
      </c>
      <c r="N2991" s="166">
        <v>0</v>
      </c>
      <c r="O2991" s="166">
        <v>0</v>
      </c>
      <c r="P2991" s="166">
        <v>0</v>
      </c>
      <c r="Q2991" s="166">
        <v>0</v>
      </c>
      <c r="R2991" s="166">
        <v>0</v>
      </c>
      <c r="S2991" s="166">
        <v>0</v>
      </c>
      <c r="T2991" s="166">
        <v>0</v>
      </c>
      <c r="U2991" s="166">
        <v>0</v>
      </c>
      <c r="V2991" s="166">
        <v>0</v>
      </c>
      <c r="W2991" s="166">
        <v>0</v>
      </c>
      <c r="X2991" s="166">
        <v>0</v>
      </c>
      <c r="Y2991" s="166">
        <v>0</v>
      </c>
      <c r="Z2991" s="166">
        <v>0</v>
      </c>
      <c r="AA2991" s="166">
        <v>0</v>
      </c>
      <c r="AB2991" s="166">
        <v>0</v>
      </c>
      <c r="AC2991" s="166">
        <v>0</v>
      </c>
      <c r="AD2991" s="166">
        <v>0</v>
      </c>
      <c r="AE2991" s="166">
        <v>0</v>
      </c>
      <c r="AF2991" s="166">
        <v>0</v>
      </c>
      <c r="AG2991" s="166">
        <v>0</v>
      </c>
      <c r="AH2991" s="166">
        <v>0</v>
      </c>
      <c r="AI2991" s="166">
        <v>0</v>
      </c>
      <c r="AJ2991" s="166">
        <v>0</v>
      </c>
      <c r="AK2991" s="166">
        <v>0</v>
      </c>
      <c r="AL2991" s="166">
        <v>0</v>
      </c>
      <c r="AM2991" s="166">
        <v>0</v>
      </c>
      <c r="AN2991" s="166">
        <v>0</v>
      </c>
      <c r="AO2991" s="166">
        <v>0</v>
      </c>
      <c r="AP2991" s="166">
        <v>0</v>
      </c>
      <c r="AQ2991" s="166">
        <v>0</v>
      </c>
      <c r="AR2991" s="166">
        <v>0</v>
      </c>
      <c r="AS2991" s="166">
        <v>0</v>
      </c>
      <c r="AT2991" s="166">
        <v>0</v>
      </c>
      <c r="AU2991" s="166">
        <v>0</v>
      </c>
      <c r="AV2991" s="166">
        <v>0</v>
      </c>
      <c r="AW2991" s="166">
        <v>0</v>
      </c>
      <c r="AX2991" s="166">
        <v>0</v>
      </c>
      <c r="AY2991" s="166">
        <v>0</v>
      </c>
      <c r="AZ2991" s="166">
        <v>0</v>
      </c>
      <c r="BA2991" s="166">
        <v>0</v>
      </c>
      <c r="BB2991" s="166">
        <v>0</v>
      </c>
      <c r="BC2991" s="166">
        <v>0</v>
      </c>
      <c r="BD2991" s="166">
        <v>0</v>
      </c>
      <c r="BE2991" s="166">
        <v>0</v>
      </c>
      <c r="BF2991" s="166">
        <v>0</v>
      </c>
      <c r="BG2991" s="166">
        <v>0</v>
      </c>
      <c r="BH2991" s="166">
        <v>0</v>
      </c>
      <c r="BI2991" s="166">
        <v>0</v>
      </c>
      <c r="BJ2991" s="166">
        <v>0</v>
      </c>
      <c r="BK2991" s="166">
        <v>0</v>
      </c>
      <c r="BL2991" s="166">
        <v>0</v>
      </c>
      <c r="BM2991" s="166">
        <v>0</v>
      </c>
      <c r="BN2991" s="166">
        <v>0</v>
      </c>
      <c r="BO2991" s="166">
        <v>0</v>
      </c>
      <c r="BP2991" s="166">
        <v>0</v>
      </c>
      <c r="BQ2991" s="166">
        <v>0</v>
      </c>
      <c r="BR2991" s="166">
        <v>0</v>
      </c>
      <c r="BS2991" s="166">
        <v>0</v>
      </c>
      <c r="BT2991" s="168">
        <v>0</v>
      </c>
      <c r="BU2991" s="166">
        <v>0</v>
      </c>
      <c r="BV2991" s="166">
        <v>0</v>
      </c>
      <c r="BW2991" s="166">
        <v>0</v>
      </c>
      <c r="BX2991" s="166">
        <v>0</v>
      </c>
      <c r="BY2991" s="166">
        <v>0</v>
      </c>
      <c r="BZ2991" s="166">
        <v>0</v>
      </c>
      <c r="CA2991" s="166">
        <v>0</v>
      </c>
      <c r="CB2991" s="166">
        <v>0</v>
      </c>
      <c r="CC2991" s="166">
        <v>0</v>
      </c>
      <c r="CD2991" s="166">
        <v>0</v>
      </c>
      <c r="CE2991" s="166">
        <v>0</v>
      </c>
      <c r="CF2991" s="166">
        <v>0</v>
      </c>
      <c r="CG2991" s="166">
        <v>0</v>
      </c>
      <c r="CH2991" s="166">
        <v>0</v>
      </c>
      <c r="CI2991" s="166">
        <v>0</v>
      </c>
      <c r="CJ2991" s="166">
        <v>0</v>
      </c>
      <c r="CK2991" s="166">
        <v>0</v>
      </c>
      <c r="CL2991" s="166">
        <v>0</v>
      </c>
      <c r="CM2991" s="166">
        <v>0</v>
      </c>
      <c r="CN2991" s="166">
        <v>0</v>
      </c>
      <c r="CO2991" s="166">
        <v>0</v>
      </c>
      <c r="CP2991" s="166">
        <v>0</v>
      </c>
      <c r="CQ2991" s="166">
        <v>0</v>
      </c>
      <c r="CR2991" s="166">
        <v>0</v>
      </c>
      <c r="CS2991" s="166">
        <v>0</v>
      </c>
      <c r="CT2991" s="166">
        <v>0</v>
      </c>
      <c r="CU2991" s="166">
        <v>0</v>
      </c>
      <c r="CV2991" s="166">
        <v>0</v>
      </c>
      <c r="CW2991" s="166">
        <v>0</v>
      </c>
      <c r="CX2991" s="166">
        <v>0</v>
      </c>
      <c r="CY2991" s="166">
        <v>0</v>
      </c>
      <c r="CZ2991" s="166">
        <v>0</v>
      </c>
    </row>
    <row r="2992" spans="1:104" x14ac:dyDescent="0.2">
      <c r="A2992" s="170" t="s">
        <v>279</v>
      </c>
      <c r="B2992" s="166">
        <v>14271537.5499999</v>
      </c>
      <c r="C2992" s="166">
        <v>14271537.5499999</v>
      </c>
      <c r="D2992" s="166">
        <v>0</v>
      </c>
      <c r="E2992" s="166">
        <v>0</v>
      </c>
      <c r="F2992" s="166">
        <v>0</v>
      </c>
      <c r="G2992" s="166">
        <v>0</v>
      </c>
      <c r="H2992" s="166">
        <v>0</v>
      </c>
      <c r="I2992" s="166">
        <v>0</v>
      </c>
      <c r="J2992" s="166">
        <v>0</v>
      </c>
      <c r="K2992" s="166">
        <v>0</v>
      </c>
      <c r="L2992" s="166">
        <v>0</v>
      </c>
      <c r="M2992" s="166">
        <v>0</v>
      </c>
      <c r="N2992" s="166">
        <v>0</v>
      </c>
      <c r="O2992" s="166">
        <v>0</v>
      </c>
      <c r="P2992" s="166">
        <v>0</v>
      </c>
      <c r="Q2992" s="166">
        <v>0</v>
      </c>
      <c r="R2992" s="166">
        <v>0</v>
      </c>
      <c r="S2992" s="166">
        <v>0</v>
      </c>
      <c r="T2992" s="166">
        <v>0</v>
      </c>
      <c r="U2992" s="166">
        <v>0</v>
      </c>
      <c r="V2992" s="166">
        <v>0</v>
      </c>
      <c r="W2992" s="166">
        <v>0</v>
      </c>
      <c r="X2992" s="166">
        <v>0</v>
      </c>
      <c r="Y2992" s="166">
        <v>0</v>
      </c>
      <c r="Z2992" s="166">
        <v>0</v>
      </c>
      <c r="AA2992" s="166">
        <v>0</v>
      </c>
      <c r="AB2992" s="166">
        <v>0</v>
      </c>
      <c r="AC2992" s="166">
        <v>0</v>
      </c>
      <c r="AD2992" s="166">
        <v>0</v>
      </c>
      <c r="AE2992" s="166">
        <v>0</v>
      </c>
      <c r="AF2992" s="166">
        <v>0</v>
      </c>
      <c r="AG2992" s="166">
        <v>0</v>
      </c>
      <c r="AH2992" s="166">
        <v>0</v>
      </c>
      <c r="AI2992" s="166">
        <v>0</v>
      </c>
      <c r="AJ2992" s="166">
        <v>0</v>
      </c>
      <c r="AK2992" s="166">
        <v>0</v>
      </c>
      <c r="AL2992" s="166">
        <v>0</v>
      </c>
      <c r="AM2992" s="166">
        <v>0</v>
      </c>
      <c r="AN2992" s="166">
        <v>0</v>
      </c>
      <c r="AO2992" s="166">
        <v>0</v>
      </c>
      <c r="AP2992" s="166">
        <v>0</v>
      </c>
      <c r="AQ2992" s="166">
        <v>0</v>
      </c>
      <c r="AR2992" s="166">
        <v>0</v>
      </c>
      <c r="AS2992" s="166">
        <v>0</v>
      </c>
      <c r="AT2992" s="166">
        <v>0</v>
      </c>
      <c r="AU2992" s="166">
        <v>0</v>
      </c>
      <c r="AV2992" s="166">
        <v>0</v>
      </c>
      <c r="AW2992" s="166">
        <v>0</v>
      </c>
      <c r="AX2992" s="166">
        <v>0</v>
      </c>
      <c r="AY2992" s="166">
        <v>0</v>
      </c>
      <c r="AZ2992" s="166">
        <v>0</v>
      </c>
      <c r="BA2992" s="166">
        <v>0</v>
      </c>
      <c r="BB2992" s="166">
        <v>0</v>
      </c>
      <c r="BC2992" s="166">
        <v>0</v>
      </c>
      <c r="BD2992" s="166">
        <v>0</v>
      </c>
      <c r="BE2992" s="166">
        <v>0</v>
      </c>
      <c r="BF2992" s="166">
        <v>0</v>
      </c>
      <c r="BG2992" s="166">
        <v>0</v>
      </c>
      <c r="BH2992" s="166">
        <v>0</v>
      </c>
      <c r="BI2992" s="166">
        <v>0</v>
      </c>
      <c r="BJ2992" s="166">
        <v>0</v>
      </c>
      <c r="BK2992" s="166">
        <v>0</v>
      </c>
      <c r="BL2992" s="166">
        <v>0</v>
      </c>
      <c r="BM2992" s="166">
        <v>0</v>
      </c>
      <c r="BN2992" s="166">
        <v>0</v>
      </c>
      <c r="BO2992" s="166">
        <v>0</v>
      </c>
      <c r="BP2992" s="166">
        <v>0</v>
      </c>
      <c r="BQ2992" s="166">
        <v>0</v>
      </c>
      <c r="BR2992" s="166">
        <v>14271537.5499999</v>
      </c>
      <c r="BS2992" s="166">
        <v>14271537.5499999</v>
      </c>
      <c r="BT2992" s="168">
        <v>0</v>
      </c>
      <c r="BU2992" s="166">
        <v>0</v>
      </c>
      <c r="BV2992" s="166">
        <v>0</v>
      </c>
      <c r="BW2992" s="166">
        <v>0</v>
      </c>
      <c r="BX2992" s="166">
        <v>0</v>
      </c>
      <c r="BY2992" s="166">
        <v>0</v>
      </c>
      <c r="BZ2992" s="166">
        <v>0</v>
      </c>
      <c r="CA2992" s="166">
        <v>0</v>
      </c>
      <c r="CB2992" s="166">
        <v>0</v>
      </c>
      <c r="CC2992" s="166">
        <v>0</v>
      </c>
      <c r="CD2992" s="166">
        <v>0</v>
      </c>
      <c r="CE2992" s="166">
        <v>0</v>
      </c>
      <c r="CF2992" s="166">
        <v>0</v>
      </c>
      <c r="CG2992" s="166">
        <v>0</v>
      </c>
      <c r="CH2992" s="166">
        <v>0</v>
      </c>
      <c r="CI2992" s="166">
        <v>0</v>
      </c>
      <c r="CJ2992" s="166">
        <v>0</v>
      </c>
      <c r="CK2992" s="166">
        <v>0</v>
      </c>
      <c r="CL2992" s="166">
        <v>0</v>
      </c>
      <c r="CM2992" s="166">
        <v>0</v>
      </c>
      <c r="CN2992" s="166">
        <v>0</v>
      </c>
      <c r="CO2992" s="166">
        <v>0</v>
      </c>
      <c r="CP2992" s="166">
        <v>0</v>
      </c>
      <c r="CQ2992" s="166">
        <v>0</v>
      </c>
      <c r="CR2992" s="166">
        <v>0</v>
      </c>
      <c r="CS2992" s="166">
        <v>0</v>
      </c>
      <c r="CT2992" s="166">
        <v>0</v>
      </c>
      <c r="CU2992" s="166">
        <v>0</v>
      </c>
      <c r="CV2992" s="166">
        <v>0</v>
      </c>
      <c r="CW2992" s="166">
        <v>0</v>
      </c>
      <c r="CX2992" s="166">
        <v>0</v>
      </c>
      <c r="CY2992" s="166">
        <v>0</v>
      </c>
      <c r="CZ2992" s="166">
        <v>0</v>
      </c>
    </row>
    <row r="2993" spans="1:104" x14ac:dyDescent="0.2">
      <c r="A2993" s="167" t="s">
        <v>280</v>
      </c>
    </row>
    <row r="2994" spans="1:104" x14ac:dyDescent="0.2">
      <c r="A2994" s="170" t="s">
        <v>281</v>
      </c>
      <c r="B2994" s="166">
        <v>32878482.5499999</v>
      </c>
      <c r="C2994" s="166">
        <v>32878482.5499999</v>
      </c>
      <c r="D2994" s="166">
        <v>0</v>
      </c>
      <c r="E2994" s="166">
        <v>0</v>
      </c>
      <c r="F2994" s="166">
        <v>0</v>
      </c>
      <c r="G2994" s="166">
        <v>0</v>
      </c>
      <c r="H2994" s="166">
        <v>0</v>
      </c>
      <c r="I2994" s="166">
        <v>0</v>
      </c>
      <c r="J2994" s="166">
        <v>0</v>
      </c>
      <c r="K2994" s="166">
        <v>0</v>
      </c>
      <c r="L2994" s="166">
        <v>0</v>
      </c>
      <c r="M2994" s="166">
        <v>0</v>
      </c>
      <c r="N2994" s="166">
        <v>0</v>
      </c>
      <c r="O2994" s="166">
        <v>0</v>
      </c>
      <c r="P2994" s="166">
        <v>0</v>
      </c>
      <c r="Q2994" s="166">
        <v>0</v>
      </c>
      <c r="R2994" s="166">
        <v>0</v>
      </c>
      <c r="S2994" s="166">
        <v>0</v>
      </c>
      <c r="T2994" s="166">
        <v>0</v>
      </c>
      <c r="U2994" s="166">
        <v>0</v>
      </c>
      <c r="V2994" s="166">
        <v>0</v>
      </c>
      <c r="W2994" s="166">
        <v>0</v>
      </c>
      <c r="X2994" s="166">
        <v>0</v>
      </c>
      <c r="Y2994" s="166">
        <v>0</v>
      </c>
      <c r="Z2994" s="166">
        <v>0</v>
      </c>
      <c r="AA2994" s="166">
        <v>0</v>
      </c>
      <c r="AB2994" s="166">
        <v>0</v>
      </c>
      <c r="AC2994" s="166">
        <v>0</v>
      </c>
      <c r="AD2994" s="166">
        <v>0</v>
      </c>
      <c r="AE2994" s="166">
        <v>0</v>
      </c>
      <c r="AF2994" s="166">
        <v>0</v>
      </c>
      <c r="AG2994" s="166">
        <v>0</v>
      </c>
      <c r="AH2994" s="166">
        <v>0</v>
      </c>
      <c r="AI2994" s="166">
        <v>0</v>
      </c>
      <c r="AJ2994" s="166">
        <v>0</v>
      </c>
      <c r="AK2994" s="166">
        <v>0</v>
      </c>
      <c r="AL2994" s="166">
        <v>0</v>
      </c>
      <c r="AM2994" s="166">
        <v>0</v>
      </c>
      <c r="AN2994" s="166">
        <v>0</v>
      </c>
      <c r="AO2994" s="166">
        <v>0</v>
      </c>
      <c r="AP2994" s="166">
        <v>0</v>
      </c>
      <c r="AQ2994" s="166">
        <v>0</v>
      </c>
      <c r="AR2994" s="166">
        <v>0</v>
      </c>
      <c r="AS2994" s="166">
        <v>0</v>
      </c>
      <c r="AT2994" s="166">
        <v>0</v>
      </c>
      <c r="AU2994" s="166">
        <v>0</v>
      </c>
      <c r="AV2994" s="166">
        <v>0</v>
      </c>
      <c r="AW2994" s="166">
        <v>0</v>
      </c>
      <c r="AX2994" s="166">
        <v>0</v>
      </c>
      <c r="AY2994" s="166">
        <v>0</v>
      </c>
      <c r="AZ2994" s="166">
        <v>0</v>
      </c>
      <c r="BA2994" s="166">
        <v>0</v>
      </c>
      <c r="BB2994" s="166">
        <v>0</v>
      </c>
      <c r="BC2994" s="166">
        <v>0</v>
      </c>
      <c r="BD2994" s="166">
        <v>0</v>
      </c>
      <c r="BE2994" s="166">
        <v>0</v>
      </c>
      <c r="BF2994" s="166">
        <v>0</v>
      </c>
      <c r="BG2994" s="166">
        <v>0</v>
      </c>
      <c r="BH2994" s="166">
        <v>0</v>
      </c>
      <c r="BI2994" s="166">
        <v>0</v>
      </c>
      <c r="BJ2994" s="166">
        <v>0</v>
      </c>
      <c r="BK2994" s="166">
        <v>0</v>
      </c>
      <c r="BL2994" s="166">
        <v>0</v>
      </c>
      <c r="BM2994" s="166">
        <v>0</v>
      </c>
      <c r="BN2994" s="166">
        <v>0</v>
      </c>
      <c r="BO2994" s="166">
        <v>0</v>
      </c>
      <c r="BP2994" s="166">
        <v>0</v>
      </c>
      <c r="BQ2994" s="166">
        <v>0</v>
      </c>
      <c r="BR2994" s="166">
        <v>32878482.5499999</v>
      </c>
      <c r="BS2994" s="166">
        <v>32878482.5499999</v>
      </c>
      <c r="BT2994" s="168">
        <v>0</v>
      </c>
      <c r="BU2994" s="166">
        <v>0</v>
      </c>
      <c r="BV2994" s="166">
        <v>0</v>
      </c>
      <c r="BW2994" s="166">
        <v>0</v>
      </c>
      <c r="BX2994" s="166">
        <v>0</v>
      </c>
      <c r="BY2994" s="166">
        <v>0</v>
      </c>
      <c r="BZ2994" s="166">
        <v>0</v>
      </c>
      <c r="CA2994" s="166">
        <v>0</v>
      </c>
      <c r="CB2994" s="166">
        <v>0</v>
      </c>
      <c r="CC2994" s="166">
        <v>0</v>
      </c>
      <c r="CD2994" s="166">
        <v>0</v>
      </c>
      <c r="CE2994" s="166">
        <v>0</v>
      </c>
      <c r="CF2994" s="166">
        <v>0</v>
      </c>
      <c r="CG2994" s="166">
        <v>0</v>
      </c>
      <c r="CH2994" s="166">
        <v>0</v>
      </c>
      <c r="CI2994" s="166">
        <v>0</v>
      </c>
      <c r="CJ2994" s="166">
        <v>0</v>
      </c>
      <c r="CK2994" s="166">
        <v>0</v>
      </c>
      <c r="CL2994" s="166">
        <v>0</v>
      </c>
      <c r="CM2994" s="166">
        <v>0</v>
      </c>
      <c r="CN2994" s="166">
        <v>0</v>
      </c>
      <c r="CO2994" s="166">
        <v>0</v>
      </c>
      <c r="CP2994" s="166">
        <v>0</v>
      </c>
      <c r="CQ2994" s="166">
        <v>0</v>
      </c>
      <c r="CR2994" s="166">
        <v>0</v>
      </c>
      <c r="CS2994" s="166">
        <v>0</v>
      </c>
      <c r="CT2994" s="166">
        <v>0</v>
      </c>
      <c r="CU2994" s="166">
        <v>0</v>
      </c>
      <c r="CV2994" s="166">
        <v>0</v>
      </c>
      <c r="CW2994" s="166">
        <v>0</v>
      </c>
      <c r="CX2994" s="166">
        <v>0</v>
      </c>
      <c r="CY2994" s="166">
        <v>0</v>
      </c>
      <c r="CZ2994" s="166">
        <v>0</v>
      </c>
    </row>
    <row r="2995" spans="1:104" x14ac:dyDescent="0.2">
      <c r="A2995" s="167" t="s">
        <v>282</v>
      </c>
    </row>
    <row r="2996" spans="1:104" ht="10.8" thickBot="1" x14ac:dyDescent="0.25">
      <c r="A2996" s="169" t="s">
        <v>283</v>
      </c>
    </row>
    <row r="2997" spans="1:104" x14ac:dyDescent="0.2">
      <c r="A2997" s="170" t="s">
        <v>284</v>
      </c>
    </row>
    <row r="2998" spans="1:104" x14ac:dyDescent="0.2">
      <c r="A2998" s="167" t="s">
        <v>1109</v>
      </c>
      <c r="B2998" s="166">
        <v>123715.830113478</v>
      </c>
      <c r="C2998" s="166">
        <v>123715.830113478</v>
      </c>
      <c r="D2998" s="166">
        <v>0</v>
      </c>
      <c r="E2998" s="166">
        <v>0</v>
      </c>
      <c r="F2998" s="166">
        <v>0</v>
      </c>
      <c r="G2998" s="166">
        <v>0</v>
      </c>
      <c r="H2998" s="166">
        <v>0</v>
      </c>
      <c r="I2998" s="166">
        <v>0</v>
      </c>
      <c r="J2998" s="166">
        <v>0</v>
      </c>
      <c r="K2998" s="166">
        <v>0</v>
      </c>
      <c r="L2998" s="166">
        <v>0</v>
      </c>
      <c r="M2998" s="166">
        <v>0</v>
      </c>
      <c r="N2998" s="166">
        <v>0</v>
      </c>
      <c r="O2998" s="166">
        <v>0</v>
      </c>
      <c r="P2998" s="166">
        <v>0</v>
      </c>
      <c r="Q2998" s="166">
        <v>0</v>
      </c>
      <c r="R2998" s="166">
        <v>0</v>
      </c>
      <c r="S2998" s="166">
        <v>0</v>
      </c>
      <c r="T2998" s="166">
        <v>0</v>
      </c>
      <c r="U2998" s="166">
        <v>0</v>
      </c>
      <c r="V2998" s="166">
        <v>0</v>
      </c>
      <c r="W2998" s="166">
        <v>0</v>
      </c>
      <c r="X2998" s="166">
        <v>0</v>
      </c>
      <c r="Y2998" s="166">
        <v>0</v>
      </c>
      <c r="Z2998" s="166">
        <v>0</v>
      </c>
      <c r="AA2998" s="166">
        <v>0</v>
      </c>
      <c r="AB2998" s="166">
        <v>0</v>
      </c>
      <c r="AC2998" s="166">
        <v>0</v>
      </c>
      <c r="AD2998" s="166">
        <v>0</v>
      </c>
      <c r="AE2998" s="166">
        <v>0</v>
      </c>
      <c r="AF2998" s="166">
        <v>0</v>
      </c>
      <c r="AG2998" s="166">
        <v>0</v>
      </c>
      <c r="AH2998" s="166">
        <v>0</v>
      </c>
      <c r="AI2998" s="166">
        <v>0</v>
      </c>
      <c r="AJ2998" s="166">
        <v>0</v>
      </c>
      <c r="AK2998" s="166">
        <v>0</v>
      </c>
      <c r="AL2998" s="166">
        <v>0</v>
      </c>
      <c r="AM2998" s="166">
        <v>0</v>
      </c>
      <c r="AN2998" s="166">
        <v>0</v>
      </c>
      <c r="AO2998" s="166">
        <v>0</v>
      </c>
      <c r="AP2998" s="166">
        <v>0</v>
      </c>
      <c r="AQ2998" s="166">
        <v>0</v>
      </c>
      <c r="AR2998" s="166">
        <v>0</v>
      </c>
      <c r="AS2998" s="166">
        <v>0</v>
      </c>
      <c r="AT2998" s="166">
        <v>0</v>
      </c>
      <c r="AU2998" s="166">
        <v>0</v>
      </c>
      <c r="AV2998" s="166">
        <v>0</v>
      </c>
      <c r="AW2998" s="166">
        <v>0</v>
      </c>
      <c r="AX2998" s="166">
        <v>0</v>
      </c>
      <c r="AY2998" s="166">
        <v>0</v>
      </c>
      <c r="AZ2998" s="166">
        <v>0</v>
      </c>
      <c r="BA2998" s="166">
        <v>0</v>
      </c>
      <c r="BB2998" s="166">
        <v>0</v>
      </c>
      <c r="BC2998" s="166">
        <v>0</v>
      </c>
      <c r="BD2998" s="166">
        <v>0</v>
      </c>
      <c r="BE2998" s="166">
        <v>0</v>
      </c>
      <c r="BF2998" s="166">
        <v>0</v>
      </c>
      <c r="BG2998" s="166">
        <v>0</v>
      </c>
      <c r="BH2998" s="166">
        <v>0</v>
      </c>
      <c r="BI2998" s="166">
        <v>0</v>
      </c>
      <c r="BJ2998" s="166">
        <v>0</v>
      </c>
      <c r="BK2998" s="166">
        <v>0</v>
      </c>
      <c r="BL2998" s="166">
        <v>0</v>
      </c>
      <c r="BM2998" s="166">
        <v>0</v>
      </c>
      <c r="BN2998" s="166">
        <v>0</v>
      </c>
      <c r="BO2998" s="166">
        <v>0</v>
      </c>
      <c r="BP2998" s="166">
        <v>0</v>
      </c>
      <c r="BQ2998" s="166">
        <v>0</v>
      </c>
      <c r="BR2998" s="166">
        <v>123715.830113478</v>
      </c>
      <c r="BS2998" s="166">
        <v>123715.830113478</v>
      </c>
      <c r="BT2998" s="168">
        <v>0</v>
      </c>
      <c r="BU2998" s="166">
        <v>0</v>
      </c>
      <c r="BV2998" s="166">
        <v>0</v>
      </c>
      <c r="BW2998" s="166">
        <v>0</v>
      </c>
      <c r="BX2998" s="166">
        <v>0</v>
      </c>
      <c r="BY2998" s="166">
        <v>0</v>
      </c>
      <c r="BZ2998" s="166">
        <v>0</v>
      </c>
      <c r="CA2998" s="166">
        <v>0</v>
      </c>
      <c r="CB2998" s="166">
        <v>0</v>
      </c>
      <c r="CC2998" s="166">
        <v>0</v>
      </c>
      <c r="CD2998" s="166">
        <v>0</v>
      </c>
      <c r="CE2998" s="166">
        <v>0</v>
      </c>
      <c r="CF2998" s="166">
        <v>0</v>
      </c>
      <c r="CG2998" s="166">
        <v>0</v>
      </c>
      <c r="CH2998" s="166">
        <v>0</v>
      </c>
      <c r="CI2998" s="166">
        <v>0</v>
      </c>
      <c r="CJ2998" s="166">
        <v>0</v>
      </c>
      <c r="CK2998" s="166">
        <v>0</v>
      </c>
      <c r="CL2998" s="166">
        <v>0</v>
      </c>
      <c r="CM2998" s="166">
        <v>0</v>
      </c>
      <c r="CN2998" s="166">
        <v>0</v>
      </c>
      <c r="CO2998" s="166">
        <v>0</v>
      </c>
      <c r="CP2998" s="166">
        <v>0</v>
      </c>
      <c r="CQ2998" s="166">
        <v>0</v>
      </c>
      <c r="CR2998" s="166">
        <v>0</v>
      </c>
      <c r="CS2998" s="166">
        <v>0</v>
      </c>
      <c r="CT2998" s="166">
        <v>0</v>
      </c>
      <c r="CU2998" s="166">
        <v>0</v>
      </c>
      <c r="CV2998" s="166">
        <v>0</v>
      </c>
      <c r="CW2998" s="166">
        <v>0</v>
      </c>
      <c r="CX2998" s="166">
        <v>0</v>
      </c>
      <c r="CY2998" s="166">
        <v>0</v>
      </c>
      <c r="CZ2998" s="166">
        <v>0</v>
      </c>
    </row>
    <row r="2999" spans="1:104" x14ac:dyDescent="0.2">
      <c r="A2999" s="167" t="s">
        <v>1110</v>
      </c>
      <c r="B2999" s="166">
        <v>65357.185746740899</v>
      </c>
      <c r="C2999" s="166">
        <v>65357.185746740899</v>
      </c>
      <c r="D2999" s="166">
        <v>0</v>
      </c>
      <c r="E2999" s="166">
        <v>0</v>
      </c>
      <c r="F2999" s="166">
        <v>0</v>
      </c>
      <c r="G2999" s="166">
        <v>0</v>
      </c>
      <c r="H2999" s="166">
        <v>0</v>
      </c>
      <c r="I2999" s="166">
        <v>0</v>
      </c>
      <c r="J2999" s="166">
        <v>0</v>
      </c>
      <c r="K2999" s="166">
        <v>0</v>
      </c>
      <c r="L2999" s="166">
        <v>0</v>
      </c>
      <c r="M2999" s="166">
        <v>0</v>
      </c>
      <c r="N2999" s="166">
        <v>0</v>
      </c>
      <c r="O2999" s="166">
        <v>0</v>
      </c>
      <c r="P2999" s="166">
        <v>0</v>
      </c>
      <c r="Q2999" s="166">
        <v>0</v>
      </c>
      <c r="R2999" s="166">
        <v>0</v>
      </c>
      <c r="S2999" s="166">
        <v>0</v>
      </c>
      <c r="T2999" s="166">
        <v>0</v>
      </c>
      <c r="U2999" s="166">
        <v>0</v>
      </c>
      <c r="V2999" s="166">
        <v>0</v>
      </c>
      <c r="W2999" s="166">
        <v>0</v>
      </c>
      <c r="X2999" s="166">
        <v>0</v>
      </c>
      <c r="Y2999" s="166">
        <v>0</v>
      </c>
      <c r="Z2999" s="166">
        <v>0</v>
      </c>
      <c r="AA2999" s="166">
        <v>0</v>
      </c>
      <c r="AB2999" s="166">
        <v>0</v>
      </c>
      <c r="AC2999" s="166">
        <v>0</v>
      </c>
      <c r="AD2999" s="166">
        <v>0</v>
      </c>
      <c r="AE2999" s="166">
        <v>0</v>
      </c>
      <c r="AF2999" s="166">
        <v>0</v>
      </c>
      <c r="AG2999" s="166">
        <v>0</v>
      </c>
      <c r="AH2999" s="166">
        <v>0</v>
      </c>
      <c r="AI2999" s="166">
        <v>0</v>
      </c>
      <c r="AJ2999" s="166">
        <v>0</v>
      </c>
      <c r="AK2999" s="166">
        <v>0</v>
      </c>
      <c r="AL2999" s="166">
        <v>0</v>
      </c>
      <c r="AM2999" s="166">
        <v>0</v>
      </c>
      <c r="AN2999" s="166">
        <v>0</v>
      </c>
      <c r="AO2999" s="166">
        <v>0</v>
      </c>
      <c r="AP2999" s="166">
        <v>0</v>
      </c>
      <c r="AQ2999" s="166">
        <v>0</v>
      </c>
      <c r="AR2999" s="166">
        <v>0</v>
      </c>
      <c r="AS2999" s="166">
        <v>0</v>
      </c>
      <c r="AT2999" s="166">
        <v>0</v>
      </c>
      <c r="AU2999" s="166">
        <v>0</v>
      </c>
      <c r="AV2999" s="166">
        <v>0</v>
      </c>
      <c r="AW2999" s="166">
        <v>0</v>
      </c>
      <c r="AX2999" s="166">
        <v>0</v>
      </c>
      <c r="AY2999" s="166">
        <v>0</v>
      </c>
      <c r="AZ2999" s="166">
        <v>0</v>
      </c>
      <c r="BA2999" s="166">
        <v>0</v>
      </c>
      <c r="BB2999" s="166">
        <v>0</v>
      </c>
      <c r="BC2999" s="166">
        <v>0</v>
      </c>
      <c r="BD2999" s="166">
        <v>0</v>
      </c>
      <c r="BE2999" s="166">
        <v>0</v>
      </c>
      <c r="BF2999" s="166">
        <v>0</v>
      </c>
      <c r="BG2999" s="166">
        <v>0</v>
      </c>
      <c r="BH2999" s="166">
        <v>0</v>
      </c>
      <c r="BI2999" s="166">
        <v>0</v>
      </c>
      <c r="BJ2999" s="166">
        <v>0</v>
      </c>
      <c r="BK2999" s="166">
        <v>0</v>
      </c>
      <c r="BL2999" s="166">
        <v>0</v>
      </c>
      <c r="BM2999" s="166">
        <v>0</v>
      </c>
      <c r="BN2999" s="166">
        <v>0</v>
      </c>
      <c r="BO2999" s="166">
        <v>0</v>
      </c>
      <c r="BP2999" s="166">
        <v>0</v>
      </c>
      <c r="BQ2999" s="166">
        <v>0</v>
      </c>
      <c r="BR2999" s="166">
        <v>65357.185746740899</v>
      </c>
      <c r="BS2999" s="166">
        <v>65357.185746740899</v>
      </c>
      <c r="BT2999" s="168">
        <v>0</v>
      </c>
      <c r="BU2999" s="166">
        <v>0</v>
      </c>
      <c r="BV2999" s="166">
        <v>0</v>
      </c>
      <c r="BW2999" s="166">
        <v>0</v>
      </c>
      <c r="BX2999" s="166">
        <v>0</v>
      </c>
      <c r="BY2999" s="166">
        <v>0</v>
      </c>
      <c r="BZ2999" s="166">
        <v>0</v>
      </c>
      <c r="CA2999" s="166">
        <v>0</v>
      </c>
      <c r="CB2999" s="166">
        <v>0</v>
      </c>
      <c r="CC2999" s="166">
        <v>0</v>
      </c>
      <c r="CD2999" s="166">
        <v>0</v>
      </c>
      <c r="CE2999" s="166">
        <v>0</v>
      </c>
      <c r="CF2999" s="166">
        <v>0</v>
      </c>
      <c r="CG2999" s="166">
        <v>0</v>
      </c>
      <c r="CH2999" s="166">
        <v>0</v>
      </c>
      <c r="CI2999" s="166">
        <v>0</v>
      </c>
      <c r="CJ2999" s="166">
        <v>0</v>
      </c>
      <c r="CK2999" s="166">
        <v>0</v>
      </c>
      <c r="CL2999" s="166">
        <v>0</v>
      </c>
      <c r="CM2999" s="166">
        <v>0</v>
      </c>
      <c r="CN2999" s="166">
        <v>0</v>
      </c>
      <c r="CO2999" s="166">
        <v>0</v>
      </c>
      <c r="CP2999" s="166">
        <v>0</v>
      </c>
      <c r="CQ2999" s="166">
        <v>0</v>
      </c>
      <c r="CR2999" s="166">
        <v>0</v>
      </c>
      <c r="CS2999" s="166">
        <v>0</v>
      </c>
      <c r="CT2999" s="166">
        <v>0</v>
      </c>
      <c r="CU2999" s="166">
        <v>0</v>
      </c>
      <c r="CV2999" s="166">
        <v>0</v>
      </c>
      <c r="CW2999" s="166">
        <v>0</v>
      </c>
      <c r="CX2999" s="166">
        <v>0</v>
      </c>
      <c r="CY2999" s="166">
        <v>0</v>
      </c>
      <c r="CZ2999" s="166">
        <v>0</v>
      </c>
    </row>
    <row r="3000" spans="1:104" x14ac:dyDescent="0.2">
      <c r="A3000" s="167" t="s">
        <v>1111</v>
      </c>
      <c r="B3000" s="166">
        <v>13472.0922440788</v>
      </c>
      <c r="C3000" s="166">
        <v>13472.0922440788</v>
      </c>
      <c r="D3000" s="166">
        <v>0</v>
      </c>
      <c r="E3000" s="166">
        <v>0</v>
      </c>
      <c r="F3000" s="166">
        <v>0</v>
      </c>
      <c r="G3000" s="166">
        <v>0</v>
      </c>
      <c r="H3000" s="166">
        <v>0</v>
      </c>
      <c r="I3000" s="166">
        <v>0</v>
      </c>
      <c r="J3000" s="166">
        <v>0</v>
      </c>
      <c r="K3000" s="166">
        <v>0</v>
      </c>
      <c r="L3000" s="166">
        <v>0</v>
      </c>
      <c r="M3000" s="166">
        <v>0</v>
      </c>
      <c r="N3000" s="166">
        <v>0</v>
      </c>
      <c r="O3000" s="166">
        <v>0</v>
      </c>
      <c r="P3000" s="166">
        <v>0</v>
      </c>
      <c r="Q3000" s="166">
        <v>0</v>
      </c>
      <c r="R3000" s="166">
        <v>0</v>
      </c>
      <c r="S3000" s="166">
        <v>0</v>
      </c>
      <c r="T3000" s="166">
        <v>0</v>
      </c>
      <c r="U3000" s="166">
        <v>0</v>
      </c>
      <c r="V3000" s="166">
        <v>0</v>
      </c>
      <c r="W3000" s="166">
        <v>0</v>
      </c>
      <c r="X3000" s="166">
        <v>0</v>
      </c>
      <c r="Y3000" s="166">
        <v>0</v>
      </c>
      <c r="Z3000" s="166">
        <v>0</v>
      </c>
      <c r="AA3000" s="166">
        <v>0</v>
      </c>
      <c r="AB3000" s="166">
        <v>0</v>
      </c>
      <c r="AC3000" s="166">
        <v>0</v>
      </c>
      <c r="AD3000" s="166">
        <v>0</v>
      </c>
      <c r="AE3000" s="166">
        <v>0</v>
      </c>
      <c r="AF3000" s="166">
        <v>0</v>
      </c>
      <c r="AG3000" s="166">
        <v>0</v>
      </c>
      <c r="AH3000" s="166">
        <v>0</v>
      </c>
      <c r="AI3000" s="166">
        <v>0</v>
      </c>
      <c r="AJ3000" s="166">
        <v>0</v>
      </c>
      <c r="AK3000" s="166">
        <v>0</v>
      </c>
      <c r="AL3000" s="166">
        <v>0</v>
      </c>
      <c r="AM3000" s="166">
        <v>0</v>
      </c>
      <c r="AN3000" s="166">
        <v>0</v>
      </c>
      <c r="AO3000" s="166">
        <v>0</v>
      </c>
      <c r="AP3000" s="166">
        <v>0</v>
      </c>
      <c r="AQ3000" s="166">
        <v>0</v>
      </c>
      <c r="AR3000" s="166">
        <v>0</v>
      </c>
      <c r="AS3000" s="166">
        <v>0</v>
      </c>
      <c r="AT3000" s="166">
        <v>0</v>
      </c>
      <c r="AU3000" s="166">
        <v>0</v>
      </c>
      <c r="AV3000" s="166">
        <v>0</v>
      </c>
      <c r="AW3000" s="166">
        <v>0</v>
      </c>
      <c r="AX3000" s="166">
        <v>0</v>
      </c>
      <c r="AY3000" s="166">
        <v>0</v>
      </c>
      <c r="AZ3000" s="166">
        <v>0</v>
      </c>
      <c r="BA3000" s="166">
        <v>0</v>
      </c>
      <c r="BB3000" s="166">
        <v>0</v>
      </c>
      <c r="BC3000" s="166">
        <v>0</v>
      </c>
      <c r="BD3000" s="166">
        <v>0</v>
      </c>
      <c r="BE3000" s="166">
        <v>0</v>
      </c>
      <c r="BF3000" s="166">
        <v>0</v>
      </c>
      <c r="BG3000" s="166">
        <v>0</v>
      </c>
      <c r="BH3000" s="166">
        <v>0</v>
      </c>
      <c r="BI3000" s="166">
        <v>0</v>
      </c>
      <c r="BJ3000" s="166">
        <v>0</v>
      </c>
      <c r="BK3000" s="166">
        <v>0</v>
      </c>
      <c r="BL3000" s="166">
        <v>0</v>
      </c>
      <c r="BM3000" s="166">
        <v>0</v>
      </c>
      <c r="BN3000" s="166">
        <v>0</v>
      </c>
      <c r="BO3000" s="166">
        <v>0</v>
      </c>
      <c r="BP3000" s="166">
        <v>0</v>
      </c>
      <c r="BQ3000" s="166">
        <v>0</v>
      </c>
      <c r="BR3000" s="166">
        <v>13472.0922440788</v>
      </c>
      <c r="BS3000" s="166">
        <v>13472.0922440788</v>
      </c>
      <c r="BT3000" s="168">
        <v>0</v>
      </c>
      <c r="BU3000" s="166">
        <v>0</v>
      </c>
      <c r="BV3000" s="166">
        <v>0</v>
      </c>
      <c r="BW3000" s="166">
        <v>0</v>
      </c>
      <c r="BX3000" s="166">
        <v>0</v>
      </c>
      <c r="BY3000" s="166">
        <v>0</v>
      </c>
      <c r="BZ3000" s="166">
        <v>0</v>
      </c>
      <c r="CA3000" s="166">
        <v>0</v>
      </c>
      <c r="CB3000" s="166">
        <v>0</v>
      </c>
      <c r="CC3000" s="166">
        <v>0</v>
      </c>
      <c r="CD3000" s="166">
        <v>0</v>
      </c>
      <c r="CE3000" s="166">
        <v>0</v>
      </c>
      <c r="CF3000" s="166">
        <v>0</v>
      </c>
      <c r="CG3000" s="166">
        <v>0</v>
      </c>
      <c r="CH3000" s="166">
        <v>0</v>
      </c>
      <c r="CI3000" s="166">
        <v>0</v>
      </c>
      <c r="CJ3000" s="166">
        <v>0</v>
      </c>
      <c r="CK3000" s="166">
        <v>0</v>
      </c>
      <c r="CL3000" s="166">
        <v>0</v>
      </c>
      <c r="CM3000" s="166">
        <v>0</v>
      </c>
      <c r="CN3000" s="166">
        <v>0</v>
      </c>
      <c r="CO3000" s="166">
        <v>0</v>
      </c>
      <c r="CP3000" s="166">
        <v>0</v>
      </c>
      <c r="CQ3000" s="166">
        <v>0</v>
      </c>
      <c r="CR3000" s="166">
        <v>0</v>
      </c>
      <c r="CS3000" s="166">
        <v>0</v>
      </c>
      <c r="CT3000" s="166">
        <v>0</v>
      </c>
      <c r="CU3000" s="166">
        <v>0</v>
      </c>
      <c r="CV3000" s="166">
        <v>0</v>
      </c>
      <c r="CW3000" s="166">
        <v>0</v>
      </c>
      <c r="CX3000" s="166">
        <v>0</v>
      </c>
      <c r="CY3000" s="166">
        <v>0</v>
      </c>
      <c r="CZ3000" s="166">
        <v>0</v>
      </c>
    </row>
    <row r="3001" spans="1:104" x14ac:dyDescent="0.2">
      <c r="A3001" s="167" t="s">
        <v>1112</v>
      </c>
      <c r="B3001" s="166">
        <v>7768.9139250444196</v>
      </c>
      <c r="C3001" s="166">
        <v>7768.9139250444196</v>
      </c>
      <c r="D3001" s="166">
        <v>0</v>
      </c>
      <c r="E3001" s="166">
        <v>0</v>
      </c>
      <c r="F3001" s="166">
        <v>0</v>
      </c>
      <c r="G3001" s="166">
        <v>0</v>
      </c>
      <c r="H3001" s="166">
        <v>0</v>
      </c>
      <c r="I3001" s="166">
        <v>0</v>
      </c>
      <c r="J3001" s="166">
        <v>0</v>
      </c>
      <c r="K3001" s="166">
        <v>0</v>
      </c>
      <c r="L3001" s="166">
        <v>0</v>
      </c>
      <c r="M3001" s="166">
        <v>0</v>
      </c>
      <c r="N3001" s="166">
        <v>0</v>
      </c>
      <c r="O3001" s="166">
        <v>0</v>
      </c>
      <c r="P3001" s="166">
        <v>0</v>
      </c>
      <c r="Q3001" s="166">
        <v>0</v>
      </c>
      <c r="R3001" s="166">
        <v>0</v>
      </c>
      <c r="S3001" s="166">
        <v>0</v>
      </c>
      <c r="T3001" s="166">
        <v>0</v>
      </c>
      <c r="U3001" s="166">
        <v>0</v>
      </c>
      <c r="V3001" s="166">
        <v>0</v>
      </c>
      <c r="W3001" s="166">
        <v>0</v>
      </c>
      <c r="X3001" s="166">
        <v>0</v>
      </c>
      <c r="Y3001" s="166">
        <v>0</v>
      </c>
      <c r="Z3001" s="166">
        <v>0</v>
      </c>
      <c r="AA3001" s="166">
        <v>0</v>
      </c>
      <c r="AB3001" s="166">
        <v>0</v>
      </c>
      <c r="AC3001" s="166">
        <v>0</v>
      </c>
      <c r="AD3001" s="166">
        <v>0</v>
      </c>
      <c r="AE3001" s="166">
        <v>0</v>
      </c>
      <c r="AF3001" s="166">
        <v>0</v>
      </c>
      <c r="AG3001" s="166">
        <v>0</v>
      </c>
      <c r="AH3001" s="166">
        <v>0</v>
      </c>
      <c r="AI3001" s="166">
        <v>0</v>
      </c>
      <c r="AJ3001" s="166">
        <v>0</v>
      </c>
      <c r="AK3001" s="166">
        <v>0</v>
      </c>
      <c r="AL3001" s="166">
        <v>0</v>
      </c>
      <c r="AM3001" s="166">
        <v>0</v>
      </c>
      <c r="AN3001" s="166">
        <v>0</v>
      </c>
      <c r="AO3001" s="166">
        <v>0</v>
      </c>
      <c r="AP3001" s="166">
        <v>0</v>
      </c>
      <c r="AQ3001" s="166">
        <v>0</v>
      </c>
      <c r="AR3001" s="166">
        <v>0</v>
      </c>
      <c r="AS3001" s="166">
        <v>0</v>
      </c>
      <c r="AT3001" s="166">
        <v>0</v>
      </c>
      <c r="AU3001" s="166">
        <v>0</v>
      </c>
      <c r="AV3001" s="166">
        <v>0</v>
      </c>
      <c r="AW3001" s="166">
        <v>0</v>
      </c>
      <c r="AX3001" s="166">
        <v>0</v>
      </c>
      <c r="AY3001" s="166">
        <v>0</v>
      </c>
      <c r="AZ3001" s="166">
        <v>0</v>
      </c>
      <c r="BA3001" s="166">
        <v>0</v>
      </c>
      <c r="BB3001" s="166">
        <v>0</v>
      </c>
      <c r="BC3001" s="166">
        <v>0</v>
      </c>
      <c r="BD3001" s="166">
        <v>0</v>
      </c>
      <c r="BE3001" s="166">
        <v>0</v>
      </c>
      <c r="BF3001" s="166">
        <v>0</v>
      </c>
      <c r="BG3001" s="166">
        <v>0</v>
      </c>
      <c r="BH3001" s="166">
        <v>0</v>
      </c>
      <c r="BI3001" s="166">
        <v>0</v>
      </c>
      <c r="BJ3001" s="166">
        <v>0</v>
      </c>
      <c r="BK3001" s="166">
        <v>0</v>
      </c>
      <c r="BL3001" s="166">
        <v>0</v>
      </c>
      <c r="BM3001" s="166">
        <v>0</v>
      </c>
      <c r="BN3001" s="166">
        <v>0</v>
      </c>
      <c r="BO3001" s="166">
        <v>0</v>
      </c>
      <c r="BP3001" s="166">
        <v>0</v>
      </c>
      <c r="BQ3001" s="166">
        <v>0</v>
      </c>
      <c r="BR3001" s="166">
        <v>7768.9139250444196</v>
      </c>
      <c r="BS3001" s="166">
        <v>7768.9139250444196</v>
      </c>
      <c r="BT3001" s="168">
        <v>0</v>
      </c>
      <c r="BU3001" s="166">
        <v>0</v>
      </c>
      <c r="BV3001" s="166">
        <v>0</v>
      </c>
      <c r="BW3001" s="166">
        <v>0</v>
      </c>
      <c r="BX3001" s="166">
        <v>0</v>
      </c>
      <c r="BY3001" s="166">
        <v>0</v>
      </c>
      <c r="BZ3001" s="166">
        <v>0</v>
      </c>
      <c r="CA3001" s="166">
        <v>0</v>
      </c>
      <c r="CB3001" s="166">
        <v>0</v>
      </c>
      <c r="CC3001" s="166">
        <v>0</v>
      </c>
      <c r="CD3001" s="166">
        <v>0</v>
      </c>
      <c r="CE3001" s="166">
        <v>0</v>
      </c>
      <c r="CF3001" s="166">
        <v>0</v>
      </c>
      <c r="CG3001" s="166">
        <v>0</v>
      </c>
      <c r="CH3001" s="166">
        <v>0</v>
      </c>
      <c r="CI3001" s="166">
        <v>0</v>
      </c>
      <c r="CJ3001" s="166">
        <v>0</v>
      </c>
      <c r="CK3001" s="166">
        <v>0</v>
      </c>
      <c r="CL3001" s="166">
        <v>0</v>
      </c>
      <c r="CM3001" s="166">
        <v>0</v>
      </c>
      <c r="CN3001" s="166">
        <v>0</v>
      </c>
      <c r="CO3001" s="166">
        <v>0</v>
      </c>
      <c r="CP3001" s="166">
        <v>0</v>
      </c>
      <c r="CQ3001" s="166">
        <v>0</v>
      </c>
      <c r="CR3001" s="166">
        <v>0</v>
      </c>
      <c r="CS3001" s="166">
        <v>0</v>
      </c>
      <c r="CT3001" s="166">
        <v>0</v>
      </c>
      <c r="CU3001" s="166">
        <v>0</v>
      </c>
      <c r="CV3001" s="166">
        <v>0</v>
      </c>
      <c r="CW3001" s="166">
        <v>0</v>
      </c>
      <c r="CX3001" s="166">
        <v>0</v>
      </c>
      <c r="CY3001" s="166">
        <v>0</v>
      </c>
      <c r="CZ3001" s="166">
        <v>0</v>
      </c>
    </row>
    <row r="3002" spans="1:104" x14ac:dyDescent="0.2">
      <c r="A3002" s="167" t="s">
        <v>1113</v>
      </c>
      <c r="B3002" s="166">
        <v>20737.677970657402</v>
      </c>
      <c r="C3002" s="166">
        <v>20737.677970657402</v>
      </c>
      <c r="D3002" s="166">
        <v>0</v>
      </c>
      <c r="E3002" s="166">
        <v>0</v>
      </c>
      <c r="F3002" s="166">
        <v>0</v>
      </c>
      <c r="G3002" s="166">
        <v>0</v>
      </c>
      <c r="H3002" s="166">
        <v>0</v>
      </c>
      <c r="I3002" s="166">
        <v>0</v>
      </c>
      <c r="J3002" s="166">
        <v>0</v>
      </c>
      <c r="K3002" s="166">
        <v>0</v>
      </c>
      <c r="L3002" s="166">
        <v>0</v>
      </c>
      <c r="M3002" s="166">
        <v>0</v>
      </c>
      <c r="N3002" s="166">
        <v>0</v>
      </c>
      <c r="O3002" s="166">
        <v>0</v>
      </c>
      <c r="P3002" s="166">
        <v>0</v>
      </c>
      <c r="Q3002" s="166">
        <v>0</v>
      </c>
      <c r="R3002" s="166">
        <v>0</v>
      </c>
      <c r="S3002" s="166">
        <v>0</v>
      </c>
      <c r="T3002" s="166">
        <v>0</v>
      </c>
      <c r="U3002" s="166">
        <v>0</v>
      </c>
      <c r="V3002" s="166">
        <v>0</v>
      </c>
      <c r="W3002" s="166">
        <v>0</v>
      </c>
      <c r="X3002" s="166">
        <v>0</v>
      </c>
      <c r="Y3002" s="166">
        <v>0</v>
      </c>
      <c r="Z3002" s="166">
        <v>0</v>
      </c>
      <c r="AA3002" s="166">
        <v>0</v>
      </c>
      <c r="AB3002" s="166">
        <v>0</v>
      </c>
      <c r="AC3002" s="166">
        <v>0</v>
      </c>
      <c r="AD3002" s="166">
        <v>0</v>
      </c>
      <c r="AE3002" s="166">
        <v>0</v>
      </c>
      <c r="AF3002" s="166">
        <v>0</v>
      </c>
      <c r="AG3002" s="166">
        <v>0</v>
      </c>
      <c r="AH3002" s="166">
        <v>0</v>
      </c>
      <c r="AI3002" s="166">
        <v>0</v>
      </c>
      <c r="AJ3002" s="166">
        <v>0</v>
      </c>
      <c r="AK3002" s="166">
        <v>0</v>
      </c>
      <c r="AL3002" s="166">
        <v>0</v>
      </c>
      <c r="AM3002" s="166">
        <v>0</v>
      </c>
      <c r="AN3002" s="166">
        <v>0</v>
      </c>
      <c r="AO3002" s="166">
        <v>0</v>
      </c>
      <c r="AP3002" s="166">
        <v>0</v>
      </c>
      <c r="AQ3002" s="166">
        <v>0</v>
      </c>
      <c r="AR3002" s="166">
        <v>0</v>
      </c>
      <c r="AS3002" s="166">
        <v>0</v>
      </c>
      <c r="AT3002" s="166">
        <v>0</v>
      </c>
      <c r="AU3002" s="166">
        <v>0</v>
      </c>
      <c r="AV3002" s="166">
        <v>0</v>
      </c>
      <c r="AW3002" s="166">
        <v>0</v>
      </c>
      <c r="AX3002" s="166">
        <v>0</v>
      </c>
      <c r="AY3002" s="166">
        <v>0</v>
      </c>
      <c r="AZ3002" s="166">
        <v>0</v>
      </c>
      <c r="BA3002" s="166">
        <v>0</v>
      </c>
      <c r="BB3002" s="166">
        <v>0</v>
      </c>
      <c r="BC3002" s="166">
        <v>0</v>
      </c>
      <c r="BD3002" s="166">
        <v>0</v>
      </c>
      <c r="BE3002" s="166">
        <v>0</v>
      </c>
      <c r="BF3002" s="166">
        <v>0</v>
      </c>
      <c r="BG3002" s="166">
        <v>0</v>
      </c>
      <c r="BH3002" s="166">
        <v>0</v>
      </c>
      <c r="BI3002" s="166">
        <v>0</v>
      </c>
      <c r="BJ3002" s="166">
        <v>0</v>
      </c>
      <c r="BK3002" s="166">
        <v>0</v>
      </c>
      <c r="BL3002" s="166">
        <v>0</v>
      </c>
      <c r="BM3002" s="166">
        <v>0</v>
      </c>
      <c r="BN3002" s="166">
        <v>0</v>
      </c>
      <c r="BO3002" s="166">
        <v>0</v>
      </c>
      <c r="BP3002" s="166">
        <v>0</v>
      </c>
      <c r="BQ3002" s="166">
        <v>0</v>
      </c>
      <c r="BR3002" s="166">
        <v>20737.677970657402</v>
      </c>
      <c r="BS3002" s="166">
        <v>20737.677970657402</v>
      </c>
      <c r="BT3002" s="168">
        <v>0</v>
      </c>
      <c r="BU3002" s="166">
        <v>0</v>
      </c>
      <c r="BV3002" s="166">
        <v>0</v>
      </c>
      <c r="BW3002" s="166">
        <v>0</v>
      </c>
      <c r="BX3002" s="166">
        <v>0</v>
      </c>
      <c r="BY3002" s="166">
        <v>0</v>
      </c>
      <c r="BZ3002" s="166">
        <v>0</v>
      </c>
      <c r="CA3002" s="166">
        <v>0</v>
      </c>
      <c r="CB3002" s="166">
        <v>0</v>
      </c>
      <c r="CC3002" s="166">
        <v>0</v>
      </c>
      <c r="CD3002" s="166">
        <v>0</v>
      </c>
      <c r="CE3002" s="166">
        <v>0</v>
      </c>
      <c r="CF3002" s="166">
        <v>0</v>
      </c>
      <c r="CG3002" s="166">
        <v>0</v>
      </c>
      <c r="CH3002" s="166">
        <v>0</v>
      </c>
      <c r="CI3002" s="166">
        <v>0</v>
      </c>
      <c r="CJ3002" s="166">
        <v>0</v>
      </c>
      <c r="CK3002" s="166">
        <v>0</v>
      </c>
      <c r="CL3002" s="166">
        <v>0</v>
      </c>
      <c r="CM3002" s="166">
        <v>0</v>
      </c>
      <c r="CN3002" s="166">
        <v>0</v>
      </c>
      <c r="CO3002" s="166">
        <v>0</v>
      </c>
      <c r="CP3002" s="166">
        <v>0</v>
      </c>
      <c r="CQ3002" s="166">
        <v>0</v>
      </c>
      <c r="CR3002" s="166">
        <v>0</v>
      </c>
      <c r="CS3002" s="166">
        <v>0</v>
      </c>
      <c r="CT3002" s="166">
        <v>0</v>
      </c>
      <c r="CU3002" s="166">
        <v>0</v>
      </c>
      <c r="CV3002" s="166">
        <v>0</v>
      </c>
      <c r="CW3002" s="166">
        <v>0</v>
      </c>
      <c r="CX3002" s="166">
        <v>0</v>
      </c>
      <c r="CY3002" s="166">
        <v>0</v>
      </c>
      <c r="CZ3002" s="166">
        <v>0</v>
      </c>
    </row>
    <row r="3003" spans="1:104" x14ac:dyDescent="0.2">
      <c r="A3003" s="167" t="s">
        <v>1114</v>
      </c>
      <c r="B3003" s="166">
        <v>0</v>
      </c>
      <c r="C3003" s="166">
        <v>0</v>
      </c>
      <c r="D3003" s="166">
        <v>0</v>
      </c>
      <c r="E3003" s="166">
        <v>0</v>
      </c>
      <c r="F3003" s="166">
        <v>0</v>
      </c>
      <c r="G3003" s="166">
        <v>0</v>
      </c>
      <c r="H3003" s="166">
        <v>0</v>
      </c>
      <c r="I3003" s="166">
        <v>0</v>
      </c>
      <c r="J3003" s="166">
        <v>0</v>
      </c>
      <c r="K3003" s="166">
        <v>0</v>
      </c>
      <c r="L3003" s="166">
        <v>0</v>
      </c>
      <c r="M3003" s="166">
        <v>0</v>
      </c>
      <c r="N3003" s="166">
        <v>0</v>
      </c>
      <c r="O3003" s="166">
        <v>0</v>
      </c>
      <c r="P3003" s="166">
        <v>0</v>
      </c>
      <c r="Q3003" s="166">
        <v>0</v>
      </c>
      <c r="R3003" s="166">
        <v>0</v>
      </c>
      <c r="S3003" s="166">
        <v>0</v>
      </c>
      <c r="T3003" s="166">
        <v>0</v>
      </c>
      <c r="U3003" s="166">
        <v>0</v>
      </c>
      <c r="V3003" s="166">
        <v>0</v>
      </c>
      <c r="W3003" s="166">
        <v>0</v>
      </c>
      <c r="X3003" s="166">
        <v>0</v>
      </c>
      <c r="Y3003" s="166">
        <v>0</v>
      </c>
      <c r="Z3003" s="166">
        <v>0</v>
      </c>
      <c r="AA3003" s="166">
        <v>0</v>
      </c>
      <c r="AB3003" s="166">
        <v>0</v>
      </c>
      <c r="AC3003" s="166">
        <v>0</v>
      </c>
      <c r="AD3003" s="166">
        <v>0</v>
      </c>
      <c r="AE3003" s="166">
        <v>0</v>
      </c>
      <c r="AF3003" s="166">
        <v>0</v>
      </c>
      <c r="AG3003" s="166">
        <v>0</v>
      </c>
      <c r="AH3003" s="166">
        <v>0</v>
      </c>
      <c r="AI3003" s="166">
        <v>0</v>
      </c>
      <c r="AJ3003" s="166">
        <v>0</v>
      </c>
      <c r="AK3003" s="166">
        <v>0</v>
      </c>
      <c r="AL3003" s="166">
        <v>0</v>
      </c>
      <c r="AM3003" s="166">
        <v>0</v>
      </c>
      <c r="AN3003" s="166">
        <v>0</v>
      </c>
      <c r="AO3003" s="166">
        <v>0</v>
      </c>
      <c r="AP3003" s="166">
        <v>0</v>
      </c>
      <c r="AQ3003" s="166">
        <v>0</v>
      </c>
      <c r="AR3003" s="166">
        <v>0</v>
      </c>
      <c r="AS3003" s="166">
        <v>0</v>
      </c>
      <c r="AT3003" s="166">
        <v>0</v>
      </c>
      <c r="AU3003" s="166">
        <v>0</v>
      </c>
      <c r="AV3003" s="166">
        <v>0</v>
      </c>
      <c r="AW3003" s="166">
        <v>0</v>
      </c>
      <c r="AX3003" s="166">
        <v>0</v>
      </c>
      <c r="AY3003" s="166">
        <v>0</v>
      </c>
      <c r="AZ3003" s="166">
        <v>0</v>
      </c>
      <c r="BA3003" s="166">
        <v>0</v>
      </c>
      <c r="BB3003" s="166">
        <v>0</v>
      </c>
      <c r="BC3003" s="166">
        <v>0</v>
      </c>
      <c r="BD3003" s="166">
        <v>0</v>
      </c>
      <c r="BE3003" s="166">
        <v>0</v>
      </c>
      <c r="BF3003" s="166">
        <v>0</v>
      </c>
      <c r="BG3003" s="166">
        <v>0</v>
      </c>
      <c r="BH3003" s="166">
        <v>0</v>
      </c>
      <c r="BI3003" s="166">
        <v>0</v>
      </c>
      <c r="BJ3003" s="166">
        <v>0</v>
      </c>
      <c r="BK3003" s="166">
        <v>0</v>
      </c>
      <c r="BL3003" s="166">
        <v>0</v>
      </c>
      <c r="BM3003" s="166">
        <v>0</v>
      </c>
      <c r="BN3003" s="166">
        <v>0</v>
      </c>
      <c r="BO3003" s="166">
        <v>0</v>
      </c>
      <c r="BP3003" s="166">
        <v>0</v>
      </c>
      <c r="BQ3003" s="166">
        <v>0</v>
      </c>
      <c r="BR3003" s="166">
        <v>0</v>
      </c>
      <c r="BS3003" s="166">
        <v>0</v>
      </c>
      <c r="BT3003" s="168">
        <v>0</v>
      </c>
      <c r="BU3003" s="166">
        <v>0</v>
      </c>
      <c r="BV3003" s="166">
        <v>0</v>
      </c>
      <c r="BW3003" s="166">
        <v>0</v>
      </c>
      <c r="BX3003" s="166">
        <v>0</v>
      </c>
      <c r="BY3003" s="166">
        <v>0</v>
      </c>
      <c r="BZ3003" s="166">
        <v>0</v>
      </c>
      <c r="CA3003" s="166">
        <v>0</v>
      </c>
      <c r="CB3003" s="166">
        <v>0</v>
      </c>
      <c r="CC3003" s="166">
        <v>0</v>
      </c>
      <c r="CD3003" s="166">
        <v>0</v>
      </c>
      <c r="CE3003" s="166">
        <v>0</v>
      </c>
      <c r="CF3003" s="166">
        <v>0</v>
      </c>
      <c r="CG3003" s="166">
        <v>0</v>
      </c>
      <c r="CH3003" s="166">
        <v>0</v>
      </c>
      <c r="CI3003" s="166">
        <v>0</v>
      </c>
      <c r="CJ3003" s="166">
        <v>0</v>
      </c>
      <c r="CK3003" s="166">
        <v>0</v>
      </c>
      <c r="CL3003" s="166">
        <v>0</v>
      </c>
      <c r="CM3003" s="166">
        <v>0</v>
      </c>
      <c r="CN3003" s="166">
        <v>0</v>
      </c>
      <c r="CO3003" s="166">
        <v>0</v>
      </c>
      <c r="CP3003" s="166">
        <v>0</v>
      </c>
      <c r="CQ3003" s="166">
        <v>0</v>
      </c>
      <c r="CR3003" s="166">
        <v>0</v>
      </c>
      <c r="CS3003" s="166">
        <v>0</v>
      </c>
      <c r="CT3003" s="166">
        <v>0</v>
      </c>
      <c r="CU3003" s="166">
        <v>0</v>
      </c>
      <c r="CV3003" s="166">
        <v>0</v>
      </c>
      <c r="CW3003" s="166">
        <v>0</v>
      </c>
      <c r="CX3003" s="166">
        <v>0</v>
      </c>
      <c r="CY3003" s="166">
        <v>0</v>
      </c>
      <c r="CZ3003" s="166">
        <v>0</v>
      </c>
    </row>
    <row r="3004" spans="1:104" x14ac:dyDescent="0.2">
      <c r="A3004" s="167" t="s">
        <v>1115</v>
      </c>
      <c r="B3004" s="166">
        <v>231051.69999999899</v>
      </c>
      <c r="C3004" s="166">
        <v>231051.69999999899</v>
      </c>
      <c r="D3004" s="166">
        <v>0</v>
      </c>
      <c r="E3004" s="166">
        <v>0</v>
      </c>
      <c r="F3004" s="166">
        <v>0</v>
      </c>
      <c r="G3004" s="166">
        <v>0</v>
      </c>
      <c r="H3004" s="166">
        <v>0</v>
      </c>
      <c r="I3004" s="166">
        <v>0</v>
      </c>
      <c r="J3004" s="166">
        <v>0</v>
      </c>
      <c r="K3004" s="166">
        <v>0</v>
      </c>
      <c r="L3004" s="166">
        <v>0</v>
      </c>
      <c r="M3004" s="166">
        <v>0</v>
      </c>
      <c r="N3004" s="166">
        <v>0</v>
      </c>
      <c r="O3004" s="166">
        <v>0</v>
      </c>
      <c r="P3004" s="166">
        <v>0</v>
      </c>
      <c r="Q3004" s="166">
        <v>0</v>
      </c>
      <c r="R3004" s="166">
        <v>0</v>
      </c>
      <c r="S3004" s="166">
        <v>0</v>
      </c>
      <c r="T3004" s="166">
        <v>0</v>
      </c>
      <c r="U3004" s="166">
        <v>0</v>
      </c>
      <c r="V3004" s="166">
        <v>0</v>
      </c>
      <c r="W3004" s="166">
        <v>0</v>
      </c>
      <c r="X3004" s="166">
        <v>0</v>
      </c>
      <c r="Y3004" s="166">
        <v>0</v>
      </c>
      <c r="Z3004" s="166">
        <v>0</v>
      </c>
      <c r="AA3004" s="166">
        <v>0</v>
      </c>
      <c r="AB3004" s="166">
        <v>0</v>
      </c>
      <c r="AC3004" s="166">
        <v>0</v>
      </c>
      <c r="AD3004" s="166">
        <v>0</v>
      </c>
      <c r="AE3004" s="166">
        <v>0</v>
      </c>
      <c r="AF3004" s="166">
        <v>0</v>
      </c>
      <c r="AG3004" s="166">
        <v>0</v>
      </c>
      <c r="AH3004" s="166">
        <v>0</v>
      </c>
      <c r="AI3004" s="166">
        <v>0</v>
      </c>
      <c r="AJ3004" s="166">
        <v>0</v>
      </c>
      <c r="AK3004" s="166">
        <v>0</v>
      </c>
      <c r="AL3004" s="166">
        <v>0</v>
      </c>
      <c r="AM3004" s="166">
        <v>0</v>
      </c>
      <c r="AN3004" s="166">
        <v>0</v>
      </c>
      <c r="AO3004" s="166">
        <v>0</v>
      </c>
      <c r="AP3004" s="166">
        <v>0</v>
      </c>
      <c r="AQ3004" s="166">
        <v>0</v>
      </c>
      <c r="AR3004" s="166">
        <v>0</v>
      </c>
      <c r="AS3004" s="166">
        <v>0</v>
      </c>
      <c r="AT3004" s="166">
        <v>0</v>
      </c>
      <c r="AU3004" s="166">
        <v>0</v>
      </c>
      <c r="AV3004" s="166">
        <v>0</v>
      </c>
      <c r="AW3004" s="166">
        <v>0</v>
      </c>
      <c r="AX3004" s="166">
        <v>0</v>
      </c>
      <c r="AY3004" s="166">
        <v>0</v>
      </c>
      <c r="AZ3004" s="166">
        <v>0</v>
      </c>
      <c r="BA3004" s="166">
        <v>0</v>
      </c>
      <c r="BB3004" s="166">
        <v>0</v>
      </c>
      <c r="BC3004" s="166">
        <v>0</v>
      </c>
      <c r="BD3004" s="166">
        <v>0</v>
      </c>
      <c r="BE3004" s="166">
        <v>0</v>
      </c>
      <c r="BF3004" s="166">
        <v>0</v>
      </c>
      <c r="BG3004" s="166">
        <v>0</v>
      </c>
      <c r="BH3004" s="166">
        <v>0</v>
      </c>
      <c r="BI3004" s="166">
        <v>0</v>
      </c>
      <c r="BJ3004" s="166">
        <v>0</v>
      </c>
      <c r="BK3004" s="166">
        <v>0</v>
      </c>
      <c r="BL3004" s="166">
        <v>0</v>
      </c>
      <c r="BM3004" s="166">
        <v>0</v>
      </c>
      <c r="BN3004" s="166">
        <v>0</v>
      </c>
      <c r="BO3004" s="166">
        <v>0</v>
      </c>
      <c r="BP3004" s="166">
        <v>0</v>
      </c>
      <c r="BQ3004" s="166">
        <v>0</v>
      </c>
      <c r="BR3004" s="166">
        <v>231051.69999999899</v>
      </c>
      <c r="BS3004" s="166">
        <v>231051.7</v>
      </c>
      <c r="BT3004" s="168">
        <v>0</v>
      </c>
      <c r="BU3004" s="166">
        <v>0</v>
      </c>
      <c r="BV3004" s="166">
        <v>0</v>
      </c>
      <c r="BW3004" s="166">
        <v>0</v>
      </c>
      <c r="BX3004" s="166">
        <v>0</v>
      </c>
      <c r="BY3004" s="166">
        <v>0</v>
      </c>
      <c r="BZ3004" s="166">
        <v>0</v>
      </c>
      <c r="CA3004" s="166">
        <v>0</v>
      </c>
      <c r="CB3004" s="166">
        <v>0</v>
      </c>
      <c r="CC3004" s="166">
        <v>0</v>
      </c>
      <c r="CD3004" s="166">
        <v>0</v>
      </c>
      <c r="CE3004" s="166">
        <v>0</v>
      </c>
      <c r="CF3004" s="166">
        <v>0</v>
      </c>
      <c r="CG3004" s="166">
        <v>0</v>
      </c>
      <c r="CH3004" s="166">
        <v>0</v>
      </c>
      <c r="CI3004" s="166">
        <v>0</v>
      </c>
      <c r="CJ3004" s="166">
        <v>0</v>
      </c>
      <c r="CK3004" s="166">
        <v>0</v>
      </c>
      <c r="CL3004" s="166">
        <v>0</v>
      </c>
      <c r="CM3004" s="166">
        <v>0</v>
      </c>
      <c r="CN3004" s="166">
        <v>0</v>
      </c>
      <c r="CO3004" s="166">
        <v>0</v>
      </c>
      <c r="CP3004" s="166">
        <v>0</v>
      </c>
      <c r="CQ3004" s="166">
        <v>0</v>
      </c>
      <c r="CR3004" s="166">
        <v>0</v>
      </c>
      <c r="CS3004" s="166">
        <v>0</v>
      </c>
      <c r="CT3004" s="166">
        <v>0</v>
      </c>
      <c r="CU3004" s="166">
        <v>0</v>
      </c>
      <c r="CV3004" s="166">
        <v>0</v>
      </c>
      <c r="CW3004" s="166">
        <v>0</v>
      </c>
      <c r="CX3004" s="166">
        <v>0</v>
      </c>
      <c r="CY3004" s="166">
        <v>0</v>
      </c>
      <c r="CZ3004" s="166">
        <v>0</v>
      </c>
    </row>
    <row r="3005" spans="1:104" x14ac:dyDescent="0.2">
      <c r="A3005" s="167" t="s">
        <v>292</v>
      </c>
    </row>
    <row r="3006" spans="1:104" x14ac:dyDescent="0.2">
      <c r="A3006" s="167" t="s">
        <v>293</v>
      </c>
      <c r="B3006" s="166">
        <v>4543357.5199999996</v>
      </c>
      <c r="C3006" s="166">
        <v>4543357.5199999996</v>
      </c>
      <c r="D3006" s="166">
        <v>0</v>
      </c>
      <c r="E3006" s="166">
        <v>0</v>
      </c>
      <c r="F3006" s="166">
        <v>0</v>
      </c>
      <c r="G3006" s="166">
        <v>0</v>
      </c>
      <c r="H3006" s="166">
        <v>0</v>
      </c>
      <c r="I3006" s="166">
        <v>0</v>
      </c>
      <c r="J3006" s="166">
        <v>0</v>
      </c>
      <c r="K3006" s="166">
        <v>0</v>
      </c>
      <c r="L3006" s="166">
        <v>0</v>
      </c>
      <c r="M3006" s="166">
        <v>0</v>
      </c>
      <c r="N3006" s="166">
        <v>0</v>
      </c>
      <c r="O3006" s="166">
        <v>0</v>
      </c>
      <c r="P3006" s="166">
        <v>0</v>
      </c>
      <c r="Q3006" s="166">
        <v>0</v>
      </c>
      <c r="R3006" s="166">
        <v>0</v>
      </c>
      <c r="S3006" s="166">
        <v>0</v>
      </c>
      <c r="T3006" s="166">
        <v>0</v>
      </c>
      <c r="U3006" s="166">
        <v>0</v>
      </c>
      <c r="V3006" s="166">
        <v>0</v>
      </c>
      <c r="W3006" s="166">
        <v>0</v>
      </c>
      <c r="X3006" s="166">
        <v>0</v>
      </c>
      <c r="Y3006" s="166">
        <v>0</v>
      </c>
      <c r="Z3006" s="166">
        <v>0</v>
      </c>
      <c r="AA3006" s="166">
        <v>0</v>
      </c>
      <c r="AB3006" s="166">
        <v>0</v>
      </c>
      <c r="AC3006" s="166">
        <v>0</v>
      </c>
      <c r="AD3006" s="166">
        <v>0</v>
      </c>
      <c r="AE3006" s="166">
        <v>0</v>
      </c>
      <c r="AF3006" s="166">
        <v>0</v>
      </c>
      <c r="AG3006" s="166">
        <v>0</v>
      </c>
      <c r="AH3006" s="166">
        <v>0</v>
      </c>
      <c r="AI3006" s="166">
        <v>0</v>
      </c>
      <c r="AJ3006" s="166">
        <v>0</v>
      </c>
      <c r="AK3006" s="166">
        <v>0</v>
      </c>
      <c r="AL3006" s="166">
        <v>0</v>
      </c>
      <c r="AM3006" s="166">
        <v>0</v>
      </c>
      <c r="AN3006" s="166">
        <v>0</v>
      </c>
      <c r="AO3006" s="166">
        <v>0</v>
      </c>
      <c r="AP3006" s="166">
        <v>0</v>
      </c>
      <c r="AQ3006" s="166">
        <v>0</v>
      </c>
      <c r="AR3006" s="166">
        <v>0</v>
      </c>
      <c r="AS3006" s="166">
        <v>0</v>
      </c>
      <c r="AT3006" s="166">
        <v>0</v>
      </c>
      <c r="AU3006" s="166">
        <v>0</v>
      </c>
      <c r="AV3006" s="166">
        <v>0</v>
      </c>
      <c r="AW3006" s="166">
        <v>0</v>
      </c>
      <c r="AX3006" s="166">
        <v>0</v>
      </c>
      <c r="AY3006" s="166">
        <v>0</v>
      </c>
      <c r="AZ3006" s="166">
        <v>0</v>
      </c>
      <c r="BA3006" s="166">
        <v>0</v>
      </c>
      <c r="BB3006" s="166">
        <v>0</v>
      </c>
      <c r="BC3006" s="166">
        <v>0</v>
      </c>
      <c r="BD3006" s="166">
        <v>0</v>
      </c>
      <c r="BE3006" s="166">
        <v>0</v>
      </c>
      <c r="BF3006" s="166">
        <v>0</v>
      </c>
      <c r="BG3006" s="166">
        <v>0</v>
      </c>
      <c r="BH3006" s="166">
        <v>0</v>
      </c>
      <c r="BI3006" s="166">
        <v>0</v>
      </c>
      <c r="BJ3006" s="166">
        <v>0</v>
      </c>
      <c r="BK3006" s="166">
        <v>0</v>
      </c>
      <c r="BL3006" s="166">
        <v>0</v>
      </c>
      <c r="BM3006" s="166">
        <v>0</v>
      </c>
      <c r="BN3006" s="166">
        <v>0</v>
      </c>
      <c r="BO3006" s="166">
        <v>0</v>
      </c>
      <c r="BP3006" s="166">
        <v>0</v>
      </c>
      <c r="BQ3006" s="166">
        <v>0</v>
      </c>
      <c r="BR3006" s="166">
        <v>4543357.5199999996</v>
      </c>
      <c r="BS3006" s="166">
        <v>4543357.5199999996</v>
      </c>
      <c r="BT3006" s="168">
        <v>0</v>
      </c>
      <c r="BU3006" s="166">
        <v>0</v>
      </c>
      <c r="BV3006" s="166">
        <v>0</v>
      </c>
      <c r="BW3006" s="166">
        <v>0</v>
      </c>
      <c r="BX3006" s="166">
        <v>0</v>
      </c>
      <c r="BY3006" s="166">
        <v>0</v>
      </c>
      <c r="BZ3006" s="166">
        <v>0</v>
      </c>
      <c r="CA3006" s="166">
        <v>0</v>
      </c>
      <c r="CB3006" s="166">
        <v>0</v>
      </c>
      <c r="CC3006" s="166">
        <v>0</v>
      </c>
      <c r="CD3006" s="166">
        <v>0</v>
      </c>
      <c r="CE3006" s="166">
        <v>0</v>
      </c>
      <c r="CF3006" s="166">
        <v>0</v>
      </c>
      <c r="CG3006" s="166">
        <v>0</v>
      </c>
      <c r="CH3006" s="166">
        <v>0</v>
      </c>
      <c r="CI3006" s="166">
        <v>0</v>
      </c>
      <c r="CJ3006" s="166">
        <v>0</v>
      </c>
      <c r="CK3006" s="166">
        <v>0</v>
      </c>
      <c r="CL3006" s="166">
        <v>0</v>
      </c>
      <c r="CM3006" s="166">
        <v>0</v>
      </c>
      <c r="CN3006" s="166">
        <v>0</v>
      </c>
      <c r="CO3006" s="166">
        <v>0</v>
      </c>
      <c r="CP3006" s="166">
        <v>0</v>
      </c>
      <c r="CQ3006" s="166">
        <v>0</v>
      </c>
      <c r="CR3006" s="166">
        <v>0</v>
      </c>
      <c r="CS3006" s="166">
        <v>0</v>
      </c>
      <c r="CT3006" s="166">
        <v>0</v>
      </c>
      <c r="CU3006" s="166">
        <v>0</v>
      </c>
      <c r="CV3006" s="166">
        <v>0</v>
      </c>
      <c r="CW3006" s="166">
        <v>0</v>
      </c>
      <c r="CX3006" s="166">
        <v>0</v>
      </c>
      <c r="CY3006" s="166">
        <v>0</v>
      </c>
      <c r="CZ3006" s="166">
        <v>0</v>
      </c>
    </row>
    <row r="3007" spans="1:104" x14ac:dyDescent="0.2">
      <c r="A3007" s="167" t="s">
        <v>294</v>
      </c>
    </row>
    <row r="3008" spans="1:104" x14ac:dyDescent="0.2">
      <c r="A3008" s="167" t="s">
        <v>1116</v>
      </c>
      <c r="B3008" s="166">
        <v>365374.99</v>
      </c>
      <c r="C3008" s="166">
        <v>365374.99</v>
      </c>
      <c r="D3008" s="166">
        <v>0</v>
      </c>
      <c r="E3008" s="166">
        <v>0</v>
      </c>
      <c r="F3008" s="166">
        <v>0</v>
      </c>
      <c r="G3008" s="166">
        <v>0</v>
      </c>
      <c r="H3008" s="166">
        <v>0</v>
      </c>
      <c r="I3008" s="166">
        <v>0</v>
      </c>
      <c r="J3008" s="166">
        <v>0</v>
      </c>
      <c r="K3008" s="166">
        <v>0</v>
      </c>
      <c r="L3008" s="166">
        <v>0</v>
      </c>
      <c r="M3008" s="166">
        <v>0</v>
      </c>
      <c r="N3008" s="166">
        <v>0</v>
      </c>
      <c r="O3008" s="166">
        <v>0</v>
      </c>
      <c r="P3008" s="166">
        <v>0</v>
      </c>
      <c r="Q3008" s="166">
        <v>0</v>
      </c>
      <c r="R3008" s="166">
        <v>0</v>
      </c>
      <c r="S3008" s="166">
        <v>0</v>
      </c>
      <c r="T3008" s="166">
        <v>0</v>
      </c>
      <c r="U3008" s="166">
        <v>0</v>
      </c>
      <c r="V3008" s="166">
        <v>0</v>
      </c>
      <c r="W3008" s="166">
        <v>0</v>
      </c>
      <c r="X3008" s="166">
        <v>0</v>
      </c>
      <c r="Y3008" s="166">
        <v>0</v>
      </c>
      <c r="Z3008" s="166">
        <v>0</v>
      </c>
      <c r="AA3008" s="166">
        <v>0</v>
      </c>
      <c r="AB3008" s="166">
        <v>0</v>
      </c>
      <c r="AC3008" s="166">
        <v>0</v>
      </c>
      <c r="AD3008" s="166">
        <v>0</v>
      </c>
      <c r="AE3008" s="166">
        <v>0</v>
      </c>
      <c r="AF3008" s="166">
        <v>0</v>
      </c>
      <c r="AG3008" s="166">
        <v>0</v>
      </c>
      <c r="AH3008" s="166">
        <v>0</v>
      </c>
      <c r="AI3008" s="166">
        <v>0</v>
      </c>
      <c r="AJ3008" s="166">
        <v>0</v>
      </c>
      <c r="AK3008" s="166">
        <v>0</v>
      </c>
      <c r="AL3008" s="166">
        <v>0</v>
      </c>
      <c r="AM3008" s="166">
        <v>0</v>
      </c>
      <c r="AN3008" s="166">
        <v>0</v>
      </c>
      <c r="AO3008" s="166">
        <v>0</v>
      </c>
      <c r="AP3008" s="166">
        <v>0</v>
      </c>
      <c r="AQ3008" s="166">
        <v>0</v>
      </c>
      <c r="AR3008" s="166">
        <v>0</v>
      </c>
      <c r="AS3008" s="166">
        <v>0</v>
      </c>
      <c r="AT3008" s="166">
        <v>0</v>
      </c>
      <c r="AU3008" s="166">
        <v>0</v>
      </c>
      <c r="AV3008" s="166">
        <v>0</v>
      </c>
      <c r="AW3008" s="166">
        <v>0</v>
      </c>
      <c r="AX3008" s="166">
        <v>0</v>
      </c>
      <c r="AY3008" s="166">
        <v>0</v>
      </c>
      <c r="AZ3008" s="166">
        <v>0</v>
      </c>
      <c r="BA3008" s="166">
        <v>0</v>
      </c>
      <c r="BB3008" s="166">
        <v>0</v>
      </c>
      <c r="BC3008" s="166">
        <v>0</v>
      </c>
      <c r="BD3008" s="166">
        <v>0</v>
      </c>
      <c r="BE3008" s="166">
        <v>0</v>
      </c>
      <c r="BF3008" s="166">
        <v>0</v>
      </c>
      <c r="BG3008" s="166">
        <v>0</v>
      </c>
      <c r="BH3008" s="166">
        <v>0</v>
      </c>
      <c r="BI3008" s="166">
        <v>0</v>
      </c>
      <c r="BJ3008" s="166">
        <v>0</v>
      </c>
      <c r="BK3008" s="166">
        <v>0</v>
      </c>
      <c r="BL3008" s="166">
        <v>0</v>
      </c>
      <c r="BM3008" s="166">
        <v>0</v>
      </c>
      <c r="BN3008" s="166">
        <v>0</v>
      </c>
      <c r="BO3008" s="166">
        <v>0</v>
      </c>
      <c r="BP3008" s="166">
        <v>0</v>
      </c>
      <c r="BQ3008" s="166">
        <v>0</v>
      </c>
      <c r="BR3008" s="166">
        <v>365374.99</v>
      </c>
      <c r="BS3008" s="166">
        <v>365374.99</v>
      </c>
      <c r="BT3008" s="168">
        <v>0</v>
      </c>
      <c r="BU3008" s="166">
        <v>0</v>
      </c>
      <c r="BV3008" s="166">
        <v>0</v>
      </c>
      <c r="BW3008" s="166">
        <v>0</v>
      </c>
      <c r="BX3008" s="166">
        <v>0</v>
      </c>
      <c r="BY3008" s="166">
        <v>0</v>
      </c>
      <c r="BZ3008" s="166">
        <v>0</v>
      </c>
      <c r="CA3008" s="166">
        <v>0</v>
      </c>
      <c r="CB3008" s="166">
        <v>0</v>
      </c>
      <c r="CC3008" s="166">
        <v>0</v>
      </c>
      <c r="CD3008" s="166">
        <v>0</v>
      </c>
      <c r="CE3008" s="166">
        <v>0</v>
      </c>
      <c r="CF3008" s="166">
        <v>0</v>
      </c>
      <c r="CG3008" s="166">
        <v>0</v>
      </c>
      <c r="CH3008" s="166">
        <v>0</v>
      </c>
      <c r="CI3008" s="166">
        <v>0</v>
      </c>
      <c r="CJ3008" s="166">
        <v>0</v>
      </c>
      <c r="CK3008" s="166">
        <v>0</v>
      </c>
      <c r="CL3008" s="166">
        <v>0</v>
      </c>
      <c r="CM3008" s="166">
        <v>0</v>
      </c>
      <c r="CN3008" s="166">
        <v>0</v>
      </c>
      <c r="CO3008" s="166">
        <v>0</v>
      </c>
      <c r="CP3008" s="166">
        <v>0</v>
      </c>
      <c r="CQ3008" s="166">
        <v>0</v>
      </c>
      <c r="CR3008" s="166">
        <v>0</v>
      </c>
      <c r="CS3008" s="166">
        <v>0</v>
      </c>
      <c r="CT3008" s="166">
        <v>0</v>
      </c>
      <c r="CU3008" s="166">
        <v>0</v>
      </c>
      <c r="CV3008" s="166">
        <v>0</v>
      </c>
      <c r="CW3008" s="166">
        <v>0</v>
      </c>
      <c r="CX3008" s="166">
        <v>0</v>
      </c>
      <c r="CY3008" s="166">
        <v>0</v>
      </c>
      <c r="CZ3008" s="166">
        <v>0</v>
      </c>
    </row>
    <row r="3009" spans="1:104" x14ac:dyDescent="0.2">
      <c r="A3009" s="167" t="s">
        <v>296</v>
      </c>
    </row>
    <row r="3010" spans="1:104" x14ac:dyDescent="0.2">
      <c r="A3010" s="167" t="s">
        <v>1117</v>
      </c>
      <c r="B3010" s="166">
        <v>341798.40750157798</v>
      </c>
      <c r="C3010" s="166">
        <v>341798.40750157798</v>
      </c>
      <c r="D3010" s="166">
        <v>0</v>
      </c>
      <c r="E3010" s="166">
        <v>0</v>
      </c>
      <c r="F3010" s="166">
        <v>0</v>
      </c>
      <c r="G3010" s="166">
        <v>0</v>
      </c>
      <c r="H3010" s="166">
        <v>0</v>
      </c>
      <c r="I3010" s="166">
        <v>0</v>
      </c>
      <c r="J3010" s="166">
        <v>0</v>
      </c>
      <c r="K3010" s="166">
        <v>0</v>
      </c>
      <c r="L3010" s="166">
        <v>0</v>
      </c>
      <c r="M3010" s="166">
        <v>0</v>
      </c>
      <c r="N3010" s="166">
        <v>0</v>
      </c>
      <c r="O3010" s="166">
        <v>0</v>
      </c>
      <c r="P3010" s="166">
        <v>0</v>
      </c>
      <c r="Q3010" s="166">
        <v>0</v>
      </c>
      <c r="R3010" s="166">
        <v>0</v>
      </c>
      <c r="S3010" s="166">
        <v>0</v>
      </c>
      <c r="T3010" s="166">
        <v>0</v>
      </c>
      <c r="U3010" s="166">
        <v>0</v>
      </c>
      <c r="V3010" s="166">
        <v>0</v>
      </c>
      <c r="W3010" s="166">
        <v>0</v>
      </c>
      <c r="X3010" s="166">
        <v>0</v>
      </c>
      <c r="Y3010" s="166">
        <v>0</v>
      </c>
      <c r="Z3010" s="166">
        <v>0</v>
      </c>
      <c r="AA3010" s="166">
        <v>0</v>
      </c>
      <c r="AB3010" s="166">
        <v>0</v>
      </c>
      <c r="AC3010" s="166">
        <v>0</v>
      </c>
      <c r="AD3010" s="166">
        <v>0</v>
      </c>
      <c r="AE3010" s="166">
        <v>0</v>
      </c>
      <c r="AF3010" s="166">
        <v>0</v>
      </c>
      <c r="AG3010" s="166">
        <v>0</v>
      </c>
      <c r="AH3010" s="166">
        <v>0</v>
      </c>
      <c r="AI3010" s="166">
        <v>0</v>
      </c>
      <c r="AJ3010" s="166">
        <v>0</v>
      </c>
      <c r="AK3010" s="166">
        <v>0</v>
      </c>
      <c r="AL3010" s="166">
        <v>0</v>
      </c>
      <c r="AM3010" s="166">
        <v>0</v>
      </c>
      <c r="AN3010" s="166">
        <v>0</v>
      </c>
      <c r="AO3010" s="166">
        <v>0</v>
      </c>
      <c r="AP3010" s="166">
        <v>0</v>
      </c>
      <c r="AQ3010" s="166">
        <v>0</v>
      </c>
      <c r="AR3010" s="166">
        <v>0</v>
      </c>
      <c r="AS3010" s="166">
        <v>0</v>
      </c>
      <c r="AT3010" s="166">
        <v>0</v>
      </c>
      <c r="AU3010" s="166">
        <v>0</v>
      </c>
      <c r="AV3010" s="166">
        <v>0</v>
      </c>
      <c r="AW3010" s="166">
        <v>0</v>
      </c>
      <c r="AX3010" s="166">
        <v>0</v>
      </c>
      <c r="AY3010" s="166">
        <v>0</v>
      </c>
      <c r="AZ3010" s="166">
        <v>0</v>
      </c>
      <c r="BA3010" s="166">
        <v>0</v>
      </c>
      <c r="BB3010" s="166">
        <v>0</v>
      </c>
      <c r="BC3010" s="166">
        <v>0</v>
      </c>
      <c r="BD3010" s="166">
        <v>0</v>
      </c>
      <c r="BE3010" s="166">
        <v>0</v>
      </c>
      <c r="BF3010" s="166">
        <v>0</v>
      </c>
      <c r="BG3010" s="166">
        <v>0</v>
      </c>
      <c r="BH3010" s="166">
        <v>0</v>
      </c>
      <c r="BI3010" s="166">
        <v>0</v>
      </c>
      <c r="BJ3010" s="166">
        <v>0</v>
      </c>
      <c r="BK3010" s="166">
        <v>0</v>
      </c>
      <c r="BL3010" s="166">
        <v>0</v>
      </c>
      <c r="BM3010" s="166">
        <v>0</v>
      </c>
      <c r="BN3010" s="166">
        <v>0</v>
      </c>
      <c r="BO3010" s="166">
        <v>0</v>
      </c>
      <c r="BP3010" s="166">
        <v>0</v>
      </c>
      <c r="BQ3010" s="166">
        <v>0</v>
      </c>
      <c r="BR3010" s="166">
        <v>341798.40750157798</v>
      </c>
      <c r="BS3010" s="166">
        <v>341798.40750157798</v>
      </c>
      <c r="BT3010" s="168">
        <v>0</v>
      </c>
      <c r="BU3010" s="166">
        <v>0</v>
      </c>
      <c r="BV3010" s="166">
        <v>0</v>
      </c>
      <c r="BW3010" s="166">
        <v>0</v>
      </c>
      <c r="BX3010" s="166">
        <v>0</v>
      </c>
      <c r="BY3010" s="166">
        <v>0</v>
      </c>
      <c r="BZ3010" s="166">
        <v>0</v>
      </c>
      <c r="CA3010" s="166">
        <v>0</v>
      </c>
      <c r="CB3010" s="166">
        <v>0</v>
      </c>
      <c r="CC3010" s="166">
        <v>0</v>
      </c>
      <c r="CD3010" s="166">
        <v>0</v>
      </c>
      <c r="CE3010" s="166">
        <v>0</v>
      </c>
      <c r="CF3010" s="166">
        <v>0</v>
      </c>
      <c r="CG3010" s="166">
        <v>0</v>
      </c>
      <c r="CH3010" s="166">
        <v>0</v>
      </c>
      <c r="CI3010" s="166">
        <v>0</v>
      </c>
      <c r="CJ3010" s="166">
        <v>0</v>
      </c>
      <c r="CK3010" s="166">
        <v>0</v>
      </c>
      <c r="CL3010" s="166">
        <v>0</v>
      </c>
      <c r="CM3010" s="166">
        <v>0</v>
      </c>
      <c r="CN3010" s="166">
        <v>0</v>
      </c>
      <c r="CO3010" s="166">
        <v>0</v>
      </c>
      <c r="CP3010" s="166">
        <v>0</v>
      </c>
      <c r="CQ3010" s="166">
        <v>0</v>
      </c>
      <c r="CR3010" s="166">
        <v>0</v>
      </c>
      <c r="CS3010" s="166">
        <v>0</v>
      </c>
      <c r="CT3010" s="166">
        <v>0</v>
      </c>
      <c r="CU3010" s="166">
        <v>0</v>
      </c>
      <c r="CV3010" s="166">
        <v>0</v>
      </c>
      <c r="CW3010" s="166">
        <v>0</v>
      </c>
      <c r="CX3010" s="166">
        <v>0</v>
      </c>
      <c r="CY3010" s="166">
        <v>0</v>
      </c>
      <c r="CZ3010" s="166">
        <v>0</v>
      </c>
    </row>
    <row r="3011" spans="1:104" x14ac:dyDescent="0.2">
      <c r="A3011" s="167" t="s">
        <v>1118</v>
      </c>
      <c r="B3011" s="166">
        <v>180819.66702197201</v>
      </c>
      <c r="C3011" s="166">
        <v>180819.66702197201</v>
      </c>
      <c r="D3011" s="166">
        <v>0</v>
      </c>
      <c r="E3011" s="166">
        <v>0</v>
      </c>
      <c r="F3011" s="166">
        <v>0</v>
      </c>
      <c r="G3011" s="166">
        <v>0</v>
      </c>
      <c r="H3011" s="166">
        <v>0</v>
      </c>
      <c r="I3011" s="166">
        <v>0</v>
      </c>
      <c r="J3011" s="166">
        <v>0</v>
      </c>
      <c r="K3011" s="166">
        <v>0</v>
      </c>
      <c r="L3011" s="166">
        <v>0</v>
      </c>
      <c r="M3011" s="166">
        <v>0</v>
      </c>
      <c r="N3011" s="166">
        <v>0</v>
      </c>
      <c r="O3011" s="166">
        <v>0</v>
      </c>
      <c r="P3011" s="166">
        <v>0</v>
      </c>
      <c r="Q3011" s="166">
        <v>0</v>
      </c>
      <c r="R3011" s="166">
        <v>0</v>
      </c>
      <c r="S3011" s="166">
        <v>0</v>
      </c>
      <c r="T3011" s="166">
        <v>0</v>
      </c>
      <c r="U3011" s="166">
        <v>0</v>
      </c>
      <c r="V3011" s="166">
        <v>0</v>
      </c>
      <c r="W3011" s="166">
        <v>0</v>
      </c>
      <c r="X3011" s="166">
        <v>0</v>
      </c>
      <c r="Y3011" s="166">
        <v>0</v>
      </c>
      <c r="Z3011" s="166">
        <v>0</v>
      </c>
      <c r="AA3011" s="166">
        <v>0</v>
      </c>
      <c r="AB3011" s="166">
        <v>0</v>
      </c>
      <c r="AC3011" s="166">
        <v>0</v>
      </c>
      <c r="AD3011" s="166">
        <v>0</v>
      </c>
      <c r="AE3011" s="166">
        <v>0</v>
      </c>
      <c r="AF3011" s="166">
        <v>0</v>
      </c>
      <c r="AG3011" s="166">
        <v>0</v>
      </c>
      <c r="AH3011" s="166">
        <v>0</v>
      </c>
      <c r="AI3011" s="166">
        <v>0</v>
      </c>
      <c r="AJ3011" s="166">
        <v>0</v>
      </c>
      <c r="AK3011" s="166">
        <v>0</v>
      </c>
      <c r="AL3011" s="166">
        <v>0</v>
      </c>
      <c r="AM3011" s="166">
        <v>0</v>
      </c>
      <c r="AN3011" s="166">
        <v>0</v>
      </c>
      <c r="AO3011" s="166">
        <v>0</v>
      </c>
      <c r="AP3011" s="166">
        <v>0</v>
      </c>
      <c r="AQ3011" s="166">
        <v>0</v>
      </c>
      <c r="AR3011" s="166">
        <v>0</v>
      </c>
      <c r="AS3011" s="166">
        <v>0</v>
      </c>
      <c r="AT3011" s="166">
        <v>0</v>
      </c>
      <c r="AU3011" s="166">
        <v>0</v>
      </c>
      <c r="AV3011" s="166">
        <v>0</v>
      </c>
      <c r="AW3011" s="166">
        <v>0</v>
      </c>
      <c r="AX3011" s="166">
        <v>0</v>
      </c>
      <c r="AY3011" s="166">
        <v>0</v>
      </c>
      <c r="AZ3011" s="166">
        <v>0</v>
      </c>
      <c r="BA3011" s="166">
        <v>0</v>
      </c>
      <c r="BB3011" s="166">
        <v>0</v>
      </c>
      <c r="BC3011" s="166">
        <v>0</v>
      </c>
      <c r="BD3011" s="166">
        <v>0</v>
      </c>
      <c r="BE3011" s="166">
        <v>0</v>
      </c>
      <c r="BF3011" s="166">
        <v>0</v>
      </c>
      <c r="BG3011" s="166">
        <v>0</v>
      </c>
      <c r="BH3011" s="166">
        <v>0</v>
      </c>
      <c r="BI3011" s="166">
        <v>0</v>
      </c>
      <c r="BJ3011" s="166">
        <v>0</v>
      </c>
      <c r="BK3011" s="166">
        <v>0</v>
      </c>
      <c r="BL3011" s="166">
        <v>0</v>
      </c>
      <c r="BM3011" s="166">
        <v>0</v>
      </c>
      <c r="BN3011" s="166">
        <v>0</v>
      </c>
      <c r="BO3011" s="166">
        <v>0</v>
      </c>
      <c r="BP3011" s="166">
        <v>0</v>
      </c>
      <c r="BQ3011" s="166">
        <v>0</v>
      </c>
      <c r="BR3011" s="166">
        <v>180819.66702197201</v>
      </c>
      <c r="BS3011" s="166">
        <v>180819.66702197201</v>
      </c>
      <c r="BT3011" s="168">
        <v>0</v>
      </c>
      <c r="BU3011" s="166">
        <v>0</v>
      </c>
      <c r="BV3011" s="166">
        <v>0</v>
      </c>
      <c r="BW3011" s="166">
        <v>0</v>
      </c>
      <c r="BX3011" s="166">
        <v>0</v>
      </c>
      <c r="BY3011" s="166">
        <v>0</v>
      </c>
      <c r="BZ3011" s="166">
        <v>0</v>
      </c>
      <c r="CA3011" s="166">
        <v>0</v>
      </c>
      <c r="CB3011" s="166">
        <v>0</v>
      </c>
      <c r="CC3011" s="166">
        <v>0</v>
      </c>
      <c r="CD3011" s="166">
        <v>0</v>
      </c>
      <c r="CE3011" s="166">
        <v>0</v>
      </c>
      <c r="CF3011" s="166">
        <v>0</v>
      </c>
      <c r="CG3011" s="166">
        <v>0</v>
      </c>
      <c r="CH3011" s="166">
        <v>0</v>
      </c>
      <c r="CI3011" s="166">
        <v>0</v>
      </c>
      <c r="CJ3011" s="166">
        <v>0</v>
      </c>
      <c r="CK3011" s="166">
        <v>0</v>
      </c>
      <c r="CL3011" s="166">
        <v>0</v>
      </c>
      <c r="CM3011" s="166">
        <v>0</v>
      </c>
      <c r="CN3011" s="166">
        <v>0</v>
      </c>
      <c r="CO3011" s="166">
        <v>0</v>
      </c>
      <c r="CP3011" s="166">
        <v>0</v>
      </c>
      <c r="CQ3011" s="166">
        <v>0</v>
      </c>
      <c r="CR3011" s="166">
        <v>0</v>
      </c>
      <c r="CS3011" s="166">
        <v>0</v>
      </c>
      <c r="CT3011" s="166">
        <v>0</v>
      </c>
      <c r="CU3011" s="166">
        <v>0</v>
      </c>
      <c r="CV3011" s="166">
        <v>0</v>
      </c>
      <c r="CW3011" s="166">
        <v>0</v>
      </c>
      <c r="CX3011" s="166">
        <v>0</v>
      </c>
      <c r="CY3011" s="166">
        <v>0</v>
      </c>
      <c r="CZ3011" s="166">
        <v>0</v>
      </c>
    </row>
    <row r="3012" spans="1:104" x14ac:dyDescent="0.2">
      <c r="A3012" s="167" t="s">
        <v>1119</v>
      </c>
      <c r="B3012" s="166">
        <v>37166.847384782697</v>
      </c>
      <c r="C3012" s="166">
        <v>37166.847384782697</v>
      </c>
      <c r="D3012" s="166">
        <v>0</v>
      </c>
      <c r="E3012" s="166">
        <v>0</v>
      </c>
      <c r="F3012" s="166">
        <v>0</v>
      </c>
      <c r="G3012" s="166">
        <v>0</v>
      </c>
      <c r="H3012" s="166">
        <v>0</v>
      </c>
      <c r="I3012" s="166">
        <v>0</v>
      </c>
      <c r="J3012" s="166">
        <v>0</v>
      </c>
      <c r="K3012" s="166">
        <v>0</v>
      </c>
      <c r="L3012" s="166">
        <v>0</v>
      </c>
      <c r="M3012" s="166">
        <v>0</v>
      </c>
      <c r="N3012" s="166">
        <v>0</v>
      </c>
      <c r="O3012" s="166">
        <v>0</v>
      </c>
      <c r="P3012" s="166">
        <v>0</v>
      </c>
      <c r="Q3012" s="166">
        <v>0</v>
      </c>
      <c r="R3012" s="166">
        <v>0</v>
      </c>
      <c r="S3012" s="166">
        <v>0</v>
      </c>
      <c r="T3012" s="166">
        <v>0</v>
      </c>
      <c r="U3012" s="166">
        <v>0</v>
      </c>
      <c r="V3012" s="166">
        <v>0</v>
      </c>
      <c r="W3012" s="166">
        <v>0</v>
      </c>
      <c r="X3012" s="166">
        <v>0</v>
      </c>
      <c r="Y3012" s="166">
        <v>0</v>
      </c>
      <c r="Z3012" s="166">
        <v>0</v>
      </c>
      <c r="AA3012" s="166">
        <v>0</v>
      </c>
      <c r="AB3012" s="166">
        <v>0</v>
      </c>
      <c r="AC3012" s="166">
        <v>0</v>
      </c>
      <c r="AD3012" s="166">
        <v>0</v>
      </c>
      <c r="AE3012" s="166">
        <v>0</v>
      </c>
      <c r="AF3012" s="166">
        <v>0</v>
      </c>
      <c r="AG3012" s="166">
        <v>0</v>
      </c>
      <c r="AH3012" s="166">
        <v>0</v>
      </c>
      <c r="AI3012" s="166">
        <v>0</v>
      </c>
      <c r="AJ3012" s="166">
        <v>0</v>
      </c>
      <c r="AK3012" s="166">
        <v>0</v>
      </c>
      <c r="AL3012" s="166">
        <v>0</v>
      </c>
      <c r="AM3012" s="166">
        <v>0</v>
      </c>
      <c r="AN3012" s="166">
        <v>0</v>
      </c>
      <c r="AO3012" s="166">
        <v>0</v>
      </c>
      <c r="AP3012" s="166">
        <v>0</v>
      </c>
      <c r="AQ3012" s="166">
        <v>0</v>
      </c>
      <c r="AR3012" s="166">
        <v>0</v>
      </c>
      <c r="AS3012" s="166">
        <v>0</v>
      </c>
      <c r="AT3012" s="166">
        <v>0</v>
      </c>
      <c r="AU3012" s="166">
        <v>0</v>
      </c>
      <c r="AV3012" s="166">
        <v>0</v>
      </c>
      <c r="AW3012" s="166">
        <v>0</v>
      </c>
      <c r="AX3012" s="166">
        <v>0</v>
      </c>
      <c r="AY3012" s="166">
        <v>0</v>
      </c>
      <c r="AZ3012" s="166">
        <v>0</v>
      </c>
      <c r="BA3012" s="166">
        <v>0</v>
      </c>
      <c r="BB3012" s="166">
        <v>0</v>
      </c>
      <c r="BC3012" s="166">
        <v>0</v>
      </c>
      <c r="BD3012" s="166">
        <v>0</v>
      </c>
      <c r="BE3012" s="166">
        <v>0</v>
      </c>
      <c r="BF3012" s="166">
        <v>0</v>
      </c>
      <c r="BG3012" s="166">
        <v>0</v>
      </c>
      <c r="BH3012" s="166">
        <v>0</v>
      </c>
      <c r="BI3012" s="166">
        <v>0</v>
      </c>
      <c r="BJ3012" s="166">
        <v>0</v>
      </c>
      <c r="BK3012" s="166">
        <v>0</v>
      </c>
      <c r="BL3012" s="166">
        <v>0</v>
      </c>
      <c r="BM3012" s="166">
        <v>0</v>
      </c>
      <c r="BN3012" s="166">
        <v>0</v>
      </c>
      <c r="BO3012" s="166">
        <v>0</v>
      </c>
      <c r="BP3012" s="166">
        <v>0</v>
      </c>
      <c r="BQ3012" s="166">
        <v>0</v>
      </c>
      <c r="BR3012" s="166">
        <v>37166.847384782697</v>
      </c>
      <c r="BS3012" s="166">
        <v>37166.847384782697</v>
      </c>
      <c r="BT3012" s="168">
        <v>0</v>
      </c>
      <c r="BU3012" s="166">
        <v>0</v>
      </c>
      <c r="BV3012" s="166">
        <v>0</v>
      </c>
      <c r="BW3012" s="166">
        <v>0</v>
      </c>
      <c r="BX3012" s="166">
        <v>0</v>
      </c>
      <c r="BY3012" s="166">
        <v>0</v>
      </c>
      <c r="BZ3012" s="166">
        <v>0</v>
      </c>
      <c r="CA3012" s="166">
        <v>0</v>
      </c>
      <c r="CB3012" s="166">
        <v>0</v>
      </c>
      <c r="CC3012" s="166">
        <v>0</v>
      </c>
      <c r="CD3012" s="166">
        <v>0</v>
      </c>
      <c r="CE3012" s="166">
        <v>0</v>
      </c>
      <c r="CF3012" s="166">
        <v>0</v>
      </c>
      <c r="CG3012" s="166">
        <v>0</v>
      </c>
      <c r="CH3012" s="166">
        <v>0</v>
      </c>
      <c r="CI3012" s="166">
        <v>0</v>
      </c>
      <c r="CJ3012" s="166">
        <v>0</v>
      </c>
      <c r="CK3012" s="166">
        <v>0</v>
      </c>
      <c r="CL3012" s="166">
        <v>0</v>
      </c>
      <c r="CM3012" s="166">
        <v>0</v>
      </c>
      <c r="CN3012" s="166">
        <v>0</v>
      </c>
      <c r="CO3012" s="166">
        <v>0</v>
      </c>
      <c r="CP3012" s="166">
        <v>0</v>
      </c>
      <c r="CQ3012" s="166">
        <v>0</v>
      </c>
      <c r="CR3012" s="166">
        <v>0</v>
      </c>
      <c r="CS3012" s="166">
        <v>0</v>
      </c>
      <c r="CT3012" s="166">
        <v>0</v>
      </c>
      <c r="CU3012" s="166">
        <v>0</v>
      </c>
      <c r="CV3012" s="166">
        <v>0</v>
      </c>
      <c r="CW3012" s="166">
        <v>0</v>
      </c>
      <c r="CX3012" s="166">
        <v>0</v>
      </c>
      <c r="CY3012" s="166">
        <v>0</v>
      </c>
      <c r="CZ3012" s="166">
        <v>0</v>
      </c>
    </row>
    <row r="3013" spans="1:104" x14ac:dyDescent="0.2">
      <c r="A3013" s="167" t="s">
        <v>1120</v>
      </c>
      <c r="B3013" s="166">
        <v>57331.318091666602</v>
      </c>
      <c r="C3013" s="166">
        <v>57331.318091666602</v>
      </c>
      <c r="D3013" s="166">
        <v>0</v>
      </c>
      <c r="E3013" s="166">
        <v>0</v>
      </c>
      <c r="F3013" s="166">
        <v>0</v>
      </c>
      <c r="G3013" s="166">
        <v>0</v>
      </c>
      <c r="H3013" s="166">
        <v>0</v>
      </c>
      <c r="I3013" s="166">
        <v>0</v>
      </c>
      <c r="J3013" s="166">
        <v>0</v>
      </c>
      <c r="K3013" s="166">
        <v>0</v>
      </c>
      <c r="L3013" s="166">
        <v>0</v>
      </c>
      <c r="M3013" s="166">
        <v>0</v>
      </c>
      <c r="N3013" s="166">
        <v>0</v>
      </c>
      <c r="O3013" s="166">
        <v>0</v>
      </c>
      <c r="P3013" s="166">
        <v>0</v>
      </c>
      <c r="Q3013" s="166">
        <v>0</v>
      </c>
      <c r="R3013" s="166">
        <v>0</v>
      </c>
      <c r="S3013" s="166">
        <v>0</v>
      </c>
      <c r="T3013" s="166">
        <v>0</v>
      </c>
      <c r="U3013" s="166">
        <v>0</v>
      </c>
      <c r="V3013" s="166">
        <v>0</v>
      </c>
      <c r="W3013" s="166">
        <v>0</v>
      </c>
      <c r="X3013" s="166">
        <v>0</v>
      </c>
      <c r="Y3013" s="166">
        <v>0</v>
      </c>
      <c r="Z3013" s="166">
        <v>0</v>
      </c>
      <c r="AA3013" s="166">
        <v>0</v>
      </c>
      <c r="AB3013" s="166">
        <v>0</v>
      </c>
      <c r="AC3013" s="166">
        <v>0</v>
      </c>
      <c r="AD3013" s="166">
        <v>0</v>
      </c>
      <c r="AE3013" s="166">
        <v>0</v>
      </c>
      <c r="AF3013" s="166">
        <v>0</v>
      </c>
      <c r="AG3013" s="166">
        <v>0</v>
      </c>
      <c r="AH3013" s="166">
        <v>0</v>
      </c>
      <c r="AI3013" s="166">
        <v>0</v>
      </c>
      <c r="AJ3013" s="166">
        <v>0</v>
      </c>
      <c r="AK3013" s="166">
        <v>0</v>
      </c>
      <c r="AL3013" s="166">
        <v>0</v>
      </c>
      <c r="AM3013" s="166">
        <v>0</v>
      </c>
      <c r="AN3013" s="166">
        <v>0</v>
      </c>
      <c r="AO3013" s="166">
        <v>0</v>
      </c>
      <c r="AP3013" s="166">
        <v>0</v>
      </c>
      <c r="AQ3013" s="166">
        <v>0</v>
      </c>
      <c r="AR3013" s="166">
        <v>0</v>
      </c>
      <c r="AS3013" s="166">
        <v>0</v>
      </c>
      <c r="AT3013" s="166">
        <v>0</v>
      </c>
      <c r="AU3013" s="166">
        <v>0</v>
      </c>
      <c r="AV3013" s="166">
        <v>0</v>
      </c>
      <c r="AW3013" s="166">
        <v>0</v>
      </c>
      <c r="AX3013" s="166">
        <v>0</v>
      </c>
      <c r="AY3013" s="166">
        <v>0</v>
      </c>
      <c r="AZ3013" s="166">
        <v>0</v>
      </c>
      <c r="BA3013" s="166">
        <v>0</v>
      </c>
      <c r="BB3013" s="166">
        <v>0</v>
      </c>
      <c r="BC3013" s="166">
        <v>0</v>
      </c>
      <c r="BD3013" s="166">
        <v>0</v>
      </c>
      <c r="BE3013" s="166">
        <v>0</v>
      </c>
      <c r="BF3013" s="166">
        <v>0</v>
      </c>
      <c r="BG3013" s="166">
        <v>0</v>
      </c>
      <c r="BH3013" s="166">
        <v>0</v>
      </c>
      <c r="BI3013" s="166">
        <v>0</v>
      </c>
      <c r="BJ3013" s="166">
        <v>0</v>
      </c>
      <c r="BK3013" s="166">
        <v>0</v>
      </c>
      <c r="BL3013" s="166">
        <v>0</v>
      </c>
      <c r="BM3013" s="166">
        <v>0</v>
      </c>
      <c r="BN3013" s="166">
        <v>0</v>
      </c>
      <c r="BO3013" s="166">
        <v>0</v>
      </c>
      <c r="BP3013" s="166">
        <v>0</v>
      </c>
      <c r="BQ3013" s="166">
        <v>0</v>
      </c>
      <c r="BR3013" s="166">
        <v>57331.318091666602</v>
      </c>
      <c r="BS3013" s="166">
        <v>57331.318091666602</v>
      </c>
      <c r="BT3013" s="168">
        <v>0</v>
      </c>
      <c r="BU3013" s="166">
        <v>0</v>
      </c>
      <c r="BV3013" s="166">
        <v>0</v>
      </c>
      <c r="BW3013" s="166">
        <v>0</v>
      </c>
      <c r="BX3013" s="166">
        <v>0</v>
      </c>
      <c r="BY3013" s="166">
        <v>0</v>
      </c>
      <c r="BZ3013" s="166">
        <v>0</v>
      </c>
      <c r="CA3013" s="166">
        <v>0</v>
      </c>
      <c r="CB3013" s="166">
        <v>0</v>
      </c>
      <c r="CC3013" s="166">
        <v>0</v>
      </c>
      <c r="CD3013" s="166">
        <v>0</v>
      </c>
      <c r="CE3013" s="166">
        <v>0</v>
      </c>
      <c r="CF3013" s="166">
        <v>0</v>
      </c>
      <c r="CG3013" s="166">
        <v>0</v>
      </c>
      <c r="CH3013" s="166">
        <v>0</v>
      </c>
      <c r="CI3013" s="166">
        <v>0</v>
      </c>
      <c r="CJ3013" s="166">
        <v>0</v>
      </c>
      <c r="CK3013" s="166">
        <v>0</v>
      </c>
      <c r="CL3013" s="166">
        <v>0</v>
      </c>
      <c r="CM3013" s="166">
        <v>0</v>
      </c>
      <c r="CN3013" s="166">
        <v>0</v>
      </c>
      <c r="CO3013" s="166">
        <v>0</v>
      </c>
      <c r="CP3013" s="166">
        <v>0</v>
      </c>
      <c r="CQ3013" s="166">
        <v>0</v>
      </c>
      <c r="CR3013" s="166">
        <v>0</v>
      </c>
      <c r="CS3013" s="166">
        <v>0</v>
      </c>
      <c r="CT3013" s="166">
        <v>0</v>
      </c>
      <c r="CU3013" s="166">
        <v>0</v>
      </c>
      <c r="CV3013" s="166">
        <v>0</v>
      </c>
      <c r="CW3013" s="166">
        <v>0</v>
      </c>
      <c r="CX3013" s="166">
        <v>0</v>
      </c>
      <c r="CY3013" s="166">
        <v>0</v>
      </c>
      <c r="CZ3013" s="166">
        <v>0</v>
      </c>
    </row>
    <row r="3014" spans="1:104" x14ac:dyDescent="0.2">
      <c r="A3014" s="167" t="s">
        <v>1121</v>
      </c>
      <c r="B3014" s="166">
        <v>0</v>
      </c>
      <c r="C3014" s="166">
        <v>0</v>
      </c>
      <c r="D3014" s="166">
        <v>0</v>
      </c>
      <c r="E3014" s="166">
        <v>0</v>
      </c>
      <c r="F3014" s="166">
        <v>0</v>
      </c>
      <c r="G3014" s="166">
        <v>0</v>
      </c>
      <c r="H3014" s="166">
        <v>0</v>
      </c>
      <c r="I3014" s="166">
        <v>0</v>
      </c>
      <c r="J3014" s="166">
        <v>0</v>
      </c>
      <c r="K3014" s="166">
        <v>0</v>
      </c>
      <c r="L3014" s="166">
        <v>0</v>
      </c>
      <c r="M3014" s="166">
        <v>0</v>
      </c>
      <c r="N3014" s="166">
        <v>0</v>
      </c>
      <c r="O3014" s="166">
        <v>0</v>
      </c>
      <c r="P3014" s="166">
        <v>0</v>
      </c>
      <c r="Q3014" s="166">
        <v>0</v>
      </c>
      <c r="R3014" s="166">
        <v>0</v>
      </c>
      <c r="S3014" s="166">
        <v>0</v>
      </c>
      <c r="T3014" s="166">
        <v>0</v>
      </c>
      <c r="U3014" s="166">
        <v>0</v>
      </c>
      <c r="V3014" s="166">
        <v>0</v>
      </c>
      <c r="W3014" s="166">
        <v>0</v>
      </c>
      <c r="X3014" s="166">
        <v>0</v>
      </c>
      <c r="Y3014" s="166">
        <v>0</v>
      </c>
      <c r="Z3014" s="166">
        <v>0</v>
      </c>
      <c r="AA3014" s="166">
        <v>0</v>
      </c>
      <c r="AB3014" s="166">
        <v>0</v>
      </c>
      <c r="AC3014" s="166">
        <v>0</v>
      </c>
      <c r="AD3014" s="166">
        <v>0</v>
      </c>
      <c r="AE3014" s="166">
        <v>0</v>
      </c>
      <c r="AF3014" s="166">
        <v>0</v>
      </c>
      <c r="AG3014" s="166">
        <v>0</v>
      </c>
      <c r="AH3014" s="166">
        <v>0</v>
      </c>
      <c r="AI3014" s="166">
        <v>0</v>
      </c>
      <c r="AJ3014" s="166">
        <v>0</v>
      </c>
      <c r="AK3014" s="166">
        <v>0</v>
      </c>
      <c r="AL3014" s="166">
        <v>0</v>
      </c>
      <c r="AM3014" s="166">
        <v>0</v>
      </c>
      <c r="AN3014" s="166">
        <v>0</v>
      </c>
      <c r="AO3014" s="166">
        <v>0</v>
      </c>
      <c r="AP3014" s="166">
        <v>0</v>
      </c>
      <c r="AQ3014" s="166">
        <v>0</v>
      </c>
      <c r="AR3014" s="166">
        <v>0</v>
      </c>
      <c r="AS3014" s="166">
        <v>0</v>
      </c>
      <c r="AT3014" s="166">
        <v>0</v>
      </c>
      <c r="AU3014" s="166">
        <v>0</v>
      </c>
      <c r="AV3014" s="166">
        <v>0</v>
      </c>
      <c r="AW3014" s="166">
        <v>0</v>
      </c>
      <c r="AX3014" s="166">
        <v>0</v>
      </c>
      <c r="AY3014" s="166">
        <v>0</v>
      </c>
      <c r="AZ3014" s="166">
        <v>0</v>
      </c>
      <c r="BA3014" s="166">
        <v>0</v>
      </c>
      <c r="BB3014" s="166">
        <v>0</v>
      </c>
      <c r="BC3014" s="166">
        <v>0</v>
      </c>
      <c r="BD3014" s="166">
        <v>0</v>
      </c>
      <c r="BE3014" s="166">
        <v>0</v>
      </c>
      <c r="BF3014" s="166">
        <v>0</v>
      </c>
      <c r="BG3014" s="166">
        <v>0</v>
      </c>
      <c r="BH3014" s="166">
        <v>0</v>
      </c>
      <c r="BI3014" s="166">
        <v>0</v>
      </c>
      <c r="BJ3014" s="166">
        <v>0</v>
      </c>
      <c r="BK3014" s="166">
        <v>0</v>
      </c>
      <c r="BL3014" s="166">
        <v>0</v>
      </c>
      <c r="BM3014" s="166">
        <v>0</v>
      </c>
      <c r="BN3014" s="166">
        <v>0</v>
      </c>
      <c r="BO3014" s="166">
        <v>0</v>
      </c>
      <c r="BP3014" s="166">
        <v>0</v>
      </c>
      <c r="BQ3014" s="166">
        <v>0</v>
      </c>
      <c r="BR3014" s="166">
        <v>0</v>
      </c>
      <c r="BS3014" s="166">
        <v>0</v>
      </c>
      <c r="BT3014" s="168">
        <v>0</v>
      </c>
      <c r="BU3014" s="166">
        <v>0</v>
      </c>
      <c r="BV3014" s="166">
        <v>0</v>
      </c>
      <c r="BW3014" s="166">
        <v>0</v>
      </c>
      <c r="BX3014" s="166">
        <v>0</v>
      </c>
      <c r="BY3014" s="166">
        <v>0</v>
      </c>
      <c r="BZ3014" s="166">
        <v>0</v>
      </c>
      <c r="CA3014" s="166">
        <v>0</v>
      </c>
      <c r="CB3014" s="166">
        <v>0</v>
      </c>
      <c r="CC3014" s="166">
        <v>0</v>
      </c>
      <c r="CD3014" s="166">
        <v>0</v>
      </c>
      <c r="CE3014" s="166">
        <v>0</v>
      </c>
      <c r="CF3014" s="166">
        <v>0</v>
      </c>
      <c r="CG3014" s="166">
        <v>0</v>
      </c>
      <c r="CH3014" s="166">
        <v>0</v>
      </c>
      <c r="CI3014" s="166">
        <v>0</v>
      </c>
      <c r="CJ3014" s="166">
        <v>0</v>
      </c>
      <c r="CK3014" s="166">
        <v>0</v>
      </c>
      <c r="CL3014" s="166">
        <v>0</v>
      </c>
      <c r="CM3014" s="166">
        <v>0</v>
      </c>
      <c r="CN3014" s="166">
        <v>0</v>
      </c>
      <c r="CO3014" s="166">
        <v>0</v>
      </c>
      <c r="CP3014" s="166">
        <v>0</v>
      </c>
      <c r="CQ3014" s="166">
        <v>0</v>
      </c>
      <c r="CR3014" s="166">
        <v>0</v>
      </c>
      <c r="CS3014" s="166">
        <v>0</v>
      </c>
      <c r="CT3014" s="166">
        <v>0</v>
      </c>
      <c r="CU3014" s="166">
        <v>0</v>
      </c>
      <c r="CV3014" s="166">
        <v>0</v>
      </c>
      <c r="CW3014" s="166">
        <v>0</v>
      </c>
      <c r="CX3014" s="166">
        <v>0</v>
      </c>
      <c r="CY3014" s="166">
        <v>0</v>
      </c>
      <c r="CZ3014" s="166">
        <v>0</v>
      </c>
    </row>
    <row r="3015" spans="1:104" x14ac:dyDescent="0.2">
      <c r="A3015" s="167" t="s">
        <v>1122</v>
      </c>
      <c r="B3015" s="166">
        <v>617116.24</v>
      </c>
      <c r="C3015" s="166">
        <v>617116.24</v>
      </c>
      <c r="D3015" s="166">
        <v>0</v>
      </c>
      <c r="E3015" s="166">
        <v>0</v>
      </c>
      <c r="F3015" s="166">
        <v>0</v>
      </c>
      <c r="G3015" s="166">
        <v>0</v>
      </c>
      <c r="H3015" s="166">
        <v>0</v>
      </c>
      <c r="I3015" s="166">
        <v>0</v>
      </c>
      <c r="J3015" s="166">
        <v>0</v>
      </c>
      <c r="K3015" s="166">
        <v>0</v>
      </c>
      <c r="L3015" s="166">
        <v>0</v>
      </c>
      <c r="M3015" s="166">
        <v>0</v>
      </c>
      <c r="N3015" s="166">
        <v>0</v>
      </c>
      <c r="O3015" s="166">
        <v>0</v>
      </c>
      <c r="P3015" s="166">
        <v>0</v>
      </c>
      <c r="Q3015" s="166">
        <v>0</v>
      </c>
      <c r="R3015" s="166">
        <v>0</v>
      </c>
      <c r="S3015" s="166">
        <v>0</v>
      </c>
      <c r="T3015" s="166">
        <v>0</v>
      </c>
      <c r="U3015" s="166">
        <v>0</v>
      </c>
      <c r="V3015" s="166">
        <v>0</v>
      </c>
      <c r="W3015" s="166">
        <v>0</v>
      </c>
      <c r="X3015" s="166">
        <v>0</v>
      </c>
      <c r="Y3015" s="166">
        <v>0</v>
      </c>
      <c r="Z3015" s="166">
        <v>0</v>
      </c>
      <c r="AA3015" s="166">
        <v>0</v>
      </c>
      <c r="AB3015" s="166">
        <v>0</v>
      </c>
      <c r="AC3015" s="166">
        <v>0</v>
      </c>
      <c r="AD3015" s="166">
        <v>0</v>
      </c>
      <c r="AE3015" s="166">
        <v>0</v>
      </c>
      <c r="AF3015" s="166">
        <v>0</v>
      </c>
      <c r="AG3015" s="166">
        <v>0</v>
      </c>
      <c r="AH3015" s="166">
        <v>0</v>
      </c>
      <c r="AI3015" s="166">
        <v>0</v>
      </c>
      <c r="AJ3015" s="166">
        <v>0</v>
      </c>
      <c r="AK3015" s="166">
        <v>0</v>
      </c>
      <c r="AL3015" s="166">
        <v>0</v>
      </c>
      <c r="AM3015" s="166">
        <v>0</v>
      </c>
      <c r="AN3015" s="166">
        <v>0</v>
      </c>
      <c r="AO3015" s="166">
        <v>0</v>
      </c>
      <c r="AP3015" s="166">
        <v>0</v>
      </c>
      <c r="AQ3015" s="166">
        <v>0</v>
      </c>
      <c r="AR3015" s="166">
        <v>0</v>
      </c>
      <c r="AS3015" s="166">
        <v>0</v>
      </c>
      <c r="AT3015" s="166">
        <v>0</v>
      </c>
      <c r="AU3015" s="166">
        <v>0</v>
      </c>
      <c r="AV3015" s="166">
        <v>0</v>
      </c>
      <c r="AW3015" s="166">
        <v>0</v>
      </c>
      <c r="AX3015" s="166">
        <v>0</v>
      </c>
      <c r="AY3015" s="166">
        <v>0</v>
      </c>
      <c r="AZ3015" s="166">
        <v>0</v>
      </c>
      <c r="BA3015" s="166">
        <v>0</v>
      </c>
      <c r="BB3015" s="166">
        <v>0</v>
      </c>
      <c r="BC3015" s="166">
        <v>0</v>
      </c>
      <c r="BD3015" s="166">
        <v>0</v>
      </c>
      <c r="BE3015" s="166">
        <v>0</v>
      </c>
      <c r="BF3015" s="166">
        <v>0</v>
      </c>
      <c r="BG3015" s="166">
        <v>0</v>
      </c>
      <c r="BH3015" s="166">
        <v>0</v>
      </c>
      <c r="BI3015" s="166">
        <v>0</v>
      </c>
      <c r="BJ3015" s="166">
        <v>0</v>
      </c>
      <c r="BK3015" s="166">
        <v>0</v>
      </c>
      <c r="BL3015" s="166">
        <v>0</v>
      </c>
      <c r="BM3015" s="166">
        <v>0</v>
      </c>
      <c r="BN3015" s="166">
        <v>0</v>
      </c>
      <c r="BO3015" s="166">
        <v>0</v>
      </c>
      <c r="BP3015" s="166">
        <v>0</v>
      </c>
      <c r="BQ3015" s="166">
        <v>0</v>
      </c>
      <c r="BR3015" s="166">
        <v>617116.24</v>
      </c>
      <c r="BS3015" s="166">
        <v>617116.24</v>
      </c>
      <c r="BT3015" s="171">
        <v>0</v>
      </c>
      <c r="BU3015" s="166">
        <v>0</v>
      </c>
      <c r="BV3015" s="166">
        <v>0</v>
      </c>
      <c r="BW3015" s="166">
        <v>0</v>
      </c>
      <c r="BX3015" s="166">
        <v>0</v>
      </c>
      <c r="BY3015" s="166">
        <v>0</v>
      </c>
      <c r="BZ3015" s="166">
        <v>0</v>
      </c>
      <c r="CA3015" s="166">
        <v>0</v>
      </c>
      <c r="CB3015" s="166">
        <v>0</v>
      </c>
      <c r="CC3015" s="166">
        <v>0</v>
      </c>
      <c r="CD3015" s="166">
        <v>0</v>
      </c>
      <c r="CE3015" s="166">
        <v>0</v>
      </c>
      <c r="CF3015" s="166">
        <v>0</v>
      </c>
      <c r="CG3015" s="166">
        <v>0</v>
      </c>
      <c r="CH3015" s="166">
        <v>0</v>
      </c>
      <c r="CI3015" s="166">
        <v>0</v>
      </c>
      <c r="CJ3015" s="166">
        <v>0</v>
      </c>
      <c r="CK3015" s="166">
        <v>0</v>
      </c>
      <c r="CL3015" s="166">
        <v>0</v>
      </c>
      <c r="CM3015" s="166">
        <v>0</v>
      </c>
      <c r="CN3015" s="166">
        <v>0</v>
      </c>
      <c r="CO3015" s="166">
        <v>0</v>
      </c>
      <c r="CP3015" s="166">
        <v>0</v>
      </c>
      <c r="CQ3015" s="166">
        <v>0</v>
      </c>
      <c r="CR3015" s="166">
        <v>0</v>
      </c>
      <c r="CS3015" s="166">
        <v>0</v>
      </c>
      <c r="CT3015" s="166">
        <v>0</v>
      </c>
      <c r="CU3015" s="166">
        <v>0</v>
      </c>
      <c r="CV3015" s="166">
        <v>0</v>
      </c>
      <c r="CW3015" s="166">
        <v>0</v>
      </c>
      <c r="CX3015" s="166">
        <v>0</v>
      </c>
      <c r="CY3015" s="166">
        <v>0</v>
      </c>
      <c r="CZ3015" s="166">
        <v>0</v>
      </c>
    </row>
    <row r="3016" spans="1:104" x14ac:dyDescent="0.2">
      <c r="A3016" s="167" t="s">
        <v>303</v>
      </c>
    </row>
    <row r="3017" spans="1:104" x14ac:dyDescent="0.2">
      <c r="A3017" s="167" t="s">
        <v>1123</v>
      </c>
      <c r="B3017" s="166">
        <v>1986.59616495507</v>
      </c>
      <c r="C3017" s="166">
        <v>1986.59616495507</v>
      </c>
      <c r="D3017" s="166">
        <v>0</v>
      </c>
      <c r="E3017" s="166">
        <v>0</v>
      </c>
      <c r="F3017" s="166">
        <v>0</v>
      </c>
      <c r="G3017" s="166">
        <v>0</v>
      </c>
      <c r="H3017" s="166">
        <v>0</v>
      </c>
      <c r="I3017" s="166">
        <v>0</v>
      </c>
      <c r="J3017" s="166">
        <v>0</v>
      </c>
      <c r="K3017" s="166">
        <v>0</v>
      </c>
      <c r="L3017" s="166">
        <v>0</v>
      </c>
      <c r="M3017" s="166">
        <v>0</v>
      </c>
      <c r="N3017" s="166">
        <v>0</v>
      </c>
      <c r="O3017" s="166">
        <v>0</v>
      </c>
      <c r="P3017" s="166">
        <v>0</v>
      </c>
      <c r="Q3017" s="166">
        <v>0</v>
      </c>
      <c r="R3017" s="166">
        <v>0</v>
      </c>
      <c r="S3017" s="166">
        <v>0</v>
      </c>
      <c r="T3017" s="166">
        <v>0</v>
      </c>
      <c r="U3017" s="166">
        <v>0</v>
      </c>
      <c r="V3017" s="166">
        <v>0</v>
      </c>
      <c r="W3017" s="166">
        <v>0</v>
      </c>
      <c r="X3017" s="166">
        <v>0</v>
      </c>
      <c r="Y3017" s="166">
        <v>0</v>
      </c>
      <c r="Z3017" s="166">
        <v>0</v>
      </c>
      <c r="AA3017" s="166">
        <v>0</v>
      </c>
      <c r="AB3017" s="166">
        <v>0</v>
      </c>
      <c r="AC3017" s="166">
        <v>0</v>
      </c>
      <c r="AD3017" s="166">
        <v>0</v>
      </c>
      <c r="AE3017" s="166">
        <v>0</v>
      </c>
      <c r="AF3017" s="166">
        <v>0</v>
      </c>
      <c r="AG3017" s="166">
        <v>0</v>
      </c>
      <c r="AH3017" s="166">
        <v>0</v>
      </c>
      <c r="AI3017" s="166">
        <v>0</v>
      </c>
      <c r="AJ3017" s="166">
        <v>0</v>
      </c>
      <c r="AK3017" s="166">
        <v>0</v>
      </c>
      <c r="AL3017" s="166">
        <v>0</v>
      </c>
      <c r="AM3017" s="166">
        <v>0</v>
      </c>
      <c r="AN3017" s="166">
        <v>0</v>
      </c>
      <c r="AO3017" s="166">
        <v>0</v>
      </c>
      <c r="AP3017" s="166">
        <v>0</v>
      </c>
      <c r="AQ3017" s="166">
        <v>0</v>
      </c>
      <c r="AR3017" s="166">
        <v>0</v>
      </c>
      <c r="AS3017" s="166">
        <v>0</v>
      </c>
      <c r="AT3017" s="166">
        <v>0</v>
      </c>
      <c r="AU3017" s="166">
        <v>0</v>
      </c>
      <c r="AV3017" s="166">
        <v>0</v>
      </c>
      <c r="AW3017" s="166">
        <v>0</v>
      </c>
      <c r="AX3017" s="166">
        <v>0</v>
      </c>
      <c r="AY3017" s="166">
        <v>0</v>
      </c>
      <c r="AZ3017" s="166">
        <v>0</v>
      </c>
      <c r="BA3017" s="166">
        <v>0</v>
      </c>
      <c r="BB3017" s="166">
        <v>0</v>
      </c>
      <c r="BC3017" s="166">
        <v>0</v>
      </c>
      <c r="BD3017" s="166">
        <v>0</v>
      </c>
      <c r="BE3017" s="166">
        <v>0</v>
      </c>
      <c r="BF3017" s="166">
        <v>0</v>
      </c>
      <c r="BG3017" s="166">
        <v>0</v>
      </c>
      <c r="BH3017" s="166">
        <v>0</v>
      </c>
      <c r="BI3017" s="166">
        <v>0</v>
      </c>
      <c r="BJ3017" s="166">
        <v>0</v>
      </c>
      <c r="BK3017" s="166">
        <v>0</v>
      </c>
      <c r="BL3017" s="166">
        <v>0</v>
      </c>
      <c r="BM3017" s="166">
        <v>0</v>
      </c>
      <c r="BN3017" s="166">
        <v>0</v>
      </c>
      <c r="BO3017" s="166">
        <v>0</v>
      </c>
      <c r="BP3017" s="166">
        <v>0</v>
      </c>
      <c r="BQ3017" s="166">
        <v>0</v>
      </c>
      <c r="BR3017" s="166">
        <v>1986.59616495507</v>
      </c>
      <c r="BS3017" s="166">
        <v>1986.59616495507</v>
      </c>
      <c r="BT3017" s="168">
        <v>0</v>
      </c>
      <c r="BU3017" s="166">
        <v>0</v>
      </c>
      <c r="BV3017" s="166">
        <v>0</v>
      </c>
      <c r="BW3017" s="166">
        <v>0</v>
      </c>
      <c r="BX3017" s="166">
        <v>0</v>
      </c>
      <c r="BY3017" s="166">
        <v>0</v>
      </c>
      <c r="BZ3017" s="166">
        <v>0</v>
      </c>
      <c r="CA3017" s="166">
        <v>0</v>
      </c>
      <c r="CB3017" s="166">
        <v>0</v>
      </c>
      <c r="CC3017" s="166">
        <v>0</v>
      </c>
      <c r="CD3017" s="166">
        <v>0</v>
      </c>
      <c r="CE3017" s="166">
        <v>0</v>
      </c>
      <c r="CF3017" s="166">
        <v>0</v>
      </c>
      <c r="CG3017" s="166">
        <v>0</v>
      </c>
      <c r="CH3017" s="166">
        <v>0</v>
      </c>
      <c r="CI3017" s="166">
        <v>0</v>
      </c>
      <c r="CJ3017" s="166">
        <v>0</v>
      </c>
      <c r="CK3017" s="166">
        <v>0</v>
      </c>
      <c r="CL3017" s="166">
        <v>0</v>
      </c>
      <c r="CM3017" s="166">
        <v>0</v>
      </c>
      <c r="CN3017" s="166">
        <v>0</v>
      </c>
      <c r="CO3017" s="166">
        <v>0</v>
      </c>
      <c r="CP3017" s="166">
        <v>0</v>
      </c>
      <c r="CQ3017" s="166">
        <v>0</v>
      </c>
      <c r="CR3017" s="166">
        <v>0</v>
      </c>
      <c r="CS3017" s="166">
        <v>0</v>
      </c>
      <c r="CT3017" s="166">
        <v>0</v>
      </c>
      <c r="CU3017" s="166">
        <v>0</v>
      </c>
      <c r="CV3017" s="166">
        <v>0</v>
      </c>
      <c r="CW3017" s="166">
        <v>0</v>
      </c>
      <c r="CX3017" s="166">
        <v>0</v>
      </c>
      <c r="CY3017" s="166">
        <v>0</v>
      </c>
      <c r="CZ3017" s="166">
        <v>0</v>
      </c>
    </row>
    <row r="3018" spans="1:104" x14ac:dyDescent="0.2">
      <c r="A3018" s="167" t="s">
        <v>1124</v>
      </c>
      <c r="B3018" s="166">
        <v>1049.68234806332</v>
      </c>
      <c r="C3018" s="166">
        <v>1049.68234806332</v>
      </c>
      <c r="D3018" s="166">
        <v>0</v>
      </c>
      <c r="E3018" s="166">
        <v>0</v>
      </c>
      <c r="F3018" s="166">
        <v>0</v>
      </c>
      <c r="G3018" s="166">
        <v>0</v>
      </c>
      <c r="H3018" s="166">
        <v>0</v>
      </c>
      <c r="I3018" s="166">
        <v>0</v>
      </c>
      <c r="J3018" s="166">
        <v>0</v>
      </c>
      <c r="K3018" s="166">
        <v>0</v>
      </c>
      <c r="L3018" s="166">
        <v>0</v>
      </c>
      <c r="M3018" s="166">
        <v>0</v>
      </c>
      <c r="N3018" s="166">
        <v>0</v>
      </c>
      <c r="O3018" s="166">
        <v>0</v>
      </c>
      <c r="P3018" s="166">
        <v>0</v>
      </c>
      <c r="Q3018" s="166">
        <v>0</v>
      </c>
      <c r="R3018" s="166">
        <v>0</v>
      </c>
      <c r="S3018" s="166">
        <v>0</v>
      </c>
      <c r="T3018" s="166">
        <v>0</v>
      </c>
      <c r="U3018" s="166">
        <v>0</v>
      </c>
      <c r="V3018" s="166">
        <v>0</v>
      </c>
      <c r="W3018" s="166">
        <v>0</v>
      </c>
      <c r="X3018" s="166">
        <v>0</v>
      </c>
      <c r="Y3018" s="166">
        <v>0</v>
      </c>
      <c r="Z3018" s="166">
        <v>0</v>
      </c>
      <c r="AA3018" s="166">
        <v>0</v>
      </c>
      <c r="AB3018" s="166">
        <v>0</v>
      </c>
      <c r="AC3018" s="166">
        <v>0</v>
      </c>
      <c r="AD3018" s="166">
        <v>0</v>
      </c>
      <c r="AE3018" s="166">
        <v>0</v>
      </c>
      <c r="AF3018" s="166">
        <v>0</v>
      </c>
      <c r="AG3018" s="166">
        <v>0</v>
      </c>
      <c r="AH3018" s="166">
        <v>0</v>
      </c>
      <c r="AI3018" s="166">
        <v>0</v>
      </c>
      <c r="AJ3018" s="166">
        <v>0</v>
      </c>
      <c r="AK3018" s="166">
        <v>0</v>
      </c>
      <c r="AL3018" s="166">
        <v>0</v>
      </c>
      <c r="AM3018" s="166">
        <v>0</v>
      </c>
      <c r="AN3018" s="166">
        <v>0</v>
      </c>
      <c r="AO3018" s="166">
        <v>0</v>
      </c>
      <c r="AP3018" s="166">
        <v>0</v>
      </c>
      <c r="AQ3018" s="166">
        <v>0</v>
      </c>
      <c r="AR3018" s="166">
        <v>0</v>
      </c>
      <c r="AS3018" s="166">
        <v>0</v>
      </c>
      <c r="AT3018" s="166">
        <v>0</v>
      </c>
      <c r="AU3018" s="166">
        <v>0</v>
      </c>
      <c r="AV3018" s="166">
        <v>0</v>
      </c>
      <c r="AW3018" s="166">
        <v>0</v>
      </c>
      <c r="AX3018" s="166">
        <v>0</v>
      </c>
      <c r="AY3018" s="166">
        <v>0</v>
      </c>
      <c r="AZ3018" s="166">
        <v>0</v>
      </c>
      <c r="BA3018" s="166">
        <v>0</v>
      </c>
      <c r="BB3018" s="166">
        <v>0</v>
      </c>
      <c r="BC3018" s="166">
        <v>0</v>
      </c>
      <c r="BD3018" s="166">
        <v>0</v>
      </c>
      <c r="BE3018" s="166">
        <v>0</v>
      </c>
      <c r="BF3018" s="166">
        <v>0</v>
      </c>
      <c r="BG3018" s="166">
        <v>0</v>
      </c>
      <c r="BH3018" s="166">
        <v>0</v>
      </c>
      <c r="BI3018" s="166">
        <v>0</v>
      </c>
      <c r="BJ3018" s="166">
        <v>0</v>
      </c>
      <c r="BK3018" s="166">
        <v>0</v>
      </c>
      <c r="BL3018" s="166">
        <v>0</v>
      </c>
      <c r="BM3018" s="166">
        <v>0</v>
      </c>
      <c r="BN3018" s="166">
        <v>0</v>
      </c>
      <c r="BO3018" s="166">
        <v>0</v>
      </c>
      <c r="BP3018" s="166">
        <v>0</v>
      </c>
      <c r="BQ3018" s="166">
        <v>0</v>
      </c>
      <c r="BR3018" s="166">
        <v>1049.68234806332</v>
      </c>
      <c r="BS3018" s="166">
        <v>1049.68234806332</v>
      </c>
      <c r="BT3018" s="168">
        <v>0</v>
      </c>
      <c r="BU3018" s="166">
        <v>0</v>
      </c>
      <c r="BV3018" s="166">
        <v>0</v>
      </c>
      <c r="BW3018" s="166">
        <v>0</v>
      </c>
      <c r="BX3018" s="166">
        <v>0</v>
      </c>
      <c r="BY3018" s="166">
        <v>0</v>
      </c>
      <c r="BZ3018" s="166">
        <v>0</v>
      </c>
      <c r="CA3018" s="166">
        <v>0</v>
      </c>
      <c r="CB3018" s="166">
        <v>0</v>
      </c>
      <c r="CC3018" s="166">
        <v>0</v>
      </c>
      <c r="CD3018" s="166">
        <v>0</v>
      </c>
      <c r="CE3018" s="166">
        <v>0</v>
      </c>
      <c r="CF3018" s="166">
        <v>0</v>
      </c>
      <c r="CG3018" s="166">
        <v>0</v>
      </c>
      <c r="CH3018" s="166">
        <v>0</v>
      </c>
      <c r="CI3018" s="166">
        <v>0</v>
      </c>
      <c r="CJ3018" s="166">
        <v>0</v>
      </c>
      <c r="CK3018" s="166">
        <v>0</v>
      </c>
      <c r="CL3018" s="166">
        <v>0</v>
      </c>
      <c r="CM3018" s="166">
        <v>0</v>
      </c>
      <c r="CN3018" s="166">
        <v>0</v>
      </c>
      <c r="CO3018" s="166">
        <v>0</v>
      </c>
      <c r="CP3018" s="166">
        <v>0</v>
      </c>
      <c r="CQ3018" s="166">
        <v>0</v>
      </c>
      <c r="CR3018" s="166">
        <v>0</v>
      </c>
      <c r="CS3018" s="166">
        <v>0</v>
      </c>
      <c r="CT3018" s="166">
        <v>0</v>
      </c>
      <c r="CU3018" s="166">
        <v>0</v>
      </c>
      <c r="CV3018" s="166">
        <v>0</v>
      </c>
      <c r="CW3018" s="166">
        <v>0</v>
      </c>
      <c r="CX3018" s="166">
        <v>0</v>
      </c>
      <c r="CY3018" s="166">
        <v>0</v>
      </c>
      <c r="CZ3018" s="166">
        <v>0</v>
      </c>
    </row>
    <row r="3019" spans="1:104" x14ac:dyDescent="0.2">
      <c r="A3019" s="167" t="s">
        <v>1125</v>
      </c>
      <c r="B3019" s="166">
        <v>216.29148698159901</v>
      </c>
      <c r="C3019" s="166">
        <v>216.29148698159901</v>
      </c>
      <c r="D3019" s="166">
        <v>0</v>
      </c>
      <c r="E3019" s="166">
        <v>0</v>
      </c>
      <c r="F3019" s="166">
        <v>0</v>
      </c>
      <c r="G3019" s="166">
        <v>0</v>
      </c>
      <c r="H3019" s="166">
        <v>0</v>
      </c>
      <c r="I3019" s="166">
        <v>0</v>
      </c>
      <c r="J3019" s="166">
        <v>0</v>
      </c>
      <c r="K3019" s="166">
        <v>0</v>
      </c>
      <c r="L3019" s="166">
        <v>0</v>
      </c>
      <c r="M3019" s="166">
        <v>0</v>
      </c>
      <c r="N3019" s="166">
        <v>0</v>
      </c>
      <c r="O3019" s="166">
        <v>0</v>
      </c>
      <c r="P3019" s="166">
        <v>0</v>
      </c>
      <c r="Q3019" s="166">
        <v>0</v>
      </c>
      <c r="R3019" s="166">
        <v>0</v>
      </c>
      <c r="S3019" s="166">
        <v>0</v>
      </c>
      <c r="T3019" s="166">
        <v>0</v>
      </c>
      <c r="U3019" s="166">
        <v>0</v>
      </c>
      <c r="V3019" s="166">
        <v>0</v>
      </c>
      <c r="W3019" s="166">
        <v>0</v>
      </c>
      <c r="X3019" s="166">
        <v>0</v>
      </c>
      <c r="Y3019" s="166">
        <v>0</v>
      </c>
      <c r="Z3019" s="166">
        <v>0</v>
      </c>
      <c r="AA3019" s="166">
        <v>0</v>
      </c>
      <c r="AB3019" s="166">
        <v>0</v>
      </c>
      <c r="AC3019" s="166">
        <v>0</v>
      </c>
      <c r="AD3019" s="166">
        <v>0</v>
      </c>
      <c r="AE3019" s="166">
        <v>0</v>
      </c>
      <c r="AF3019" s="166">
        <v>0</v>
      </c>
      <c r="AG3019" s="166">
        <v>0</v>
      </c>
      <c r="AH3019" s="166">
        <v>0</v>
      </c>
      <c r="AI3019" s="166">
        <v>0</v>
      </c>
      <c r="AJ3019" s="166">
        <v>0</v>
      </c>
      <c r="AK3019" s="166">
        <v>0</v>
      </c>
      <c r="AL3019" s="166">
        <v>0</v>
      </c>
      <c r="AM3019" s="166">
        <v>0</v>
      </c>
      <c r="AN3019" s="166">
        <v>0</v>
      </c>
      <c r="AO3019" s="166">
        <v>0</v>
      </c>
      <c r="AP3019" s="166">
        <v>0</v>
      </c>
      <c r="AQ3019" s="166">
        <v>0</v>
      </c>
      <c r="AR3019" s="166">
        <v>0</v>
      </c>
      <c r="AS3019" s="166">
        <v>0</v>
      </c>
      <c r="AT3019" s="166">
        <v>0</v>
      </c>
      <c r="AU3019" s="166">
        <v>0</v>
      </c>
      <c r="AV3019" s="166">
        <v>0</v>
      </c>
      <c r="AW3019" s="166">
        <v>0</v>
      </c>
      <c r="AX3019" s="166">
        <v>0</v>
      </c>
      <c r="AY3019" s="166">
        <v>0</v>
      </c>
      <c r="AZ3019" s="166">
        <v>0</v>
      </c>
      <c r="BA3019" s="166">
        <v>0</v>
      </c>
      <c r="BB3019" s="166">
        <v>0</v>
      </c>
      <c r="BC3019" s="166">
        <v>0</v>
      </c>
      <c r="BD3019" s="166">
        <v>0</v>
      </c>
      <c r="BE3019" s="166">
        <v>0</v>
      </c>
      <c r="BF3019" s="166">
        <v>0</v>
      </c>
      <c r="BG3019" s="166">
        <v>0</v>
      </c>
      <c r="BH3019" s="166">
        <v>0</v>
      </c>
      <c r="BI3019" s="166">
        <v>0</v>
      </c>
      <c r="BJ3019" s="166">
        <v>0</v>
      </c>
      <c r="BK3019" s="166">
        <v>0</v>
      </c>
      <c r="BL3019" s="166">
        <v>0</v>
      </c>
      <c r="BM3019" s="166">
        <v>0</v>
      </c>
      <c r="BN3019" s="166">
        <v>0</v>
      </c>
      <c r="BO3019" s="166">
        <v>0</v>
      </c>
      <c r="BP3019" s="166">
        <v>0</v>
      </c>
      <c r="BQ3019" s="166">
        <v>0</v>
      </c>
      <c r="BR3019" s="166">
        <v>216.29148698159901</v>
      </c>
      <c r="BS3019" s="166">
        <v>216.29148698159901</v>
      </c>
      <c r="BT3019" s="168">
        <v>0</v>
      </c>
      <c r="BU3019" s="166">
        <v>0</v>
      </c>
      <c r="BV3019" s="166">
        <v>0</v>
      </c>
      <c r="BW3019" s="166">
        <v>0</v>
      </c>
      <c r="BX3019" s="166">
        <v>0</v>
      </c>
      <c r="BY3019" s="166">
        <v>0</v>
      </c>
      <c r="BZ3019" s="166">
        <v>0</v>
      </c>
      <c r="CA3019" s="166">
        <v>0</v>
      </c>
      <c r="CB3019" s="166">
        <v>0</v>
      </c>
      <c r="CC3019" s="166">
        <v>0</v>
      </c>
      <c r="CD3019" s="166">
        <v>0</v>
      </c>
      <c r="CE3019" s="166">
        <v>0</v>
      </c>
      <c r="CF3019" s="166">
        <v>0</v>
      </c>
      <c r="CG3019" s="166">
        <v>0</v>
      </c>
      <c r="CH3019" s="166">
        <v>0</v>
      </c>
      <c r="CI3019" s="166">
        <v>0</v>
      </c>
      <c r="CJ3019" s="166">
        <v>0</v>
      </c>
      <c r="CK3019" s="166">
        <v>0</v>
      </c>
      <c r="CL3019" s="166">
        <v>0</v>
      </c>
      <c r="CM3019" s="166">
        <v>0</v>
      </c>
      <c r="CN3019" s="166">
        <v>0</v>
      </c>
      <c r="CO3019" s="166">
        <v>0</v>
      </c>
      <c r="CP3019" s="166">
        <v>0</v>
      </c>
      <c r="CQ3019" s="166">
        <v>0</v>
      </c>
      <c r="CR3019" s="166">
        <v>0</v>
      </c>
      <c r="CS3019" s="166">
        <v>0</v>
      </c>
      <c r="CT3019" s="166">
        <v>0</v>
      </c>
      <c r="CU3019" s="166">
        <v>0</v>
      </c>
      <c r="CV3019" s="166">
        <v>0</v>
      </c>
      <c r="CW3019" s="166">
        <v>0</v>
      </c>
      <c r="CX3019" s="166">
        <v>0</v>
      </c>
      <c r="CY3019" s="166">
        <v>0</v>
      </c>
      <c r="CZ3019" s="166">
        <v>0</v>
      </c>
    </row>
    <row r="3020" spans="1:104" x14ac:dyDescent="0.2">
      <c r="A3020" s="167" t="s">
        <v>1126</v>
      </c>
      <c r="B3020" s="166">
        <v>3252.57</v>
      </c>
      <c r="C3020" s="166">
        <v>3252.57</v>
      </c>
      <c r="D3020" s="166">
        <v>0</v>
      </c>
      <c r="E3020" s="166">
        <v>0</v>
      </c>
      <c r="F3020" s="166">
        <v>0</v>
      </c>
      <c r="G3020" s="166">
        <v>0</v>
      </c>
      <c r="H3020" s="166">
        <v>0</v>
      </c>
      <c r="I3020" s="166">
        <v>0</v>
      </c>
      <c r="J3020" s="166">
        <v>0</v>
      </c>
      <c r="K3020" s="166">
        <v>0</v>
      </c>
      <c r="L3020" s="166">
        <v>0</v>
      </c>
      <c r="M3020" s="166">
        <v>0</v>
      </c>
      <c r="N3020" s="166">
        <v>0</v>
      </c>
      <c r="O3020" s="166">
        <v>0</v>
      </c>
      <c r="P3020" s="166">
        <v>0</v>
      </c>
      <c r="Q3020" s="166">
        <v>0</v>
      </c>
      <c r="R3020" s="166">
        <v>0</v>
      </c>
      <c r="S3020" s="166">
        <v>0</v>
      </c>
      <c r="T3020" s="166">
        <v>0</v>
      </c>
      <c r="U3020" s="166">
        <v>0</v>
      </c>
      <c r="V3020" s="166">
        <v>0</v>
      </c>
      <c r="W3020" s="166">
        <v>0</v>
      </c>
      <c r="X3020" s="166">
        <v>0</v>
      </c>
      <c r="Y3020" s="166">
        <v>0</v>
      </c>
      <c r="Z3020" s="166">
        <v>0</v>
      </c>
      <c r="AA3020" s="166">
        <v>0</v>
      </c>
      <c r="AB3020" s="166">
        <v>0</v>
      </c>
      <c r="AC3020" s="166">
        <v>0</v>
      </c>
      <c r="AD3020" s="166">
        <v>0</v>
      </c>
      <c r="AE3020" s="166">
        <v>0</v>
      </c>
      <c r="AF3020" s="166">
        <v>0</v>
      </c>
      <c r="AG3020" s="166">
        <v>0</v>
      </c>
      <c r="AH3020" s="166">
        <v>0</v>
      </c>
      <c r="AI3020" s="166">
        <v>0</v>
      </c>
      <c r="AJ3020" s="166">
        <v>0</v>
      </c>
      <c r="AK3020" s="166">
        <v>0</v>
      </c>
      <c r="AL3020" s="166">
        <v>0</v>
      </c>
      <c r="AM3020" s="166">
        <v>0</v>
      </c>
      <c r="AN3020" s="166">
        <v>0</v>
      </c>
      <c r="AO3020" s="166">
        <v>0</v>
      </c>
      <c r="AP3020" s="166">
        <v>0</v>
      </c>
      <c r="AQ3020" s="166">
        <v>0</v>
      </c>
      <c r="AR3020" s="166">
        <v>0</v>
      </c>
      <c r="AS3020" s="166">
        <v>0</v>
      </c>
      <c r="AT3020" s="166">
        <v>0</v>
      </c>
      <c r="AU3020" s="166">
        <v>0</v>
      </c>
      <c r="AV3020" s="166">
        <v>0</v>
      </c>
      <c r="AW3020" s="166">
        <v>0</v>
      </c>
      <c r="AX3020" s="166">
        <v>0</v>
      </c>
      <c r="AY3020" s="166">
        <v>0</v>
      </c>
      <c r="AZ3020" s="166">
        <v>0</v>
      </c>
      <c r="BA3020" s="166">
        <v>0</v>
      </c>
      <c r="BB3020" s="166">
        <v>0</v>
      </c>
      <c r="BC3020" s="166">
        <v>0</v>
      </c>
      <c r="BD3020" s="166">
        <v>0</v>
      </c>
      <c r="BE3020" s="166">
        <v>0</v>
      </c>
      <c r="BF3020" s="166">
        <v>0</v>
      </c>
      <c r="BG3020" s="166">
        <v>0</v>
      </c>
      <c r="BH3020" s="166">
        <v>0</v>
      </c>
      <c r="BI3020" s="166">
        <v>0</v>
      </c>
      <c r="BJ3020" s="166">
        <v>0</v>
      </c>
      <c r="BK3020" s="166">
        <v>0</v>
      </c>
      <c r="BL3020" s="166">
        <v>0</v>
      </c>
      <c r="BM3020" s="166">
        <v>0</v>
      </c>
      <c r="BN3020" s="166">
        <v>0</v>
      </c>
      <c r="BO3020" s="166">
        <v>0</v>
      </c>
      <c r="BP3020" s="166">
        <v>0</v>
      </c>
      <c r="BQ3020" s="166">
        <v>0</v>
      </c>
      <c r="BR3020" s="166">
        <v>3252.57</v>
      </c>
      <c r="BS3020" s="166">
        <v>3252.57</v>
      </c>
      <c r="BT3020" s="168">
        <v>0</v>
      </c>
      <c r="BU3020" s="166">
        <v>0</v>
      </c>
      <c r="BV3020" s="166">
        <v>0</v>
      </c>
      <c r="BW3020" s="166">
        <v>0</v>
      </c>
      <c r="BX3020" s="166">
        <v>0</v>
      </c>
      <c r="BY3020" s="166">
        <v>0</v>
      </c>
      <c r="BZ3020" s="166">
        <v>0</v>
      </c>
      <c r="CA3020" s="166">
        <v>0</v>
      </c>
      <c r="CB3020" s="166">
        <v>0</v>
      </c>
      <c r="CC3020" s="166">
        <v>0</v>
      </c>
      <c r="CD3020" s="166">
        <v>0</v>
      </c>
      <c r="CE3020" s="166">
        <v>0</v>
      </c>
      <c r="CF3020" s="166">
        <v>0</v>
      </c>
      <c r="CG3020" s="166">
        <v>0</v>
      </c>
      <c r="CH3020" s="166">
        <v>0</v>
      </c>
      <c r="CI3020" s="166">
        <v>0</v>
      </c>
      <c r="CJ3020" s="166">
        <v>0</v>
      </c>
      <c r="CK3020" s="166">
        <v>0</v>
      </c>
      <c r="CL3020" s="166">
        <v>0</v>
      </c>
      <c r="CM3020" s="166">
        <v>0</v>
      </c>
      <c r="CN3020" s="166">
        <v>0</v>
      </c>
      <c r="CO3020" s="166">
        <v>0</v>
      </c>
      <c r="CP3020" s="166">
        <v>0</v>
      </c>
      <c r="CQ3020" s="166">
        <v>0</v>
      </c>
      <c r="CR3020" s="166">
        <v>0</v>
      </c>
      <c r="CS3020" s="166">
        <v>0</v>
      </c>
      <c r="CT3020" s="166">
        <v>0</v>
      </c>
      <c r="CU3020" s="166">
        <v>0</v>
      </c>
      <c r="CV3020" s="166">
        <v>0</v>
      </c>
      <c r="CW3020" s="166">
        <v>0</v>
      </c>
      <c r="CX3020" s="166">
        <v>0</v>
      </c>
      <c r="CY3020" s="166">
        <v>0</v>
      </c>
      <c r="CZ3020" s="166">
        <v>0</v>
      </c>
    </row>
    <row r="3021" spans="1:104" x14ac:dyDescent="0.2">
      <c r="A3021" s="167" t="s">
        <v>308</v>
      </c>
    </row>
    <row r="3022" spans="1:104" x14ac:dyDescent="0.2">
      <c r="A3022" s="167" t="s">
        <v>309</v>
      </c>
      <c r="B3022" s="166">
        <v>0</v>
      </c>
      <c r="C3022" s="166">
        <v>0</v>
      </c>
      <c r="D3022" s="166">
        <v>0</v>
      </c>
      <c r="E3022" s="166">
        <v>0</v>
      </c>
      <c r="F3022" s="166">
        <v>0</v>
      </c>
      <c r="G3022" s="166">
        <v>0</v>
      </c>
      <c r="H3022" s="166">
        <v>0</v>
      </c>
      <c r="I3022" s="166">
        <v>0</v>
      </c>
      <c r="J3022" s="166">
        <v>0</v>
      </c>
      <c r="K3022" s="166">
        <v>0</v>
      </c>
      <c r="L3022" s="166">
        <v>0</v>
      </c>
      <c r="M3022" s="166">
        <v>0</v>
      </c>
      <c r="N3022" s="166">
        <v>0</v>
      </c>
      <c r="O3022" s="166">
        <v>0</v>
      </c>
      <c r="P3022" s="166">
        <v>0</v>
      </c>
      <c r="Q3022" s="166">
        <v>0</v>
      </c>
      <c r="R3022" s="166">
        <v>0</v>
      </c>
      <c r="S3022" s="166">
        <v>0</v>
      </c>
      <c r="T3022" s="166">
        <v>0</v>
      </c>
      <c r="U3022" s="166">
        <v>0</v>
      </c>
      <c r="V3022" s="166">
        <v>0</v>
      </c>
      <c r="W3022" s="166">
        <v>0</v>
      </c>
      <c r="X3022" s="166">
        <v>0</v>
      </c>
      <c r="Y3022" s="166">
        <v>0</v>
      </c>
      <c r="Z3022" s="166">
        <v>0</v>
      </c>
      <c r="AA3022" s="166">
        <v>0</v>
      </c>
      <c r="AB3022" s="166">
        <v>0</v>
      </c>
      <c r="AC3022" s="166">
        <v>0</v>
      </c>
      <c r="AD3022" s="166">
        <v>0</v>
      </c>
      <c r="AE3022" s="166">
        <v>0</v>
      </c>
      <c r="AF3022" s="166">
        <v>0</v>
      </c>
      <c r="AG3022" s="166">
        <v>0</v>
      </c>
      <c r="AH3022" s="166">
        <v>0</v>
      </c>
      <c r="AI3022" s="166">
        <v>0</v>
      </c>
      <c r="AJ3022" s="166">
        <v>0</v>
      </c>
      <c r="AK3022" s="166">
        <v>0</v>
      </c>
      <c r="AL3022" s="166">
        <v>0</v>
      </c>
      <c r="AM3022" s="166">
        <v>0</v>
      </c>
      <c r="AN3022" s="166">
        <v>0</v>
      </c>
      <c r="AO3022" s="166">
        <v>0</v>
      </c>
      <c r="AP3022" s="166">
        <v>0</v>
      </c>
      <c r="AQ3022" s="166">
        <v>0</v>
      </c>
      <c r="AR3022" s="166">
        <v>0</v>
      </c>
      <c r="AS3022" s="166">
        <v>0</v>
      </c>
      <c r="AT3022" s="166">
        <v>0</v>
      </c>
      <c r="AU3022" s="166">
        <v>0</v>
      </c>
      <c r="AV3022" s="166">
        <v>0</v>
      </c>
      <c r="AW3022" s="166">
        <v>0</v>
      </c>
      <c r="AX3022" s="166">
        <v>0</v>
      </c>
      <c r="AY3022" s="166">
        <v>0</v>
      </c>
      <c r="AZ3022" s="166">
        <v>0</v>
      </c>
      <c r="BA3022" s="166">
        <v>0</v>
      </c>
      <c r="BB3022" s="166">
        <v>0</v>
      </c>
      <c r="BC3022" s="166">
        <v>0</v>
      </c>
      <c r="BD3022" s="166">
        <v>0</v>
      </c>
      <c r="BE3022" s="166">
        <v>0</v>
      </c>
      <c r="BF3022" s="166">
        <v>0</v>
      </c>
      <c r="BG3022" s="166">
        <v>0</v>
      </c>
      <c r="BH3022" s="166">
        <v>0</v>
      </c>
      <c r="BI3022" s="166">
        <v>0</v>
      </c>
      <c r="BJ3022" s="166">
        <v>0</v>
      </c>
      <c r="BK3022" s="166">
        <v>0</v>
      </c>
      <c r="BL3022" s="166">
        <v>0</v>
      </c>
      <c r="BM3022" s="166">
        <v>0</v>
      </c>
      <c r="BN3022" s="166">
        <v>0</v>
      </c>
      <c r="BO3022" s="166">
        <v>0</v>
      </c>
      <c r="BP3022" s="166">
        <v>0</v>
      </c>
      <c r="BQ3022" s="166">
        <v>0</v>
      </c>
      <c r="BR3022" s="166">
        <v>0</v>
      </c>
      <c r="BS3022" s="166">
        <v>0</v>
      </c>
      <c r="BT3022" s="168">
        <v>0</v>
      </c>
      <c r="BU3022" s="166">
        <v>0</v>
      </c>
      <c r="BV3022" s="166">
        <v>0</v>
      </c>
      <c r="BW3022" s="166">
        <v>0</v>
      </c>
      <c r="BX3022" s="166">
        <v>0</v>
      </c>
      <c r="BY3022" s="166">
        <v>0</v>
      </c>
      <c r="BZ3022" s="166">
        <v>0</v>
      </c>
      <c r="CA3022" s="166">
        <v>0</v>
      </c>
      <c r="CB3022" s="166">
        <v>0</v>
      </c>
      <c r="CC3022" s="166">
        <v>0</v>
      </c>
      <c r="CD3022" s="166">
        <v>0</v>
      </c>
      <c r="CE3022" s="166">
        <v>0</v>
      </c>
      <c r="CF3022" s="166">
        <v>0</v>
      </c>
      <c r="CG3022" s="166">
        <v>0</v>
      </c>
      <c r="CH3022" s="166">
        <v>0</v>
      </c>
      <c r="CI3022" s="166">
        <v>0</v>
      </c>
      <c r="CJ3022" s="166">
        <v>0</v>
      </c>
      <c r="CK3022" s="166">
        <v>0</v>
      </c>
      <c r="CL3022" s="166">
        <v>0</v>
      </c>
      <c r="CM3022" s="166">
        <v>0</v>
      </c>
      <c r="CN3022" s="166">
        <v>0</v>
      </c>
      <c r="CO3022" s="166">
        <v>0</v>
      </c>
      <c r="CP3022" s="166">
        <v>0</v>
      </c>
      <c r="CQ3022" s="166">
        <v>0</v>
      </c>
      <c r="CR3022" s="166">
        <v>0</v>
      </c>
      <c r="CS3022" s="166">
        <v>0</v>
      </c>
      <c r="CT3022" s="166">
        <v>0</v>
      </c>
      <c r="CU3022" s="166">
        <v>0</v>
      </c>
      <c r="CV3022" s="166">
        <v>0</v>
      </c>
      <c r="CW3022" s="166">
        <v>0</v>
      </c>
      <c r="CX3022" s="166">
        <v>0</v>
      </c>
      <c r="CY3022" s="166">
        <v>0</v>
      </c>
      <c r="CZ3022" s="166">
        <v>0</v>
      </c>
    </row>
    <row r="3023" spans="1:104" x14ac:dyDescent="0.2">
      <c r="A3023" s="167" t="s">
        <v>310</v>
      </c>
    </row>
    <row r="3024" spans="1:104" x14ac:dyDescent="0.2">
      <c r="A3024" s="167" t="s">
        <v>311</v>
      </c>
      <c r="B3024" s="166">
        <v>2537260.34</v>
      </c>
      <c r="C3024" s="166">
        <v>2537260.34</v>
      </c>
      <c r="D3024" s="166">
        <v>0</v>
      </c>
      <c r="E3024" s="166">
        <v>0</v>
      </c>
      <c r="F3024" s="166">
        <v>0</v>
      </c>
      <c r="G3024" s="166">
        <v>0</v>
      </c>
      <c r="H3024" s="166">
        <v>0</v>
      </c>
      <c r="I3024" s="166">
        <v>0</v>
      </c>
      <c r="J3024" s="166">
        <v>0</v>
      </c>
      <c r="K3024" s="166">
        <v>0</v>
      </c>
      <c r="L3024" s="166">
        <v>0</v>
      </c>
      <c r="M3024" s="166">
        <v>0</v>
      </c>
      <c r="N3024" s="166">
        <v>0</v>
      </c>
      <c r="O3024" s="166">
        <v>0</v>
      </c>
      <c r="P3024" s="166">
        <v>0</v>
      </c>
      <c r="Q3024" s="166">
        <v>0</v>
      </c>
      <c r="R3024" s="166">
        <v>0</v>
      </c>
      <c r="S3024" s="166">
        <v>0</v>
      </c>
      <c r="T3024" s="166">
        <v>0</v>
      </c>
      <c r="U3024" s="166">
        <v>0</v>
      </c>
      <c r="V3024" s="166">
        <v>0</v>
      </c>
      <c r="W3024" s="166">
        <v>0</v>
      </c>
      <c r="X3024" s="166">
        <v>0</v>
      </c>
      <c r="Y3024" s="166">
        <v>0</v>
      </c>
      <c r="Z3024" s="166">
        <v>0</v>
      </c>
      <c r="AA3024" s="166">
        <v>0</v>
      </c>
      <c r="AB3024" s="166">
        <v>0</v>
      </c>
      <c r="AC3024" s="166">
        <v>0</v>
      </c>
      <c r="AD3024" s="166">
        <v>0</v>
      </c>
      <c r="AE3024" s="166">
        <v>0</v>
      </c>
      <c r="AF3024" s="166">
        <v>0</v>
      </c>
      <c r="AG3024" s="166">
        <v>0</v>
      </c>
      <c r="AH3024" s="166">
        <v>0</v>
      </c>
      <c r="AI3024" s="166">
        <v>0</v>
      </c>
      <c r="AJ3024" s="166">
        <v>0</v>
      </c>
      <c r="AK3024" s="166">
        <v>0</v>
      </c>
      <c r="AL3024" s="166">
        <v>0</v>
      </c>
      <c r="AM3024" s="166">
        <v>0</v>
      </c>
      <c r="AN3024" s="166">
        <v>0</v>
      </c>
      <c r="AO3024" s="166">
        <v>0</v>
      </c>
      <c r="AP3024" s="166">
        <v>0</v>
      </c>
      <c r="AQ3024" s="166">
        <v>0</v>
      </c>
      <c r="AR3024" s="166">
        <v>0</v>
      </c>
      <c r="AS3024" s="166">
        <v>0</v>
      </c>
      <c r="AT3024" s="166">
        <v>0</v>
      </c>
      <c r="AU3024" s="166">
        <v>0</v>
      </c>
      <c r="AV3024" s="166">
        <v>0</v>
      </c>
      <c r="AW3024" s="166">
        <v>0</v>
      </c>
      <c r="AX3024" s="166">
        <v>0</v>
      </c>
      <c r="AY3024" s="166">
        <v>0</v>
      </c>
      <c r="AZ3024" s="166">
        <v>0</v>
      </c>
      <c r="BA3024" s="166">
        <v>0</v>
      </c>
      <c r="BB3024" s="166">
        <v>0</v>
      </c>
      <c r="BC3024" s="166">
        <v>0</v>
      </c>
      <c r="BD3024" s="166">
        <v>0</v>
      </c>
      <c r="BE3024" s="166">
        <v>0</v>
      </c>
      <c r="BF3024" s="166">
        <v>0</v>
      </c>
      <c r="BG3024" s="166">
        <v>0</v>
      </c>
      <c r="BH3024" s="166">
        <v>0</v>
      </c>
      <c r="BI3024" s="166">
        <v>0</v>
      </c>
      <c r="BJ3024" s="166">
        <v>0</v>
      </c>
      <c r="BK3024" s="166">
        <v>0</v>
      </c>
      <c r="BL3024" s="166">
        <v>0</v>
      </c>
      <c r="BM3024" s="166">
        <v>0</v>
      </c>
      <c r="BN3024" s="166">
        <v>0</v>
      </c>
      <c r="BO3024" s="166">
        <v>0</v>
      </c>
      <c r="BP3024" s="166">
        <v>0</v>
      </c>
      <c r="BQ3024" s="166">
        <v>0</v>
      </c>
      <c r="BR3024" s="166">
        <v>2537260.34</v>
      </c>
      <c r="BS3024" s="166">
        <v>2537260.34</v>
      </c>
      <c r="BT3024" s="168">
        <v>0</v>
      </c>
      <c r="BU3024" s="166">
        <v>0</v>
      </c>
      <c r="BV3024" s="166">
        <v>0</v>
      </c>
      <c r="BW3024" s="166">
        <v>0</v>
      </c>
      <c r="BX3024" s="166">
        <v>0</v>
      </c>
      <c r="BY3024" s="166">
        <v>0</v>
      </c>
      <c r="BZ3024" s="166">
        <v>0</v>
      </c>
      <c r="CA3024" s="166">
        <v>0</v>
      </c>
      <c r="CB3024" s="166">
        <v>0</v>
      </c>
      <c r="CC3024" s="166">
        <v>0</v>
      </c>
      <c r="CD3024" s="166">
        <v>0</v>
      </c>
      <c r="CE3024" s="166">
        <v>0</v>
      </c>
      <c r="CF3024" s="166">
        <v>0</v>
      </c>
      <c r="CG3024" s="166">
        <v>0</v>
      </c>
      <c r="CH3024" s="166">
        <v>0</v>
      </c>
      <c r="CI3024" s="166">
        <v>0</v>
      </c>
      <c r="CJ3024" s="166">
        <v>0</v>
      </c>
      <c r="CK3024" s="166">
        <v>0</v>
      </c>
      <c r="CL3024" s="166">
        <v>0</v>
      </c>
      <c r="CM3024" s="166">
        <v>0</v>
      </c>
      <c r="CN3024" s="166">
        <v>0</v>
      </c>
      <c r="CO3024" s="166">
        <v>0</v>
      </c>
      <c r="CP3024" s="166">
        <v>0</v>
      </c>
      <c r="CQ3024" s="166">
        <v>0</v>
      </c>
      <c r="CR3024" s="166">
        <v>0</v>
      </c>
      <c r="CS3024" s="166">
        <v>0</v>
      </c>
      <c r="CT3024" s="166">
        <v>0</v>
      </c>
      <c r="CU3024" s="166">
        <v>0</v>
      </c>
      <c r="CV3024" s="166">
        <v>0</v>
      </c>
      <c r="CW3024" s="166">
        <v>0</v>
      </c>
      <c r="CX3024" s="166">
        <v>0</v>
      </c>
      <c r="CY3024" s="166">
        <v>0</v>
      </c>
      <c r="CZ3024" s="166">
        <v>0</v>
      </c>
    </row>
    <row r="3025" spans="1:104" x14ac:dyDescent="0.2">
      <c r="A3025" s="167" t="s">
        <v>312</v>
      </c>
    </row>
    <row r="3026" spans="1:104" x14ac:dyDescent="0.2">
      <c r="A3026" s="167" t="s">
        <v>1127</v>
      </c>
      <c r="B3026" s="166">
        <v>973873.79</v>
      </c>
      <c r="C3026" s="166">
        <v>973873.79</v>
      </c>
      <c r="D3026" s="166">
        <v>0</v>
      </c>
      <c r="E3026" s="166">
        <v>0</v>
      </c>
      <c r="F3026" s="166">
        <v>0</v>
      </c>
      <c r="G3026" s="166">
        <v>0</v>
      </c>
      <c r="H3026" s="166">
        <v>0</v>
      </c>
      <c r="I3026" s="166">
        <v>0</v>
      </c>
      <c r="J3026" s="166">
        <v>0</v>
      </c>
      <c r="K3026" s="166">
        <v>0</v>
      </c>
      <c r="L3026" s="166">
        <v>0</v>
      </c>
      <c r="M3026" s="166">
        <v>0</v>
      </c>
      <c r="N3026" s="166">
        <v>0</v>
      </c>
      <c r="O3026" s="166">
        <v>0</v>
      </c>
      <c r="P3026" s="166">
        <v>0</v>
      </c>
      <c r="Q3026" s="166">
        <v>0</v>
      </c>
      <c r="R3026" s="166">
        <v>0</v>
      </c>
      <c r="S3026" s="166">
        <v>0</v>
      </c>
      <c r="T3026" s="166">
        <v>0</v>
      </c>
      <c r="U3026" s="166">
        <v>0</v>
      </c>
      <c r="V3026" s="166">
        <v>0</v>
      </c>
      <c r="W3026" s="166">
        <v>0</v>
      </c>
      <c r="X3026" s="166">
        <v>0</v>
      </c>
      <c r="Y3026" s="166">
        <v>0</v>
      </c>
      <c r="Z3026" s="166">
        <v>0</v>
      </c>
      <c r="AA3026" s="166">
        <v>0</v>
      </c>
      <c r="AB3026" s="166">
        <v>0</v>
      </c>
      <c r="AC3026" s="166">
        <v>0</v>
      </c>
      <c r="AD3026" s="166">
        <v>0</v>
      </c>
      <c r="AE3026" s="166">
        <v>0</v>
      </c>
      <c r="AF3026" s="166">
        <v>0</v>
      </c>
      <c r="AG3026" s="166">
        <v>0</v>
      </c>
      <c r="AH3026" s="166">
        <v>0</v>
      </c>
      <c r="AI3026" s="166">
        <v>0</v>
      </c>
      <c r="AJ3026" s="166">
        <v>0</v>
      </c>
      <c r="AK3026" s="166">
        <v>0</v>
      </c>
      <c r="AL3026" s="166">
        <v>0</v>
      </c>
      <c r="AM3026" s="166">
        <v>0</v>
      </c>
      <c r="AN3026" s="166">
        <v>0</v>
      </c>
      <c r="AO3026" s="166">
        <v>0</v>
      </c>
      <c r="AP3026" s="166">
        <v>0</v>
      </c>
      <c r="AQ3026" s="166">
        <v>0</v>
      </c>
      <c r="AR3026" s="166">
        <v>0</v>
      </c>
      <c r="AS3026" s="166">
        <v>0</v>
      </c>
      <c r="AT3026" s="166">
        <v>0</v>
      </c>
      <c r="AU3026" s="166">
        <v>0</v>
      </c>
      <c r="AV3026" s="166">
        <v>0</v>
      </c>
      <c r="AW3026" s="166">
        <v>0</v>
      </c>
      <c r="AX3026" s="166">
        <v>0</v>
      </c>
      <c r="AY3026" s="166">
        <v>0</v>
      </c>
      <c r="AZ3026" s="166">
        <v>0</v>
      </c>
      <c r="BA3026" s="166">
        <v>0</v>
      </c>
      <c r="BB3026" s="166">
        <v>0</v>
      </c>
      <c r="BC3026" s="166">
        <v>0</v>
      </c>
      <c r="BD3026" s="166">
        <v>0</v>
      </c>
      <c r="BE3026" s="166">
        <v>0</v>
      </c>
      <c r="BF3026" s="166">
        <v>0</v>
      </c>
      <c r="BG3026" s="166">
        <v>0</v>
      </c>
      <c r="BH3026" s="166">
        <v>0</v>
      </c>
      <c r="BI3026" s="166">
        <v>0</v>
      </c>
      <c r="BJ3026" s="166">
        <v>0</v>
      </c>
      <c r="BK3026" s="166">
        <v>0</v>
      </c>
      <c r="BL3026" s="166">
        <v>0</v>
      </c>
      <c r="BM3026" s="166">
        <v>0</v>
      </c>
      <c r="BN3026" s="166">
        <v>0</v>
      </c>
      <c r="BO3026" s="166">
        <v>0</v>
      </c>
      <c r="BP3026" s="166">
        <v>0</v>
      </c>
      <c r="BQ3026" s="166">
        <v>0</v>
      </c>
      <c r="BR3026" s="166">
        <v>973873.79</v>
      </c>
      <c r="BS3026" s="166">
        <v>973873.79</v>
      </c>
      <c r="BT3026" s="168">
        <v>0</v>
      </c>
      <c r="BU3026" s="166">
        <v>0</v>
      </c>
      <c r="BV3026" s="166">
        <v>0</v>
      </c>
      <c r="BW3026" s="166">
        <v>0</v>
      </c>
      <c r="BX3026" s="166">
        <v>0</v>
      </c>
      <c r="BY3026" s="166">
        <v>0</v>
      </c>
      <c r="BZ3026" s="166">
        <v>0</v>
      </c>
      <c r="CA3026" s="166">
        <v>0</v>
      </c>
      <c r="CB3026" s="166">
        <v>0</v>
      </c>
      <c r="CC3026" s="166">
        <v>0</v>
      </c>
      <c r="CD3026" s="166">
        <v>0</v>
      </c>
      <c r="CE3026" s="166">
        <v>0</v>
      </c>
      <c r="CF3026" s="166">
        <v>0</v>
      </c>
      <c r="CG3026" s="166">
        <v>0</v>
      </c>
      <c r="CH3026" s="166">
        <v>0</v>
      </c>
      <c r="CI3026" s="166">
        <v>0</v>
      </c>
      <c r="CJ3026" s="166">
        <v>0</v>
      </c>
      <c r="CK3026" s="166">
        <v>0</v>
      </c>
      <c r="CL3026" s="166">
        <v>0</v>
      </c>
      <c r="CM3026" s="166">
        <v>0</v>
      </c>
      <c r="CN3026" s="166">
        <v>0</v>
      </c>
      <c r="CO3026" s="166">
        <v>0</v>
      </c>
      <c r="CP3026" s="166">
        <v>0</v>
      </c>
      <c r="CQ3026" s="166">
        <v>0</v>
      </c>
      <c r="CR3026" s="166">
        <v>0</v>
      </c>
      <c r="CS3026" s="166">
        <v>0</v>
      </c>
      <c r="CT3026" s="166">
        <v>0</v>
      </c>
      <c r="CU3026" s="166">
        <v>0</v>
      </c>
      <c r="CV3026" s="166">
        <v>0</v>
      </c>
      <c r="CW3026" s="166">
        <v>0</v>
      </c>
      <c r="CX3026" s="166">
        <v>0</v>
      </c>
      <c r="CY3026" s="166">
        <v>0</v>
      </c>
      <c r="CZ3026" s="166">
        <v>0</v>
      </c>
    </row>
    <row r="3027" spans="1:104" x14ac:dyDescent="0.2">
      <c r="A3027" s="167" t="s">
        <v>314</v>
      </c>
    </row>
    <row r="3028" spans="1:104" x14ac:dyDescent="0.2">
      <c r="A3028" s="167" t="s">
        <v>1128</v>
      </c>
      <c r="B3028" s="166">
        <v>11093872.040426601</v>
      </c>
      <c r="C3028" s="166">
        <v>11093872.040426601</v>
      </c>
      <c r="D3028" s="166">
        <v>0</v>
      </c>
      <c r="E3028" s="166">
        <v>0</v>
      </c>
      <c r="F3028" s="166">
        <v>0</v>
      </c>
      <c r="G3028" s="166">
        <v>0</v>
      </c>
      <c r="H3028" s="166">
        <v>0</v>
      </c>
      <c r="I3028" s="166">
        <v>0</v>
      </c>
      <c r="J3028" s="166">
        <v>0</v>
      </c>
      <c r="K3028" s="166">
        <v>0</v>
      </c>
      <c r="L3028" s="166">
        <v>0</v>
      </c>
      <c r="M3028" s="166">
        <v>0</v>
      </c>
      <c r="N3028" s="166">
        <v>0</v>
      </c>
      <c r="O3028" s="166">
        <v>0</v>
      </c>
      <c r="P3028" s="166">
        <v>0</v>
      </c>
      <c r="Q3028" s="166">
        <v>0</v>
      </c>
      <c r="R3028" s="166">
        <v>0</v>
      </c>
      <c r="S3028" s="166">
        <v>0</v>
      </c>
      <c r="T3028" s="166">
        <v>0</v>
      </c>
      <c r="U3028" s="166">
        <v>0</v>
      </c>
      <c r="V3028" s="166">
        <v>0</v>
      </c>
      <c r="W3028" s="166">
        <v>0</v>
      </c>
      <c r="X3028" s="166">
        <v>0</v>
      </c>
      <c r="Y3028" s="166">
        <v>0</v>
      </c>
      <c r="Z3028" s="166">
        <v>0</v>
      </c>
      <c r="AA3028" s="166">
        <v>0</v>
      </c>
      <c r="AB3028" s="166">
        <v>0</v>
      </c>
      <c r="AC3028" s="166">
        <v>0</v>
      </c>
      <c r="AD3028" s="166">
        <v>0</v>
      </c>
      <c r="AE3028" s="166">
        <v>0</v>
      </c>
      <c r="AF3028" s="166">
        <v>0</v>
      </c>
      <c r="AG3028" s="166">
        <v>0</v>
      </c>
      <c r="AH3028" s="166">
        <v>0</v>
      </c>
      <c r="AI3028" s="166">
        <v>0</v>
      </c>
      <c r="AJ3028" s="166">
        <v>0</v>
      </c>
      <c r="AK3028" s="166">
        <v>0</v>
      </c>
      <c r="AL3028" s="166">
        <v>0</v>
      </c>
      <c r="AM3028" s="166">
        <v>0</v>
      </c>
      <c r="AN3028" s="166">
        <v>0</v>
      </c>
      <c r="AO3028" s="166">
        <v>0</v>
      </c>
      <c r="AP3028" s="166">
        <v>0</v>
      </c>
      <c r="AQ3028" s="166">
        <v>0</v>
      </c>
      <c r="AR3028" s="166">
        <v>0</v>
      </c>
      <c r="AS3028" s="166">
        <v>0</v>
      </c>
      <c r="AT3028" s="166">
        <v>0</v>
      </c>
      <c r="AU3028" s="166">
        <v>0</v>
      </c>
      <c r="AV3028" s="166">
        <v>0</v>
      </c>
      <c r="AW3028" s="166">
        <v>0</v>
      </c>
      <c r="AX3028" s="166">
        <v>0</v>
      </c>
      <c r="AY3028" s="166">
        <v>0</v>
      </c>
      <c r="AZ3028" s="166">
        <v>0</v>
      </c>
      <c r="BA3028" s="166">
        <v>0</v>
      </c>
      <c r="BB3028" s="166">
        <v>0</v>
      </c>
      <c r="BC3028" s="166">
        <v>0</v>
      </c>
      <c r="BD3028" s="166">
        <v>0</v>
      </c>
      <c r="BE3028" s="166">
        <v>0</v>
      </c>
      <c r="BF3028" s="166">
        <v>0</v>
      </c>
      <c r="BG3028" s="166">
        <v>0</v>
      </c>
      <c r="BH3028" s="166">
        <v>0</v>
      </c>
      <c r="BI3028" s="166">
        <v>0</v>
      </c>
      <c r="BJ3028" s="166">
        <v>0</v>
      </c>
      <c r="BK3028" s="166">
        <v>0</v>
      </c>
      <c r="BL3028" s="166">
        <v>0</v>
      </c>
      <c r="BM3028" s="166">
        <v>0</v>
      </c>
      <c r="BN3028" s="166">
        <v>0</v>
      </c>
      <c r="BO3028" s="166">
        <v>0</v>
      </c>
      <c r="BP3028" s="166">
        <v>0</v>
      </c>
      <c r="BQ3028" s="166">
        <v>0</v>
      </c>
      <c r="BR3028" s="166">
        <v>11093872.040426601</v>
      </c>
      <c r="BS3028" s="166">
        <v>11093872.040426601</v>
      </c>
      <c r="BT3028" s="168">
        <v>0</v>
      </c>
      <c r="BU3028" s="166">
        <v>0</v>
      </c>
      <c r="BV3028" s="166">
        <v>0</v>
      </c>
      <c r="BW3028" s="166">
        <v>0</v>
      </c>
      <c r="BX3028" s="166">
        <v>0</v>
      </c>
      <c r="BY3028" s="166">
        <v>0</v>
      </c>
      <c r="BZ3028" s="166">
        <v>0</v>
      </c>
      <c r="CA3028" s="166">
        <v>0</v>
      </c>
      <c r="CB3028" s="166">
        <v>0</v>
      </c>
      <c r="CC3028" s="166">
        <v>0</v>
      </c>
      <c r="CD3028" s="166">
        <v>0</v>
      </c>
      <c r="CE3028" s="166">
        <v>0</v>
      </c>
      <c r="CF3028" s="166">
        <v>0</v>
      </c>
      <c r="CG3028" s="166">
        <v>0</v>
      </c>
      <c r="CH3028" s="166">
        <v>0</v>
      </c>
      <c r="CI3028" s="166">
        <v>0</v>
      </c>
      <c r="CJ3028" s="166">
        <v>0</v>
      </c>
      <c r="CK3028" s="166">
        <v>0</v>
      </c>
      <c r="CL3028" s="166">
        <v>0</v>
      </c>
      <c r="CM3028" s="166">
        <v>0</v>
      </c>
      <c r="CN3028" s="166">
        <v>0</v>
      </c>
      <c r="CO3028" s="166">
        <v>0</v>
      </c>
      <c r="CP3028" s="166">
        <v>0</v>
      </c>
      <c r="CQ3028" s="166">
        <v>0</v>
      </c>
      <c r="CR3028" s="166">
        <v>0</v>
      </c>
      <c r="CS3028" s="166">
        <v>0</v>
      </c>
      <c r="CT3028" s="166">
        <v>0</v>
      </c>
      <c r="CU3028" s="166">
        <v>0</v>
      </c>
      <c r="CV3028" s="166">
        <v>0</v>
      </c>
      <c r="CW3028" s="166">
        <v>0</v>
      </c>
      <c r="CX3028" s="166">
        <v>0</v>
      </c>
      <c r="CY3028" s="166">
        <v>0</v>
      </c>
      <c r="CZ3028" s="166">
        <v>0</v>
      </c>
    </row>
    <row r="3029" spans="1:104" x14ac:dyDescent="0.2">
      <c r="A3029" s="167" t="s">
        <v>1129</v>
      </c>
      <c r="B3029" s="166">
        <v>5860226.1102935402</v>
      </c>
      <c r="C3029" s="166">
        <v>5860226.1102935402</v>
      </c>
      <c r="D3029" s="166">
        <v>0</v>
      </c>
      <c r="E3029" s="166">
        <v>0</v>
      </c>
      <c r="F3029" s="166">
        <v>0</v>
      </c>
      <c r="G3029" s="166">
        <v>0</v>
      </c>
      <c r="H3029" s="166">
        <v>0</v>
      </c>
      <c r="I3029" s="166">
        <v>0</v>
      </c>
      <c r="J3029" s="166">
        <v>0</v>
      </c>
      <c r="K3029" s="166">
        <v>0</v>
      </c>
      <c r="L3029" s="166">
        <v>0</v>
      </c>
      <c r="M3029" s="166">
        <v>0</v>
      </c>
      <c r="N3029" s="166">
        <v>0</v>
      </c>
      <c r="O3029" s="166">
        <v>0</v>
      </c>
      <c r="P3029" s="166">
        <v>0</v>
      </c>
      <c r="Q3029" s="166">
        <v>0</v>
      </c>
      <c r="R3029" s="166">
        <v>0</v>
      </c>
      <c r="S3029" s="166">
        <v>0</v>
      </c>
      <c r="T3029" s="166">
        <v>0</v>
      </c>
      <c r="U3029" s="166">
        <v>0</v>
      </c>
      <c r="V3029" s="166">
        <v>0</v>
      </c>
      <c r="W3029" s="166">
        <v>0</v>
      </c>
      <c r="X3029" s="166">
        <v>0</v>
      </c>
      <c r="Y3029" s="166">
        <v>0</v>
      </c>
      <c r="Z3029" s="166">
        <v>0</v>
      </c>
      <c r="AA3029" s="166">
        <v>0</v>
      </c>
      <c r="AB3029" s="166">
        <v>0</v>
      </c>
      <c r="AC3029" s="166">
        <v>0</v>
      </c>
      <c r="AD3029" s="166">
        <v>0</v>
      </c>
      <c r="AE3029" s="166">
        <v>0</v>
      </c>
      <c r="AF3029" s="166">
        <v>0</v>
      </c>
      <c r="AG3029" s="166">
        <v>0</v>
      </c>
      <c r="AH3029" s="166">
        <v>0</v>
      </c>
      <c r="AI3029" s="166">
        <v>0</v>
      </c>
      <c r="AJ3029" s="166">
        <v>0</v>
      </c>
      <c r="AK3029" s="166">
        <v>0</v>
      </c>
      <c r="AL3029" s="166">
        <v>0</v>
      </c>
      <c r="AM3029" s="166">
        <v>0</v>
      </c>
      <c r="AN3029" s="166">
        <v>0</v>
      </c>
      <c r="AO3029" s="166">
        <v>0</v>
      </c>
      <c r="AP3029" s="166">
        <v>0</v>
      </c>
      <c r="AQ3029" s="166">
        <v>0</v>
      </c>
      <c r="AR3029" s="166">
        <v>0</v>
      </c>
      <c r="AS3029" s="166">
        <v>0</v>
      </c>
      <c r="AT3029" s="166">
        <v>0</v>
      </c>
      <c r="AU3029" s="166">
        <v>0</v>
      </c>
      <c r="AV3029" s="166">
        <v>0</v>
      </c>
      <c r="AW3029" s="166">
        <v>0</v>
      </c>
      <c r="AX3029" s="166">
        <v>0</v>
      </c>
      <c r="AY3029" s="166">
        <v>0</v>
      </c>
      <c r="AZ3029" s="166">
        <v>0</v>
      </c>
      <c r="BA3029" s="166">
        <v>0</v>
      </c>
      <c r="BB3029" s="166">
        <v>0</v>
      </c>
      <c r="BC3029" s="166">
        <v>0</v>
      </c>
      <c r="BD3029" s="166">
        <v>0</v>
      </c>
      <c r="BE3029" s="166">
        <v>0</v>
      </c>
      <c r="BF3029" s="166">
        <v>0</v>
      </c>
      <c r="BG3029" s="166">
        <v>0</v>
      </c>
      <c r="BH3029" s="166">
        <v>0</v>
      </c>
      <c r="BI3029" s="166">
        <v>0</v>
      </c>
      <c r="BJ3029" s="166">
        <v>0</v>
      </c>
      <c r="BK3029" s="166">
        <v>0</v>
      </c>
      <c r="BL3029" s="166">
        <v>0</v>
      </c>
      <c r="BM3029" s="166">
        <v>0</v>
      </c>
      <c r="BN3029" s="166">
        <v>0</v>
      </c>
      <c r="BO3029" s="166">
        <v>0</v>
      </c>
      <c r="BP3029" s="166">
        <v>0</v>
      </c>
      <c r="BQ3029" s="166">
        <v>0</v>
      </c>
      <c r="BR3029" s="166">
        <v>5860226.1102935402</v>
      </c>
      <c r="BS3029" s="166">
        <v>5860226.1102935402</v>
      </c>
      <c r="BT3029" s="168">
        <v>0</v>
      </c>
      <c r="BU3029" s="166">
        <v>0</v>
      </c>
      <c r="BV3029" s="166">
        <v>0</v>
      </c>
      <c r="BW3029" s="166">
        <v>0</v>
      </c>
      <c r="BX3029" s="166">
        <v>0</v>
      </c>
      <c r="BY3029" s="166">
        <v>0</v>
      </c>
      <c r="BZ3029" s="166">
        <v>0</v>
      </c>
      <c r="CA3029" s="166">
        <v>0</v>
      </c>
      <c r="CB3029" s="166">
        <v>0</v>
      </c>
      <c r="CC3029" s="166">
        <v>0</v>
      </c>
      <c r="CD3029" s="166">
        <v>0</v>
      </c>
      <c r="CE3029" s="166">
        <v>0</v>
      </c>
      <c r="CF3029" s="166">
        <v>0</v>
      </c>
      <c r="CG3029" s="166">
        <v>0</v>
      </c>
      <c r="CH3029" s="166">
        <v>0</v>
      </c>
      <c r="CI3029" s="166">
        <v>0</v>
      </c>
      <c r="CJ3029" s="166">
        <v>0</v>
      </c>
      <c r="CK3029" s="166">
        <v>0</v>
      </c>
      <c r="CL3029" s="166">
        <v>0</v>
      </c>
      <c r="CM3029" s="166">
        <v>0</v>
      </c>
      <c r="CN3029" s="166">
        <v>0</v>
      </c>
      <c r="CO3029" s="166">
        <v>0</v>
      </c>
      <c r="CP3029" s="166">
        <v>0</v>
      </c>
      <c r="CQ3029" s="166">
        <v>0</v>
      </c>
      <c r="CR3029" s="166">
        <v>0</v>
      </c>
      <c r="CS3029" s="166">
        <v>0</v>
      </c>
      <c r="CT3029" s="166">
        <v>0</v>
      </c>
      <c r="CU3029" s="166">
        <v>0</v>
      </c>
      <c r="CV3029" s="166">
        <v>0</v>
      </c>
      <c r="CW3029" s="166">
        <v>0</v>
      </c>
      <c r="CX3029" s="166">
        <v>0</v>
      </c>
      <c r="CY3029" s="166">
        <v>0</v>
      </c>
      <c r="CZ3029" s="166">
        <v>0</v>
      </c>
    </row>
    <row r="3030" spans="1:104" x14ac:dyDescent="0.2">
      <c r="A3030" s="167" t="s">
        <v>1130</v>
      </c>
      <c r="B3030" s="166">
        <v>1208172.20527672</v>
      </c>
      <c r="C3030" s="166">
        <v>1208172.20527672</v>
      </c>
      <c r="D3030" s="166">
        <v>0</v>
      </c>
      <c r="E3030" s="166">
        <v>0</v>
      </c>
      <c r="F3030" s="166">
        <v>0</v>
      </c>
      <c r="G3030" s="166">
        <v>0</v>
      </c>
      <c r="H3030" s="166">
        <v>0</v>
      </c>
      <c r="I3030" s="166">
        <v>0</v>
      </c>
      <c r="J3030" s="166">
        <v>0</v>
      </c>
      <c r="K3030" s="166">
        <v>0</v>
      </c>
      <c r="L3030" s="166">
        <v>0</v>
      </c>
      <c r="M3030" s="166">
        <v>0</v>
      </c>
      <c r="N3030" s="166">
        <v>0</v>
      </c>
      <c r="O3030" s="166">
        <v>0</v>
      </c>
      <c r="P3030" s="166">
        <v>0</v>
      </c>
      <c r="Q3030" s="166">
        <v>0</v>
      </c>
      <c r="R3030" s="166">
        <v>0</v>
      </c>
      <c r="S3030" s="166">
        <v>0</v>
      </c>
      <c r="T3030" s="166">
        <v>0</v>
      </c>
      <c r="U3030" s="166">
        <v>0</v>
      </c>
      <c r="V3030" s="166">
        <v>0</v>
      </c>
      <c r="W3030" s="166">
        <v>0</v>
      </c>
      <c r="X3030" s="166">
        <v>0</v>
      </c>
      <c r="Y3030" s="166">
        <v>0</v>
      </c>
      <c r="Z3030" s="166">
        <v>0</v>
      </c>
      <c r="AA3030" s="166">
        <v>0</v>
      </c>
      <c r="AB3030" s="166">
        <v>0</v>
      </c>
      <c r="AC3030" s="166">
        <v>0</v>
      </c>
      <c r="AD3030" s="166">
        <v>0</v>
      </c>
      <c r="AE3030" s="166">
        <v>0</v>
      </c>
      <c r="AF3030" s="166">
        <v>0</v>
      </c>
      <c r="AG3030" s="166">
        <v>0</v>
      </c>
      <c r="AH3030" s="166">
        <v>0</v>
      </c>
      <c r="AI3030" s="166">
        <v>0</v>
      </c>
      <c r="AJ3030" s="166">
        <v>0</v>
      </c>
      <c r="AK3030" s="166">
        <v>0</v>
      </c>
      <c r="AL3030" s="166">
        <v>0</v>
      </c>
      <c r="AM3030" s="166">
        <v>0</v>
      </c>
      <c r="AN3030" s="166">
        <v>0</v>
      </c>
      <c r="AO3030" s="166">
        <v>0</v>
      </c>
      <c r="AP3030" s="166">
        <v>0</v>
      </c>
      <c r="AQ3030" s="166">
        <v>0</v>
      </c>
      <c r="AR3030" s="166">
        <v>0</v>
      </c>
      <c r="AS3030" s="166">
        <v>0</v>
      </c>
      <c r="AT3030" s="166">
        <v>0</v>
      </c>
      <c r="AU3030" s="166">
        <v>0</v>
      </c>
      <c r="AV3030" s="166">
        <v>0</v>
      </c>
      <c r="AW3030" s="166">
        <v>0</v>
      </c>
      <c r="AX3030" s="166">
        <v>0</v>
      </c>
      <c r="AY3030" s="166">
        <v>0</v>
      </c>
      <c r="AZ3030" s="166">
        <v>0</v>
      </c>
      <c r="BA3030" s="166">
        <v>0</v>
      </c>
      <c r="BB3030" s="166">
        <v>0</v>
      </c>
      <c r="BC3030" s="166">
        <v>0</v>
      </c>
      <c r="BD3030" s="166">
        <v>0</v>
      </c>
      <c r="BE3030" s="166">
        <v>0</v>
      </c>
      <c r="BF3030" s="166">
        <v>0</v>
      </c>
      <c r="BG3030" s="166">
        <v>0</v>
      </c>
      <c r="BH3030" s="166">
        <v>0</v>
      </c>
      <c r="BI3030" s="166">
        <v>0</v>
      </c>
      <c r="BJ3030" s="166">
        <v>0</v>
      </c>
      <c r="BK3030" s="166">
        <v>0</v>
      </c>
      <c r="BL3030" s="166">
        <v>0</v>
      </c>
      <c r="BM3030" s="166">
        <v>0</v>
      </c>
      <c r="BN3030" s="166">
        <v>0</v>
      </c>
      <c r="BO3030" s="166">
        <v>0</v>
      </c>
      <c r="BP3030" s="166">
        <v>0</v>
      </c>
      <c r="BQ3030" s="166">
        <v>0</v>
      </c>
      <c r="BR3030" s="166">
        <v>1208172.20527672</v>
      </c>
      <c r="BS3030" s="166">
        <v>1208172.20527672</v>
      </c>
      <c r="BT3030" s="168">
        <v>0</v>
      </c>
      <c r="BU3030" s="166">
        <v>0</v>
      </c>
      <c r="BV3030" s="166">
        <v>0</v>
      </c>
      <c r="BW3030" s="166">
        <v>0</v>
      </c>
      <c r="BX3030" s="166">
        <v>0</v>
      </c>
      <c r="BY3030" s="166">
        <v>0</v>
      </c>
      <c r="BZ3030" s="166">
        <v>0</v>
      </c>
      <c r="CA3030" s="166">
        <v>0</v>
      </c>
      <c r="CB3030" s="166">
        <v>0</v>
      </c>
      <c r="CC3030" s="166">
        <v>0</v>
      </c>
      <c r="CD3030" s="166">
        <v>0</v>
      </c>
      <c r="CE3030" s="166">
        <v>0</v>
      </c>
      <c r="CF3030" s="166">
        <v>0</v>
      </c>
      <c r="CG3030" s="166">
        <v>0</v>
      </c>
      <c r="CH3030" s="166">
        <v>0</v>
      </c>
      <c r="CI3030" s="166">
        <v>0</v>
      </c>
      <c r="CJ3030" s="166">
        <v>0</v>
      </c>
      <c r="CK3030" s="166">
        <v>0</v>
      </c>
      <c r="CL3030" s="166">
        <v>0</v>
      </c>
      <c r="CM3030" s="166">
        <v>0</v>
      </c>
      <c r="CN3030" s="166">
        <v>0</v>
      </c>
      <c r="CO3030" s="166">
        <v>0</v>
      </c>
      <c r="CP3030" s="166">
        <v>0</v>
      </c>
      <c r="CQ3030" s="166">
        <v>0</v>
      </c>
      <c r="CR3030" s="166">
        <v>0</v>
      </c>
      <c r="CS3030" s="166">
        <v>0</v>
      </c>
      <c r="CT3030" s="166">
        <v>0</v>
      </c>
      <c r="CU3030" s="166">
        <v>0</v>
      </c>
      <c r="CV3030" s="166">
        <v>0</v>
      </c>
      <c r="CW3030" s="166">
        <v>0</v>
      </c>
      <c r="CX3030" s="166">
        <v>0</v>
      </c>
      <c r="CY3030" s="166">
        <v>0</v>
      </c>
      <c r="CZ3030" s="166">
        <v>0</v>
      </c>
    </row>
    <row r="3031" spans="1:104" x14ac:dyDescent="0.2">
      <c r="A3031" s="167" t="s">
        <v>1131</v>
      </c>
      <c r="B3031" s="166">
        <v>696664.91429668199</v>
      </c>
      <c r="C3031" s="166">
        <v>696664.91429668199</v>
      </c>
      <c r="D3031" s="166">
        <v>0</v>
      </c>
      <c r="E3031" s="166">
        <v>0</v>
      </c>
      <c r="F3031" s="166">
        <v>0</v>
      </c>
      <c r="G3031" s="166">
        <v>0</v>
      </c>
      <c r="H3031" s="166">
        <v>0</v>
      </c>
      <c r="I3031" s="166">
        <v>0</v>
      </c>
      <c r="J3031" s="166">
        <v>0</v>
      </c>
      <c r="K3031" s="166">
        <v>0</v>
      </c>
      <c r="L3031" s="166">
        <v>0</v>
      </c>
      <c r="M3031" s="166">
        <v>0</v>
      </c>
      <c r="N3031" s="166">
        <v>0</v>
      </c>
      <c r="O3031" s="166">
        <v>0</v>
      </c>
      <c r="P3031" s="166">
        <v>0</v>
      </c>
      <c r="Q3031" s="166">
        <v>0</v>
      </c>
      <c r="R3031" s="166">
        <v>0</v>
      </c>
      <c r="S3031" s="166">
        <v>0</v>
      </c>
      <c r="T3031" s="166">
        <v>0</v>
      </c>
      <c r="U3031" s="166">
        <v>0</v>
      </c>
      <c r="V3031" s="166">
        <v>0</v>
      </c>
      <c r="W3031" s="166">
        <v>0</v>
      </c>
      <c r="X3031" s="166">
        <v>0</v>
      </c>
      <c r="Y3031" s="166">
        <v>0</v>
      </c>
      <c r="Z3031" s="166">
        <v>0</v>
      </c>
      <c r="AA3031" s="166">
        <v>0</v>
      </c>
      <c r="AB3031" s="166">
        <v>0</v>
      </c>
      <c r="AC3031" s="166">
        <v>0</v>
      </c>
      <c r="AD3031" s="166">
        <v>0</v>
      </c>
      <c r="AE3031" s="166">
        <v>0</v>
      </c>
      <c r="AF3031" s="166">
        <v>0</v>
      </c>
      <c r="AG3031" s="166">
        <v>0</v>
      </c>
      <c r="AH3031" s="166">
        <v>0</v>
      </c>
      <c r="AI3031" s="166">
        <v>0</v>
      </c>
      <c r="AJ3031" s="166">
        <v>0</v>
      </c>
      <c r="AK3031" s="166">
        <v>0</v>
      </c>
      <c r="AL3031" s="166">
        <v>0</v>
      </c>
      <c r="AM3031" s="166">
        <v>0</v>
      </c>
      <c r="AN3031" s="166">
        <v>0</v>
      </c>
      <c r="AO3031" s="166">
        <v>0</v>
      </c>
      <c r="AP3031" s="166">
        <v>0</v>
      </c>
      <c r="AQ3031" s="166">
        <v>0</v>
      </c>
      <c r="AR3031" s="166">
        <v>0</v>
      </c>
      <c r="AS3031" s="166">
        <v>0</v>
      </c>
      <c r="AT3031" s="166">
        <v>0</v>
      </c>
      <c r="AU3031" s="166">
        <v>0</v>
      </c>
      <c r="AV3031" s="166">
        <v>0</v>
      </c>
      <c r="AW3031" s="166">
        <v>0</v>
      </c>
      <c r="AX3031" s="166">
        <v>0</v>
      </c>
      <c r="AY3031" s="166">
        <v>0</v>
      </c>
      <c r="AZ3031" s="166">
        <v>0</v>
      </c>
      <c r="BA3031" s="166">
        <v>0</v>
      </c>
      <c r="BB3031" s="166">
        <v>0</v>
      </c>
      <c r="BC3031" s="166">
        <v>0</v>
      </c>
      <c r="BD3031" s="166">
        <v>0</v>
      </c>
      <c r="BE3031" s="166">
        <v>0</v>
      </c>
      <c r="BF3031" s="166">
        <v>0</v>
      </c>
      <c r="BG3031" s="166">
        <v>0</v>
      </c>
      <c r="BH3031" s="166">
        <v>0</v>
      </c>
      <c r="BI3031" s="166">
        <v>0</v>
      </c>
      <c r="BJ3031" s="166">
        <v>0</v>
      </c>
      <c r="BK3031" s="166">
        <v>0</v>
      </c>
      <c r="BL3031" s="166">
        <v>0</v>
      </c>
      <c r="BM3031" s="166">
        <v>0</v>
      </c>
      <c r="BN3031" s="166">
        <v>0</v>
      </c>
      <c r="BO3031" s="166">
        <v>0</v>
      </c>
      <c r="BP3031" s="166">
        <v>0</v>
      </c>
      <c r="BQ3031" s="166">
        <v>0</v>
      </c>
      <c r="BR3031" s="166">
        <v>696664.91429668199</v>
      </c>
      <c r="BS3031" s="166">
        <v>696664.91429668199</v>
      </c>
      <c r="BT3031" s="168">
        <v>0</v>
      </c>
      <c r="BU3031" s="166">
        <v>0</v>
      </c>
      <c r="BV3031" s="166">
        <v>0</v>
      </c>
      <c r="BW3031" s="166">
        <v>0</v>
      </c>
      <c r="BX3031" s="166">
        <v>0</v>
      </c>
      <c r="BY3031" s="166">
        <v>0</v>
      </c>
      <c r="BZ3031" s="166">
        <v>0</v>
      </c>
      <c r="CA3031" s="166">
        <v>0</v>
      </c>
      <c r="CB3031" s="166">
        <v>0</v>
      </c>
      <c r="CC3031" s="166">
        <v>0</v>
      </c>
      <c r="CD3031" s="166">
        <v>0</v>
      </c>
      <c r="CE3031" s="166">
        <v>0</v>
      </c>
      <c r="CF3031" s="166">
        <v>0</v>
      </c>
      <c r="CG3031" s="166">
        <v>0</v>
      </c>
      <c r="CH3031" s="166">
        <v>0</v>
      </c>
      <c r="CI3031" s="166">
        <v>0</v>
      </c>
      <c r="CJ3031" s="166">
        <v>0</v>
      </c>
      <c r="CK3031" s="166">
        <v>0</v>
      </c>
      <c r="CL3031" s="166">
        <v>0</v>
      </c>
      <c r="CM3031" s="166">
        <v>0</v>
      </c>
      <c r="CN3031" s="166">
        <v>0</v>
      </c>
      <c r="CO3031" s="166">
        <v>0</v>
      </c>
      <c r="CP3031" s="166">
        <v>0</v>
      </c>
      <c r="CQ3031" s="166">
        <v>0</v>
      </c>
      <c r="CR3031" s="166">
        <v>0</v>
      </c>
      <c r="CS3031" s="166">
        <v>0</v>
      </c>
      <c r="CT3031" s="166">
        <v>0</v>
      </c>
      <c r="CU3031" s="166">
        <v>0</v>
      </c>
      <c r="CV3031" s="166">
        <v>0</v>
      </c>
      <c r="CW3031" s="166">
        <v>0</v>
      </c>
      <c r="CX3031" s="166">
        <v>0</v>
      </c>
      <c r="CY3031" s="166">
        <v>0</v>
      </c>
      <c r="CZ3031" s="166">
        <v>0</v>
      </c>
    </row>
    <row r="3032" spans="1:104" x14ac:dyDescent="0.2">
      <c r="A3032" s="167" t="s">
        <v>1132</v>
      </c>
      <c r="B3032" s="166">
        <v>1859523.91970642</v>
      </c>
      <c r="C3032" s="166">
        <v>1859523.91970642</v>
      </c>
      <c r="D3032" s="166">
        <v>0</v>
      </c>
      <c r="E3032" s="166">
        <v>0</v>
      </c>
      <c r="F3032" s="166">
        <v>0</v>
      </c>
      <c r="G3032" s="166">
        <v>0</v>
      </c>
      <c r="H3032" s="166">
        <v>0</v>
      </c>
      <c r="I3032" s="166">
        <v>0</v>
      </c>
      <c r="J3032" s="166">
        <v>0</v>
      </c>
      <c r="K3032" s="166">
        <v>0</v>
      </c>
      <c r="L3032" s="166">
        <v>0</v>
      </c>
      <c r="M3032" s="166">
        <v>0</v>
      </c>
      <c r="N3032" s="166">
        <v>0</v>
      </c>
      <c r="O3032" s="166">
        <v>0</v>
      </c>
      <c r="P3032" s="166">
        <v>0</v>
      </c>
      <c r="Q3032" s="166">
        <v>0</v>
      </c>
      <c r="R3032" s="166">
        <v>0</v>
      </c>
      <c r="S3032" s="166">
        <v>0</v>
      </c>
      <c r="T3032" s="166">
        <v>0</v>
      </c>
      <c r="U3032" s="166">
        <v>0</v>
      </c>
      <c r="V3032" s="166">
        <v>0</v>
      </c>
      <c r="W3032" s="166">
        <v>0</v>
      </c>
      <c r="X3032" s="166">
        <v>0</v>
      </c>
      <c r="Y3032" s="166">
        <v>0</v>
      </c>
      <c r="Z3032" s="166">
        <v>0</v>
      </c>
      <c r="AA3032" s="166">
        <v>0</v>
      </c>
      <c r="AB3032" s="166">
        <v>0</v>
      </c>
      <c r="AC3032" s="166">
        <v>0</v>
      </c>
      <c r="AD3032" s="166">
        <v>0</v>
      </c>
      <c r="AE3032" s="166">
        <v>0</v>
      </c>
      <c r="AF3032" s="166">
        <v>0</v>
      </c>
      <c r="AG3032" s="166">
        <v>0</v>
      </c>
      <c r="AH3032" s="166">
        <v>0</v>
      </c>
      <c r="AI3032" s="166">
        <v>0</v>
      </c>
      <c r="AJ3032" s="166">
        <v>0</v>
      </c>
      <c r="AK3032" s="166">
        <v>0</v>
      </c>
      <c r="AL3032" s="166">
        <v>0</v>
      </c>
      <c r="AM3032" s="166">
        <v>0</v>
      </c>
      <c r="AN3032" s="166">
        <v>0</v>
      </c>
      <c r="AO3032" s="166">
        <v>0</v>
      </c>
      <c r="AP3032" s="166">
        <v>0</v>
      </c>
      <c r="AQ3032" s="166">
        <v>0</v>
      </c>
      <c r="AR3032" s="166">
        <v>0</v>
      </c>
      <c r="AS3032" s="166">
        <v>0</v>
      </c>
      <c r="AT3032" s="166">
        <v>0</v>
      </c>
      <c r="AU3032" s="166">
        <v>0</v>
      </c>
      <c r="AV3032" s="166">
        <v>0</v>
      </c>
      <c r="AW3032" s="166">
        <v>0</v>
      </c>
      <c r="AX3032" s="166">
        <v>0</v>
      </c>
      <c r="AY3032" s="166">
        <v>0</v>
      </c>
      <c r="AZ3032" s="166">
        <v>0</v>
      </c>
      <c r="BA3032" s="166">
        <v>0</v>
      </c>
      <c r="BB3032" s="166">
        <v>0</v>
      </c>
      <c r="BC3032" s="166">
        <v>0</v>
      </c>
      <c r="BD3032" s="166">
        <v>0</v>
      </c>
      <c r="BE3032" s="166">
        <v>0</v>
      </c>
      <c r="BF3032" s="166">
        <v>0</v>
      </c>
      <c r="BG3032" s="166">
        <v>0</v>
      </c>
      <c r="BH3032" s="166">
        <v>0</v>
      </c>
      <c r="BI3032" s="166">
        <v>0</v>
      </c>
      <c r="BJ3032" s="166">
        <v>0</v>
      </c>
      <c r="BK3032" s="166">
        <v>0</v>
      </c>
      <c r="BL3032" s="166">
        <v>0</v>
      </c>
      <c r="BM3032" s="166">
        <v>0</v>
      </c>
      <c r="BN3032" s="166">
        <v>0</v>
      </c>
      <c r="BO3032" s="166">
        <v>0</v>
      </c>
      <c r="BP3032" s="166">
        <v>0</v>
      </c>
      <c r="BQ3032" s="166">
        <v>0</v>
      </c>
      <c r="BR3032" s="166">
        <v>1859523.91970642</v>
      </c>
      <c r="BS3032" s="166">
        <v>1859523.91970642</v>
      </c>
      <c r="BT3032" s="168">
        <v>0</v>
      </c>
      <c r="BU3032" s="166">
        <v>0</v>
      </c>
      <c r="BV3032" s="166">
        <v>0</v>
      </c>
      <c r="BW3032" s="166">
        <v>0</v>
      </c>
      <c r="BX3032" s="166">
        <v>0</v>
      </c>
      <c r="BY3032" s="166">
        <v>0</v>
      </c>
      <c r="BZ3032" s="166">
        <v>0</v>
      </c>
      <c r="CA3032" s="166">
        <v>0</v>
      </c>
      <c r="CB3032" s="166">
        <v>0</v>
      </c>
      <c r="CC3032" s="166">
        <v>0</v>
      </c>
      <c r="CD3032" s="166">
        <v>0</v>
      </c>
      <c r="CE3032" s="166">
        <v>0</v>
      </c>
      <c r="CF3032" s="166">
        <v>0</v>
      </c>
      <c r="CG3032" s="166">
        <v>0</v>
      </c>
      <c r="CH3032" s="166">
        <v>0</v>
      </c>
      <c r="CI3032" s="166">
        <v>0</v>
      </c>
      <c r="CJ3032" s="166">
        <v>0</v>
      </c>
      <c r="CK3032" s="166">
        <v>0</v>
      </c>
      <c r="CL3032" s="166">
        <v>0</v>
      </c>
      <c r="CM3032" s="166">
        <v>0</v>
      </c>
      <c r="CN3032" s="166">
        <v>0</v>
      </c>
      <c r="CO3032" s="166">
        <v>0</v>
      </c>
      <c r="CP3032" s="166">
        <v>0</v>
      </c>
      <c r="CQ3032" s="166">
        <v>0</v>
      </c>
      <c r="CR3032" s="166">
        <v>0</v>
      </c>
      <c r="CS3032" s="166">
        <v>0</v>
      </c>
      <c r="CT3032" s="166">
        <v>0</v>
      </c>
      <c r="CU3032" s="166">
        <v>0</v>
      </c>
      <c r="CV3032" s="166">
        <v>0</v>
      </c>
      <c r="CW3032" s="166">
        <v>0</v>
      </c>
      <c r="CX3032" s="166">
        <v>0</v>
      </c>
      <c r="CY3032" s="166">
        <v>0</v>
      </c>
      <c r="CZ3032" s="166">
        <v>0</v>
      </c>
    </row>
    <row r="3033" spans="1:104" x14ac:dyDescent="0.2">
      <c r="A3033" s="167" t="s">
        <v>1133</v>
      </c>
      <c r="B3033" s="166">
        <v>0</v>
      </c>
      <c r="C3033" s="166">
        <v>0</v>
      </c>
      <c r="D3033" s="166">
        <v>0</v>
      </c>
      <c r="E3033" s="166">
        <v>0</v>
      </c>
      <c r="F3033" s="166">
        <v>0</v>
      </c>
      <c r="G3033" s="166">
        <v>0</v>
      </c>
      <c r="H3033" s="166">
        <v>0</v>
      </c>
      <c r="I3033" s="166">
        <v>0</v>
      </c>
      <c r="J3033" s="166">
        <v>0</v>
      </c>
      <c r="K3033" s="166">
        <v>0</v>
      </c>
      <c r="L3033" s="166">
        <v>0</v>
      </c>
      <c r="M3033" s="166">
        <v>0</v>
      </c>
      <c r="N3033" s="166">
        <v>0</v>
      </c>
      <c r="O3033" s="166">
        <v>0</v>
      </c>
      <c r="P3033" s="166">
        <v>0</v>
      </c>
      <c r="Q3033" s="166">
        <v>0</v>
      </c>
      <c r="R3033" s="166">
        <v>0</v>
      </c>
      <c r="S3033" s="166">
        <v>0</v>
      </c>
      <c r="T3033" s="166">
        <v>0</v>
      </c>
      <c r="U3033" s="166">
        <v>0</v>
      </c>
      <c r="V3033" s="166">
        <v>0</v>
      </c>
      <c r="W3033" s="166">
        <v>0</v>
      </c>
      <c r="X3033" s="166">
        <v>0</v>
      </c>
      <c r="Y3033" s="166">
        <v>0</v>
      </c>
      <c r="Z3033" s="166">
        <v>0</v>
      </c>
      <c r="AA3033" s="166">
        <v>0</v>
      </c>
      <c r="AB3033" s="166">
        <v>0</v>
      </c>
      <c r="AC3033" s="166">
        <v>0</v>
      </c>
      <c r="AD3033" s="166">
        <v>0</v>
      </c>
      <c r="AE3033" s="166">
        <v>0</v>
      </c>
      <c r="AF3033" s="166">
        <v>0</v>
      </c>
      <c r="AG3033" s="166">
        <v>0</v>
      </c>
      <c r="AH3033" s="166">
        <v>0</v>
      </c>
      <c r="AI3033" s="166">
        <v>0</v>
      </c>
      <c r="AJ3033" s="166">
        <v>0</v>
      </c>
      <c r="AK3033" s="166">
        <v>0</v>
      </c>
      <c r="AL3033" s="166">
        <v>0</v>
      </c>
      <c r="AM3033" s="166">
        <v>0</v>
      </c>
      <c r="AN3033" s="166">
        <v>0</v>
      </c>
      <c r="AO3033" s="166">
        <v>0</v>
      </c>
      <c r="AP3033" s="166">
        <v>0</v>
      </c>
      <c r="AQ3033" s="166">
        <v>0</v>
      </c>
      <c r="AR3033" s="166">
        <v>0</v>
      </c>
      <c r="AS3033" s="166">
        <v>0</v>
      </c>
      <c r="AT3033" s="166">
        <v>0</v>
      </c>
      <c r="AU3033" s="166">
        <v>0</v>
      </c>
      <c r="AV3033" s="166">
        <v>0</v>
      </c>
      <c r="AW3033" s="166">
        <v>0</v>
      </c>
      <c r="AX3033" s="166">
        <v>0</v>
      </c>
      <c r="AY3033" s="166">
        <v>0</v>
      </c>
      <c r="AZ3033" s="166">
        <v>0</v>
      </c>
      <c r="BA3033" s="166">
        <v>0</v>
      </c>
      <c r="BB3033" s="166">
        <v>0</v>
      </c>
      <c r="BC3033" s="166">
        <v>0</v>
      </c>
      <c r="BD3033" s="166">
        <v>0</v>
      </c>
      <c r="BE3033" s="166">
        <v>0</v>
      </c>
      <c r="BF3033" s="166">
        <v>0</v>
      </c>
      <c r="BG3033" s="166">
        <v>0</v>
      </c>
      <c r="BH3033" s="166">
        <v>0</v>
      </c>
      <c r="BI3033" s="166">
        <v>0</v>
      </c>
      <c r="BJ3033" s="166">
        <v>0</v>
      </c>
      <c r="BK3033" s="166">
        <v>0</v>
      </c>
      <c r="BL3033" s="166">
        <v>0</v>
      </c>
      <c r="BM3033" s="166">
        <v>0</v>
      </c>
      <c r="BN3033" s="166">
        <v>0</v>
      </c>
      <c r="BO3033" s="166">
        <v>0</v>
      </c>
      <c r="BP3033" s="166">
        <v>0</v>
      </c>
      <c r="BQ3033" s="166">
        <v>0</v>
      </c>
      <c r="BR3033" s="166">
        <v>0</v>
      </c>
      <c r="BS3033" s="166">
        <v>0</v>
      </c>
      <c r="BT3033" s="168">
        <v>0</v>
      </c>
      <c r="BU3033" s="166">
        <v>0</v>
      </c>
      <c r="BV3033" s="166">
        <v>0</v>
      </c>
      <c r="BW3033" s="166">
        <v>0</v>
      </c>
      <c r="BX3033" s="166">
        <v>0</v>
      </c>
      <c r="BY3033" s="166">
        <v>0</v>
      </c>
      <c r="BZ3033" s="166">
        <v>0</v>
      </c>
      <c r="CA3033" s="166">
        <v>0</v>
      </c>
      <c r="CB3033" s="166">
        <v>0</v>
      </c>
      <c r="CC3033" s="166">
        <v>0</v>
      </c>
      <c r="CD3033" s="166">
        <v>0</v>
      </c>
      <c r="CE3033" s="166">
        <v>0</v>
      </c>
      <c r="CF3033" s="166">
        <v>0</v>
      </c>
      <c r="CG3033" s="166">
        <v>0</v>
      </c>
      <c r="CH3033" s="166">
        <v>0</v>
      </c>
      <c r="CI3033" s="166">
        <v>0</v>
      </c>
      <c r="CJ3033" s="166">
        <v>0</v>
      </c>
      <c r="CK3033" s="166">
        <v>0</v>
      </c>
      <c r="CL3033" s="166">
        <v>0</v>
      </c>
      <c r="CM3033" s="166">
        <v>0</v>
      </c>
      <c r="CN3033" s="166">
        <v>0</v>
      </c>
      <c r="CO3033" s="166">
        <v>0</v>
      </c>
      <c r="CP3033" s="166">
        <v>0</v>
      </c>
      <c r="CQ3033" s="166">
        <v>0</v>
      </c>
      <c r="CR3033" s="166">
        <v>0</v>
      </c>
      <c r="CS3033" s="166">
        <v>0</v>
      </c>
      <c r="CT3033" s="166">
        <v>0</v>
      </c>
      <c r="CU3033" s="166">
        <v>0</v>
      </c>
      <c r="CV3033" s="166">
        <v>0</v>
      </c>
      <c r="CW3033" s="166">
        <v>0</v>
      </c>
      <c r="CX3033" s="166">
        <v>0</v>
      </c>
      <c r="CY3033" s="166">
        <v>0</v>
      </c>
      <c r="CZ3033" s="166">
        <v>0</v>
      </c>
    </row>
    <row r="3034" spans="1:104" x14ac:dyDescent="0.2">
      <c r="A3034" s="167" t="s">
        <v>1134</v>
      </c>
      <c r="B3034" s="166">
        <v>20718459.190000001</v>
      </c>
      <c r="C3034" s="166">
        <v>20718459.190000001</v>
      </c>
      <c r="D3034" s="166">
        <v>0</v>
      </c>
      <c r="E3034" s="166">
        <v>0</v>
      </c>
      <c r="F3034" s="166">
        <v>0</v>
      </c>
      <c r="G3034" s="166">
        <v>0</v>
      </c>
      <c r="H3034" s="166">
        <v>0</v>
      </c>
      <c r="I3034" s="166">
        <v>0</v>
      </c>
      <c r="J3034" s="166">
        <v>0</v>
      </c>
      <c r="K3034" s="166">
        <v>0</v>
      </c>
      <c r="L3034" s="166">
        <v>0</v>
      </c>
      <c r="M3034" s="166">
        <v>0</v>
      </c>
      <c r="N3034" s="166">
        <v>0</v>
      </c>
      <c r="O3034" s="166">
        <v>0</v>
      </c>
      <c r="P3034" s="166">
        <v>0</v>
      </c>
      <c r="Q3034" s="166">
        <v>0</v>
      </c>
      <c r="R3034" s="166">
        <v>0</v>
      </c>
      <c r="S3034" s="166">
        <v>0</v>
      </c>
      <c r="T3034" s="166">
        <v>0</v>
      </c>
      <c r="U3034" s="166">
        <v>0</v>
      </c>
      <c r="V3034" s="166">
        <v>0</v>
      </c>
      <c r="W3034" s="166">
        <v>0</v>
      </c>
      <c r="X3034" s="166">
        <v>0</v>
      </c>
      <c r="Y3034" s="166">
        <v>0</v>
      </c>
      <c r="Z3034" s="166">
        <v>0</v>
      </c>
      <c r="AA3034" s="166">
        <v>0</v>
      </c>
      <c r="AB3034" s="166">
        <v>0</v>
      </c>
      <c r="AC3034" s="166">
        <v>0</v>
      </c>
      <c r="AD3034" s="166">
        <v>0</v>
      </c>
      <c r="AE3034" s="166">
        <v>0</v>
      </c>
      <c r="AF3034" s="166">
        <v>0</v>
      </c>
      <c r="AG3034" s="166">
        <v>0</v>
      </c>
      <c r="AH3034" s="166">
        <v>0</v>
      </c>
      <c r="AI3034" s="166">
        <v>0</v>
      </c>
      <c r="AJ3034" s="166">
        <v>0</v>
      </c>
      <c r="AK3034" s="166">
        <v>0</v>
      </c>
      <c r="AL3034" s="166">
        <v>0</v>
      </c>
      <c r="AM3034" s="166">
        <v>0</v>
      </c>
      <c r="AN3034" s="166">
        <v>0</v>
      </c>
      <c r="AO3034" s="166">
        <v>0</v>
      </c>
      <c r="AP3034" s="166">
        <v>0</v>
      </c>
      <c r="AQ3034" s="166">
        <v>0</v>
      </c>
      <c r="AR3034" s="166">
        <v>0</v>
      </c>
      <c r="AS3034" s="166">
        <v>0</v>
      </c>
      <c r="AT3034" s="166">
        <v>0</v>
      </c>
      <c r="AU3034" s="166">
        <v>0</v>
      </c>
      <c r="AV3034" s="166">
        <v>0</v>
      </c>
      <c r="AW3034" s="166">
        <v>0</v>
      </c>
      <c r="AX3034" s="166">
        <v>0</v>
      </c>
      <c r="AY3034" s="166">
        <v>0</v>
      </c>
      <c r="AZ3034" s="166">
        <v>0</v>
      </c>
      <c r="BA3034" s="166">
        <v>0</v>
      </c>
      <c r="BB3034" s="166">
        <v>0</v>
      </c>
      <c r="BC3034" s="166">
        <v>0</v>
      </c>
      <c r="BD3034" s="166">
        <v>0</v>
      </c>
      <c r="BE3034" s="166">
        <v>0</v>
      </c>
      <c r="BF3034" s="166">
        <v>0</v>
      </c>
      <c r="BG3034" s="166">
        <v>0</v>
      </c>
      <c r="BH3034" s="166">
        <v>0</v>
      </c>
      <c r="BI3034" s="166">
        <v>0</v>
      </c>
      <c r="BJ3034" s="166">
        <v>0</v>
      </c>
      <c r="BK3034" s="166">
        <v>0</v>
      </c>
      <c r="BL3034" s="166">
        <v>0</v>
      </c>
      <c r="BM3034" s="166">
        <v>0</v>
      </c>
      <c r="BN3034" s="166">
        <v>0</v>
      </c>
      <c r="BO3034" s="166">
        <v>0</v>
      </c>
      <c r="BP3034" s="166">
        <v>0</v>
      </c>
      <c r="BQ3034" s="166">
        <v>0</v>
      </c>
      <c r="BR3034" s="166">
        <v>20718459.190000001</v>
      </c>
      <c r="BS3034" s="166">
        <v>20718459.190000001</v>
      </c>
      <c r="BT3034" s="168">
        <v>0</v>
      </c>
      <c r="BU3034" s="166">
        <v>0</v>
      </c>
      <c r="BV3034" s="166">
        <v>0</v>
      </c>
      <c r="BW3034" s="166">
        <v>0</v>
      </c>
      <c r="BX3034" s="166">
        <v>0</v>
      </c>
      <c r="BY3034" s="166">
        <v>0</v>
      </c>
      <c r="BZ3034" s="166">
        <v>0</v>
      </c>
      <c r="CA3034" s="166">
        <v>0</v>
      </c>
      <c r="CB3034" s="166">
        <v>0</v>
      </c>
      <c r="CC3034" s="166">
        <v>0</v>
      </c>
      <c r="CD3034" s="166">
        <v>0</v>
      </c>
      <c r="CE3034" s="166">
        <v>0</v>
      </c>
      <c r="CF3034" s="166">
        <v>0</v>
      </c>
      <c r="CG3034" s="166">
        <v>0</v>
      </c>
      <c r="CH3034" s="166">
        <v>0</v>
      </c>
      <c r="CI3034" s="166">
        <v>0</v>
      </c>
      <c r="CJ3034" s="166">
        <v>0</v>
      </c>
      <c r="CK3034" s="166">
        <v>0</v>
      </c>
      <c r="CL3034" s="166">
        <v>0</v>
      </c>
      <c r="CM3034" s="166">
        <v>0</v>
      </c>
      <c r="CN3034" s="166">
        <v>0</v>
      </c>
      <c r="CO3034" s="166">
        <v>0</v>
      </c>
      <c r="CP3034" s="166">
        <v>0</v>
      </c>
      <c r="CQ3034" s="166">
        <v>0</v>
      </c>
      <c r="CR3034" s="166">
        <v>0</v>
      </c>
      <c r="CS3034" s="166">
        <v>0</v>
      </c>
      <c r="CT3034" s="166">
        <v>0</v>
      </c>
      <c r="CU3034" s="166">
        <v>0</v>
      </c>
      <c r="CV3034" s="166">
        <v>0</v>
      </c>
      <c r="CW3034" s="166">
        <v>0</v>
      </c>
      <c r="CX3034" s="166">
        <v>0</v>
      </c>
      <c r="CY3034" s="166">
        <v>0</v>
      </c>
      <c r="CZ3034" s="166">
        <v>0</v>
      </c>
    </row>
    <row r="3035" spans="1:104" x14ac:dyDescent="0.2">
      <c r="A3035" s="167" t="s">
        <v>322</v>
      </c>
    </row>
    <row r="3036" spans="1:104" x14ac:dyDescent="0.2">
      <c r="A3036" s="167" t="s">
        <v>1135</v>
      </c>
      <c r="B3036" s="166">
        <v>1070911.4345861301</v>
      </c>
      <c r="C3036" s="166">
        <v>1070911.4345861301</v>
      </c>
      <c r="D3036" s="166">
        <v>0</v>
      </c>
      <c r="E3036" s="166">
        <v>0</v>
      </c>
      <c r="F3036" s="166">
        <v>0</v>
      </c>
      <c r="G3036" s="166">
        <v>0</v>
      </c>
      <c r="H3036" s="166">
        <v>0</v>
      </c>
      <c r="I3036" s="166">
        <v>0</v>
      </c>
      <c r="J3036" s="166">
        <v>0</v>
      </c>
      <c r="K3036" s="166">
        <v>0</v>
      </c>
      <c r="L3036" s="166">
        <v>0</v>
      </c>
      <c r="M3036" s="166">
        <v>0</v>
      </c>
      <c r="N3036" s="166">
        <v>0</v>
      </c>
      <c r="O3036" s="166">
        <v>0</v>
      </c>
      <c r="P3036" s="166">
        <v>0</v>
      </c>
      <c r="Q3036" s="166">
        <v>0</v>
      </c>
      <c r="R3036" s="166">
        <v>0</v>
      </c>
      <c r="S3036" s="166">
        <v>0</v>
      </c>
      <c r="T3036" s="166">
        <v>0</v>
      </c>
      <c r="U3036" s="166">
        <v>0</v>
      </c>
      <c r="V3036" s="166">
        <v>0</v>
      </c>
      <c r="W3036" s="166">
        <v>0</v>
      </c>
      <c r="X3036" s="166">
        <v>0</v>
      </c>
      <c r="Y3036" s="166">
        <v>0</v>
      </c>
      <c r="Z3036" s="166">
        <v>0</v>
      </c>
      <c r="AA3036" s="166">
        <v>0</v>
      </c>
      <c r="AB3036" s="166">
        <v>0</v>
      </c>
      <c r="AC3036" s="166">
        <v>0</v>
      </c>
      <c r="AD3036" s="166">
        <v>0</v>
      </c>
      <c r="AE3036" s="166">
        <v>0</v>
      </c>
      <c r="AF3036" s="166">
        <v>0</v>
      </c>
      <c r="AG3036" s="166">
        <v>0</v>
      </c>
      <c r="AH3036" s="166">
        <v>0</v>
      </c>
      <c r="AI3036" s="166">
        <v>0</v>
      </c>
      <c r="AJ3036" s="166">
        <v>0</v>
      </c>
      <c r="AK3036" s="166">
        <v>0</v>
      </c>
      <c r="AL3036" s="166">
        <v>0</v>
      </c>
      <c r="AM3036" s="166">
        <v>0</v>
      </c>
      <c r="AN3036" s="166">
        <v>0</v>
      </c>
      <c r="AO3036" s="166">
        <v>0</v>
      </c>
      <c r="AP3036" s="166">
        <v>0</v>
      </c>
      <c r="AQ3036" s="166">
        <v>0</v>
      </c>
      <c r="AR3036" s="166">
        <v>0</v>
      </c>
      <c r="AS3036" s="166">
        <v>0</v>
      </c>
      <c r="AT3036" s="166">
        <v>0</v>
      </c>
      <c r="AU3036" s="166">
        <v>0</v>
      </c>
      <c r="AV3036" s="166">
        <v>0</v>
      </c>
      <c r="AW3036" s="166">
        <v>0</v>
      </c>
      <c r="AX3036" s="166">
        <v>0</v>
      </c>
      <c r="AY3036" s="166">
        <v>0</v>
      </c>
      <c r="AZ3036" s="166">
        <v>0</v>
      </c>
      <c r="BA3036" s="166">
        <v>0</v>
      </c>
      <c r="BB3036" s="166">
        <v>0</v>
      </c>
      <c r="BC3036" s="166">
        <v>0</v>
      </c>
      <c r="BD3036" s="166">
        <v>0</v>
      </c>
      <c r="BE3036" s="166">
        <v>0</v>
      </c>
      <c r="BF3036" s="166">
        <v>0</v>
      </c>
      <c r="BG3036" s="166">
        <v>0</v>
      </c>
      <c r="BH3036" s="166">
        <v>0</v>
      </c>
      <c r="BI3036" s="166">
        <v>0</v>
      </c>
      <c r="BJ3036" s="166">
        <v>0</v>
      </c>
      <c r="BK3036" s="166">
        <v>0</v>
      </c>
      <c r="BL3036" s="166">
        <v>0</v>
      </c>
      <c r="BM3036" s="166">
        <v>0</v>
      </c>
      <c r="BN3036" s="166">
        <v>0</v>
      </c>
      <c r="BO3036" s="166">
        <v>0</v>
      </c>
      <c r="BP3036" s="166">
        <v>0</v>
      </c>
      <c r="BQ3036" s="166">
        <v>0</v>
      </c>
      <c r="BR3036" s="166">
        <v>1070911.4345861301</v>
      </c>
      <c r="BS3036" s="166">
        <v>1070911.4345861301</v>
      </c>
      <c r="BT3036" s="168">
        <v>0</v>
      </c>
      <c r="BU3036" s="166">
        <v>0</v>
      </c>
      <c r="BV3036" s="166">
        <v>0</v>
      </c>
      <c r="BW3036" s="166">
        <v>0</v>
      </c>
      <c r="BX3036" s="166">
        <v>0</v>
      </c>
      <c r="BY3036" s="166">
        <v>0</v>
      </c>
      <c r="BZ3036" s="166">
        <v>0</v>
      </c>
      <c r="CA3036" s="166">
        <v>0</v>
      </c>
      <c r="CB3036" s="166">
        <v>0</v>
      </c>
      <c r="CC3036" s="166">
        <v>0</v>
      </c>
      <c r="CD3036" s="166">
        <v>0</v>
      </c>
      <c r="CE3036" s="166">
        <v>0</v>
      </c>
      <c r="CF3036" s="166">
        <v>0</v>
      </c>
      <c r="CG3036" s="166">
        <v>0</v>
      </c>
      <c r="CH3036" s="166">
        <v>0</v>
      </c>
      <c r="CI3036" s="166">
        <v>0</v>
      </c>
      <c r="CJ3036" s="166">
        <v>0</v>
      </c>
      <c r="CK3036" s="166">
        <v>0</v>
      </c>
      <c r="CL3036" s="166">
        <v>0</v>
      </c>
      <c r="CM3036" s="166">
        <v>0</v>
      </c>
      <c r="CN3036" s="166">
        <v>0</v>
      </c>
      <c r="CO3036" s="166">
        <v>0</v>
      </c>
      <c r="CP3036" s="166">
        <v>0</v>
      </c>
      <c r="CQ3036" s="166">
        <v>0</v>
      </c>
      <c r="CR3036" s="166">
        <v>0</v>
      </c>
      <c r="CS3036" s="166">
        <v>0</v>
      </c>
      <c r="CT3036" s="166">
        <v>0</v>
      </c>
      <c r="CU3036" s="166">
        <v>0</v>
      </c>
      <c r="CV3036" s="166">
        <v>0</v>
      </c>
      <c r="CW3036" s="166">
        <v>0</v>
      </c>
      <c r="CX3036" s="166">
        <v>0</v>
      </c>
      <c r="CY3036" s="166">
        <v>0</v>
      </c>
      <c r="CZ3036" s="166">
        <v>0</v>
      </c>
    </row>
    <row r="3037" spans="1:104" x14ac:dyDescent="0.2">
      <c r="A3037" s="167" t="s">
        <v>324</v>
      </c>
      <c r="B3037" s="166">
        <v>565708.84569822205</v>
      </c>
      <c r="C3037" s="166">
        <v>565708.84569822205</v>
      </c>
      <c r="D3037" s="166">
        <v>0</v>
      </c>
      <c r="E3037" s="166">
        <v>0</v>
      </c>
      <c r="F3037" s="166">
        <v>0</v>
      </c>
      <c r="G3037" s="166">
        <v>0</v>
      </c>
      <c r="H3037" s="166">
        <v>0</v>
      </c>
      <c r="I3037" s="166">
        <v>0</v>
      </c>
      <c r="J3037" s="166">
        <v>0</v>
      </c>
      <c r="K3037" s="166">
        <v>0</v>
      </c>
      <c r="L3037" s="166">
        <v>0</v>
      </c>
      <c r="M3037" s="166">
        <v>0</v>
      </c>
      <c r="N3037" s="166">
        <v>0</v>
      </c>
      <c r="O3037" s="166">
        <v>0</v>
      </c>
      <c r="P3037" s="166">
        <v>0</v>
      </c>
      <c r="Q3037" s="166">
        <v>0</v>
      </c>
      <c r="R3037" s="166">
        <v>0</v>
      </c>
      <c r="S3037" s="166">
        <v>0</v>
      </c>
      <c r="T3037" s="166">
        <v>0</v>
      </c>
      <c r="U3037" s="166">
        <v>0</v>
      </c>
      <c r="V3037" s="166">
        <v>0</v>
      </c>
      <c r="W3037" s="166">
        <v>0</v>
      </c>
      <c r="X3037" s="166">
        <v>0</v>
      </c>
      <c r="Y3037" s="166">
        <v>0</v>
      </c>
      <c r="Z3037" s="166">
        <v>0</v>
      </c>
      <c r="AA3037" s="166">
        <v>0</v>
      </c>
      <c r="AB3037" s="166">
        <v>0</v>
      </c>
      <c r="AC3037" s="166">
        <v>0</v>
      </c>
      <c r="AD3037" s="166">
        <v>0</v>
      </c>
      <c r="AE3037" s="166">
        <v>0</v>
      </c>
      <c r="AF3037" s="166">
        <v>0</v>
      </c>
      <c r="AG3037" s="166">
        <v>0</v>
      </c>
      <c r="AH3037" s="166">
        <v>0</v>
      </c>
      <c r="AI3037" s="166">
        <v>0</v>
      </c>
      <c r="AJ3037" s="166">
        <v>0</v>
      </c>
      <c r="AK3037" s="166">
        <v>0</v>
      </c>
      <c r="AL3037" s="166">
        <v>0</v>
      </c>
      <c r="AM3037" s="166">
        <v>0</v>
      </c>
      <c r="AN3037" s="166">
        <v>0</v>
      </c>
      <c r="AO3037" s="166">
        <v>0</v>
      </c>
      <c r="AP3037" s="166">
        <v>0</v>
      </c>
      <c r="AQ3037" s="166">
        <v>0</v>
      </c>
      <c r="AR3037" s="166">
        <v>0</v>
      </c>
      <c r="AS3037" s="166">
        <v>0</v>
      </c>
      <c r="AT3037" s="166">
        <v>0</v>
      </c>
      <c r="AU3037" s="166">
        <v>0</v>
      </c>
      <c r="AV3037" s="166">
        <v>0</v>
      </c>
      <c r="AW3037" s="166">
        <v>0</v>
      </c>
      <c r="AX3037" s="166">
        <v>0</v>
      </c>
      <c r="AY3037" s="166">
        <v>0</v>
      </c>
      <c r="AZ3037" s="166">
        <v>0</v>
      </c>
      <c r="BA3037" s="166">
        <v>0</v>
      </c>
      <c r="BB3037" s="166">
        <v>0</v>
      </c>
      <c r="BC3037" s="166">
        <v>0</v>
      </c>
      <c r="BD3037" s="166">
        <v>0</v>
      </c>
      <c r="BE3037" s="166">
        <v>0</v>
      </c>
      <c r="BF3037" s="166">
        <v>0</v>
      </c>
      <c r="BG3037" s="166">
        <v>0</v>
      </c>
      <c r="BH3037" s="166">
        <v>0</v>
      </c>
      <c r="BI3037" s="166">
        <v>0</v>
      </c>
      <c r="BJ3037" s="166">
        <v>0</v>
      </c>
      <c r="BK3037" s="166">
        <v>0</v>
      </c>
      <c r="BL3037" s="166">
        <v>0</v>
      </c>
      <c r="BM3037" s="166">
        <v>0</v>
      </c>
      <c r="BN3037" s="166">
        <v>0</v>
      </c>
      <c r="BO3037" s="166">
        <v>0</v>
      </c>
      <c r="BP3037" s="166">
        <v>0</v>
      </c>
      <c r="BQ3037" s="166">
        <v>0</v>
      </c>
      <c r="BR3037" s="166">
        <v>565708.84569822205</v>
      </c>
      <c r="BS3037" s="166">
        <v>565708.84569822205</v>
      </c>
      <c r="BT3037" s="168">
        <v>0</v>
      </c>
      <c r="BU3037" s="166">
        <v>0</v>
      </c>
      <c r="BV3037" s="166">
        <v>0</v>
      </c>
      <c r="BW3037" s="166">
        <v>0</v>
      </c>
      <c r="BX3037" s="166">
        <v>0</v>
      </c>
      <c r="BY3037" s="166">
        <v>0</v>
      </c>
      <c r="BZ3037" s="166">
        <v>0</v>
      </c>
      <c r="CA3037" s="166">
        <v>0</v>
      </c>
      <c r="CB3037" s="166">
        <v>0</v>
      </c>
      <c r="CC3037" s="166">
        <v>0</v>
      </c>
      <c r="CD3037" s="166">
        <v>0</v>
      </c>
      <c r="CE3037" s="166">
        <v>0</v>
      </c>
      <c r="CF3037" s="166">
        <v>0</v>
      </c>
      <c r="CG3037" s="166">
        <v>0</v>
      </c>
      <c r="CH3037" s="166">
        <v>0</v>
      </c>
      <c r="CI3037" s="166">
        <v>0</v>
      </c>
      <c r="CJ3037" s="166">
        <v>0</v>
      </c>
      <c r="CK3037" s="166">
        <v>0</v>
      </c>
      <c r="CL3037" s="166">
        <v>0</v>
      </c>
      <c r="CM3037" s="166">
        <v>0</v>
      </c>
      <c r="CN3037" s="166">
        <v>0</v>
      </c>
      <c r="CO3037" s="166">
        <v>0</v>
      </c>
      <c r="CP3037" s="166">
        <v>0</v>
      </c>
      <c r="CQ3037" s="166">
        <v>0</v>
      </c>
      <c r="CR3037" s="166">
        <v>0</v>
      </c>
      <c r="CS3037" s="166">
        <v>0</v>
      </c>
      <c r="CT3037" s="166">
        <v>0</v>
      </c>
      <c r="CU3037" s="166">
        <v>0</v>
      </c>
      <c r="CV3037" s="166">
        <v>0</v>
      </c>
      <c r="CW3037" s="166">
        <v>0</v>
      </c>
      <c r="CX3037" s="166">
        <v>0</v>
      </c>
      <c r="CY3037" s="166">
        <v>0</v>
      </c>
      <c r="CZ3037" s="166">
        <v>0</v>
      </c>
    </row>
    <row r="3038" spans="1:104" x14ac:dyDescent="0.2">
      <c r="A3038" s="167" t="s">
        <v>325</v>
      </c>
      <c r="B3038" s="166">
        <v>116625.251678028</v>
      </c>
      <c r="C3038" s="166">
        <v>116625.251678028</v>
      </c>
      <c r="D3038" s="166">
        <v>0</v>
      </c>
      <c r="E3038" s="166">
        <v>0</v>
      </c>
      <c r="F3038" s="166">
        <v>0</v>
      </c>
      <c r="G3038" s="166">
        <v>0</v>
      </c>
      <c r="H3038" s="166">
        <v>0</v>
      </c>
      <c r="I3038" s="166">
        <v>0</v>
      </c>
      <c r="J3038" s="166">
        <v>0</v>
      </c>
      <c r="K3038" s="166">
        <v>0</v>
      </c>
      <c r="L3038" s="166">
        <v>0</v>
      </c>
      <c r="M3038" s="166">
        <v>0</v>
      </c>
      <c r="N3038" s="166">
        <v>0</v>
      </c>
      <c r="O3038" s="166">
        <v>0</v>
      </c>
      <c r="P3038" s="166">
        <v>0</v>
      </c>
      <c r="Q3038" s="166">
        <v>0</v>
      </c>
      <c r="R3038" s="166">
        <v>0</v>
      </c>
      <c r="S3038" s="166">
        <v>0</v>
      </c>
      <c r="T3038" s="166">
        <v>0</v>
      </c>
      <c r="U3038" s="166">
        <v>0</v>
      </c>
      <c r="V3038" s="166">
        <v>0</v>
      </c>
      <c r="W3038" s="166">
        <v>0</v>
      </c>
      <c r="X3038" s="166">
        <v>0</v>
      </c>
      <c r="Y3038" s="166">
        <v>0</v>
      </c>
      <c r="Z3038" s="166">
        <v>0</v>
      </c>
      <c r="AA3038" s="166">
        <v>0</v>
      </c>
      <c r="AB3038" s="166">
        <v>0</v>
      </c>
      <c r="AC3038" s="166">
        <v>0</v>
      </c>
      <c r="AD3038" s="166">
        <v>0</v>
      </c>
      <c r="AE3038" s="166">
        <v>0</v>
      </c>
      <c r="AF3038" s="166">
        <v>0</v>
      </c>
      <c r="AG3038" s="166">
        <v>0</v>
      </c>
      <c r="AH3038" s="166">
        <v>0</v>
      </c>
      <c r="AI3038" s="166">
        <v>0</v>
      </c>
      <c r="AJ3038" s="166">
        <v>0</v>
      </c>
      <c r="AK3038" s="166">
        <v>0</v>
      </c>
      <c r="AL3038" s="166">
        <v>0</v>
      </c>
      <c r="AM3038" s="166">
        <v>0</v>
      </c>
      <c r="AN3038" s="166">
        <v>0</v>
      </c>
      <c r="AO3038" s="166">
        <v>0</v>
      </c>
      <c r="AP3038" s="166">
        <v>0</v>
      </c>
      <c r="AQ3038" s="166">
        <v>0</v>
      </c>
      <c r="AR3038" s="166">
        <v>0</v>
      </c>
      <c r="AS3038" s="166">
        <v>0</v>
      </c>
      <c r="AT3038" s="166">
        <v>0</v>
      </c>
      <c r="AU3038" s="166">
        <v>0</v>
      </c>
      <c r="AV3038" s="166">
        <v>0</v>
      </c>
      <c r="AW3038" s="166">
        <v>0</v>
      </c>
      <c r="AX3038" s="166">
        <v>0</v>
      </c>
      <c r="AY3038" s="166">
        <v>0</v>
      </c>
      <c r="AZ3038" s="166">
        <v>0</v>
      </c>
      <c r="BA3038" s="166">
        <v>0</v>
      </c>
      <c r="BB3038" s="166">
        <v>0</v>
      </c>
      <c r="BC3038" s="166">
        <v>0</v>
      </c>
      <c r="BD3038" s="166">
        <v>0</v>
      </c>
      <c r="BE3038" s="166">
        <v>0</v>
      </c>
      <c r="BF3038" s="166">
        <v>0</v>
      </c>
      <c r="BG3038" s="166">
        <v>0</v>
      </c>
      <c r="BH3038" s="166">
        <v>0</v>
      </c>
      <c r="BI3038" s="166">
        <v>0</v>
      </c>
      <c r="BJ3038" s="166">
        <v>0</v>
      </c>
      <c r="BK3038" s="166">
        <v>0</v>
      </c>
      <c r="BL3038" s="166">
        <v>0</v>
      </c>
      <c r="BM3038" s="166">
        <v>0</v>
      </c>
      <c r="BN3038" s="166">
        <v>0</v>
      </c>
      <c r="BO3038" s="166">
        <v>0</v>
      </c>
      <c r="BP3038" s="166">
        <v>0</v>
      </c>
      <c r="BQ3038" s="166">
        <v>0</v>
      </c>
      <c r="BR3038" s="166">
        <v>116625.251678028</v>
      </c>
      <c r="BS3038" s="166">
        <v>116625.251678028</v>
      </c>
      <c r="BT3038" s="168">
        <v>0</v>
      </c>
      <c r="BU3038" s="166">
        <v>0</v>
      </c>
      <c r="BV3038" s="166">
        <v>0</v>
      </c>
      <c r="BW3038" s="166">
        <v>0</v>
      </c>
      <c r="BX3038" s="166">
        <v>0</v>
      </c>
      <c r="BY3038" s="166">
        <v>0</v>
      </c>
      <c r="BZ3038" s="166">
        <v>0</v>
      </c>
      <c r="CA3038" s="166">
        <v>0</v>
      </c>
      <c r="CB3038" s="166">
        <v>0</v>
      </c>
      <c r="CC3038" s="166">
        <v>0</v>
      </c>
      <c r="CD3038" s="166">
        <v>0</v>
      </c>
      <c r="CE3038" s="166">
        <v>0</v>
      </c>
      <c r="CF3038" s="166">
        <v>0</v>
      </c>
      <c r="CG3038" s="166">
        <v>0</v>
      </c>
      <c r="CH3038" s="166">
        <v>0</v>
      </c>
      <c r="CI3038" s="166">
        <v>0</v>
      </c>
      <c r="CJ3038" s="166">
        <v>0</v>
      </c>
      <c r="CK3038" s="166">
        <v>0</v>
      </c>
      <c r="CL3038" s="166">
        <v>0</v>
      </c>
      <c r="CM3038" s="166">
        <v>0</v>
      </c>
      <c r="CN3038" s="166">
        <v>0</v>
      </c>
      <c r="CO3038" s="166">
        <v>0</v>
      </c>
      <c r="CP3038" s="166">
        <v>0</v>
      </c>
      <c r="CQ3038" s="166">
        <v>0</v>
      </c>
      <c r="CR3038" s="166">
        <v>0</v>
      </c>
      <c r="CS3038" s="166">
        <v>0</v>
      </c>
      <c r="CT3038" s="166">
        <v>0</v>
      </c>
      <c r="CU3038" s="166">
        <v>0</v>
      </c>
      <c r="CV3038" s="166">
        <v>0</v>
      </c>
      <c r="CW3038" s="166">
        <v>0</v>
      </c>
      <c r="CX3038" s="166">
        <v>0</v>
      </c>
      <c r="CY3038" s="166">
        <v>0</v>
      </c>
      <c r="CZ3038" s="166">
        <v>0</v>
      </c>
    </row>
    <row r="3039" spans="1:104" x14ac:dyDescent="0.2">
      <c r="A3039" s="167" t="s">
        <v>326</v>
      </c>
      <c r="B3039" s="166">
        <v>67250.347566316501</v>
      </c>
      <c r="C3039" s="166">
        <v>67250.347566316501</v>
      </c>
      <c r="D3039" s="166">
        <v>0</v>
      </c>
      <c r="E3039" s="166">
        <v>0</v>
      </c>
      <c r="F3039" s="166">
        <v>0</v>
      </c>
      <c r="G3039" s="166">
        <v>0</v>
      </c>
      <c r="H3039" s="166">
        <v>0</v>
      </c>
      <c r="I3039" s="166">
        <v>0</v>
      </c>
      <c r="J3039" s="166">
        <v>0</v>
      </c>
      <c r="K3039" s="166">
        <v>0</v>
      </c>
      <c r="L3039" s="166">
        <v>0</v>
      </c>
      <c r="M3039" s="166">
        <v>0</v>
      </c>
      <c r="N3039" s="166">
        <v>0</v>
      </c>
      <c r="O3039" s="166">
        <v>0</v>
      </c>
      <c r="P3039" s="166">
        <v>0</v>
      </c>
      <c r="Q3039" s="166">
        <v>0</v>
      </c>
      <c r="R3039" s="166">
        <v>0</v>
      </c>
      <c r="S3039" s="166">
        <v>0</v>
      </c>
      <c r="T3039" s="166">
        <v>0</v>
      </c>
      <c r="U3039" s="166">
        <v>0</v>
      </c>
      <c r="V3039" s="166">
        <v>0</v>
      </c>
      <c r="W3039" s="166">
        <v>0</v>
      </c>
      <c r="X3039" s="166">
        <v>0</v>
      </c>
      <c r="Y3039" s="166">
        <v>0</v>
      </c>
      <c r="Z3039" s="166">
        <v>0</v>
      </c>
      <c r="AA3039" s="166">
        <v>0</v>
      </c>
      <c r="AB3039" s="166">
        <v>0</v>
      </c>
      <c r="AC3039" s="166">
        <v>0</v>
      </c>
      <c r="AD3039" s="166">
        <v>0</v>
      </c>
      <c r="AE3039" s="166">
        <v>0</v>
      </c>
      <c r="AF3039" s="166">
        <v>0</v>
      </c>
      <c r="AG3039" s="166">
        <v>0</v>
      </c>
      <c r="AH3039" s="166">
        <v>0</v>
      </c>
      <c r="AI3039" s="166">
        <v>0</v>
      </c>
      <c r="AJ3039" s="166">
        <v>0</v>
      </c>
      <c r="AK3039" s="166">
        <v>0</v>
      </c>
      <c r="AL3039" s="166">
        <v>0</v>
      </c>
      <c r="AM3039" s="166">
        <v>0</v>
      </c>
      <c r="AN3039" s="166">
        <v>0</v>
      </c>
      <c r="AO3039" s="166">
        <v>0</v>
      </c>
      <c r="AP3039" s="166">
        <v>0</v>
      </c>
      <c r="AQ3039" s="166">
        <v>0</v>
      </c>
      <c r="AR3039" s="166">
        <v>0</v>
      </c>
      <c r="AS3039" s="166">
        <v>0</v>
      </c>
      <c r="AT3039" s="166">
        <v>0</v>
      </c>
      <c r="AU3039" s="166">
        <v>0</v>
      </c>
      <c r="AV3039" s="166">
        <v>0</v>
      </c>
      <c r="AW3039" s="166">
        <v>0</v>
      </c>
      <c r="AX3039" s="166">
        <v>0</v>
      </c>
      <c r="AY3039" s="166">
        <v>0</v>
      </c>
      <c r="AZ3039" s="166">
        <v>0</v>
      </c>
      <c r="BA3039" s="166">
        <v>0</v>
      </c>
      <c r="BB3039" s="166">
        <v>0</v>
      </c>
      <c r="BC3039" s="166">
        <v>0</v>
      </c>
      <c r="BD3039" s="166">
        <v>0</v>
      </c>
      <c r="BE3039" s="166">
        <v>0</v>
      </c>
      <c r="BF3039" s="166">
        <v>0</v>
      </c>
      <c r="BG3039" s="166">
        <v>0</v>
      </c>
      <c r="BH3039" s="166">
        <v>0</v>
      </c>
      <c r="BI3039" s="166">
        <v>0</v>
      </c>
      <c r="BJ3039" s="166">
        <v>0</v>
      </c>
      <c r="BK3039" s="166">
        <v>0</v>
      </c>
      <c r="BL3039" s="166">
        <v>0</v>
      </c>
      <c r="BM3039" s="166">
        <v>0</v>
      </c>
      <c r="BN3039" s="166">
        <v>0</v>
      </c>
      <c r="BO3039" s="166">
        <v>0</v>
      </c>
      <c r="BP3039" s="166">
        <v>0</v>
      </c>
      <c r="BQ3039" s="166">
        <v>0</v>
      </c>
      <c r="BR3039" s="166">
        <v>67250.347566316501</v>
      </c>
      <c r="BS3039" s="166">
        <v>67250.347566316501</v>
      </c>
      <c r="BT3039" s="168">
        <v>0</v>
      </c>
      <c r="BU3039" s="166">
        <v>0</v>
      </c>
      <c r="BV3039" s="166">
        <v>0</v>
      </c>
      <c r="BW3039" s="166">
        <v>0</v>
      </c>
      <c r="BX3039" s="166">
        <v>0</v>
      </c>
      <c r="BY3039" s="166">
        <v>0</v>
      </c>
      <c r="BZ3039" s="166">
        <v>0</v>
      </c>
      <c r="CA3039" s="166">
        <v>0</v>
      </c>
      <c r="CB3039" s="166">
        <v>0</v>
      </c>
      <c r="CC3039" s="166">
        <v>0</v>
      </c>
      <c r="CD3039" s="166">
        <v>0</v>
      </c>
      <c r="CE3039" s="166">
        <v>0</v>
      </c>
      <c r="CF3039" s="166">
        <v>0</v>
      </c>
      <c r="CG3039" s="166">
        <v>0</v>
      </c>
      <c r="CH3039" s="166">
        <v>0</v>
      </c>
      <c r="CI3039" s="166">
        <v>0</v>
      </c>
      <c r="CJ3039" s="166">
        <v>0</v>
      </c>
      <c r="CK3039" s="166">
        <v>0</v>
      </c>
      <c r="CL3039" s="166">
        <v>0</v>
      </c>
      <c r="CM3039" s="166">
        <v>0</v>
      </c>
      <c r="CN3039" s="166">
        <v>0</v>
      </c>
      <c r="CO3039" s="166">
        <v>0</v>
      </c>
      <c r="CP3039" s="166">
        <v>0</v>
      </c>
      <c r="CQ3039" s="166">
        <v>0</v>
      </c>
      <c r="CR3039" s="166">
        <v>0</v>
      </c>
      <c r="CS3039" s="166">
        <v>0</v>
      </c>
      <c r="CT3039" s="166">
        <v>0</v>
      </c>
      <c r="CU3039" s="166">
        <v>0</v>
      </c>
      <c r="CV3039" s="166">
        <v>0</v>
      </c>
      <c r="CW3039" s="166">
        <v>0</v>
      </c>
      <c r="CX3039" s="166">
        <v>0</v>
      </c>
      <c r="CY3039" s="166">
        <v>0</v>
      </c>
      <c r="CZ3039" s="166">
        <v>0</v>
      </c>
    </row>
    <row r="3040" spans="1:104" x14ac:dyDescent="0.2">
      <c r="A3040" s="167" t="s">
        <v>327</v>
      </c>
      <c r="B3040" s="166">
        <v>179504.16047130001</v>
      </c>
      <c r="C3040" s="166">
        <v>179504.16047130001</v>
      </c>
      <c r="D3040" s="166">
        <v>0</v>
      </c>
      <c r="E3040" s="166">
        <v>0</v>
      </c>
      <c r="F3040" s="166">
        <v>0</v>
      </c>
      <c r="G3040" s="166">
        <v>0</v>
      </c>
      <c r="H3040" s="166">
        <v>0</v>
      </c>
      <c r="I3040" s="166">
        <v>0</v>
      </c>
      <c r="J3040" s="166">
        <v>0</v>
      </c>
      <c r="K3040" s="166">
        <v>0</v>
      </c>
      <c r="L3040" s="166">
        <v>0</v>
      </c>
      <c r="M3040" s="166">
        <v>0</v>
      </c>
      <c r="N3040" s="166">
        <v>0</v>
      </c>
      <c r="O3040" s="166">
        <v>0</v>
      </c>
      <c r="P3040" s="166">
        <v>0</v>
      </c>
      <c r="Q3040" s="166">
        <v>0</v>
      </c>
      <c r="R3040" s="166">
        <v>0</v>
      </c>
      <c r="S3040" s="166">
        <v>0</v>
      </c>
      <c r="T3040" s="166">
        <v>0</v>
      </c>
      <c r="U3040" s="166">
        <v>0</v>
      </c>
      <c r="V3040" s="166">
        <v>0</v>
      </c>
      <c r="W3040" s="166">
        <v>0</v>
      </c>
      <c r="X3040" s="166">
        <v>0</v>
      </c>
      <c r="Y3040" s="166">
        <v>0</v>
      </c>
      <c r="Z3040" s="166">
        <v>0</v>
      </c>
      <c r="AA3040" s="166">
        <v>0</v>
      </c>
      <c r="AB3040" s="166">
        <v>0</v>
      </c>
      <c r="AC3040" s="166">
        <v>0</v>
      </c>
      <c r="AD3040" s="166">
        <v>0</v>
      </c>
      <c r="AE3040" s="166">
        <v>0</v>
      </c>
      <c r="AF3040" s="166">
        <v>0</v>
      </c>
      <c r="AG3040" s="166">
        <v>0</v>
      </c>
      <c r="AH3040" s="166">
        <v>0</v>
      </c>
      <c r="AI3040" s="166">
        <v>0</v>
      </c>
      <c r="AJ3040" s="166">
        <v>0</v>
      </c>
      <c r="AK3040" s="166">
        <v>0</v>
      </c>
      <c r="AL3040" s="166">
        <v>0</v>
      </c>
      <c r="AM3040" s="166">
        <v>0</v>
      </c>
      <c r="AN3040" s="166">
        <v>0</v>
      </c>
      <c r="AO3040" s="166">
        <v>0</v>
      </c>
      <c r="AP3040" s="166">
        <v>0</v>
      </c>
      <c r="AQ3040" s="166">
        <v>0</v>
      </c>
      <c r="AR3040" s="166">
        <v>0</v>
      </c>
      <c r="AS3040" s="166">
        <v>0</v>
      </c>
      <c r="AT3040" s="166">
        <v>0</v>
      </c>
      <c r="AU3040" s="166">
        <v>0</v>
      </c>
      <c r="AV3040" s="166">
        <v>0</v>
      </c>
      <c r="AW3040" s="166">
        <v>0</v>
      </c>
      <c r="AX3040" s="166">
        <v>0</v>
      </c>
      <c r="AY3040" s="166">
        <v>0</v>
      </c>
      <c r="AZ3040" s="166">
        <v>0</v>
      </c>
      <c r="BA3040" s="166">
        <v>0</v>
      </c>
      <c r="BB3040" s="166">
        <v>0</v>
      </c>
      <c r="BC3040" s="166">
        <v>0</v>
      </c>
      <c r="BD3040" s="166">
        <v>0</v>
      </c>
      <c r="BE3040" s="166">
        <v>0</v>
      </c>
      <c r="BF3040" s="166">
        <v>0</v>
      </c>
      <c r="BG3040" s="166">
        <v>0</v>
      </c>
      <c r="BH3040" s="166">
        <v>0</v>
      </c>
      <c r="BI3040" s="166">
        <v>0</v>
      </c>
      <c r="BJ3040" s="166">
        <v>0</v>
      </c>
      <c r="BK3040" s="166">
        <v>0</v>
      </c>
      <c r="BL3040" s="166">
        <v>0</v>
      </c>
      <c r="BM3040" s="166">
        <v>0</v>
      </c>
      <c r="BN3040" s="166">
        <v>0</v>
      </c>
      <c r="BO3040" s="166">
        <v>0</v>
      </c>
      <c r="BP3040" s="166">
        <v>0</v>
      </c>
      <c r="BQ3040" s="166">
        <v>0</v>
      </c>
      <c r="BR3040" s="166">
        <v>179504.16047130001</v>
      </c>
      <c r="BS3040" s="166">
        <v>179504.16047130001</v>
      </c>
      <c r="BT3040" s="168">
        <v>0</v>
      </c>
      <c r="BU3040" s="166">
        <v>0</v>
      </c>
      <c r="BV3040" s="166">
        <v>0</v>
      </c>
      <c r="BW3040" s="166">
        <v>0</v>
      </c>
      <c r="BX3040" s="166">
        <v>0</v>
      </c>
      <c r="BY3040" s="166">
        <v>0</v>
      </c>
      <c r="BZ3040" s="166">
        <v>0</v>
      </c>
      <c r="CA3040" s="166">
        <v>0</v>
      </c>
      <c r="CB3040" s="166">
        <v>0</v>
      </c>
      <c r="CC3040" s="166">
        <v>0</v>
      </c>
      <c r="CD3040" s="166">
        <v>0</v>
      </c>
      <c r="CE3040" s="166">
        <v>0</v>
      </c>
      <c r="CF3040" s="166">
        <v>0</v>
      </c>
      <c r="CG3040" s="166">
        <v>0</v>
      </c>
      <c r="CH3040" s="166">
        <v>0</v>
      </c>
      <c r="CI3040" s="166">
        <v>0</v>
      </c>
      <c r="CJ3040" s="166">
        <v>0</v>
      </c>
      <c r="CK3040" s="166">
        <v>0</v>
      </c>
      <c r="CL3040" s="166">
        <v>0</v>
      </c>
      <c r="CM3040" s="166">
        <v>0</v>
      </c>
      <c r="CN3040" s="166">
        <v>0</v>
      </c>
      <c r="CO3040" s="166">
        <v>0</v>
      </c>
      <c r="CP3040" s="166">
        <v>0</v>
      </c>
      <c r="CQ3040" s="166">
        <v>0</v>
      </c>
      <c r="CR3040" s="166">
        <v>0</v>
      </c>
      <c r="CS3040" s="166">
        <v>0</v>
      </c>
      <c r="CT3040" s="166">
        <v>0</v>
      </c>
      <c r="CU3040" s="166">
        <v>0</v>
      </c>
      <c r="CV3040" s="166">
        <v>0</v>
      </c>
      <c r="CW3040" s="166">
        <v>0</v>
      </c>
      <c r="CX3040" s="166">
        <v>0</v>
      </c>
      <c r="CY3040" s="166">
        <v>0</v>
      </c>
      <c r="CZ3040" s="166">
        <v>0</v>
      </c>
    </row>
    <row r="3041" spans="1:104" x14ac:dyDescent="0.2">
      <c r="A3041" s="167" t="s">
        <v>328</v>
      </c>
      <c r="B3041" s="166">
        <v>0</v>
      </c>
      <c r="C3041" s="166">
        <v>0</v>
      </c>
      <c r="D3041" s="166">
        <v>0</v>
      </c>
      <c r="E3041" s="166">
        <v>0</v>
      </c>
      <c r="F3041" s="166">
        <v>0</v>
      </c>
      <c r="G3041" s="166">
        <v>0</v>
      </c>
      <c r="H3041" s="166">
        <v>0</v>
      </c>
      <c r="I3041" s="166">
        <v>0</v>
      </c>
      <c r="J3041" s="166">
        <v>0</v>
      </c>
      <c r="K3041" s="166">
        <v>0</v>
      </c>
      <c r="L3041" s="166">
        <v>0</v>
      </c>
      <c r="M3041" s="166">
        <v>0</v>
      </c>
      <c r="N3041" s="166">
        <v>0</v>
      </c>
      <c r="O3041" s="166">
        <v>0</v>
      </c>
      <c r="P3041" s="166">
        <v>0</v>
      </c>
      <c r="Q3041" s="166">
        <v>0</v>
      </c>
      <c r="R3041" s="166">
        <v>0</v>
      </c>
      <c r="S3041" s="166">
        <v>0</v>
      </c>
      <c r="T3041" s="166">
        <v>0</v>
      </c>
      <c r="U3041" s="166">
        <v>0</v>
      </c>
      <c r="V3041" s="166">
        <v>0</v>
      </c>
      <c r="W3041" s="166">
        <v>0</v>
      </c>
      <c r="X3041" s="166">
        <v>0</v>
      </c>
      <c r="Y3041" s="166">
        <v>0</v>
      </c>
      <c r="Z3041" s="166">
        <v>0</v>
      </c>
      <c r="AA3041" s="166">
        <v>0</v>
      </c>
      <c r="AB3041" s="166">
        <v>0</v>
      </c>
      <c r="AC3041" s="166">
        <v>0</v>
      </c>
      <c r="AD3041" s="166">
        <v>0</v>
      </c>
      <c r="AE3041" s="166">
        <v>0</v>
      </c>
      <c r="AF3041" s="166">
        <v>0</v>
      </c>
      <c r="AG3041" s="166">
        <v>0</v>
      </c>
      <c r="AH3041" s="166">
        <v>0</v>
      </c>
      <c r="AI3041" s="166">
        <v>0</v>
      </c>
      <c r="AJ3041" s="166">
        <v>0</v>
      </c>
      <c r="AK3041" s="166">
        <v>0</v>
      </c>
      <c r="AL3041" s="166">
        <v>0</v>
      </c>
      <c r="AM3041" s="166">
        <v>0</v>
      </c>
      <c r="AN3041" s="166">
        <v>0</v>
      </c>
      <c r="AO3041" s="166">
        <v>0</v>
      </c>
      <c r="AP3041" s="166">
        <v>0</v>
      </c>
      <c r="AQ3041" s="166">
        <v>0</v>
      </c>
      <c r="AR3041" s="166">
        <v>0</v>
      </c>
      <c r="AS3041" s="166">
        <v>0</v>
      </c>
      <c r="AT3041" s="166">
        <v>0</v>
      </c>
      <c r="AU3041" s="166">
        <v>0</v>
      </c>
      <c r="AV3041" s="166">
        <v>0</v>
      </c>
      <c r="AW3041" s="166">
        <v>0</v>
      </c>
      <c r="AX3041" s="166">
        <v>0</v>
      </c>
      <c r="AY3041" s="166">
        <v>0</v>
      </c>
      <c r="AZ3041" s="166">
        <v>0</v>
      </c>
      <c r="BA3041" s="166">
        <v>0</v>
      </c>
      <c r="BB3041" s="166">
        <v>0</v>
      </c>
      <c r="BC3041" s="166">
        <v>0</v>
      </c>
      <c r="BD3041" s="166">
        <v>0</v>
      </c>
      <c r="BE3041" s="166">
        <v>0</v>
      </c>
      <c r="BF3041" s="166">
        <v>0</v>
      </c>
      <c r="BG3041" s="166">
        <v>0</v>
      </c>
      <c r="BH3041" s="166">
        <v>0</v>
      </c>
      <c r="BI3041" s="166">
        <v>0</v>
      </c>
      <c r="BJ3041" s="166">
        <v>0</v>
      </c>
      <c r="BK3041" s="166">
        <v>0</v>
      </c>
      <c r="BL3041" s="166">
        <v>0</v>
      </c>
      <c r="BM3041" s="166">
        <v>0</v>
      </c>
      <c r="BN3041" s="166">
        <v>0</v>
      </c>
      <c r="BO3041" s="166">
        <v>0</v>
      </c>
      <c r="BP3041" s="166">
        <v>0</v>
      </c>
      <c r="BQ3041" s="166">
        <v>0</v>
      </c>
      <c r="BR3041" s="166">
        <v>0</v>
      </c>
      <c r="BS3041" s="166">
        <v>0</v>
      </c>
      <c r="BT3041" s="168">
        <v>0</v>
      </c>
      <c r="BU3041" s="166">
        <v>0</v>
      </c>
      <c r="BV3041" s="166">
        <v>0</v>
      </c>
      <c r="BW3041" s="166">
        <v>0</v>
      </c>
      <c r="BX3041" s="166">
        <v>0</v>
      </c>
      <c r="BY3041" s="166">
        <v>0</v>
      </c>
      <c r="BZ3041" s="166">
        <v>0</v>
      </c>
      <c r="CA3041" s="166">
        <v>0</v>
      </c>
      <c r="CB3041" s="166">
        <v>0</v>
      </c>
      <c r="CC3041" s="166">
        <v>0</v>
      </c>
      <c r="CD3041" s="166">
        <v>0</v>
      </c>
      <c r="CE3041" s="166">
        <v>0</v>
      </c>
      <c r="CF3041" s="166">
        <v>0</v>
      </c>
      <c r="CG3041" s="166">
        <v>0</v>
      </c>
      <c r="CH3041" s="166">
        <v>0</v>
      </c>
      <c r="CI3041" s="166">
        <v>0</v>
      </c>
      <c r="CJ3041" s="166">
        <v>0</v>
      </c>
      <c r="CK3041" s="166">
        <v>0</v>
      </c>
      <c r="CL3041" s="166">
        <v>0</v>
      </c>
      <c r="CM3041" s="166">
        <v>0</v>
      </c>
      <c r="CN3041" s="166">
        <v>0</v>
      </c>
      <c r="CO3041" s="166">
        <v>0</v>
      </c>
      <c r="CP3041" s="166">
        <v>0</v>
      </c>
      <c r="CQ3041" s="166">
        <v>0</v>
      </c>
      <c r="CR3041" s="166">
        <v>0</v>
      </c>
      <c r="CS3041" s="166">
        <v>0</v>
      </c>
      <c r="CT3041" s="166">
        <v>0</v>
      </c>
      <c r="CU3041" s="166">
        <v>0</v>
      </c>
      <c r="CV3041" s="166">
        <v>0</v>
      </c>
      <c r="CW3041" s="166">
        <v>0</v>
      </c>
      <c r="CX3041" s="166">
        <v>0</v>
      </c>
      <c r="CY3041" s="166">
        <v>0</v>
      </c>
      <c r="CZ3041" s="166">
        <v>0</v>
      </c>
    </row>
    <row r="3042" spans="1:104" x14ac:dyDescent="0.2">
      <c r="A3042" s="167" t="s">
        <v>329</v>
      </c>
      <c r="B3042" s="166">
        <v>2000000.04</v>
      </c>
      <c r="C3042" s="166">
        <v>2000000.04</v>
      </c>
      <c r="D3042" s="166">
        <v>0</v>
      </c>
      <c r="E3042" s="166">
        <v>0</v>
      </c>
      <c r="F3042" s="166">
        <v>0</v>
      </c>
      <c r="G3042" s="166">
        <v>0</v>
      </c>
      <c r="H3042" s="166">
        <v>0</v>
      </c>
      <c r="I3042" s="166">
        <v>0</v>
      </c>
      <c r="J3042" s="166">
        <v>0</v>
      </c>
      <c r="K3042" s="166">
        <v>0</v>
      </c>
      <c r="L3042" s="166">
        <v>0</v>
      </c>
      <c r="M3042" s="166">
        <v>0</v>
      </c>
      <c r="N3042" s="166">
        <v>0</v>
      </c>
      <c r="O3042" s="166">
        <v>0</v>
      </c>
      <c r="P3042" s="166">
        <v>0</v>
      </c>
      <c r="Q3042" s="166">
        <v>0</v>
      </c>
      <c r="R3042" s="166">
        <v>0</v>
      </c>
      <c r="S3042" s="166">
        <v>0</v>
      </c>
      <c r="T3042" s="166">
        <v>0</v>
      </c>
      <c r="U3042" s="166">
        <v>0</v>
      </c>
      <c r="V3042" s="166">
        <v>0</v>
      </c>
      <c r="W3042" s="166">
        <v>0</v>
      </c>
      <c r="X3042" s="166">
        <v>0</v>
      </c>
      <c r="Y3042" s="166">
        <v>0</v>
      </c>
      <c r="Z3042" s="166">
        <v>0</v>
      </c>
      <c r="AA3042" s="166">
        <v>0</v>
      </c>
      <c r="AB3042" s="166">
        <v>0</v>
      </c>
      <c r="AC3042" s="166">
        <v>0</v>
      </c>
      <c r="AD3042" s="166">
        <v>0</v>
      </c>
      <c r="AE3042" s="166">
        <v>0</v>
      </c>
      <c r="AF3042" s="166">
        <v>0</v>
      </c>
      <c r="AG3042" s="166">
        <v>0</v>
      </c>
      <c r="AH3042" s="166">
        <v>0</v>
      </c>
      <c r="AI3042" s="166">
        <v>0</v>
      </c>
      <c r="AJ3042" s="166">
        <v>0</v>
      </c>
      <c r="AK3042" s="166">
        <v>0</v>
      </c>
      <c r="AL3042" s="166">
        <v>0</v>
      </c>
      <c r="AM3042" s="166">
        <v>0</v>
      </c>
      <c r="AN3042" s="166">
        <v>0</v>
      </c>
      <c r="AO3042" s="166">
        <v>0</v>
      </c>
      <c r="AP3042" s="166">
        <v>0</v>
      </c>
      <c r="AQ3042" s="166">
        <v>0</v>
      </c>
      <c r="AR3042" s="166">
        <v>0</v>
      </c>
      <c r="AS3042" s="166">
        <v>0</v>
      </c>
      <c r="AT3042" s="166">
        <v>0</v>
      </c>
      <c r="AU3042" s="166">
        <v>0</v>
      </c>
      <c r="AV3042" s="166">
        <v>0</v>
      </c>
      <c r="AW3042" s="166">
        <v>0</v>
      </c>
      <c r="AX3042" s="166">
        <v>0</v>
      </c>
      <c r="AY3042" s="166">
        <v>0</v>
      </c>
      <c r="AZ3042" s="166">
        <v>0</v>
      </c>
      <c r="BA3042" s="166">
        <v>0</v>
      </c>
      <c r="BB3042" s="166">
        <v>0</v>
      </c>
      <c r="BC3042" s="166">
        <v>0</v>
      </c>
      <c r="BD3042" s="166">
        <v>0</v>
      </c>
      <c r="BE3042" s="166">
        <v>0</v>
      </c>
      <c r="BF3042" s="166">
        <v>0</v>
      </c>
      <c r="BG3042" s="166">
        <v>0</v>
      </c>
      <c r="BH3042" s="166">
        <v>0</v>
      </c>
      <c r="BI3042" s="166">
        <v>0</v>
      </c>
      <c r="BJ3042" s="166">
        <v>0</v>
      </c>
      <c r="BK3042" s="166">
        <v>0</v>
      </c>
      <c r="BL3042" s="166">
        <v>0</v>
      </c>
      <c r="BM3042" s="166">
        <v>0</v>
      </c>
      <c r="BN3042" s="166">
        <v>0</v>
      </c>
      <c r="BO3042" s="166">
        <v>0</v>
      </c>
      <c r="BP3042" s="166">
        <v>0</v>
      </c>
      <c r="BQ3042" s="166">
        <v>0</v>
      </c>
      <c r="BR3042" s="166">
        <v>2000000.04</v>
      </c>
      <c r="BS3042" s="166">
        <v>2000000.04</v>
      </c>
      <c r="BT3042" s="168">
        <v>0</v>
      </c>
      <c r="BU3042" s="166">
        <v>0</v>
      </c>
      <c r="BV3042" s="166">
        <v>0</v>
      </c>
      <c r="BW3042" s="166">
        <v>0</v>
      </c>
      <c r="BX3042" s="166">
        <v>0</v>
      </c>
      <c r="BY3042" s="166">
        <v>0</v>
      </c>
      <c r="BZ3042" s="166">
        <v>0</v>
      </c>
      <c r="CA3042" s="166">
        <v>0</v>
      </c>
      <c r="CB3042" s="166">
        <v>0</v>
      </c>
      <c r="CC3042" s="166">
        <v>0</v>
      </c>
      <c r="CD3042" s="166">
        <v>0</v>
      </c>
      <c r="CE3042" s="166">
        <v>0</v>
      </c>
      <c r="CF3042" s="166">
        <v>0</v>
      </c>
      <c r="CG3042" s="166">
        <v>0</v>
      </c>
      <c r="CH3042" s="166">
        <v>0</v>
      </c>
      <c r="CI3042" s="166">
        <v>0</v>
      </c>
      <c r="CJ3042" s="166">
        <v>0</v>
      </c>
      <c r="CK3042" s="166">
        <v>0</v>
      </c>
      <c r="CL3042" s="166">
        <v>0</v>
      </c>
      <c r="CM3042" s="166">
        <v>0</v>
      </c>
      <c r="CN3042" s="166">
        <v>0</v>
      </c>
      <c r="CO3042" s="166">
        <v>0</v>
      </c>
      <c r="CP3042" s="166">
        <v>0</v>
      </c>
      <c r="CQ3042" s="166">
        <v>0</v>
      </c>
      <c r="CR3042" s="166">
        <v>0</v>
      </c>
      <c r="CS3042" s="166">
        <v>0</v>
      </c>
      <c r="CT3042" s="166">
        <v>0</v>
      </c>
      <c r="CU3042" s="166">
        <v>0</v>
      </c>
      <c r="CV3042" s="166">
        <v>0</v>
      </c>
      <c r="CW3042" s="166">
        <v>0</v>
      </c>
      <c r="CX3042" s="166">
        <v>0</v>
      </c>
      <c r="CY3042" s="166">
        <v>0</v>
      </c>
      <c r="CZ3042" s="166">
        <v>0</v>
      </c>
    </row>
    <row r="3043" spans="1:104" x14ac:dyDescent="0.2">
      <c r="A3043" s="167" t="s">
        <v>330</v>
      </c>
    </row>
    <row r="3044" spans="1:104" x14ac:dyDescent="0.2">
      <c r="A3044" s="167" t="s">
        <v>331</v>
      </c>
      <c r="B3044" s="166">
        <v>0</v>
      </c>
      <c r="C3044" s="166">
        <v>0</v>
      </c>
      <c r="D3044" s="166">
        <v>0</v>
      </c>
      <c r="E3044" s="166">
        <v>0</v>
      </c>
      <c r="F3044" s="166">
        <v>0</v>
      </c>
      <c r="G3044" s="166">
        <v>0</v>
      </c>
      <c r="H3044" s="166">
        <v>0</v>
      </c>
      <c r="I3044" s="166">
        <v>0</v>
      </c>
      <c r="J3044" s="166">
        <v>0</v>
      </c>
      <c r="K3044" s="166">
        <v>0</v>
      </c>
      <c r="L3044" s="166">
        <v>0</v>
      </c>
      <c r="M3044" s="166">
        <v>0</v>
      </c>
      <c r="N3044" s="166">
        <v>0</v>
      </c>
      <c r="O3044" s="166">
        <v>0</v>
      </c>
      <c r="P3044" s="166">
        <v>0</v>
      </c>
      <c r="Q3044" s="166">
        <v>0</v>
      </c>
      <c r="R3044" s="166">
        <v>0</v>
      </c>
      <c r="S3044" s="166">
        <v>0</v>
      </c>
      <c r="T3044" s="166">
        <v>0</v>
      </c>
      <c r="U3044" s="166">
        <v>0</v>
      </c>
      <c r="V3044" s="166">
        <v>0</v>
      </c>
      <c r="W3044" s="166">
        <v>0</v>
      </c>
      <c r="X3044" s="166">
        <v>0</v>
      </c>
      <c r="Y3044" s="166">
        <v>0</v>
      </c>
      <c r="Z3044" s="166">
        <v>0</v>
      </c>
      <c r="AA3044" s="166">
        <v>0</v>
      </c>
      <c r="AB3044" s="166">
        <v>0</v>
      </c>
      <c r="AC3044" s="166">
        <v>0</v>
      </c>
      <c r="AD3044" s="166">
        <v>0</v>
      </c>
      <c r="AE3044" s="166">
        <v>0</v>
      </c>
      <c r="AF3044" s="166">
        <v>0</v>
      </c>
      <c r="AG3044" s="166">
        <v>0</v>
      </c>
      <c r="AH3044" s="166">
        <v>0</v>
      </c>
      <c r="AI3044" s="166">
        <v>0</v>
      </c>
      <c r="AJ3044" s="166">
        <v>0</v>
      </c>
      <c r="AK3044" s="166">
        <v>0</v>
      </c>
      <c r="AL3044" s="166">
        <v>0</v>
      </c>
      <c r="AM3044" s="166">
        <v>0</v>
      </c>
      <c r="AN3044" s="166">
        <v>0</v>
      </c>
      <c r="AO3044" s="166">
        <v>0</v>
      </c>
      <c r="AP3044" s="166">
        <v>0</v>
      </c>
      <c r="AQ3044" s="166">
        <v>0</v>
      </c>
      <c r="AR3044" s="166">
        <v>0</v>
      </c>
      <c r="AS3044" s="166">
        <v>0</v>
      </c>
      <c r="AT3044" s="166">
        <v>0</v>
      </c>
      <c r="AU3044" s="166">
        <v>0</v>
      </c>
      <c r="AV3044" s="166">
        <v>0</v>
      </c>
      <c r="AW3044" s="166">
        <v>0</v>
      </c>
      <c r="AX3044" s="166">
        <v>0</v>
      </c>
      <c r="AY3044" s="166">
        <v>0</v>
      </c>
      <c r="AZ3044" s="166">
        <v>0</v>
      </c>
      <c r="BA3044" s="166">
        <v>0</v>
      </c>
      <c r="BB3044" s="166">
        <v>0</v>
      </c>
      <c r="BC3044" s="166">
        <v>0</v>
      </c>
      <c r="BD3044" s="166">
        <v>0</v>
      </c>
      <c r="BE3044" s="166">
        <v>0</v>
      </c>
      <c r="BF3044" s="166">
        <v>0</v>
      </c>
      <c r="BG3044" s="166">
        <v>0</v>
      </c>
      <c r="BH3044" s="166">
        <v>0</v>
      </c>
      <c r="BI3044" s="166">
        <v>0</v>
      </c>
      <c r="BJ3044" s="166">
        <v>0</v>
      </c>
      <c r="BK3044" s="166">
        <v>0</v>
      </c>
      <c r="BL3044" s="166">
        <v>0</v>
      </c>
      <c r="BM3044" s="166">
        <v>0</v>
      </c>
      <c r="BN3044" s="166">
        <v>0</v>
      </c>
      <c r="BO3044" s="166">
        <v>0</v>
      </c>
      <c r="BP3044" s="166">
        <v>0</v>
      </c>
      <c r="BQ3044" s="166">
        <v>0</v>
      </c>
      <c r="BR3044" s="166">
        <v>0</v>
      </c>
      <c r="BS3044" s="166">
        <v>0</v>
      </c>
      <c r="BT3044" s="168">
        <v>0</v>
      </c>
      <c r="BU3044" s="166">
        <v>0</v>
      </c>
      <c r="BV3044" s="166">
        <v>0</v>
      </c>
      <c r="BW3044" s="166">
        <v>0</v>
      </c>
      <c r="BX3044" s="166">
        <v>0</v>
      </c>
      <c r="BY3044" s="166">
        <v>0</v>
      </c>
      <c r="BZ3044" s="166">
        <v>0</v>
      </c>
      <c r="CA3044" s="166">
        <v>0</v>
      </c>
      <c r="CB3044" s="166">
        <v>0</v>
      </c>
      <c r="CC3044" s="166">
        <v>0</v>
      </c>
      <c r="CD3044" s="166">
        <v>0</v>
      </c>
      <c r="CE3044" s="166">
        <v>0</v>
      </c>
      <c r="CF3044" s="166">
        <v>0</v>
      </c>
      <c r="CG3044" s="166">
        <v>0</v>
      </c>
      <c r="CH3044" s="166">
        <v>0</v>
      </c>
      <c r="CI3044" s="166">
        <v>0</v>
      </c>
      <c r="CJ3044" s="166">
        <v>0</v>
      </c>
      <c r="CK3044" s="166">
        <v>0</v>
      </c>
      <c r="CL3044" s="166">
        <v>0</v>
      </c>
      <c r="CM3044" s="166">
        <v>0</v>
      </c>
      <c r="CN3044" s="166">
        <v>0</v>
      </c>
      <c r="CO3044" s="166">
        <v>0</v>
      </c>
      <c r="CP3044" s="166">
        <v>0</v>
      </c>
      <c r="CQ3044" s="166">
        <v>0</v>
      </c>
      <c r="CR3044" s="166">
        <v>0</v>
      </c>
      <c r="CS3044" s="166">
        <v>0</v>
      </c>
      <c r="CT3044" s="166">
        <v>0</v>
      </c>
      <c r="CU3044" s="166">
        <v>0</v>
      </c>
      <c r="CV3044" s="166">
        <v>0</v>
      </c>
      <c r="CW3044" s="166">
        <v>0</v>
      </c>
      <c r="CX3044" s="166">
        <v>0</v>
      </c>
      <c r="CY3044" s="166">
        <v>0</v>
      </c>
      <c r="CZ3044" s="166">
        <v>0</v>
      </c>
    </row>
    <row r="3045" spans="1:104" x14ac:dyDescent="0.2">
      <c r="A3045" s="167" t="s">
        <v>332</v>
      </c>
    </row>
    <row r="3046" spans="1:104" x14ac:dyDescent="0.2">
      <c r="A3046" s="170" t="s">
        <v>333</v>
      </c>
      <c r="B3046" s="166">
        <v>31989746.379999999</v>
      </c>
      <c r="C3046" s="166">
        <v>31989746.379999999</v>
      </c>
      <c r="D3046" s="166">
        <v>0</v>
      </c>
      <c r="E3046" s="166">
        <v>0</v>
      </c>
      <c r="F3046" s="166">
        <v>0</v>
      </c>
      <c r="G3046" s="166">
        <v>0</v>
      </c>
      <c r="H3046" s="166">
        <v>0</v>
      </c>
      <c r="I3046" s="166">
        <v>0</v>
      </c>
      <c r="J3046" s="166">
        <v>0</v>
      </c>
      <c r="K3046" s="166">
        <v>0</v>
      </c>
      <c r="L3046" s="166">
        <v>0</v>
      </c>
      <c r="M3046" s="166">
        <v>0</v>
      </c>
      <c r="N3046" s="166">
        <v>0</v>
      </c>
      <c r="O3046" s="166">
        <v>0</v>
      </c>
      <c r="P3046" s="166">
        <v>0</v>
      </c>
      <c r="Q3046" s="166">
        <v>0</v>
      </c>
      <c r="R3046" s="166">
        <v>0</v>
      </c>
      <c r="S3046" s="166">
        <v>0</v>
      </c>
      <c r="T3046" s="166">
        <v>0</v>
      </c>
      <c r="U3046" s="166">
        <v>0</v>
      </c>
      <c r="V3046" s="166">
        <v>0</v>
      </c>
      <c r="W3046" s="166">
        <v>0</v>
      </c>
      <c r="X3046" s="166">
        <v>0</v>
      </c>
      <c r="Y3046" s="166">
        <v>0</v>
      </c>
      <c r="Z3046" s="166">
        <v>0</v>
      </c>
      <c r="AA3046" s="166">
        <v>0</v>
      </c>
      <c r="AB3046" s="166">
        <v>0</v>
      </c>
      <c r="AC3046" s="166">
        <v>0</v>
      </c>
      <c r="AD3046" s="166">
        <v>0</v>
      </c>
      <c r="AE3046" s="166">
        <v>0</v>
      </c>
      <c r="AF3046" s="166">
        <v>0</v>
      </c>
      <c r="AG3046" s="166">
        <v>0</v>
      </c>
      <c r="AH3046" s="166">
        <v>0</v>
      </c>
      <c r="AI3046" s="166">
        <v>0</v>
      </c>
      <c r="AJ3046" s="166">
        <v>0</v>
      </c>
      <c r="AK3046" s="166">
        <v>0</v>
      </c>
      <c r="AL3046" s="166">
        <v>0</v>
      </c>
      <c r="AM3046" s="166">
        <v>0</v>
      </c>
      <c r="AN3046" s="166">
        <v>0</v>
      </c>
      <c r="AO3046" s="166">
        <v>0</v>
      </c>
      <c r="AP3046" s="166">
        <v>0</v>
      </c>
      <c r="AQ3046" s="166">
        <v>0</v>
      </c>
      <c r="AR3046" s="166">
        <v>0</v>
      </c>
      <c r="AS3046" s="166">
        <v>0</v>
      </c>
      <c r="AT3046" s="166">
        <v>0</v>
      </c>
      <c r="AU3046" s="166">
        <v>0</v>
      </c>
      <c r="AV3046" s="166">
        <v>0</v>
      </c>
      <c r="AW3046" s="166">
        <v>0</v>
      </c>
      <c r="AX3046" s="166">
        <v>0</v>
      </c>
      <c r="AY3046" s="166">
        <v>0</v>
      </c>
      <c r="AZ3046" s="166">
        <v>0</v>
      </c>
      <c r="BA3046" s="166">
        <v>0</v>
      </c>
      <c r="BB3046" s="166">
        <v>0</v>
      </c>
      <c r="BC3046" s="166">
        <v>0</v>
      </c>
      <c r="BD3046" s="166">
        <v>0</v>
      </c>
      <c r="BE3046" s="166">
        <v>0</v>
      </c>
      <c r="BF3046" s="166">
        <v>0</v>
      </c>
      <c r="BG3046" s="166">
        <v>0</v>
      </c>
      <c r="BH3046" s="166">
        <v>0</v>
      </c>
      <c r="BI3046" s="166">
        <v>0</v>
      </c>
      <c r="BJ3046" s="166">
        <v>0</v>
      </c>
      <c r="BK3046" s="166">
        <v>0</v>
      </c>
      <c r="BL3046" s="166">
        <v>0</v>
      </c>
      <c r="BM3046" s="166">
        <v>0</v>
      </c>
      <c r="BN3046" s="166">
        <v>0</v>
      </c>
      <c r="BO3046" s="166">
        <v>0</v>
      </c>
      <c r="BP3046" s="166">
        <v>0</v>
      </c>
      <c r="BQ3046" s="166">
        <v>0</v>
      </c>
      <c r="BR3046" s="166">
        <v>31989746.379999999</v>
      </c>
      <c r="BS3046" s="166">
        <v>31989746.379999999</v>
      </c>
      <c r="BT3046" s="168">
        <v>0</v>
      </c>
      <c r="BU3046" s="166">
        <v>0</v>
      </c>
      <c r="BV3046" s="166">
        <v>0</v>
      </c>
      <c r="BW3046" s="166">
        <v>0</v>
      </c>
      <c r="BX3046" s="166">
        <v>0</v>
      </c>
      <c r="BY3046" s="166">
        <v>0</v>
      </c>
      <c r="BZ3046" s="166">
        <v>0</v>
      </c>
      <c r="CA3046" s="166">
        <v>0</v>
      </c>
      <c r="CB3046" s="166">
        <v>0</v>
      </c>
      <c r="CC3046" s="166">
        <v>0</v>
      </c>
      <c r="CD3046" s="166">
        <v>0</v>
      </c>
      <c r="CE3046" s="166">
        <v>0</v>
      </c>
      <c r="CF3046" s="166">
        <v>0</v>
      </c>
      <c r="CG3046" s="166">
        <v>0</v>
      </c>
      <c r="CH3046" s="166">
        <v>0</v>
      </c>
      <c r="CI3046" s="166">
        <v>0</v>
      </c>
      <c r="CJ3046" s="166">
        <v>0</v>
      </c>
      <c r="CK3046" s="166">
        <v>0</v>
      </c>
      <c r="CL3046" s="166">
        <v>0</v>
      </c>
      <c r="CM3046" s="166">
        <v>0</v>
      </c>
      <c r="CN3046" s="166">
        <v>0</v>
      </c>
      <c r="CO3046" s="166">
        <v>0</v>
      </c>
      <c r="CP3046" s="166">
        <v>0</v>
      </c>
      <c r="CQ3046" s="166">
        <v>0</v>
      </c>
      <c r="CR3046" s="166">
        <v>0</v>
      </c>
      <c r="CS3046" s="166">
        <v>0</v>
      </c>
      <c r="CT3046" s="166">
        <v>0</v>
      </c>
      <c r="CU3046" s="166">
        <v>0</v>
      </c>
      <c r="CV3046" s="166">
        <v>0</v>
      </c>
      <c r="CW3046" s="166">
        <v>0</v>
      </c>
      <c r="CX3046" s="166">
        <v>0</v>
      </c>
      <c r="CY3046" s="166">
        <v>0</v>
      </c>
      <c r="CZ3046" s="166">
        <v>0</v>
      </c>
    </row>
    <row r="3047" spans="1:104" x14ac:dyDescent="0.2">
      <c r="A3047" s="167" t="s">
        <v>334</v>
      </c>
    </row>
    <row r="3048" spans="1:104" x14ac:dyDescent="0.2">
      <c r="A3048" s="170" t="s">
        <v>335</v>
      </c>
      <c r="B3048" s="166">
        <v>0</v>
      </c>
      <c r="C3048" s="166">
        <v>0</v>
      </c>
      <c r="D3048" s="166">
        <v>0</v>
      </c>
      <c r="E3048" s="166">
        <v>0</v>
      </c>
      <c r="F3048" s="166">
        <v>0</v>
      </c>
      <c r="G3048" s="166">
        <v>0</v>
      </c>
      <c r="H3048" s="166">
        <v>0</v>
      </c>
      <c r="I3048" s="166">
        <v>0</v>
      </c>
      <c r="J3048" s="166">
        <v>0</v>
      </c>
      <c r="K3048" s="166">
        <v>0</v>
      </c>
      <c r="L3048" s="166">
        <v>0</v>
      </c>
      <c r="M3048" s="166">
        <v>0</v>
      </c>
      <c r="N3048" s="166">
        <v>0</v>
      </c>
      <c r="O3048" s="166">
        <v>0</v>
      </c>
      <c r="P3048" s="166">
        <v>0</v>
      </c>
      <c r="Q3048" s="166">
        <v>0</v>
      </c>
      <c r="R3048" s="166">
        <v>0</v>
      </c>
      <c r="S3048" s="166">
        <v>0</v>
      </c>
      <c r="T3048" s="166">
        <v>0</v>
      </c>
      <c r="U3048" s="166">
        <v>0</v>
      </c>
      <c r="V3048" s="166">
        <v>0</v>
      </c>
      <c r="W3048" s="166">
        <v>0</v>
      </c>
      <c r="X3048" s="166">
        <v>0</v>
      </c>
      <c r="Y3048" s="166">
        <v>0</v>
      </c>
      <c r="Z3048" s="166">
        <v>0</v>
      </c>
      <c r="AA3048" s="166">
        <v>0</v>
      </c>
      <c r="AB3048" s="166">
        <v>0</v>
      </c>
      <c r="AC3048" s="166">
        <v>0</v>
      </c>
      <c r="AD3048" s="166">
        <v>0</v>
      </c>
      <c r="AE3048" s="166">
        <v>0</v>
      </c>
      <c r="AF3048" s="166">
        <v>0</v>
      </c>
      <c r="AG3048" s="166">
        <v>0</v>
      </c>
      <c r="AH3048" s="166">
        <v>0</v>
      </c>
      <c r="AI3048" s="166">
        <v>0</v>
      </c>
      <c r="AJ3048" s="166">
        <v>0</v>
      </c>
      <c r="AK3048" s="166">
        <v>0</v>
      </c>
      <c r="AL3048" s="166">
        <v>0</v>
      </c>
      <c r="AM3048" s="166">
        <v>0</v>
      </c>
      <c r="AN3048" s="166">
        <v>0</v>
      </c>
      <c r="AO3048" s="166">
        <v>0</v>
      </c>
      <c r="AP3048" s="166">
        <v>0</v>
      </c>
      <c r="AQ3048" s="166">
        <v>0</v>
      </c>
      <c r="AR3048" s="166">
        <v>0</v>
      </c>
      <c r="AS3048" s="166">
        <v>0</v>
      </c>
      <c r="AT3048" s="166">
        <v>0</v>
      </c>
      <c r="AU3048" s="166">
        <v>0</v>
      </c>
      <c r="AV3048" s="166">
        <v>0</v>
      </c>
      <c r="AW3048" s="166">
        <v>0</v>
      </c>
      <c r="AX3048" s="166">
        <v>0</v>
      </c>
      <c r="AY3048" s="166">
        <v>0</v>
      </c>
      <c r="AZ3048" s="166">
        <v>0</v>
      </c>
      <c r="BA3048" s="166">
        <v>0</v>
      </c>
      <c r="BB3048" s="166">
        <v>0</v>
      </c>
      <c r="BC3048" s="166">
        <v>0</v>
      </c>
      <c r="BD3048" s="166">
        <v>0</v>
      </c>
      <c r="BE3048" s="166">
        <v>0</v>
      </c>
      <c r="BF3048" s="166">
        <v>0</v>
      </c>
      <c r="BG3048" s="166">
        <v>0</v>
      </c>
      <c r="BH3048" s="166">
        <v>0</v>
      </c>
      <c r="BI3048" s="166">
        <v>0</v>
      </c>
      <c r="BJ3048" s="166">
        <v>0</v>
      </c>
      <c r="BK3048" s="166">
        <v>0</v>
      </c>
      <c r="BL3048" s="166">
        <v>0</v>
      </c>
      <c r="BM3048" s="166">
        <v>0</v>
      </c>
      <c r="BN3048" s="166">
        <v>0</v>
      </c>
      <c r="BO3048" s="166">
        <v>0</v>
      </c>
      <c r="BP3048" s="166">
        <v>0</v>
      </c>
      <c r="BQ3048" s="166">
        <v>0</v>
      </c>
      <c r="BR3048" s="166">
        <v>0</v>
      </c>
      <c r="BS3048" s="166">
        <v>0</v>
      </c>
      <c r="BT3048" s="166">
        <v>0</v>
      </c>
      <c r="BU3048" s="166">
        <v>0</v>
      </c>
      <c r="BV3048" s="166">
        <v>0</v>
      </c>
      <c r="BW3048" s="166">
        <v>0</v>
      </c>
      <c r="BX3048" s="166">
        <v>0</v>
      </c>
      <c r="BY3048" s="166">
        <v>0</v>
      </c>
      <c r="BZ3048" s="166">
        <v>0</v>
      </c>
      <c r="CA3048" s="166">
        <v>0</v>
      </c>
      <c r="CB3048" s="166">
        <v>0</v>
      </c>
      <c r="CC3048" s="166">
        <v>0</v>
      </c>
      <c r="CD3048" s="166">
        <v>0</v>
      </c>
      <c r="CE3048" s="166">
        <v>0</v>
      </c>
      <c r="CF3048" s="166">
        <v>0</v>
      </c>
      <c r="CG3048" s="166">
        <v>0</v>
      </c>
      <c r="CH3048" s="166">
        <v>0</v>
      </c>
      <c r="CI3048" s="166">
        <v>0</v>
      </c>
      <c r="CJ3048" s="166">
        <v>0</v>
      </c>
      <c r="CK3048" s="166">
        <v>0</v>
      </c>
      <c r="CL3048" s="166">
        <v>0</v>
      </c>
      <c r="CM3048" s="166">
        <v>0</v>
      </c>
      <c r="CN3048" s="166">
        <v>0</v>
      </c>
      <c r="CO3048" s="166">
        <v>0</v>
      </c>
      <c r="CP3048" s="166">
        <v>0</v>
      </c>
      <c r="CQ3048" s="166">
        <v>0</v>
      </c>
      <c r="CR3048" s="166">
        <v>0</v>
      </c>
      <c r="CS3048" s="166">
        <v>0</v>
      </c>
      <c r="CT3048" s="166">
        <v>0</v>
      </c>
      <c r="CU3048" s="166">
        <v>0</v>
      </c>
      <c r="CV3048" s="166">
        <v>0</v>
      </c>
      <c r="CW3048" s="166">
        <v>0</v>
      </c>
      <c r="CX3048" s="166">
        <v>0</v>
      </c>
      <c r="CY3048" s="166">
        <v>0</v>
      </c>
      <c r="CZ3048" s="166">
        <v>0</v>
      </c>
    </row>
    <row r="3049" spans="1:104" x14ac:dyDescent="0.2">
      <c r="A3049" s="167" t="s">
        <v>1136</v>
      </c>
      <c r="B3049" s="166">
        <v>0</v>
      </c>
      <c r="C3049" s="166">
        <v>0</v>
      </c>
      <c r="D3049" s="166">
        <v>0</v>
      </c>
      <c r="E3049" s="166">
        <v>0</v>
      </c>
      <c r="F3049" s="166">
        <v>0</v>
      </c>
      <c r="G3049" s="166">
        <v>0</v>
      </c>
      <c r="H3049" s="166">
        <v>0</v>
      </c>
      <c r="I3049" s="166">
        <v>0</v>
      </c>
      <c r="J3049" s="166">
        <v>0</v>
      </c>
      <c r="K3049" s="166">
        <v>0</v>
      </c>
      <c r="L3049" s="166">
        <v>0</v>
      </c>
      <c r="M3049" s="166">
        <v>0</v>
      </c>
      <c r="N3049" s="166">
        <v>0</v>
      </c>
      <c r="O3049" s="166">
        <v>0</v>
      </c>
      <c r="P3049" s="166">
        <v>0</v>
      </c>
      <c r="Q3049" s="166">
        <v>0</v>
      </c>
      <c r="R3049" s="166">
        <v>0</v>
      </c>
      <c r="S3049" s="166">
        <v>0</v>
      </c>
      <c r="T3049" s="166">
        <v>0</v>
      </c>
      <c r="U3049" s="166">
        <v>0</v>
      </c>
      <c r="V3049" s="166">
        <v>0</v>
      </c>
      <c r="W3049" s="166">
        <v>0</v>
      </c>
      <c r="X3049" s="166">
        <v>0</v>
      </c>
      <c r="Y3049" s="166">
        <v>0</v>
      </c>
      <c r="Z3049" s="166">
        <v>0</v>
      </c>
      <c r="AA3049" s="166">
        <v>0</v>
      </c>
      <c r="AB3049" s="166">
        <v>0</v>
      </c>
      <c r="AC3049" s="166">
        <v>0</v>
      </c>
      <c r="AD3049" s="166">
        <v>0</v>
      </c>
      <c r="AE3049" s="166">
        <v>0</v>
      </c>
      <c r="AF3049" s="166">
        <v>0</v>
      </c>
      <c r="AG3049" s="166">
        <v>0</v>
      </c>
      <c r="AH3049" s="166">
        <v>0</v>
      </c>
      <c r="AI3049" s="166">
        <v>0</v>
      </c>
      <c r="AJ3049" s="166">
        <v>0</v>
      </c>
      <c r="AK3049" s="166">
        <v>0</v>
      </c>
      <c r="AL3049" s="166">
        <v>0</v>
      </c>
      <c r="AM3049" s="166">
        <v>0</v>
      </c>
      <c r="AN3049" s="166">
        <v>0</v>
      </c>
      <c r="AO3049" s="166">
        <v>0</v>
      </c>
      <c r="AP3049" s="166">
        <v>0</v>
      </c>
      <c r="AQ3049" s="166">
        <v>0</v>
      </c>
      <c r="AR3049" s="166">
        <v>0</v>
      </c>
      <c r="AS3049" s="166">
        <v>0</v>
      </c>
      <c r="AT3049" s="166">
        <v>0</v>
      </c>
      <c r="AU3049" s="166">
        <v>0</v>
      </c>
      <c r="AV3049" s="166">
        <v>0</v>
      </c>
      <c r="AW3049" s="166">
        <v>0</v>
      </c>
      <c r="AX3049" s="166">
        <v>0</v>
      </c>
      <c r="AY3049" s="166">
        <v>0</v>
      </c>
      <c r="AZ3049" s="166">
        <v>0</v>
      </c>
      <c r="BA3049" s="166">
        <v>0</v>
      </c>
      <c r="BB3049" s="166">
        <v>0</v>
      </c>
      <c r="BC3049" s="166">
        <v>0</v>
      </c>
      <c r="BD3049" s="166">
        <v>0</v>
      </c>
      <c r="BE3049" s="166">
        <v>0</v>
      </c>
      <c r="BF3049" s="166">
        <v>0</v>
      </c>
      <c r="BG3049" s="166">
        <v>0</v>
      </c>
      <c r="BH3049" s="166">
        <v>0</v>
      </c>
      <c r="BI3049" s="166">
        <v>0</v>
      </c>
      <c r="BJ3049" s="166">
        <v>0</v>
      </c>
      <c r="BK3049" s="166">
        <v>0</v>
      </c>
      <c r="BL3049" s="166">
        <v>0</v>
      </c>
      <c r="BM3049" s="166">
        <v>0</v>
      </c>
      <c r="BN3049" s="166">
        <v>0</v>
      </c>
      <c r="BO3049" s="166">
        <v>0</v>
      </c>
      <c r="BP3049" s="166">
        <v>0</v>
      </c>
      <c r="BQ3049" s="166">
        <v>0</v>
      </c>
      <c r="BR3049" s="166">
        <v>0</v>
      </c>
      <c r="BS3049" s="166">
        <v>0</v>
      </c>
      <c r="BT3049" s="168">
        <v>0</v>
      </c>
      <c r="BU3049" s="166">
        <v>0</v>
      </c>
      <c r="BV3049" s="166">
        <v>0</v>
      </c>
      <c r="BW3049" s="166">
        <v>0</v>
      </c>
      <c r="BX3049" s="166">
        <v>0</v>
      </c>
      <c r="BY3049" s="166">
        <v>0</v>
      </c>
      <c r="BZ3049" s="166">
        <v>0</v>
      </c>
      <c r="CA3049" s="166">
        <v>0</v>
      </c>
      <c r="CB3049" s="166">
        <v>0</v>
      </c>
      <c r="CC3049" s="166">
        <v>0</v>
      </c>
      <c r="CD3049" s="166">
        <v>0</v>
      </c>
      <c r="CE3049" s="166">
        <v>0</v>
      </c>
      <c r="CF3049" s="166">
        <v>0</v>
      </c>
      <c r="CG3049" s="166">
        <v>0</v>
      </c>
      <c r="CH3049" s="166">
        <v>0</v>
      </c>
      <c r="CI3049" s="166">
        <v>0</v>
      </c>
      <c r="CJ3049" s="166">
        <v>0</v>
      </c>
      <c r="CK3049" s="166">
        <v>0</v>
      </c>
      <c r="CL3049" s="166">
        <v>0</v>
      </c>
      <c r="CM3049" s="166">
        <v>0</v>
      </c>
      <c r="CN3049" s="166">
        <v>0</v>
      </c>
      <c r="CO3049" s="166">
        <v>0</v>
      </c>
      <c r="CP3049" s="166">
        <v>0</v>
      </c>
      <c r="CQ3049" s="166">
        <v>0</v>
      </c>
      <c r="CR3049" s="166">
        <v>0</v>
      </c>
      <c r="CS3049" s="166">
        <v>0</v>
      </c>
      <c r="CT3049" s="166">
        <v>0</v>
      </c>
      <c r="CU3049" s="166">
        <v>0</v>
      </c>
      <c r="CV3049" s="166">
        <v>0</v>
      </c>
      <c r="CW3049" s="166">
        <v>0</v>
      </c>
      <c r="CX3049" s="166">
        <v>0</v>
      </c>
      <c r="CY3049" s="166">
        <v>0</v>
      </c>
      <c r="CZ3049" s="166">
        <v>0</v>
      </c>
    </row>
    <row r="3050" spans="1:104" x14ac:dyDescent="0.2">
      <c r="A3050" s="167" t="s">
        <v>1137</v>
      </c>
      <c r="B3050" s="166">
        <v>0</v>
      </c>
      <c r="C3050" s="166">
        <v>0</v>
      </c>
      <c r="D3050" s="166">
        <v>0</v>
      </c>
      <c r="E3050" s="166">
        <v>0</v>
      </c>
      <c r="F3050" s="166">
        <v>0</v>
      </c>
      <c r="G3050" s="166">
        <v>0</v>
      </c>
      <c r="H3050" s="166">
        <v>0</v>
      </c>
      <c r="I3050" s="166">
        <v>0</v>
      </c>
      <c r="J3050" s="166">
        <v>0</v>
      </c>
      <c r="K3050" s="166">
        <v>0</v>
      </c>
      <c r="L3050" s="166">
        <v>0</v>
      </c>
      <c r="M3050" s="166">
        <v>0</v>
      </c>
      <c r="N3050" s="166">
        <v>0</v>
      </c>
      <c r="O3050" s="166">
        <v>0</v>
      </c>
      <c r="P3050" s="166">
        <v>0</v>
      </c>
      <c r="Q3050" s="166">
        <v>0</v>
      </c>
      <c r="R3050" s="166">
        <v>0</v>
      </c>
      <c r="S3050" s="166">
        <v>0</v>
      </c>
      <c r="T3050" s="166">
        <v>0</v>
      </c>
      <c r="U3050" s="166">
        <v>0</v>
      </c>
      <c r="V3050" s="166">
        <v>0</v>
      </c>
      <c r="W3050" s="166">
        <v>0</v>
      </c>
      <c r="X3050" s="166">
        <v>0</v>
      </c>
      <c r="Y3050" s="166">
        <v>0</v>
      </c>
      <c r="Z3050" s="166">
        <v>0</v>
      </c>
      <c r="AA3050" s="166">
        <v>0</v>
      </c>
      <c r="AB3050" s="166">
        <v>0</v>
      </c>
      <c r="AC3050" s="166">
        <v>0</v>
      </c>
      <c r="AD3050" s="166">
        <v>0</v>
      </c>
      <c r="AE3050" s="166">
        <v>0</v>
      </c>
      <c r="AF3050" s="166">
        <v>0</v>
      </c>
      <c r="AG3050" s="166">
        <v>0</v>
      </c>
      <c r="AH3050" s="166">
        <v>0</v>
      </c>
      <c r="AI3050" s="166">
        <v>0</v>
      </c>
      <c r="AJ3050" s="166">
        <v>0</v>
      </c>
      <c r="AK3050" s="166">
        <v>0</v>
      </c>
      <c r="AL3050" s="166">
        <v>0</v>
      </c>
      <c r="AM3050" s="166">
        <v>0</v>
      </c>
      <c r="AN3050" s="166">
        <v>0</v>
      </c>
      <c r="AO3050" s="166">
        <v>0</v>
      </c>
      <c r="AP3050" s="166">
        <v>0</v>
      </c>
      <c r="AQ3050" s="166">
        <v>0</v>
      </c>
      <c r="AR3050" s="166">
        <v>0</v>
      </c>
      <c r="AS3050" s="166">
        <v>0</v>
      </c>
      <c r="AT3050" s="166">
        <v>0</v>
      </c>
      <c r="AU3050" s="166">
        <v>0</v>
      </c>
      <c r="AV3050" s="166">
        <v>0</v>
      </c>
      <c r="AW3050" s="166">
        <v>0</v>
      </c>
      <c r="AX3050" s="166">
        <v>0</v>
      </c>
      <c r="AY3050" s="166">
        <v>0</v>
      </c>
      <c r="AZ3050" s="166">
        <v>0</v>
      </c>
      <c r="BA3050" s="166">
        <v>0</v>
      </c>
      <c r="BB3050" s="166">
        <v>0</v>
      </c>
      <c r="BC3050" s="166">
        <v>0</v>
      </c>
      <c r="BD3050" s="166">
        <v>0</v>
      </c>
      <c r="BE3050" s="166">
        <v>0</v>
      </c>
      <c r="BF3050" s="166">
        <v>0</v>
      </c>
      <c r="BG3050" s="166">
        <v>0</v>
      </c>
      <c r="BH3050" s="166">
        <v>0</v>
      </c>
      <c r="BI3050" s="166">
        <v>0</v>
      </c>
      <c r="BJ3050" s="166">
        <v>0</v>
      </c>
      <c r="BK3050" s="166">
        <v>0</v>
      </c>
      <c r="BL3050" s="166">
        <v>0</v>
      </c>
      <c r="BM3050" s="166">
        <v>0</v>
      </c>
      <c r="BN3050" s="166">
        <v>0</v>
      </c>
      <c r="BO3050" s="166">
        <v>0</v>
      </c>
      <c r="BP3050" s="166">
        <v>0</v>
      </c>
      <c r="BQ3050" s="166">
        <v>0</v>
      </c>
      <c r="BR3050" s="166">
        <v>0</v>
      </c>
      <c r="BS3050" s="166">
        <v>0</v>
      </c>
      <c r="BT3050" s="168">
        <v>0</v>
      </c>
      <c r="BU3050" s="166">
        <v>0</v>
      </c>
      <c r="BV3050" s="166">
        <v>0</v>
      </c>
      <c r="BW3050" s="166">
        <v>0</v>
      </c>
      <c r="BX3050" s="166">
        <v>0</v>
      </c>
      <c r="BY3050" s="166">
        <v>0</v>
      </c>
      <c r="BZ3050" s="166">
        <v>0</v>
      </c>
      <c r="CA3050" s="166">
        <v>0</v>
      </c>
      <c r="CB3050" s="166">
        <v>0</v>
      </c>
      <c r="CC3050" s="166">
        <v>0</v>
      </c>
      <c r="CD3050" s="166">
        <v>0</v>
      </c>
      <c r="CE3050" s="166">
        <v>0</v>
      </c>
      <c r="CF3050" s="166">
        <v>0</v>
      </c>
      <c r="CG3050" s="166">
        <v>0</v>
      </c>
      <c r="CH3050" s="166">
        <v>0</v>
      </c>
      <c r="CI3050" s="166">
        <v>0</v>
      </c>
      <c r="CJ3050" s="166">
        <v>0</v>
      </c>
      <c r="CK3050" s="166">
        <v>0</v>
      </c>
      <c r="CL3050" s="166">
        <v>0</v>
      </c>
      <c r="CM3050" s="166">
        <v>0</v>
      </c>
      <c r="CN3050" s="166">
        <v>0</v>
      </c>
      <c r="CO3050" s="166">
        <v>0</v>
      </c>
      <c r="CP3050" s="166">
        <v>0</v>
      </c>
      <c r="CQ3050" s="166">
        <v>0</v>
      </c>
      <c r="CR3050" s="166">
        <v>0</v>
      </c>
      <c r="CS3050" s="166">
        <v>0</v>
      </c>
      <c r="CT3050" s="166">
        <v>0</v>
      </c>
      <c r="CU3050" s="166">
        <v>0</v>
      </c>
      <c r="CV3050" s="166">
        <v>0</v>
      </c>
      <c r="CW3050" s="166">
        <v>0</v>
      </c>
      <c r="CX3050" s="166">
        <v>0</v>
      </c>
      <c r="CY3050" s="166">
        <v>0</v>
      </c>
      <c r="CZ3050" s="166">
        <v>0</v>
      </c>
    </row>
    <row r="3051" spans="1:104" x14ac:dyDescent="0.2">
      <c r="A3051" s="167" t="s">
        <v>1138</v>
      </c>
      <c r="B3051" s="166">
        <v>0</v>
      </c>
      <c r="C3051" s="166">
        <v>0</v>
      </c>
      <c r="D3051" s="166">
        <v>0</v>
      </c>
      <c r="E3051" s="166">
        <v>0</v>
      </c>
      <c r="F3051" s="166">
        <v>0</v>
      </c>
      <c r="G3051" s="166">
        <v>0</v>
      </c>
      <c r="H3051" s="166">
        <v>0</v>
      </c>
      <c r="I3051" s="166">
        <v>0</v>
      </c>
      <c r="J3051" s="166">
        <v>0</v>
      </c>
      <c r="K3051" s="166">
        <v>0</v>
      </c>
      <c r="L3051" s="166">
        <v>0</v>
      </c>
      <c r="M3051" s="166">
        <v>0</v>
      </c>
      <c r="N3051" s="166">
        <v>0</v>
      </c>
      <c r="O3051" s="166">
        <v>0</v>
      </c>
      <c r="P3051" s="166">
        <v>0</v>
      </c>
      <c r="Q3051" s="166">
        <v>0</v>
      </c>
      <c r="R3051" s="166">
        <v>0</v>
      </c>
      <c r="S3051" s="166">
        <v>0</v>
      </c>
      <c r="T3051" s="166">
        <v>0</v>
      </c>
      <c r="U3051" s="166">
        <v>0</v>
      </c>
      <c r="V3051" s="166">
        <v>0</v>
      </c>
      <c r="W3051" s="166">
        <v>0</v>
      </c>
      <c r="X3051" s="166">
        <v>0</v>
      </c>
      <c r="Y3051" s="166">
        <v>0</v>
      </c>
      <c r="Z3051" s="166">
        <v>0</v>
      </c>
      <c r="AA3051" s="166">
        <v>0</v>
      </c>
      <c r="AB3051" s="166">
        <v>0</v>
      </c>
      <c r="AC3051" s="166">
        <v>0</v>
      </c>
      <c r="AD3051" s="166">
        <v>0</v>
      </c>
      <c r="AE3051" s="166">
        <v>0</v>
      </c>
      <c r="AF3051" s="166">
        <v>0</v>
      </c>
      <c r="AG3051" s="166">
        <v>0</v>
      </c>
      <c r="AH3051" s="166">
        <v>0</v>
      </c>
      <c r="AI3051" s="166">
        <v>0</v>
      </c>
      <c r="AJ3051" s="166">
        <v>0</v>
      </c>
      <c r="AK3051" s="166">
        <v>0</v>
      </c>
      <c r="AL3051" s="166">
        <v>0</v>
      </c>
      <c r="AM3051" s="166">
        <v>0</v>
      </c>
      <c r="AN3051" s="166">
        <v>0</v>
      </c>
      <c r="AO3051" s="166">
        <v>0</v>
      </c>
      <c r="AP3051" s="166">
        <v>0</v>
      </c>
      <c r="AQ3051" s="166">
        <v>0</v>
      </c>
      <c r="AR3051" s="166">
        <v>0</v>
      </c>
      <c r="AS3051" s="166">
        <v>0</v>
      </c>
      <c r="AT3051" s="166">
        <v>0</v>
      </c>
      <c r="AU3051" s="166">
        <v>0</v>
      </c>
      <c r="AV3051" s="166">
        <v>0</v>
      </c>
      <c r="AW3051" s="166">
        <v>0</v>
      </c>
      <c r="AX3051" s="166">
        <v>0</v>
      </c>
      <c r="AY3051" s="166">
        <v>0</v>
      </c>
      <c r="AZ3051" s="166">
        <v>0</v>
      </c>
      <c r="BA3051" s="166">
        <v>0</v>
      </c>
      <c r="BB3051" s="166">
        <v>0</v>
      </c>
      <c r="BC3051" s="166">
        <v>0</v>
      </c>
      <c r="BD3051" s="166">
        <v>0</v>
      </c>
      <c r="BE3051" s="166">
        <v>0</v>
      </c>
      <c r="BF3051" s="166">
        <v>0</v>
      </c>
      <c r="BG3051" s="166">
        <v>0</v>
      </c>
      <c r="BH3051" s="166">
        <v>0</v>
      </c>
      <c r="BI3051" s="166">
        <v>0</v>
      </c>
      <c r="BJ3051" s="166">
        <v>0</v>
      </c>
      <c r="BK3051" s="166">
        <v>0</v>
      </c>
      <c r="BL3051" s="166">
        <v>0</v>
      </c>
      <c r="BM3051" s="166">
        <v>0</v>
      </c>
      <c r="BN3051" s="166">
        <v>0</v>
      </c>
      <c r="BO3051" s="166">
        <v>0</v>
      </c>
      <c r="BP3051" s="166">
        <v>0</v>
      </c>
      <c r="BQ3051" s="166">
        <v>0</v>
      </c>
      <c r="BR3051" s="166">
        <v>0</v>
      </c>
      <c r="BS3051" s="166">
        <v>0</v>
      </c>
      <c r="BT3051" s="168">
        <v>0</v>
      </c>
      <c r="BU3051" s="166">
        <v>0</v>
      </c>
      <c r="BV3051" s="166">
        <v>0</v>
      </c>
      <c r="BW3051" s="166">
        <v>0</v>
      </c>
      <c r="BX3051" s="166">
        <v>0</v>
      </c>
      <c r="BY3051" s="166">
        <v>0</v>
      </c>
      <c r="BZ3051" s="166">
        <v>0</v>
      </c>
      <c r="CA3051" s="166">
        <v>0</v>
      </c>
      <c r="CB3051" s="166">
        <v>0</v>
      </c>
      <c r="CC3051" s="166">
        <v>0</v>
      </c>
      <c r="CD3051" s="166">
        <v>0</v>
      </c>
      <c r="CE3051" s="166">
        <v>0</v>
      </c>
      <c r="CF3051" s="166">
        <v>0</v>
      </c>
      <c r="CG3051" s="166">
        <v>0</v>
      </c>
      <c r="CH3051" s="166">
        <v>0</v>
      </c>
      <c r="CI3051" s="166">
        <v>0</v>
      </c>
      <c r="CJ3051" s="166">
        <v>0</v>
      </c>
      <c r="CK3051" s="166">
        <v>0</v>
      </c>
      <c r="CL3051" s="166">
        <v>0</v>
      </c>
      <c r="CM3051" s="166">
        <v>0</v>
      </c>
      <c r="CN3051" s="166">
        <v>0</v>
      </c>
      <c r="CO3051" s="166">
        <v>0</v>
      </c>
      <c r="CP3051" s="166">
        <v>0</v>
      </c>
      <c r="CQ3051" s="166">
        <v>0</v>
      </c>
      <c r="CR3051" s="166">
        <v>0</v>
      </c>
      <c r="CS3051" s="166">
        <v>0</v>
      </c>
      <c r="CT3051" s="166">
        <v>0</v>
      </c>
      <c r="CU3051" s="166">
        <v>0</v>
      </c>
      <c r="CV3051" s="166">
        <v>0</v>
      </c>
      <c r="CW3051" s="166">
        <v>0</v>
      </c>
      <c r="CX3051" s="166">
        <v>0</v>
      </c>
      <c r="CY3051" s="166">
        <v>0</v>
      </c>
      <c r="CZ3051" s="166">
        <v>0</v>
      </c>
    </row>
    <row r="3052" spans="1:104" x14ac:dyDescent="0.2">
      <c r="A3052" s="167" t="s">
        <v>1139</v>
      </c>
      <c r="B3052" s="166">
        <v>0</v>
      </c>
      <c r="C3052" s="166">
        <v>0</v>
      </c>
      <c r="D3052" s="166">
        <v>0</v>
      </c>
      <c r="E3052" s="166">
        <v>0</v>
      </c>
      <c r="F3052" s="166">
        <v>0</v>
      </c>
      <c r="G3052" s="166">
        <v>0</v>
      </c>
      <c r="H3052" s="166">
        <v>0</v>
      </c>
      <c r="I3052" s="166">
        <v>0</v>
      </c>
      <c r="J3052" s="166">
        <v>0</v>
      </c>
      <c r="K3052" s="166">
        <v>0</v>
      </c>
      <c r="L3052" s="166">
        <v>0</v>
      </c>
      <c r="M3052" s="166">
        <v>0</v>
      </c>
      <c r="N3052" s="166">
        <v>0</v>
      </c>
      <c r="O3052" s="166">
        <v>0</v>
      </c>
      <c r="P3052" s="166">
        <v>0</v>
      </c>
      <c r="Q3052" s="166">
        <v>0</v>
      </c>
      <c r="R3052" s="166">
        <v>0</v>
      </c>
      <c r="S3052" s="166">
        <v>0</v>
      </c>
      <c r="T3052" s="166">
        <v>0</v>
      </c>
      <c r="U3052" s="166">
        <v>0</v>
      </c>
      <c r="V3052" s="166">
        <v>0</v>
      </c>
      <c r="W3052" s="166">
        <v>0</v>
      </c>
      <c r="X3052" s="166">
        <v>0</v>
      </c>
      <c r="Y3052" s="166">
        <v>0</v>
      </c>
      <c r="Z3052" s="166">
        <v>0</v>
      </c>
      <c r="AA3052" s="166">
        <v>0</v>
      </c>
      <c r="AB3052" s="166">
        <v>0</v>
      </c>
      <c r="AC3052" s="166">
        <v>0</v>
      </c>
      <c r="AD3052" s="166">
        <v>0</v>
      </c>
      <c r="AE3052" s="166">
        <v>0</v>
      </c>
      <c r="AF3052" s="166">
        <v>0</v>
      </c>
      <c r="AG3052" s="166">
        <v>0</v>
      </c>
      <c r="AH3052" s="166">
        <v>0</v>
      </c>
      <c r="AI3052" s="166">
        <v>0</v>
      </c>
      <c r="AJ3052" s="166">
        <v>0</v>
      </c>
      <c r="AK3052" s="166">
        <v>0</v>
      </c>
      <c r="AL3052" s="166">
        <v>0</v>
      </c>
      <c r="AM3052" s="166">
        <v>0</v>
      </c>
      <c r="AN3052" s="166">
        <v>0</v>
      </c>
      <c r="AO3052" s="166">
        <v>0</v>
      </c>
      <c r="AP3052" s="166">
        <v>0</v>
      </c>
      <c r="AQ3052" s="166">
        <v>0</v>
      </c>
      <c r="AR3052" s="166">
        <v>0</v>
      </c>
      <c r="AS3052" s="166">
        <v>0</v>
      </c>
      <c r="AT3052" s="166">
        <v>0</v>
      </c>
      <c r="AU3052" s="166">
        <v>0</v>
      </c>
      <c r="AV3052" s="166">
        <v>0</v>
      </c>
      <c r="AW3052" s="166">
        <v>0</v>
      </c>
      <c r="AX3052" s="166">
        <v>0</v>
      </c>
      <c r="AY3052" s="166">
        <v>0</v>
      </c>
      <c r="AZ3052" s="166">
        <v>0</v>
      </c>
      <c r="BA3052" s="166">
        <v>0</v>
      </c>
      <c r="BB3052" s="166">
        <v>0</v>
      </c>
      <c r="BC3052" s="166">
        <v>0</v>
      </c>
      <c r="BD3052" s="166">
        <v>0</v>
      </c>
      <c r="BE3052" s="166">
        <v>0</v>
      </c>
      <c r="BF3052" s="166">
        <v>0</v>
      </c>
      <c r="BG3052" s="166">
        <v>0</v>
      </c>
      <c r="BH3052" s="166">
        <v>0</v>
      </c>
      <c r="BI3052" s="166">
        <v>0</v>
      </c>
      <c r="BJ3052" s="166">
        <v>0</v>
      </c>
      <c r="BK3052" s="166">
        <v>0</v>
      </c>
      <c r="BL3052" s="166">
        <v>0</v>
      </c>
      <c r="BM3052" s="166">
        <v>0</v>
      </c>
      <c r="BN3052" s="166">
        <v>0</v>
      </c>
      <c r="BO3052" s="166">
        <v>0</v>
      </c>
      <c r="BP3052" s="166">
        <v>0</v>
      </c>
      <c r="BQ3052" s="166">
        <v>0</v>
      </c>
      <c r="BR3052" s="166">
        <v>0</v>
      </c>
      <c r="BS3052" s="166">
        <v>0</v>
      </c>
      <c r="BT3052" s="168">
        <v>0</v>
      </c>
      <c r="BU3052" s="166">
        <v>0</v>
      </c>
      <c r="BV3052" s="166">
        <v>0</v>
      </c>
      <c r="BW3052" s="166">
        <v>0</v>
      </c>
      <c r="BX3052" s="166">
        <v>0</v>
      </c>
      <c r="BY3052" s="166">
        <v>0</v>
      </c>
      <c r="BZ3052" s="166">
        <v>0</v>
      </c>
      <c r="CA3052" s="166">
        <v>0</v>
      </c>
      <c r="CB3052" s="166">
        <v>0</v>
      </c>
      <c r="CC3052" s="166">
        <v>0</v>
      </c>
      <c r="CD3052" s="166">
        <v>0</v>
      </c>
      <c r="CE3052" s="166">
        <v>0</v>
      </c>
      <c r="CF3052" s="166">
        <v>0</v>
      </c>
      <c r="CG3052" s="166">
        <v>0</v>
      </c>
      <c r="CH3052" s="166">
        <v>0</v>
      </c>
      <c r="CI3052" s="166">
        <v>0</v>
      </c>
      <c r="CJ3052" s="166">
        <v>0</v>
      </c>
      <c r="CK3052" s="166">
        <v>0</v>
      </c>
      <c r="CL3052" s="166">
        <v>0</v>
      </c>
      <c r="CM3052" s="166">
        <v>0</v>
      </c>
      <c r="CN3052" s="166">
        <v>0</v>
      </c>
      <c r="CO3052" s="166">
        <v>0</v>
      </c>
      <c r="CP3052" s="166">
        <v>0</v>
      </c>
      <c r="CQ3052" s="166">
        <v>0</v>
      </c>
      <c r="CR3052" s="166">
        <v>0</v>
      </c>
      <c r="CS3052" s="166">
        <v>0</v>
      </c>
      <c r="CT3052" s="166">
        <v>0</v>
      </c>
      <c r="CU3052" s="166">
        <v>0</v>
      </c>
      <c r="CV3052" s="166">
        <v>0</v>
      </c>
      <c r="CW3052" s="166">
        <v>0</v>
      </c>
      <c r="CX3052" s="166">
        <v>0</v>
      </c>
      <c r="CY3052" s="166">
        <v>0</v>
      </c>
      <c r="CZ3052" s="166">
        <v>0</v>
      </c>
    </row>
    <row r="3053" spans="1:104" x14ac:dyDescent="0.2">
      <c r="A3053" s="167" t="s">
        <v>1140</v>
      </c>
      <c r="B3053" s="166">
        <v>0</v>
      </c>
      <c r="C3053" s="166">
        <v>0</v>
      </c>
      <c r="D3053" s="166">
        <v>0</v>
      </c>
      <c r="E3053" s="166">
        <v>0</v>
      </c>
      <c r="F3053" s="166">
        <v>0</v>
      </c>
      <c r="G3053" s="166">
        <v>0</v>
      </c>
      <c r="H3053" s="166">
        <v>0</v>
      </c>
      <c r="I3053" s="166">
        <v>0</v>
      </c>
      <c r="J3053" s="166">
        <v>0</v>
      </c>
      <c r="K3053" s="166">
        <v>0</v>
      </c>
      <c r="L3053" s="166">
        <v>0</v>
      </c>
      <c r="M3053" s="166">
        <v>0</v>
      </c>
      <c r="N3053" s="166">
        <v>0</v>
      </c>
      <c r="O3053" s="166">
        <v>0</v>
      </c>
      <c r="P3053" s="166">
        <v>0</v>
      </c>
      <c r="Q3053" s="166">
        <v>0</v>
      </c>
      <c r="R3053" s="166">
        <v>0</v>
      </c>
      <c r="S3053" s="166">
        <v>0</v>
      </c>
      <c r="T3053" s="166">
        <v>0</v>
      </c>
      <c r="U3053" s="166">
        <v>0</v>
      </c>
      <c r="V3053" s="166">
        <v>0</v>
      </c>
      <c r="W3053" s="166">
        <v>0</v>
      </c>
      <c r="X3053" s="166">
        <v>0</v>
      </c>
      <c r="Y3053" s="166">
        <v>0</v>
      </c>
      <c r="Z3053" s="166">
        <v>0</v>
      </c>
      <c r="AA3053" s="166">
        <v>0</v>
      </c>
      <c r="AB3053" s="166">
        <v>0</v>
      </c>
      <c r="AC3053" s="166">
        <v>0</v>
      </c>
      <c r="AD3053" s="166">
        <v>0</v>
      </c>
      <c r="AE3053" s="166">
        <v>0</v>
      </c>
      <c r="AF3053" s="166">
        <v>0</v>
      </c>
      <c r="AG3053" s="166">
        <v>0</v>
      </c>
      <c r="AH3053" s="166">
        <v>0</v>
      </c>
      <c r="AI3053" s="166">
        <v>0</v>
      </c>
      <c r="AJ3053" s="166">
        <v>0</v>
      </c>
      <c r="AK3053" s="166">
        <v>0</v>
      </c>
      <c r="AL3053" s="166">
        <v>0</v>
      </c>
      <c r="AM3053" s="166">
        <v>0</v>
      </c>
      <c r="AN3053" s="166">
        <v>0</v>
      </c>
      <c r="AO3053" s="166">
        <v>0</v>
      </c>
      <c r="AP3053" s="166">
        <v>0</v>
      </c>
      <c r="AQ3053" s="166">
        <v>0</v>
      </c>
      <c r="AR3053" s="166">
        <v>0</v>
      </c>
      <c r="AS3053" s="166">
        <v>0</v>
      </c>
      <c r="AT3053" s="166">
        <v>0</v>
      </c>
      <c r="AU3053" s="166">
        <v>0</v>
      </c>
      <c r="AV3053" s="166">
        <v>0</v>
      </c>
      <c r="AW3053" s="166">
        <v>0</v>
      </c>
      <c r="AX3053" s="166">
        <v>0</v>
      </c>
      <c r="AY3053" s="166">
        <v>0</v>
      </c>
      <c r="AZ3053" s="166">
        <v>0</v>
      </c>
      <c r="BA3053" s="166">
        <v>0</v>
      </c>
      <c r="BB3053" s="166">
        <v>0</v>
      </c>
      <c r="BC3053" s="166">
        <v>0</v>
      </c>
      <c r="BD3053" s="166">
        <v>0</v>
      </c>
      <c r="BE3053" s="166">
        <v>0</v>
      </c>
      <c r="BF3053" s="166">
        <v>0</v>
      </c>
      <c r="BG3053" s="166">
        <v>0</v>
      </c>
      <c r="BH3053" s="166">
        <v>0</v>
      </c>
      <c r="BI3053" s="166">
        <v>0</v>
      </c>
      <c r="BJ3053" s="166">
        <v>0</v>
      </c>
      <c r="BK3053" s="166">
        <v>0</v>
      </c>
      <c r="BL3053" s="166">
        <v>0</v>
      </c>
      <c r="BM3053" s="166">
        <v>0</v>
      </c>
      <c r="BN3053" s="166">
        <v>0</v>
      </c>
      <c r="BO3053" s="166">
        <v>0</v>
      </c>
      <c r="BP3053" s="166">
        <v>0</v>
      </c>
      <c r="BQ3053" s="166">
        <v>0</v>
      </c>
      <c r="BR3053" s="166">
        <v>0</v>
      </c>
      <c r="BS3053" s="166">
        <v>0</v>
      </c>
      <c r="BT3053" s="168">
        <v>0</v>
      </c>
      <c r="BU3053" s="166">
        <v>0</v>
      </c>
      <c r="BV3053" s="166">
        <v>0</v>
      </c>
      <c r="BW3053" s="166">
        <v>0</v>
      </c>
      <c r="BX3053" s="166">
        <v>0</v>
      </c>
      <c r="BY3053" s="166">
        <v>0</v>
      </c>
      <c r="BZ3053" s="166">
        <v>0</v>
      </c>
      <c r="CA3053" s="166">
        <v>0</v>
      </c>
      <c r="CB3053" s="166">
        <v>0</v>
      </c>
      <c r="CC3053" s="166">
        <v>0</v>
      </c>
      <c r="CD3053" s="166">
        <v>0</v>
      </c>
      <c r="CE3053" s="166">
        <v>0</v>
      </c>
      <c r="CF3053" s="166">
        <v>0</v>
      </c>
      <c r="CG3053" s="166">
        <v>0</v>
      </c>
      <c r="CH3053" s="166">
        <v>0</v>
      </c>
      <c r="CI3053" s="166">
        <v>0</v>
      </c>
      <c r="CJ3053" s="166">
        <v>0</v>
      </c>
      <c r="CK3053" s="166">
        <v>0</v>
      </c>
      <c r="CL3053" s="166">
        <v>0</v>
      </c>
      <c r="CM3053" s="166">
        <v>0</v>
      </c>
      <c r="CN3053" s="166">
        <v>0</v>
      </c>
      <c r="CO3053" s="166">
        <v>0</v>
      </c>
      <c r="CP3053" s="166">
        <v>0</v>
      </c>
      <c r="CQ3053" s="166">
        <v>0</v>
      </c>
      <c r="CR3053" s="166">
        <v>0</v>
      </c>
      <c r="CS3053" s="166">
        <v>0</v>
      </c>
      <c r="CT3053" s="166">
        <v>0</v>
      </c>
      <c r="CU3053" s="166">
        <v>0</v>
      </c>
      <c r="CV3053" s="166">
        <v>0</v>
      </c>
      <c r="CW3053" s="166">
        <v>0</v>
      </c>
      <c r="CX3053" s="166">
        <v>0</v>
      </c>
      <c r="CY3053" s="166">
        <v>0</v>
      </c>
      <c r="CZ3053" s="166">
        <v>0</v>
      </c>
    </row>
    <row r="3054" spans="1:104" x14ac:dyDescent="0.2">
      <c r="A3054" s="167" t="s">
        <v>1141</v>
      </c>
      <c r="B3054" s="166">
        <v>0</v>
      </c>
      <c r="C3054" s="166">
        <v>0</v>
      </c>
      <c r="D3054" s="166">
        <v>0</v>
      </c>
      <c r="E3054" s="166">
        <v>0</v>
      </c>
      <c r="F3054" s="166">
        <v>0</v>
      </c>
      <c r="G3054" s="166">
        <v>0</v>
      </c>
      <c r="H3054" s="166">
        <v>0</v>
      </c>
      <c r="I3054" s="166">
        <v>0</v>
      </c>
      <c r="J3054" s="166">
        <v>0</v>
      </c>
      <c r="K3054" s="166">
        <v>0</v>
      </c>
      <c r="L3054" s="166">
        <v>0</v>
      </c>
      <c r="M3054" s="166">
        <v>0</v>
      </c>
      <c r="N3054" s="166">
        <v>0</v>
      </c>
      <c r="O3054" s="166">
        <v>0</v>
      </c>
      <c r="P3054" s="166">
        <v>0</v>
      </c>
      <c r="Q3054" s="166">
        <v>0</v>
      </c>
      <c r="R3054" s="166">
        <v>0</v>
      </c>
      <c r="S3054" s="166">
        <v>0</v>
      </c>
      <c r="T3054" s="166">
        <v>0</v>
      </c>
      <c r="U3054" s="166">
        <v>0</v>
      </c>
      <c r="V3054" s="166">
        <v>0</v>
      </c>
      <c r="W3054" s="166">
        <v>0</v>
      </c>
      <c r="X3054" s="166">
        <v>0</v>
      </c>
      <c r="Y3054" s="166">
        <v>0</v>
      </c>
      <c r="Z3054" s="166">
        <v>0</v>
      </c>
      <c r="AA3054" s="166">
        <v>0</v>
      </c>
      <c r="AB3054" s="166">
        <v>0</v>
      </c>
      <c r="AC3054" s="166">
        <v>0</v>
      </c>
      <c r="AD3054" s="166">
        <v>0</v>
      </c>
      <c r="AE3054" s="166">
        <v>0</v>
      </c>
      <c r="AF3054" s="166">
        <v>0</v>
      </c>
      <c r="AG3054" s="166">
        <v>0</v>
      </c>
      <c r="AH3054" s="166">
        <v>0</v>
      </c>
      <c r="AI3054" s="166">
        <v>0</v>
      </c>
      <c r="AJ3054" s="166">
        <v>0</v>
      </c>
      <c r="AK3054" s="166">
        <v>0</v>
      </c>
      <c r="AL3054" s="166">
        <v>0</v>
      </c>
      <c r="AM3054" s="166">
        <v>0</v>
      </c>
      <c r="AN3054" s="166">
        <v>0</v>
      </c>
      <c r="AO3054" s="166">
        <v>0</v>
      </c>
      <c r="AP3054" s="166">
        <v>0</v>
      </c>
      <c r="AQ3054" s="166">
        <v>0</v>
      </c>
      <c r="AR3054" s="166">
        <v>0</v>
      </c>
      <c r="AS3054" s="166">
        <v>0</v>
      </c>
      <c r="AT3054" s="166">
        <v>0</v>
      </c>
      <c r="AU3054" s="166">
        <v>0</v>
      </c>
      <c r="AV3054" s="166">
        <v>0</v>
      </c>
      <c r="AW3054" s="166">
        <v>0</v>
      </c>
      <c r="AX3054" s="166">
        <v>0</v>
      </c>
      <c r="AY3054" s="166">
        <v>0</v>
      </c>
      <c r="AZ3054" s="166">
        <v>0</v>
      </c>
      <c r="BA3054" s="166">
        <v>0</v>
      </c>
      <c r="BB3054" s="166">
        <v>0</v>
      </c>
      <c r="BC3054" s="166">
        <v>0</v>
      </c>
      <c r="BD3054" s="166">
        <v>0</v>
      </c>
      <c r="BE3054" s="166">
        <v>0</v>
      </c>
      <c r="BF3054" s="166">
        <v>0</v>
      </c>
      <c r="BG3054" s="166">
        <v>0</v>
      </c>
      <c r="BH3054" s="166">
        <v>0</v>
      </c>
      <c r="BI3054" s="166">
        <v>0</v>
      </c>
      <c r="BJ3054" s="166">
        <v>0</v>
      </c>
      <c r="BK3054" s="166">
        <v>0</v>
      </c>
      <c r="BL3054" s="166">
        <v>0</v>
      </c>
      <c r="BM3054" s="166">
        <v>0</v>
      </c>
      <c r="BN3054" s="166">
        <v>0</v>
      </c>
      <c r="BO3054" s="166">
        <v>0</v>
      </c>
      <c r="BP3054" s="166">
        <v>0</v>
      </c>
      <c r="BQ3054" s="166">
        <v>0</v>
      </c>
      <c r="BR3054" s="166">
        <v>0</v>
      </c>
      <c r="BS3054" s="166">
        <v>0</v>
      </c>
      <c r="BT3054" s="171">
        <v>0</v>
      </c>
      <c r="BU3054" s="166">
        <v>0</v>
      </c>
      <c r="BV3054" s="166">
        <v>0</v>
      </c>
      <c r="BW3054" s="166">
        <v>0</v>
      </c>
      <c r="BX3054" s="166">
        <v>0</v>
      </c>
      <c r="BY3054" s="166">
        <v>0</v>
      </c>
      <c r="BZ3054" s="166">
        <v>0</v>
      </c>
      <c r="CA3054" s="166">
        <v>0</v>
      </c>
      <c r="CB3054" s="166">
        <v>0</v>
      </c>
      <c r="CC3054" s="166">
        <v>0</v>
      </c>
      <c r="CD3054" s="166">
        <v>0</v>
      </c>
      <c r="CE3054" s="166">
        <v>0</v>
      </c>
      <c r="CF3054" s="166">
        <v>0</v>
      </c>
      <c r="CG3054" s="166">
        <v>0</v>
      </c>
      <c r="CH3054" s="166">
        <v>0</v>
      </c>
      <c r="CI3054" s="166">
        <v>0</v>
      </c>
      <c r="CJ3054" s="166">
        <v>0</v>
      </c>
      <c r="CK3054" s="166">
        <v>0</v>
      </c>
      <c r="CL3054" s="166">
        <v>0</v>
      </c>
      <c r="CM3054" s="166">
        <v>0</v>
      </c>
      <c r="CN3054" s="166">
        <v>0</v>
      </c>
      <c r="CO3054" s="166">
        <v>0</v>
      </c>
      <c r="CP3054" s="166">
        <v>0</v>
      </c>
      <c r="CQ3054" s="166">
        <v>0</v>
      </c>
      <c r="CR3054" s="166">
        <v>0</v>
      </c>
      <c r="CS3054" s="166">
        <v>0</v>
      </c>
      <c r="CT3054" s="166">
        <v>0</v>
      </c>
      <c r="CU3054" s="166">
        <v>0</v>
      </c>
      <c r="CV3054" s="166">
        <v>0</v>
      </c>
      <c r="CW3054" s="166">
        <v>0</v>
      </c>
      <c r="CX3054" s="166">
        <v>0</v>
      </c>
      <c r="CY3054" s="166">
        <v>0</v>
      </c>
      <c r="CZ3054" s="166">
        <v>0</v>
      </c>
    </row>
    <row r="3055" spans="1:104" x14ac:dyDescent="0.2">
      <c r="A3055" s="167" t="s">
        <v>342</v>
      </c>
    </row>
    <row r="3056" spans="1:104" x14ac:dyDescent="0.2">
      <c r="A3056" s="167" t="s">
        <v>1142</v>
      </c>
      <c r="B3056" s="166">
        <v>0</v>
      </c>
      <c r="C3056" s="166">
        <v>0</v>
      </c>
      <c r="D3056" s="166">
        <v>0</v>
      </c>
      <c r="E3056" s="166">
        <v>0</v>
      </c>
      <c r="F3056" s="166">
        <v>0</v>
      </c>
      <c r="G3056" s="166">
        <v>0</v>
      </c>
      <c r="H3056" s="166">
        <v>0</v>
      </c>
      <c r="I3056" s="166">
        <v>0</v>
      </c>
      <c r="J3056" s="166">
        <v>0</v>
      </c>
      <c r="K3056" s="166">
        <v>0</v>
      </c>
      <c r="L3056" s="166">
        <v>0</v>
      </c>
      <c r="M3056" s="166">
        <v>0</v>
      </c>
      <c r="N3056" s="166">
        <v>0</v>
      </c>
      <c r="O3056" s="166">
        <v>0</v>
      </c>
      <c r="P3056" s="166">
        <v>0</v>
      </c>
      <c r="Q3056" s="166">
        <v>0</v>
      </c>
      <c r="R3056" s="166">
        <v>0</v>
      </c>
      <c r="S3056" s="166">
        <v>0</v>
      </c>
      <c r="T3056" s="166">
        <v>0</v>
      </c>
      <c r="U3056" s="166">
        <v>0</v>
      </c>
      <c r="V3056" s="166">
        <v>0</v>
      </c>
      <c r="W3056" s="166">
        <v>0</v>
      </c>
      <c r="X3056" s="166">
        <v>0</v>
      </c>
      <c r="Y3056" s="166">
        <v>0</v>
      </c>
      <c r="Z3056" s="166">
        <v>0</v>
      </c>
      <c r="AA3056" s="166">
        <v>0</v>
      </c>
      <c r="AB3056" s="166">
        <v>0</v>
      </c>
      <c r="AC3056" s="166">
        <v>0</v>
      </c>
      <c r="AD3056" s="166">
        <v>0</v>
      </c>
      <c r="AE3056" s="166">
        <v>0</v>
      </c>
      <c r="AF3056" s="166">
        <v>0</v>
      </c>
      <c r="AG3056" s="166">
        <v>0</v>
      </c>
      <c r="AH3056" s="166">
        <v>0</v>
      </c>
      <c r="AI3056" s="166">
        <v>0</v>
      </c>
      <c r="AJ3056" s="166">
        <v>0</v>
      </c>
      <c r="AK3056" s="166">
        <v>0</v>
      </c>
      <c r="AL3056" s="166">
        <v>0</v>
      </c>
      <c r="AM3056" s="166">
        <v>0</v>
      </c>
      <c r="AN3056" s="166">
        <v>0</v>
      </c>
      <c r="AO3056" s="166">
        <v>0</v>
      </c>
      <c r="AP3056" s="166">
        <v>0</v>
      </c>
      <c r="AQ3056" s="166">
        <v>0</v>
      </c>
      <c r="AR3056" s="166">
        <v>0</v>
      </c>
      <c r="AS3056" s="166">
        <v>0</v>
      </c>
      <c r="AT3056" s="166">
        <v>0</v>
      </c>
      <c r="AU3056" s="166">
        <v>0</v>
      </c>
      <c r="AV3056" s="166">
        <v>0</v>
      </c>
      <c r="AW3056" s="166">
        <v>0</v>
      </c>
      <c r="AX3056" s="166">
        <v>0</v>
      </c>
      <c r="AY3056" s="166">
        <v>0</v>
      </c>
      <c r="AZ3056" s="166">
        <v>0</v>
      </c>
      <c r="BA3056" s="166">
        <v>0</v>
      </c>
      <c r="BB3056" s="166">
        <v>0</v>
      </c>
      <c r="BC3056" s="166">
        <v>0</v>
      </c>
      <c r="BD3056" s="166">
        <v>0</v>
      </c>
      <c r="BE3056" s="166">
        <v>0</v>
      </c>
      <c r="BF3056" s="166">
        <v>0</v>
      </c>
      <c r="BG3056" s="166">
        <v>0</v>
      </c>
      <c r="BH3056" s="166">
        <v>0</v>
      </c>
      <c r="BI3056" s="166">
        <v>0</v>
      </c>
      <c r="BJ3056" s="166">
        <v>0</v>
      </c>
      <c r="BK3056" s="166">
        <v>0</v>
      </c>
      <c r="BL3056" s="166">
        <v>0</v>
      </c>
      <c r="BM3056" s="166">
        <v>0</v>
      </c>
      <c r="BN3056" s="166">
        <v>0</v>
      </c>
      <c r="BO3056" s="166">
        <v>0</v>
      </c>
      <c r="BP3056" s="166">
        <v>0</v>
      </c>
      <c r="BQ3056" s="166">
        <v>0</v>
      </c>
      <c r="BR3056" s="166">
        <v>0</v>
      </c>
      <c r="BS3056" s="166">
        <v>0</v>
      </c>
      <c r="BT3056" s="168">
        <v>0</v>
      </c>
      <c r="BU3056" s="166">
        <v>0</v>
      </c>
      <c r="BV3056" s="166">
        <v>0</v>
      </c>
      <c r="BW3056" s="166">
        <v>0</v>
      </c>
      <c r="BX3056" s="166">
        <v>0</v>
      </c>
      <c r="BY3056" s="166">
        <v>0</v>
      </c>
      <c r="BZ3056" s="166">
        <v>0</v>
      </c>
      <c r="CA3056" s="166">
        <v>0</v>
      </c>
      <c r="CB3056" s="166">
        <v>0</v>
      </c>
      <c r="CC3056" s="166">
        <v>0</v>
      </c>
      <c r="CD3056" s="166">
        <v>0</v>
      </c>
      <c r="CE3056" s="166">
        <v>0</v>
      </c>
      <c r="CF3056" s="166">
        <v>0</v>
      </c>
      <c r="CG3056" s="166">
        <v>0</v>
      </c>
      <c r="CH3056" s="166">
        <v>0</v>
      </c>
      <c r="CI3056" s="166">
        <v>0</v>
      </c>
      <c r="CJ3056" s="166">
        <v>0</v>
      </c>
      <c r="CK3056" s="166">
        <v>0</v>
      </c>
      <c r="CL3056" s="166">
        <v>0</v>
      </c>
      <c r="CM3056" s="166">
        <v>0</v>
      </c>
      <c r="CN3056" s="166">
        <v>0</v>
      </c>
      <c r="CO3056" s="166">
        <v>0</v>
      </c>
      <c r="CP3056" s="166">
        <v>0</v>
      </c>
      <c r="CQ3056" s="166">
        <v>0</v>
      </c>
      <c r="CR3056" s="166">
        <v>0</v>
      </c>
      <c r="CS3056" s="166">
        <v>0</v>
      </c>
      <c r="CT3056" s="166">
        <v>0</v>
      </c>
      <c r="CU3056" s="166">
        <v>0</v>
      </c>
      <c r="CV3056" s="166">
        <v>0</v>
      </c>
      <c r="CW3056" s="166">
        <v>0</v>
      </c>
      <c r="CX3056" s="166">
        <v>0</v>
      </c>
      <c r="CY3056" s="166">
        <v>0</v>
      </c>
      <c r="CZ3056" s="166">
        <v>0</v>
      </c>
    </row>
    <row r="3057" spans="1:104" x14ac:dyDescent="0.2">
      <c r="A3057" s="167" t="s">
        <v>344</v>
      </c>
    </row>
    <row r="3058" spans="1:104" x14ac:dyDescent="0.2">
      <c r="A3058" s="167" t="s">
        <v>1143</v>
      </c>
      <c r="B3058" s="166">
        <v>1524722.20298309</v>
      </c>
      <c r="C3058" s="166">
        <v>1524722.20298309</v>
      </c>
      <c r="D3058" s="166">
        <v>0</v>
      </c>
      <c r="E3058" s="166">
        <v>0</v>
      </c>
      <c r="F3058" s="166">
        <v>0</v>
      </c>
      <c r="G3058" s="166">
        <v>0</v>
      </c>
      <c r="H3058" s="166">
        <v>0</v>
      </c>
      <c r="I3058" s="166">
        <v>0</v>
      </c>
      <c r="J3058" s="166">
        <v>0</v>
      </c>
      <c r="K3058" s="166">
        <v>0</v>
      </c>
      <c r="L3058" s="166">
        <v>0</v>
      </c>
      <c r="M3058" s="166">
        <v>0</v>
      </c>
      <c r="N3058" s="166">
        <v>0</v>
      </c>
      <c r="O3058" s="166">
        <v>0</v>
      </c>
      <c r="P3058" s="166">
        <v>0</v>
      </c>
      <c r="Q3058" s="166">
        <v>0</v>
      </c>
      <c r="R3058" s="166">
        <v>0</v>
      </c>
      <c r="S3058" s="166">
        <v>0</v>
      </c>
      <c r="T3058" s="166">
        <v>0</v>
      </c>
      <c r="U3058" s="166">
        <v>0</v>
      </c>
      <c r="V3058" s="166">
        <v>0</v>
      </c>
      <c r="W3058" s="166">
        <v>0</v>
      </c>
      <c r="X3058" s="166">
        <v>0</v>
      </c>
      <c r="Y3058" s="166">
        <v>0</v>
      </c>
      <c r="Z3058" s="166">
        <v>0</v>
      </c>
      <c r="AA3058" s="166">
        <v>0</v>
      </c>
      <c r="AB3058" s="166">
        <v>0</v>
      </c>
      <c r="AC3058" s="166">
        <v>0</v>
      </c>
      <c r="AD3058" s="166">
        <v>0</v>
      </c>
      <c r="AE3058" s="166">
        <v>0</v>
      </c>
      <c r="AF3058" s="166">
        <v>0</v>
      </c>
      <c r="AG3058" s="166">
        <v>0</v>
      </c>
      <c r="AH3058" s="166">
        <v>0</v>
      </c>
      <c r="AI3058" s="166">
        <v>0</v>
      </c>
      <c r="AJ3058" s="166">
        <v>0</v>
      </c>
      <c r="AK3058" s="166">
        <v>0</v>
      </c>
      <c r="AL3058" s="166">
        <v>0</v>
      </c>
      <c r="AM3058" s="166">
        <v>0</v>
      </c>
      <c r="AN3058" s="166">
        <v>0</v>
      </c>
      <c r="AO3058" s="166">
        <v>0</v>
      </c>
      <c r="AP3058" s="166">
        <v>0</v>
      </c>
      <c r="AQ3058" s="166">
        <v>0</v>
      </c>
      <c r="AR3058" s="166">
        <v>0</v>
      </c>
      <c r="AS3058" s="166">
        <v>0</v>
      </c>
      <c r="AT3058" s="166">
        <v>0</v>
      </c>
      <c r="AU3058" s="166">
        <v>0</v>
      </c>
      <c r="AV3058" s="166">
        <v>0</v>
      </c>
      <c r="AW3058" s="166">
        <v>0</v>
      </c>
      <c r="AX3058" s="166">
        <v>0</v>
      </c>
      <c r="AY3058" s="166">
        <v>0</v>
      </c>
      <c r="AZ3058" s="166">
        <v>0</v>
      </c>
      <c r="BA3058" s="166">
        <v>0</v>
      </c>
      <c r="BB3058" s="166">
        <v>0</v>
      </c>
      <c r="BC3058" s="166">
        <v>0</v>
      </c>
      <c r="BD3058" s="166">
        <v>0</v>
      </c>
      <c r="BE3058" s="166">
        <v>0</v>
      </c>
      <c r="BF3058" s="166">
        <v>0</v>
      </c>
      <c r="BG3058" s="166">
        <v>0</v>
      </c>
      <c r="BH3058" s="166">
        <v>0</v>
      </c>
      <c r="BI3058" s="166">
        <v>0</v>
      </c>
      <c r="BJ3058" s="166">
        <v>0</v>
      </c>
      <c r="BK3058" s="166">
        <v>0</v>
      </c>
      <c r="BL3058" s="166">
        <v>0</v>
      </c>
      <c r="BM3058" s="166">
        <v>0</v>
      </c>
      <c r="BN3058" s="166">
        <v>0</v>
      </c>
      <c r="BO3058" s="166">
        <v>0</v>
      </c>
      <c r="BP3058" s="166">
        <v>0</v>
      </c>
      <c r="BQ3058" s="166">
        <v>0</v>
      </c>
      <c r="BR3058" s="166">
        <v>1524722.20298309</v>
      </c>
      <c r="BS3058" s="166">
        <v>1524722.20298309</v>
      </c>
      <c r="BT3058" s="168">
        <v>0</v>
      </c>
      <c r="BU3058" s="166">
        <v>0</v>
      </c>
      <c r="BV3058" s="166">
        <v>0</v>
      </c>
      <c r="BW3058" s="166">
        <v>0</v>
      </c>
      <c r="BX3058" s="166">
        <v>0</v>
      </c>
      <c r="BY3058" s="166">
        <v>0</v>
      </c>
      <c r="BZ3058" s="166">
        <v>0</v>
      </c>
      <c r="CA3058" s="166">
        <v>0</v>
      </c>
      <c r="CB3058" s="166">
        <v>0</v>
      </c>
      <c r="CC3058" s="166">
        <v>0</v>
      </c>
      <c r="CD3058" s="166">
        <v>0</v>
      </c>
      <c r="CE3058" s="166">
        <v>0</v>
      </c>
      <c r="CF3058" s="166">
        <v>0</v>
      </c>
      <c r="CG3058" s="166">
        <v>0</v>
      </c>
      <c r="CH3058" s="166">
        <v>0</v>
      </c>
      <c r="CI3058" s="166">
        <v>0</v>
      </c>
      <c r="CJ3058" s="166">
        <v>0</v>
      </c>
      <c r="CK3058" s="166">
        <v>0</v>
      </c>
      <c r="CL3058" s="166">
        <v>0</v>
      </c>
      <c r="CM3058" s="166">
        <v>0</v>
      </c>
      <c r="CN3058" s="166">
        <v>0</v>
      </c>
      <c r="CO3058" s="166">
        <v>0</v>
      </c>
      <c r="CP3058" s="166">
        <v>0</v>
      </c>
      <c r="CQ3058" s="166">
        <v>0</v>
      </c>
      <c r="CR3058" s="166">
        <v>0</v>
      </c>
      <c r="CS3058" s="166">
        <v>0</v>
      </c>
      <c r="CT3058" s="166">
        <v>0</v>
      </c>
      <c r="CU3058" s="166">
        <v>0</v>
      </c>
      <c r="CV3058" s="166">
        <v>0</v>
      </c>
      <c r="CW3058" s="166">
        <v>0</v>
      </c>
      <c r="CX3058" s="166">
        <v>0</v>
      </c>
      <c r="CY3058" s="166">
        <v>0</v>
      </c>
      <c r="CZ3058" s="166">
        <v>0</v>
      </c>
    </row>
    <row r="3059" spans="1:104" x14ac:dyDescent="0.2">
      <c r="A3059" s="167" t="s">
        <v>1144</v>
      </c>
      <c r="B3059" s="166">
        <v>804230.233364732</v>
      </c>
      <c r="C3059" s="166">
        <v>804230.233364732</v>
      </c>
      <c r="D3059" s="166">
        <v>0</v>
      </c>
      <c r="E3059" s="166">
        <v>0</v>
      </c>
      <c r="F3059" s="166">
        <v>0</v>
      </c>
      <c r="G3059" s="166">
        <v>0</v>
      </c>
      <c r="H3059" s="166">
        <v>0</v>
      </c>
      <c r="I3059" s="166">
        <v>0</v>
      </c>
      <c r="J3059" s="166">
        <v>0</v>
      </c>
      <c r="K3059" s="166">
        <v>0</v>
      </c>
      <c r="L3059" s="166">
        <v>0</v>
      </c>
      <c r="M3059" s="166">
        <v>0</v>
      </c>
      <c r="N3059" s="166">
        <v>0</v>
      </c>
      <c r="O3059" s="166">
        <v>0</v>
      </c>
      <c r="P3059" s="166">
        <v>0</v>
      </c>
      <c r="Q3059" s="166">
        <v>0</v>
      </c>
      <c r="R3059" s="166">
        <v>0</v>
      </c>
      <c r="S3059" s="166">
        <v>0</v>
      </c>
      <c r="T3059" s="166">
        <v>0</v>
      </c>
      <c r="U3059" s="166">
        <v>0</v>
      </c>
      <c r="V3059" s="166">
        <v>0</v>
      </c>
      <c r="W3059" s="166">
        <v>0</v>
      </c>
      <c r="X3059" s="166">
        <v>0</v>
      </c>
      <c r="Y3059" s="166">
        <v>0</v>
      </c>
      <c r="Z3059" s="166">
        <v>0</v>
      </c>
      <c r="AA3059" s="166">
        <v>0</v>
      </c>
      <c r="AB3059" s="166">
        <v>0</v>
      </c>
      <c r="AC3059" s="166">
        <v>0</v>
      </c>
      <c r="AD3059" s="166">
        <v>0</v>
      </c>
      <c r="AE3059" s="166">
        <v>0</v>
      </c>
      <c r="AF3059" s="166">
        <v>0</v>
      </c>
      <c r="AG3059" s="166">
        <v>0</v>
      </c>
      <c r="AH3059" s="166">
        <v>0</v>
      </c>
      <c r="AI3059" s="166">
        <v>0</v>
      </c>
      <c r="AJ3059" s="166">
        <v>0</v>
      </c>
      <c r="AK3059" s="166">
        <v>0</v>
      </c>
      <c r="AL3059" s="166">
        <v>0</v>
      </c>
      <c r="AM3059" s="166">
        <v>0</v>
      </c>
      <c r="AN3059" s="166">
        <v>0</v>
      </c>
      <c r="AO3059" s="166">
        <v>0</v>
      </c>
      <c r="AP3059" s="166">
        <v>0</v>
      </c>
      <c r="AQ3059" s="166">
        <v>0</v>
      </c>
      <c r="AR3059" s="166">
        <v>0</v>
      </c>
      <c r="AS3059" s="166">
        <v>0</v>
      </c>
      <c r="AT3059" s="166">
        <v>0</v>
      </c>
      <c r="AU3059" s="166">
        <v>0</v>
      </c>
      <c r="AV3059" s="166">
        <v>0</v>
      </c>
      <c r="AW3059" s="166">
        <v>0</v>
      </c>
      <c r="AX3059" s="166">
        <v>0</v>
      </c>
      <c r="AY3059" s="166">
        <v>0</v>
      </c>
      <c r="AZ3059" s="166">
        <v>0</v>
      </c>
      <c r="BA3059" s="166">
        <v>0</v>
      </c>
      <c r="BB3059" s="166">
        <v>0</v>
      </c>
      <c r="BC3059" s="166">
        <v>0</v>
      </c>
      <c r="BD3059" s="166">
        <v>0</v>
      </c>
      <c r="BE3059" s="166">
        <v>0</v>
      </c>
      <c r="BF3059" s="166">
        <v>0</v>
      </c>
      <c r="BG3059" s="166">
        <v>0</v>
      </c>
      <c r="BH3059" s="166">
        <v>0</v>
      </c>
      <c r="BI3059" s="166">
        <v>0</v>
      </c>
      <c r="BJ3059" s="166">
        <v>0</v>
      </c>
      <c r="BK3059" s="166">
        <v>0</v>
      </c>
      <c r="BL3059" s="166">
        <v>0</v>
      </c>
      <c r="BM3059" s="166">
        <v>0</v>
      </c>
      <c r="BN3059" s="166">
        <v>0</v>
      </c>
      <c r="BO3059" s="166">
        <v>0</v>
      </c>
      <c r="BP3059" s="166">
        <v>0</v>
      </c>
      <c r="BQ3059" s="166">
        <v>0</v>
      </c>
      <c r="BR3059" s="166">
        <v>804230.233364732</v>
      </c>
      <c r="BS3059" s="166">
        <v>804230.233364732</v>
      </c>
      <c r="BT3059" s="168">
        <v>0</v>
      </c>
      <c r="BU3059" s="166">
        <v>0</v>
      </c>
      <c r="BV3059" s="166">
        <v>0</v>
      </c>
      <c r="BW3059" s="166">
        <v>0</v>
      </c>
      <c r="BX3059" s="166">
        <v>0</v>
      </c>
      <c r="BY3059" s="166">
        <v>0</v>
      </c>
      <c r="BZ3059" s="166">
        <v>0</v>
      </c>
      <c r="CA3059" s="166">
        <v>0</v>
      </c>
      <c r="CB3059" s="166">
        <v>0</v>
      </c>
      <c r="CC3059" s="166">
        <v>0</v>
      </c>
      <c r="CD3059" s="166">
        <v>0</v>
      </c>
      <c r="CE3059" s="166">
        <v>0</v>
      </c>
      <c r="CF3059" s="166">
        <v>0</v>
      </c>
      <c r="CG3059" s="166">
        <v>0</v>
      </c>
      <c r="CH3059" s="166">
        <v>0</v>
      </c>
      <c r="CI3059" s="166">
        <v>0</v>
      </c>
      <c r="CJ3059" s="166">
        <v>0</v>
      </c>
      <c r="CK3059" s="166">
        <v>0</v>
      </c>
      <c r="CL3059" s="166">
        <v>0</v>
      </c>
      <c r="CM3059" s="166">
        <v>0</v>
      </c>
      <c r="CN3059" s="166">
        <v>0</v>
      </c>
      <c r="CO3059" s="166">
        <v>0</v>
      </c>
      <c r="CP3059" s="166">
        <v>0</v>
      </c>
      <c r="CQ3059" s="166">
        <v>0</v>
      </c>
      <c r="CR3059" s="166">
        <v>0</v>
      </c>
      <c r="CS3059" s="166">
        <v>0</v>
      </c>
      <c r="CT3059" s="166">
        <v>0</v>
      </c>
      <c r="CU3059" s="166">
        <v>0</v>
      </c>
      <c r="CV3059" s="166">
        <v>0</v>
      </c>
      <c r="CW3059" s="166">
        <v>0</v>
      </c>
      <c r="CX3059" s="166">
        <v>0</v>
      </c>
      <c r="CY3059" s="166">
        <v>0</v>
      </c>
      <c r="CZ3059" s="166">
        <v>0</v>
      </c>
    </row>
    <row r="3060" spans="1:104" x14ac:dyDescent="0.2">
      <c r="A3060" s="167" t="s">
        <v>1145</v>
      </c>
      <c r="B3060" s="166">
        <v>166285.94652965499</v>
      </c>
      <c r="C3060" s="166">
        <v>166285.94652965499</v>
      </c>
      <c r="D3060" s="166">
        <v>0</v>
      </c>
      <c r="E3060" s="166">
        <v>0</v>
      </c>
      <c r="F3060" s="166">
        <v>0</v>
      </c>
      <c r="G3060" s="166">
        <v>0</v>
      </c>
      <c r="H3060" s="166">
        <v>0</v>
      </c>
      <c r="I3060" s="166">
        <v>0</v>
      </c>
      <c r="J3060" s="166">
        <v>0</v>
      </c>
      <c r="K3060" s="166">
        <v>0</v>
      </c>
      <c r="L3060" s="166">
        <v>0</v>
      </c>
      <c r="M3060" s="166">
        <v>0</v>
      </c>
      <c r="N3060" s="166">
        <v>0</v>
      </c>
      <c r="O3060" s="166">
        <v>0</v>
      </c>
      <c r="P3060" s="166">
        <v>0</v>
      </c>
      <c r="Q3060" s="166">
        <v>0</v>
      </c>
      <c r="R3060" s="166">
        <v>0</v>
      </c>
      <c r="S3060" s="166">
        <v>0</v>
      </c>
      <c r="T3060" s="166">
        <v>0</v>
      </c>
      <c r="U3060" s="166">
        <v>0</v>
      </c>
      <c r="V3060" s="166">
        <v>0</v>
      </c>
      <c r="W3060" s="166">
        <v>0</v>
      </c>
      <c r="X3060" s="166">
        <v>0</v>
      </c>
      <c r="Y3060" s="166">
        <v>0</v>
      </c>
      <c r="Z3060" s="166">
        <v>0</v>
      </c>
      <c r="AA3060" s="166">
        <v>0</v>
      </c>
      <c r="AB3060" s="166">
        <v>0</v>
      </c>
      <c r="AC3060" s="166">
        <v>0</v>
      </c>
      <c r="AD3060" s="166">
        <v>0</v>
      </c>
      <c r="AE3060" s="166">
        <v>0</v>
      </c>
      <c r="AF3060" s="166">
        <v>0</v>
      </c>
      <c r="AG3060" s="166">
        <v>0</v>
      </c>
      <c r="AH3060" s="166">
        <v>0</v>
      </c>
      <c r="AI3060" s="166">
        <v>0</v>
      </c>
      <c r="AJ3060" s="166">
        <v>0</v>
      </c>
      <c r="AK3060" s="166">
        <v>0</v>
      </c>
      <c r="AL3060" s="166">
        <v>0</v>
      </c>
      <c r="AM3060" s="166">
        <v>0</v>
      </c>
      <c r="AN3060" s="166">
        <v>0</v>
      </c>
      <c r="AO3060" s="166">
        <v>0</v>
      </c>
      <c r="AP3060" s="166">
        <v>0</v>
      </c>
      <c r="AQ3060" s="166">
        <v>0</v>
      </c>
      <c r="AR3060" s="166">
        <v>0</v>
      </c>
      <c r="AS3060" s="166">
        <v>0</v>
      </c>
      <c r="AT3060" s="166">
        <v>0</v>
      </c>
      <c r="AU3060" s="166">
        <v>0</v>
      </c>
      <c r="AV3060" s="166">
        <v>0</v>
      </c>
      <c r="AW3060" s="166">
        <v>0</v>
      </c>
      <c r="AX3060" s="166">
        <v>0</v>
      </c>
      <c r="AY3060" s="166">
        <v>0</v>
      </c>
      <c r="AZ3060" s="166">
        <v>0</v>
      </c>
      <c r="BA3060" s="166">
        <v>0</v>
      </c>
      <c r="BB3060" s="166">
        <v>0</v>
      </c>
      <c r="BC3060" s="166">
        <v>0</v>
      </c>
      <c r="BD3060" s="166">
        <v>0</v>
      </c>
      <c r="BE3060" s="166">
        <v>0</v>
      </c>
      <c r="BF3060" s="166">
        <v>0</v>
      </c>
      <c r="BG3060" s="166">
        <v>0</v>
      </c>
      <c r="BH3060" s="166">
        <v>0</v>
      </c>
      <c r="BI3060" s="166">
        <v>0</v>
      </c>
      <c r="BJ3060" s="166">
        <v>0</v>
      </c>
      <c r="BK3060" s="166">
        <v>0</v>
      </c>
      <c r="BL3060" s="166">
        <v>0</v>
      </c>
      <c r="BM3060" s="166">
        <v>0</v>
      </c>
      <c r="BN3060" s="166">
        <v>0</v>
      </c>
      <c r="BO3060" s="166">
        <v>0</v>
      </c>
      <c r="BP3060" s="166">
        <v>0</v>
      </c>
      <c r="BQ3060" s="166">
        <v>0</v>
      </c>
      <c r="BR3060" s="166">
        <v>166285.94652965499</v>
      </c>
      <c r="BS3060" s="166">
        <v>166285.94652965499</v>
      </c>
      <c r="BT3060" s="168">
        <v>0</v>
      </c>
      <c r="BU3060" s="166">
        <v>0</v>
      </c>
      <c r="BV3060" s="166">
        <v>0</v>
      </c>
      <c r="BW3060" s="166">
        <v>0</v>
      </c>
      <c r="BX3060" s="166">
        <v>0</v>
      </c>
      <c r="BY3060" s="166">
        <v>0</v>
      </c>
      <c r="BZ3060" s="166">
        <v>0</v>
      </c>
      <c r="CA3060" s="166">
        <v>0</v>
      </c>
      <c r="CB3060" s="166">
        <v>0</v>
      </c>
      <c r="CC3060" s="166">
        <v>0</v>
      </c>
      <c r="CD3060" s="166">
        <v>0</v>
      </c>
      <c r="CE3060" s="166">
        <v>0</v>
      </c>
      <c r="CF3060" s="166">
        <v>0</v>
      </c>
      <c r="CG3060" s="166">
        <v>0</v>
      </c>
      <c r="CH3060" s="166">
        <v>0</v>
      </c>
      <c r="CI3060" s="166">
        <v>0</v>
      </c>
      <c r="CJ3060" s="166">
        <v>0</v>
      </c>
      <c r="CK3060" s="166">
        <v>0</v>
      </c>
      <c r="CL3060" s="166">
        <v>0</v>
      </c>
      <c r="CM3060" s="166">
        <v>0</v>
      </c>
      <c r="CN3060" s="166">
        <v>0</v>
      </c>
      <c r="CO3060" s="166">
        <v>0</v>
      </c>
      <c r="CP3060" s="166">
        <v>0</v>
      </c>
      <c r="CQ3060" s="166">
        <v>0</v>
      </c>
      <c r="CR3060" s="166">
        <v>0</v>
      </c>
      <c r="CS3060" s="166">
        <v>0</v>
      </c>
      <c r="CT3060" s="166">
        <v>0</v>
      </c>
      <c r="CU3060" s="166">
        <v>0</v>
      </c>
      <c r="CV3060" s="166">
        <v>0</v>
      </c>
      <c r="CW3060" s="166">
        <v>0</v>
      </c>
      <c r="CX3060" s="166">
        <v>0</v>
      </c>
      <c r="CY3060" s="166">
        <v>0</v>
      </c>
      <c r="CZ3060" s="166">
        <v>0</v>
      </c>
    </row>
    <row r="3061" spans="1:104" x14ac:dyDescent="0.2">
      <c r="A3061" s="167" t="s">
        <v>1146</v>
      </c>
      <c r="B3061" s="166">
        <v>95766.118622501701</v>
      </c>
      <c r="C3061" s="166">
        <v>95766.118622501701</v>
      </c>
      <c r="D3061" s="166">
        <v>0</v>
      </c>
      <c r="E3061" s="166">
        <v>0</v>
      </c>
      <c r="F3061" s="166">
        <v>0</v>
      </c>
      <c r="G3061" s="166">
        <v>0</v>
      </c>
      <c r="H3061" s="166">
        <v>0</v>
      </c>
      <c r="I3061" s="166">
        <v>0</v>
      </c>
      <c r="J3061" s="166">
        <v>0</v>
      </c>
      <c r="K3061" s="166">
        <v>0</v>
      </c>
      <c r="L3061" s="166">
        <v>0</v>
      </c>
      <c r="M3061" s="166">
        <v>0</v>
      </c>
      <c r="N3061" s="166">
        <v>0</v>
      </c>
      <c r="O3061" s="166">
        <v>0</v>
      </c>
      <c r="P3061" s="166">
        <v>0</v>
      </c>
      <c r="Q3061" s="166">
        <v>0</v>
      </c>
      <c r="R3061" s="166">
        <v>0</v>
      </c>
      <c r="S3061" s="166">
        <v>0</v>
      </c>
      <c r="T3061" s="166">
        <v>0</v>
      </c>
      <c r="U3061" s="166">
        <v>0</v>
      </c>
      <c r="V3061" s="166">
        <v>0</v>
      </c>
      <c r="W3061" s="166">
        <v>0</v>
      </c>
      <c r="X3061" s="166">
        <v>0</v>
      </c>
      <c r="Y3061" s="166">
        <v>0</v>
      </c>
      <c r="Z3061" s="166">
        <v>0</v>
      </c>
      <c r="AA3061" s="166">
        <v>0</v>
      </c>
      <c r="AB3061" s="166">
        <v>0</v>
      </c>
      <c r="AC3061" s="166">
        <v>0</v>
      </c>
      <c r="AD3061" s="166">
        <v>0</v>
      </c>
      <c r="AE3061" s="166">
        <v>0</v>
      </c>
      <c r="AF3061" s="166">
        <v>0</v>
      </c>
      <c r="AG3061" s="166">
        <v>0</v>
      </c>
      <c r="AH3061" s="166">
        <v>0</v>
      </c>
      <c r="AI3061" s="166">
        <v>0</v>
      </c>
      <c r="AJ3061" s="166">
        <v>0</v>
      </c>
      <c r="AK3061" s="166">
        <v>0</v>
      </c>
      <c r="AL3061" s="166">
        <v>0</v>
      </c>
      <c r="AM3061" s="166">
        <v>0</v>
      </c>
      <c r="AN3061" s="166">
        <v>0</v>
      </c>
      <c r="AO3061" s="166">
        <v>0</v>
      </c>
      <c r="AP3061" s="166">
        <v>0</v>
      </c>
      <c r="AQ3061" s="166">
        <v>0</v>
      </c>
      <c r="AR3061" s="166">
        <v>0</v>
      </c>
      <c r="AS3061" s="166">
        <v>0</v>
      </c>
      <c r="AT3061" s="166">
        <v>0</v>
      </c>
      <c r="AU3061" s="166">
        <v>0</v>
      </c>
      <c r="AV3061" s="166">
        <v>0</v>
      </c>
      <c r="AW3061" s="166">
        <v>0</v>
      </c>
      <c r="AX3061" s="166">
        <v>0</v>
      </c>
      <c r="AY3061" s="166">
        <v>0</v>
      </c>
      <c r="AZ3061" s="166">
        <v>0</v>
      </c>
      <c r="BA3061" s="166">
        <v>0</v>
      </c>
      <c r="BB3061" s="166">
        <v>0</v>
      </c>
      <c r="BC3061" s="166">
        <v>0</v>
      </c>
      <c r="BD3061" s="166">
        <v>0</v>
      </c>
      <c r="BE3061" s="166">
        <v>0</v>
      </c>
      <c r="BF3061" s="166">
        <v>0</v>
      </c>
      <c r="BG3061" s="166">
        <v>0</v>
      </c>
      <c r="BH3061" s="166">
        <v>0</v>
      </c>
      <c r="BI3061" s="166">
        <v>0</v>
      </c>
      <c r="BJ3061" s="166">
        <v>0</v>
      </c>
      <c r="BK3061" s="166">
        <v>0</v>
      </c>
      <c r="BL3061" s="166">
        <v>0</v>
      </c>
      <c r="BM3061" s="166">
        <v>0</v>
      </c>
      <c r="BN3061" s="166">
        <v>0</v>
      </c>
      <c r="BO3061" s="166">
        <v>0</v>
      </c>
      <c r="BP3061" s="166">
        <v>0</v>
      </c>
      <c r="BQ3061" s="166">
        <v>0</v>
      </c>
      <c r="BR3061" s="166">
        <v>95766.118622501701</v>
      </c>
      <c r="BS3061" s="166">
        <v>95766.118622501701</v>
      </c>
      <c r="BT3061" s="168">
        <v>0</v>
      </c>
      <c r="BU3061" s="166">
        <v>0</v>
      </c>
      <c r="BV3061" s="166">
        <v>0</v>
      </c>
      <c r="BW3061" s="166">
        <v>0</v>
      </c>
      <c r="BX3061" s="166">
        <v>0</v>
      </c>
      <c r="BY3061" s="166">
        <v>0</v>
      </c>
      <c r="BZ3061" s="166">
        <v>0</v>
      </c>
      <c r="CA3061" s="166">
        <v>0</v>
      </c>
      <c r="CB3061" s="166">
        <v>0</v>
      </c>
      <c r="CC3061" s="166">
        <v>0</v>
      </c>
      <c r="CD3061" s="166">
        <v>0</v>
      </c>
      <c r="CE3061" s="166">
        <v>0</v>
      </c>
      <c r="CF3061" s="166">
        <v>0</v>
      </c>
      <c r="CG3061" s="166">
        <v>0</v>
      </c>
      <c r="CH3061" s="166">
        <v>0</v>
      </c>
      <c r="CI3061" s="166">
        <v>0</v>
      </c>
      <c r="CJ3061" s="166">
        <v>0</v>
      </c>
      <c r="CK3061" s="166">
        <v>0</v>
      </c>
      <c r="CL3061" s="166">
        <v>0</v>
      </c>
      <c r="CM3061" s="166">
        <v>0</v>
      </c>
      <c r="CN3061" s="166">
        <v>0</v>
      </c>
      <c r="CO3061" s="166">
        <v>0</v>
      </c>
      <c r="CP3061" s="166">
        <v>0</v>
      </c>
      <c r="CQ3061" s="166">
        <v>0</v>
      </c>
      <c r="CR3061" s="166">
        <v>0</v>
      </c>
      <c r="CS3061" s="166">
        <v>0</v>
      </c>
      <c r="CT3061" s="166">
        <v>0</v>
      </c>
      <c r="CU3061" s="166">
        <v>0</v>
      </c>
      <c r="CV3061" s="166">
        <v>0</v>
      </c>
      <c r="CW3061" s="166">
        <v>0</v>
      </c>
      <c r="CX3061" s="166">
        <v>0</v>
      </c>
      <c r="CY3061" s="166">
        <v>0</v>
      </c>
      <c r="CZ3061" s="166">
        <v>0</v>
      </c>
    </row>
    <row r="3062" spans="1:104" x14ac:dyDescent="0.2">
      <c r="A3062" s="167" t="s">
        <v>1147</v>
      </c>
      <c r="B3062" s="166">
        <v>255383.15850001501</v>
      </c>
      <c r="C3062" s="166">
        <v>255383.15850001501</v>
      </c>
      <c r="D3062" s="166">
        <v>0</v>
      </c>
      <c r="E3062" s="166">
        <v>0</v>
      </c>
      <c r="F3062" s="166">
        <v>0</v>
      </c>
      <c r="G3062" s="166">
        <v>0</v>
      </c>
      <c r="H3062" s="166">
        <v>0</v>
      </c>
      <c r="I3062" s="166">
        <v>0</v>
      </c>
      <c r="J3062" s="166">
        <v>0</v>
      </c>
      <c r="K3062" s="166">
        <v>0</v>
      </c>
      <c r="L3062" s="166">
        <v>0</v>
      </c>
      <c r="M3062" s="166">
        <v>0</v>
      </c>
      <c r="N3062" s="166">
        <v>0</v>
      </c>
      <c r="O3062" s="166">
        <v>0</v>
      </c>
      <c r="P3062" s="166">
        <v>0</v>
      </c>
      <c r="Q3062" s="166">
        <v>0</v>
      </c>
      <c r="R3062" s="166">
        <v>0</v>
      </c>
      <c r="S3062" s="166">
        <v>0</v>
      </c>
      <c r="T3062" s="166">
        <v>0</v>
      </c>
      <c r="U3062" s="166">
        <v>0</v>
      </c>
      <c r="V3062" s="166">
        <v>0</v>
      </c>
      <c r="W3062" s="166">
        <v>0</v>
      </c>
      <c r="X3062" s="166">
        <v>0</v>
      </c>
      <c r="Y3062" s="166">
        <v>0</v>
      </c>
      <c r="Z3062" s="166">
        <v>0</v>
      </c>
      <c r="AA3062" s="166">
        <v>0</v>
      </c>
      <c r="AB3062" s="166">
        <v>0</v>
      </c>
      <c r="AC3062" s="166">
        <v>0</v>
      </c>
      <c r="AD3062" s="166">
        <v>0</v>
      </c>
      <c r="AE3062" s="166">
        <v>0</v>
      </c>
      <c r="AF3062" s="166">
        <v>0</v>
      </c>
      <c r="AG3062" s="166">
        <v>0</v>
      </c>
      <c r="AH3062" s="166">
        <v>0</v>
      </c>
      <c r="AI3062" s="166">
        <v>0</v>
      </c>
      <c r="AJ3062" s="166">
        <v>0</v>
      </c>
      <c r="AK3062" s="166">
        <v>0</v>
      </c>
      <c r="AL3062" s="166">
        <v>0</v>
      </c>
      <c r="AM3062" s="166">
        <v>0</v>
      </c>
      <c r="AN3062" s="166">
        <v>0</v>
      </c>
      <c r="AO3062" s="166">
        <v>0</v>
      </c>
      <c r="AP3062" s="166">
        <v>0</v>
      </c>
      <c r="AQ3062" s="166">
        <v>0</v>
      </c>
      <c r="AR3062" s="166">
        <v>0</v>
      </c>
      <c r="AS3062" s="166">
        <v>0</v>
      </c>
      <c r="AT3062" s="166">
        <v>0</v>
      </c>
      <c r="AU3062" s="166">
        <v>0</v>
      </c>
      <c r="AV3062" s="166">
        <v>0</v>
      </c>
      <c r="AW3062" s="166">
        <v>0</v>
      </c>
      <c r="AX3062" s="166">
        <v>0</v>
      </c>
      <c r="AY3062" s="166">
        <v>0</v>
      </c>
      <c r="AZ3062" s="166">
        <v>0</v>
      </c>
      <c r="BA3062" s="166">
        <v>0</v>
      </c>
      <c r="BB3062" s="166">
        <v>0</v>
      </c>
      <c r="BC3062" s="166">
        <v>0</v>
      </c>
      <c r="BD3062" s="166">
        <v>0</v>
      </c>
      <c r="BE3062" s="166">
        <v>0</v>
      </c>
      <c r="BF3062" s="166">
        <v>0</v>
      </c>
      <c r="BG3062" s="166">
        <v>0</v>
      </c>
      <c r="BH3062" s="166">
        <v>0</v>
      </c>
      <c r="BI3062" s="166">
        <v>0</v>
      </c>
      <c r="BJ3062" s="166">
        <v>0</v>
      </c>
      <c r="BK3062" s="166">
        <v>0</v>
      </c>
      <c r="BL3062" s="166">
        <v>0</v>
      </c>
      <c r="BM3062" s="166">
        <v>0</v>
      </c>
      <c r="BN3062" s="166">
        <v>0</v>
      </c>
      <c r="BO3062" s="166">
        <v>0</v>
      </c>
      <c r="BP3062" s="166">
        <v>0</v>
      </c>
      <c r="BQ3062" s="166">
        <v>0</v>
      </c>
      <c r="BR3062" s="166">
        <v>255383.15850001501</v>
      </c>
      <c r="BS3062" s="166">
        <v>255383.15850001501</v>
      </c>
      <c r="BT3062" s="168">
        <v>0</v>
      </c>
      <c r="BU3062" s="166">
        <v>0</v>
      </c>
      <c r="BV3062" s="166">
        <v>0</v>
      </c>
      <c r="BW3062" s="166">
        <v>0</v>
      </c>
      <c r="BX3062" s="166">
        <v>0</v>
      </c>
      <c r="BY3062" s="166">
        <v>0</v>
      </c>
      <c r="BZ3062" s="166">
        <v>0</v>
      </c>
      <c r="CA3062" s="166">
        <v>0</v>
      </c>
      <c r="CB3062" s="166">
        <v>0</v>
      </c>
      <c r="CC3062" s="166">
        <v>0</v>
      </c>
      <c r="CD3062" s="166">
        <v>0</v>
      </c>
      <c r="CE3062" s="166">
        <v>0</v>
      </c>
      <c r="CF3062" s="166">
        <v>0</v>
      </c>
      <c r="CG3062" s="166">
        <v>0</v>
      </c>
      <c r="CH3062" s="166">
        <v>0</v>
      </c>
      <c r="CI3062" s="166">
        <v>0</v>
      </c>
      <c r="CJ3062" s="166">
        <v>0</v>
      </c>
      <c r="CK3062" s="166">
        <v>0</v>
      </c>
      <c r="CL3062" s="166">
        <v>0</v>
      </c>
      <c r="CM3062" s="166">
        <v>0</v>
      </c>
      <c r="CN3062" s="166">
        <v>0</v>
      </c>
      <c r="CO3062" s="166">
        <v>0</v>
      </c>
      <c r="CP3062" s="166">
        <v>0</v>
      </c>
      <c r="CQ3062" s="166">
        <v>0</v>
      </c>
      <c r="CR3062" s="166">
        <v>0</v>
      </c>
      <c r="CS3062" s="166">
        <v>0</v>
      </c>
      <c r="CT3062" s="166">
        <v>0</v>
      </c>
      <c r="CU3062" s="166">
        <v>0</v>
      </c>
      <c r="CV3062" s="166">
        <v>0</v>
      </c>
      <c r="CW3062" s="166">
        <v>0</v>
      </c>
      <c r="CX3062" s="166">
        <v>0</v>
      </c>
      <c r="CY3062" s="166">
        <v>0</v>
      </c>
      <c r="CZ3062" s="166">
        <v>0</v>
      </c>
    </row>
    <row r="3063" spans="1:104" x14ac:dyDescent="0.2">
      <c r="A3063" s="167" t="s">
        <v>1148</v>
      </c>
      <c r="B3063" s="166">
        <v>0</v>
      </c>
      <c r="C3063" s="166">
        <v>0</v>
      </c>
      <c r="D3063" s="166">
        <v>0</v>
      </c>
      <c r="E3063" s="166">
        <v>0</v>
      </c>
      <c r="F3063" s="166">
        <v>0</v>
      </c>
      <c r="G3063" s="166">
        <v>0</v>
      </c>
      <c r="H3063" s="166">
        <v>0</v>
      </c>
      <c r="I3063" s="166">
        <v>0</v>
      </c>
      <c r="J3063" s="166">
        <v>0</v>
      </c>
      <c r="K3063" s="166">
        <v>0</v>
      </c>
      <c r="L3063" s="166">
        <v>0</v>
      </c>
      <c r="M3063" s="166">
        <v>0</v>
      </c>
      <c r="N3063" s="166">
        <v>0</v>
      </c>
      <c r="O3063" s="166">
        <v>0</v>
      </c>
      <c r="P3063" s="166">
        <v>0</v>
      </c>
      <c r="Q3063" s="166">
        <v>0</v>
      </c>
      <c r="R3063" s="166">
        <v>0</v>
      </c>
      <c r="S3063" s="166">
        <v>0</v>
      </c>
      <c r="T3063" s="166">
        <v>0</v>
      </c>
      <c r="U3063" s="166">
        <v>0</v>
      </c>
      <c r="V3063" s="166">
        <v>0</v>
      </c>
      <c r="W3063" s="166">
        <v>0</v>
      </c>
      <c r="X3063" s="166">
        <v>0</v>
      </c>
      <c r="Y3063" s="166">
        <v>0</v>
      </c>
      <c r="Z3063" s="166">
        <v>0</v>
      </c>
      <c r="AA3063" s="166">
        <v>0</v>
      </c>
      <c r="AB3063" s="166">
        <v>0</v>
      </c>
      <c r="AC3063" s="166">
        <v>0</v>
      </c>
      <c r="AD3063" s="166">
        <v>0</v>
      </c>
      <c r="AE3063" s="166">
        <v>0</v>
      </c>
      <c r="AF3063" s="166">
        <v>0</v>
      </c>
      <c r="AG3063" s="166">
        <v>0</v>
      </c>
      <c r="AH3063" s="166">
        <v>0</v>
      </c>
      <c r="AI3063" s="166">
        <v>0</v>
      </c>
      <c r="AJ3063" s="166">
        <v>0</v>
      </c>
      <c r="AK3063" s="166">
        <v>0</v>
      </c>
      <c r="AL3063" s="166">
        <v>0</v>
      </c>
      <c r="AM3063" s="166">
        <v>0</v>
      </c>
      <c r="AN3063" s="166">
        <v>0</v>
      </c>
      <c r="AO3063" s="166">
        <v>0</v>
      </c>
      <c r="AP3063" s="166">
        <v>0</v>
      </c>
      <c r="AQ3063" s="166">
        <v>0</v>
      </c>
      <c r="AR3063" s="166">
        <v>0</v>
      </c>
      <c r="AS3063" s="166">
        <v>0</v>
      </c>
      <c r="AT3063" s="166">
        <v>0</v>
      </c>
      <c r="AU3063" s="166">
        <v>0</v>
      </c>
      <c r="AV3063" s="166">
        <v>0</v>
      </c>
      <c r="AW3063" s="166">
        <v>0</v>
      </c>
      <c r="AX3063" s="166">
        <v>0</v>
      </c>
      <c r="AY3063" s="166">
        <v>0</v>
      </c>
      <c r="AZ3063" s="166">
        <v>0</v>
      </c>
      <c r="BA3063" s="166">
        <v>0</v>
      </c>
      <c r="BB3063" s="166">
        <v>0</v>
      </c>
      <c r="BC3063" s="166">
        <v>0</v>
      </c>
      <c r="BD3063" s="166">
        <v>0</v>
      </c>
      <c r="BE3063" s="166">
        <v>0</v>
      </c>
      <c r="BF3063" s="166">
        <v>0</v>
      </c>
      <c r="BG3063" s="166">
        <v>0</v>
      </c>
      <c r="BH3063" s="166">
        <v>0</v>
      </c>
      <c r="BI3063" s="166">
        <v>0</v>
      </c>
      <c r="BJ3063" s="166">
        <v>0</v>
      </c>
      <c r="BK3063" s="166">
        <v>0</v>
      </c>
      <c r="BL3063" s="166">
        <v>0</v>
      </c>
      <c r="BM3063" s="166">
        <v>0</v>
      </c>
      <c r="BN3063" s="166">
        <v>0</v>
      </c>
      <c r="BO3063" s="166">
        <v>0</v>
      </c>
      <c r="BP3063" s="166">
        <v>0</v>
      </c>
      <c r="BQ3063" s="166">
        <v>0</v>
      </c>
      <c r="BR3063" s="166">
        <v>0</v>
      </c>
      <c r="BS3063" s="166">
        <v>0</v>
      </c>
      <c r="BT3063" s="168">
        <v>0</v>
      </c>
      <c r="BU3063" s="166">
        <v>0</v>
      </c>
      <c r="BV3063" s="166">
        <v>0</v>
      </c>
      <c r="BW3063" s="166">
        <v>0</v>
      </c>
      <c r="BX3063" s="166">
        <v>0</v>
      </c>
      <c r="BY3063" s="166">
        <v>0</v>
      </c>
      <c r="BZ3063" s="166">
        <v>0</v>
      </c>
      <c r="CA3063" s="166">
        <v>0</v>
      </c>
      <c r="CB3063" s="166">
        <v>0</v>
      </c>
      <c r="CC3063" s="166">
        <v>0</v>
      </c>
      <c r="CD3063" s="166">
        <v>0</v>
      </c>
      <c r="CE3063" s="166">
        <v>0</v>
      </c>
      <c r="CF3063" s="166">
        <v>0</v>
      </c>
      <c r="CG3063" s="166">
        <v>0</v>
      </c>
      <c r="CH3063" s="166">
        <v>0</v>
      </c>
      <c r="CI3063" s="166">
        <v>0</v>
      </c>
      <c r="CJ3063" s="166">
        <v>0</v>
      </c>
      <c r="CK3063" s="166">
        <v>0</v>
      </c>
      <c r="CL3063" s="166">
        <v>0</v>
      </c>
      <c r="CM3063" s="166">
        <v>0</v>
      </c>
      <c r="CN3063" s="166">
        <v>0</v>
      </c>
      <c r="CO3063" s="166">
        <v>0</v>
      </c>
      <c r="CP3063" s="166">
        <v>0</v>
      </c>
      <c r="CQ3063" s="166">
        <v>0</v>
      </c>
      <c r="CR3063" s="166">
        <v>0</v>
      </c>
      <c r="CS3063" s="166">
        <v>0</v>
      </c>
      <c r="CT3063" s="166">
        <v>0</v>
      </c>
      <c r="CU3063" s="166">
        <v>0</v>
      </c>
      <c r="CV3063" s="166">
        <v>0</v>
      </c>
      <c r="CW3063" s="166">
        <v>0</v>
      </c>
      <c r="CX3063" s="166">
        <v>0</v>
      </c>
      <c r="CY3063" s="166">
        <v>0</v>
      </c>
      <c r="CZ3063" s="166">
        <v>0</v>
      </c>
    </row>
    <row r="3064" spans="1:104" x14ac:dyDescent="0.2">
      <c r="A3064" s="167" t="s">
        <v>1149</v>
      </c>
      <c r="B3064" s="166">
        <v>2846387.6599999899</v>
      </c>
      <c r="C3064" s="166">
        <v>2846387.6599999899</v>
      </c>
      <c r="D3064" s="166">
        <v>0</v>
      </c>
      <c r="E3064" s="166">
        <v>0</v>
      </c>
      <c r="F3064" s="166">
        <v>0</v>
      </c>
      <c r="G3064" s="166">
        <v>0</v>
      </c>
      <c r="H3064" s="166">
        <v>0</v>
      </c>
      <c r="I3064" s="166">
        <v>0</v>
      </c>
      <c r="J3064" s="166">
        <v>0</v>
      </c>
      <c r="K3064" s="166">
        <v>0</v>
      </c>
      <c r="L3064" s="166">
        <v>0</v>
      </c>
      <c r="M3064" s="166">
        <v>0</v>
      </c>
      <c r="N3064" s="166">
        <v>0</v>
      </c>
      <c r="O3064" s="166">
        <v>0</v>
      </c>
      <c r="P3064" s="166">
        <v>0</v>
      </c>
      <c r="Q3064" s="166">
        <v>0</v>
      </c>
      <c r="R3064" s="166">
        <v>0</v>
      </c>
      <c r="S3064" s="166">
        <v>0</v>
      </c>
      <c r="T3064" s="166">
        <v>0</v>
      </c>
      <c r="U3064" s="166">
        <v>0</v>
      </c>
      <c r="V3064" s="166">
        <v>0</v>
      </c>
      <c r="W3064" s="166">
        <v>0</v>
      </c>
      <c r="X3064" s="166">
        <v>0</v>
      </c>
      <c r="Y3064" s="166">
        <v>0</v>
      </c>
      <c r="Z3064" s="166">
        <v>0</v>
      </c>
      <c r="AA3064" s="166">
        <v>0</v>
      </c>
      <c r="AB3064" s="166">
        <v>0</v>
      </c>
      <c r="AC3064" s="166">
        <v>0</v>
      </c>
      <c r="AD3064" s="166">
        <v>0</v>
      </c>
      <c r="AE3064" s="166">
        <v>0</v>
      </c>
      <c r="AF3064" s="166">
        <v>0</v>
      </c>
      <c r="AG3064" s="166">
        <v>0</v>
      </c>
      <c r="AH3064" s="166">
        <v>0</v>
      </c>
      <c r="AI3064" s="166">
        <v>0</v>
      </c>
      <c r="AJ3064" s="166">
        <v>0</v>
      </c>
      <c r="AK3064" s="166">
        <v>0</v>
      </c>
      <c r="AL3064" s="166">
        <v>0</v>
      </c>
      <c r="AM3064" s="166">
        <v>0</v>
      </c>
      <c r="AN3064" s="166">
        <v>0</v>
      </c>
      <c r="AO3064" s="166">
        <v>0</v>
      </c>
      <c r="AP3064" s="166">
        <v>0</v>
      </c>
      <c r="AQ3064" s="166">
        <v>0</v>
      </c>
      <c r="AR3064" s="166">
        <v>0</v>
      </c>
      <c r="AS3064" s="166">
        <v>0</v>
      </c>
      <c r="AT3064" s="166">
        <v>0</v>
      </c>
      <c r="AU3064" s="166">
        <v>0</v>
      </c>
      <c r="AV3064" s="166">
        <v>0</v>
      </c>
      <c r="AW3064" s="166">
        <v>0</v>
      </c>
      <c r="AX3064" s="166">
        <v>0</v>
      </c>
      <c r="AY3064" s="166">
        <v>0</v>
      </c>
      <c r="AZ3064" s="166">
        <v>0</v>
      </c>
      <c r="BA3064" s="166">
        <v>0</v>
      </c>
      <c r="BB3064" s="166">
        <v>0</v>
      </c>
      <c r="BC3064" s="166">
        <v>0</v>
      </c>
      <c r="BD3064" s="166">
        <v>0</v>
      </c>
      <c r="BE3064" s="166">
        <v>0</v>
      </c>
      <c r="BF3064" s="166">
        <v>0</v>
      </c>
      <c r="BG3064" s="166">
        <v>0</v>
      </c>
      <c r="BH3064" s="166">
        <v>0</v>
      </c>
      <c r="BI3064" s="166">
        <v>0</v>
      </c>
      <c r="BJ3064" s="166">
        <v>0</v>
      </c>
      <c r="BK3064" s="166">
        <v>0</v>
      </c>
      <c r="BL3064" s="166">
        <v>0</v>
      </c>
      <c r="BM3064" s="166">
        <v>0</v>
      </c>
      <c r="BN3064" s="166">
        <v>0</v>
      </c>
      <c r="BO3064" s="166">
        <v>0</v>
      </c>
      <c r="BP3064" s="166">
        <v>0</v>
      </c>
      <c r="BQ3064" s="166">
        <v>0</v>
      </c>
      <c r="BR3064" s="166">
        <v>2846387.6599999899</v>
      </c>
      <c r="BS3064" s="166">
        <v>2846387.66</v>
      </c>
      <c r="BT3064" s="168">
        <v>0</v>
      </c>
      <c r="BU3064" s="166">
        <v>0</v>
      </c>
      <c r="BV3064" s="166">
        <v>0</v>
      </c>
      <c r="BW3064" s="166">
        <v>0</v>
      </c>
      <c r="BX3064" s="166">
        <v>0</v>
      </c>
      <c r="BY3064" s="166">
        <v>0</v>
      </c>
      <c r="BZ3064" s="166">
        <v>0</v>
      </c>
      <c r="CA3064" s="166">
        <v>0</v>
      </c>
      <c r="CB3064" s="166">
        <v>0</v>
      </c>
      <c r="CC3064" s="166">
        <v>0</v>
      </c>
      <c r="CD3064" s="166">
        <v>0</v>
      </c>
      <c r="CE3064" s="166">
        <v>0</v>
      </c>
      <c r="CF3064" s="166">
        <v>0</v>
      </c>
      <c r="CG3064" s="166">
        <v>0</v>
      </c>
      <c r="CH3064" s="166">
        <v>0</v>
      </c>
      <c r="CI3064" s="166">
        <v>0</v>
      </c>
      <c r="CJ3064" s="166">
        <v>0</v>
      </c>
      <c r="CK3064" s="166">
        <v>0</v>
      </c>
      <c r="CL3064" s="166">
        <v>0</v>
      </c>
      <c r="CM3064" s="166">
        <v>0</v>
      </c>
      <c r="CN3064" s="166">
        <v>0</v>
      </c>
      <c r="CO3064" s="166">
        <v>0</v>
      </c>
      <c r="CP3064" s="166">
        <v>0</v>
      </c>
      <c r="CQ3064" s="166">
        <v>0</v>
      </c>
      <c r="CR3064" s="166">
        <v>0</v>
      </c>
      <c r="CS3064" s="166">
        <v>0</v>
      </c>
      <c r="CT3064" s="166">
        <v>0</v>
      </c>
      <c r="CU3064" s="166">
        <v>0</v>
      </c>
      <c r="CV3064" s="166">
        <v>0</v>
      </c>
      <c r="CW3064" s="166">
        <v>0</v>
      </c>
      <c r="CX3064" s="166">
        <v>0</v>
      </c>
      <c r="CY3064" s="166">
        <v>0</v>
      </c>
      <c r="CZ3064" s="166">
        <v>0</v>
      </c>
    </row>
    <row r="3065" spans="1:104" x14ac:dyDescent="0.2">
      <c r="A3065" s="167" t="s">
        <v>352</v>
      </c>
    </row>
    <row r="3066" spans="1:104" x14ac:dyDescent="0.2">
      <c r="A3066" s="167" t="s">
        <v>1150</v>
      </c>
      <c r="B3066" s="166">
        <v>38933380.274359398</v>
      </c>
      <c r="C3066" s="166">
        <v>38933380.274359398</v>
      </c>
      <c r="D3066" s="166">
        <v>0</v>
      </c>
      <c r="E3066" s="166">
        <v>0</v>
      </c>
      <c r="F3066" s="166">
        <v>0</v>
      </c>
      <c r="G3066" s="166">
        <v>0</v>
      </c>
      <c r="H3066" s="166">
        <v>0</v>
      </c>
      <c r="I3066" s="166">
        <v>0</v>
      </c>
      <c r="J3066" s="166">
        <v>0</v>
      </c>
      <c r="K3066" s="166">
        <v>0</v>
      </c>
      <c r="L3066" s="166">
        <v>0</v>
      </c>
      <c r="M3066" s="166">
        <v>0</v>
      </c>
      <c r="N3066" s="166">
        <v>0</v>
      </c>
      <c r="O3066" s="166">
        <v>0</v>
      </c>
      <c r="P3066" s="166">
        <v>0</v>
      </c>
      <c r="Q3066" s="166">
        <v>0</v>
      </c>
      <c r="R3066" s="166">
        <v>0</v>
      </c>
      <c r="S3066" s="166">
        <v>0</v>
      </c>
      <c r="T3066" s="166">
        <v>0</v>
      </c>
      <c r="U3066" s="166">
        <v>0</v>
      </c>
      <c r="V3066" s="166">
        <v>0</v>
      </c>
      <c r="W3066" s="166">
        <v>0</v>
      </c>
      <c r="X3066" s="166">
        <v>0</v>
      </c>
      <c r="Y3066" s="166">
        <v>0</v>
      </c>
      <c r="Z3066" s="166">
        <v>0</v>
      </c>
      <c r="AA3066" s="166">
        <v>0</v>
      </c>
      <c r="AB3066" s="166">
        <v>0</v>
      </c>
      <c r="AC3066" s="166">
        <v>0</v>
      </c>
      <c r="AD3066" s="166">
        <v>0</v>
      </c>
      <c r="AE3066" s="166">
        <v>0</v>
      </c>
      <c r="AF3066" s="166">
        <v>0</v>
      </c>
      <c r="AG3066" s="166">
        <v>0</v>
      </c>
      <c r="AH3066" s="166">
        <v>0</v>
      </c>
      <c r="AI3066" s="166">
        <v>0</v>
      </c>
      <c r="AJ3066" s="166">
        <v>0</v>
      </c>
      <c r="AK3066" s="166">
        <v>0</v>
      </c>
      <c r="AL3066" s="166">
        <v>0</v>
      </c>
      <c r="AM3066" s="166">
        <v>0</v>
      </c>
      <c r="AN3066" s="166">
        <v>0</v>
      </c>
      <c r="AO3066" s="166">
        <v>0</v>
      </c>
      <c r="AP3066" s="166">
        <v>0</v>
      </c>
      <c r="AQ3066" s="166">
        <v>0</v>
      </c>
      <c r="AR3066" s="166">
        <v>0</v>
      </c>
      <c r="AS3066" s="166">
        <v>0</v>
      </c>
      <c r="AT3066" s="166">
        <v>0</v>
      </c>
      <c r="AU3066" s="166">
        <v>0</v>
      </c>
      <c r="AV3066" s="166">
        <v>0</v>
      </c>
      <c r="AW3066" s="166">
        <v>0</v>
      </c>
      <c r="AX3066" s="166">
        <v>0</v>
      </c>
      <c r="AY3066" s="166">
        <v>0</v>
      </c>
      <c r="AZ3066" s="166">
        <v>0</v>
      </c>
      <c r="BA3066" s="166">
        <v>0</v>
      </c>
      <c r="BB3066" s="166">
        <v>0</v>
      </c>
      <c r="BC3066" s="166">
        <v>0</v>
      </c>
      <c r="BD3066" s="166">
        <v>0</v>
      </c>
      <c r="BE3066" s="166">
        <v>0</v>
      </c>
      <c r="BF3066" s="166">
        <v>0</v>
      </c>
      <c r="BG3066" s="166">
        <v>0</v>
      </c>
      <c r="BH3066" s="166">
        <v>0</v>
      </c>
      <c r="BI3066" s="166">
        <v>0</v>
      </c>
      <c r="BJ3066" s="166">
        <v>0</v>
      </c>
      <c r="BK3066" s="166">
        <v>0</v>
      </c>
      <c r="BL3066" s="166">
        <v>0</v>
      </c>
      <c r="BM3066" s="166">
        <v>0</v>
      </c>
      <c r="BN3066" s="166">
        <v>0</v>
      </c>
      <c r="BO3066" s="166">
        <v>0</v>
      </c>
      <c r="BP3066" s="166">
        <v>0</v>
      </c>
      <c r="BQ3066" s="166">
        <v>0</v>
      </c>
      <c r="BR3066" s="166">
        <v>38933380.274359398</v>
      </c>
      <c r="BS3066" s="166">
        <v>38933380.274359398</v>
      </c>
      <c r="BT3066" s="168">
        <v>0</v>
      </c>
      <c r="BU3066" s="166">
        <v>0</v>
      </c>
      <c r="BV3066" s="166">
        <v>0</v>
      </c>
      <c r="BW3066" s="166">
        <v>0</v>
      </c>
      <c r="BX3066" s="166">
        <v>0</v>
      </c>
      <c r="BY3066" s="166">
        <v>0</v>
      </c>
      <c r="BZ3066" s="166">
        <v>0</v>
      </c>
      <c r="CA3066" s="166">
        <v>0</v>
      </c>
      <c r="CB3066" s="166">
        <v>0</v>
      </c>
      <c r="CC3066" s="166">
        <v>0</v>
      </c>
      <c r="CD3066" s="166">
        <v>0</v>
      </c>
      <c r="CE3066" s="166">
        <v>0</v>
      </c>
      <c r="CF3066" s="166">
        <v>0</v>
      </c>
      <c r="CG3066" s="166">
        <v>0</v>
      </c>
      <c r="CH3066" s="166">
        <v>0</v>
      </c>
      <c r="CI3066" s="166">
        <v>0</v>
      </c>
      <c r="CJ3066" s="166">
        <v>0</v>
      </c>
      <c r="CK3066" s="166">
        <v>0</v>
      </c>
      <c r="CL3066" s="166">
        <v>0</v>
      </c>
      <c r="CM3066" s="166">
        <v>0</v>
      </c>
      <c r="CN3066" s="166">
        <v>0</v>
      </c>
      <c r="CO3066" s="166">
        <v>0</v>
      </c>
      <c r="CP3066" s="166">
        <v>0</v>
      </c>
      <c r="CQ3066" s="166">
        <v>0</v>
      </c>
      <c r="CR3066" s="166">
        <v>0</v>
      </c>
      <c r="CS3066" s="166">
        <v>0</v>
      </c>
      <c r="CT3066" s="166">
        <v>0</v>
      </c>
      <c r="CU3066" s="166">
        <v>0</v>
      </c>
      <c r="CV3066" s="166">
        <v>0</v>
      </c>
      <c r="CW3066" s="166">
        <v>0</v>
      </c>
      <c r="CX3066" s="166">
        <v>0</v>
      </c>
      <c r="CY3066" s="166">
        <v>0</v>
      </c>
      <c r="CZ3066" s="166">
        <v>0</v>
      </c>
    </row>
    <row r="3067" spans="1:104" x14ac:dyDescent="0.2">
      <c r="A3067" s="167" t="s">
        <v>1151</v>
      </c>
      <c r="B3067" s="166">
        <v>20580346.908121102</v>
      </c>
      <c r="C3067" s="166">
        <v>20580346.908121102</v>
      </c>
      <c r="D3067" s="166">
        <v>0</v>
      </c>
      <c r="E3067" s="166">
        <v>0</v>
      </c>
      <c r="F3067" s="166">
        <v>0</v>
      </c>
      <c r="G3067" s="166">
        <v>0</v>
      </c>
      <c r="H3067" s="166">
        <v>0</v>
      </c>
      <c r="I3067" s="166">
        <v>0</v>
      </c>
      <c r="J3067" s="166">
        <v>0</v>
      </c>
      <c r="K3067" s="166">
        <v>0</v>
      </c>
      <c r="L3067" s="166">
        <v>0</v>
      </c>
      <c r="M3067" s="166">
        <v>0</v>
      </c>
      <c r="N3067" s="166">
        <v>0</v>
      </c>
      <c r="O3067" s="166">
        <v>0</v>
      </c>
      <c r="P3067" s="166">
        <v>0</v>
      </c>
      <c r="Q3067" s="166">
        <v>0</v>
      </c>
      <c r="R3067" s="166">
        <v>0</v>
      </c>
      <c r="S3067" s="166">
        <v>0</v>
      </c>
      <c r="T3067" s="166">
        <v>0</v>
      </c>
      <c r="U3067" s="166">
        <v>0</v>
      </c>
      <c r="V3067" s="166">
        <v>0</v>
      </c>
      <c r="W3067" s="166">
        <v>0</v>
      </c>
      <c r="X3067" s="166">
        <v>0</v>
      </c>
      <c r="Y3067" s="166">
        <v>0</v>
      </c>
      <c r="Z3067" s="166">
        <v>0</v>
      </c>
      <c r="AA3067" s="166">
        <v>0</v>
      </c>
      <c r="AB3067" s="166">
        <v>0</v>
      </c>
      <c r="AC3067" s="166">
        <v>0</v>
      </c>
      <c r="AD3067" s="166">
        <v>0</v>
      </c>
      <c r="AE3067" s="166">
        <v>0</v>
      </c>
      <c r="AF3067" s="166">
        <v>0</v>
      </c>
      <c r="AG3067" s="166">
        <v>0</v>
      </c>
      <c r="AH3067" s="166">
        <v>0</v>
      </c>
      <c r="AI3067" s="166">
        <v>0</v>
      </c>
      <c r="AJ3067" s="166">
        <v>0</v>
      </c>
      <c r="AK3067" s="166">
        <v>0</v>
      </c>
      <c r="AL3067" s="166">
        <v>0</v>
      </c>
      <c r="AM3067" s="166">
        <v>0</v>
      </c>
      <c r="AN3067" s="166">
        <v>0</v>
      </c>
      <c r="AO3067" s="166">
        <v>0</v>
      </c>
      <c r="AP3067" s="166">
        <v>0</v>
      </c>
      <c r="AQ3067" s="166">
        <v>0</v>
      </c>
      <c r="AR3067" s="166">
        <v>0</v>
      </c>
      <c r="AS3067" s="166">
        <v>0</v>
      </c>
      <c r="AT3067" s="166">
        <v>0</v>
      </c>
      <c r="AU3067" s="166">
        <v>0</v>
      </c>
      <c r="AV3067" s="166">
        <v>0</v>
      </c>
      <c r="AW3067" s="166">
        <v>0</v>
      </c>
      <c r="AX3067" s="166">
        <v>0</v>
      </c>
      <c r="AY3067" s="166">
        <v>0</v>
      </c>
      <c r="AZ3067" s="166">
        <v>0</v>
      </c>
      <c r="BA3067" s="166">
        <v>0</v>
      </c>
      <c r="BB3067" s="166">
        <v>0</v>
      </c>
      <c r="BC3067" s="166">
        <v>0</v>
      </c>
      <c r="BD3067" s="166">
        <v>0</v>
      </c>
      <c r="BE3067" s="166">
        <v>0</v>
      </c>
      <c r="BF3067" s="166">
        <v>0</v>
      </c>
      <c r="BG3067" s="166">
        <v>0</v>
      </c>
      <c r="BH3067" s="166">
        <v>0</v>
      </c>
      <c r="BI3067" s="166">
        <v>0</v>
      </c>
      <c r="BJ3067" s="166">
        <v>0</v>
      </c>
      <c r="BK3067" s="166">
        <v>0</v>
      </c>
      <c r="BL3067" s="166">
        <v>0</v>
      </c>
      <c r="BM3067" s="166">
        <v>0</v>
      </c>
      <c r="BN3067" s="166">
        <v>0</v>
      </c>
      <c r="BO3067" s="166">
        <v>0</v>
      </c>
      <c r="BP3067" s="166">
        <v>0</v>
      </c>
      <c r="BQ3067" s="166">
        <v>0</v>
      </c>
      <c r="BR3067" s="166">
        <v>20580346.908121102</v>
      </c>
      <c r="BS3067" s="166">
        <v>20580346.908121102</v>
      </c>
      <c r="BT3067" s="168">
        <v>0</v>
      </c>
      <c r="BU3067" s="166">
        <v>0</v>
      </c>
      <c r="BV3067" s="166">
        <v>0</v>
      </c>
      <c r="BW3067" s="166">
        <v>0</v>
      </c>
      <c r="BX3067" s="166">
        <v>0</v>
      </c>
      <c r="BY3067" s="166">
        <v>0</v>
      </c>
      <c r="BZ3067" s="166">
        <v>0</v>
      </c>
      <c r="CA3067" s="166">
        <v>0</v>
      </c>
      <c r="CB3067" s="166">
        <v>0</v>
      </c>
      <c r="CC3067" s="166">
        <v>0</v>
      </c>
      <c r="CD3067" s="166">
        <v>0</v>
      </c>
      <c r="CE3067" s="166">
        <v>0</v>
      </c>
      <c r="CF3067" s="166">
        <v>0</v>
      </c>
      <c r="CG3067" s="166">
        <v>0</v>
      </c>
      <c r="CH3067" s="166">
        <v>0</v>
      </c>
      <c r="CI3067" s="166">
        <v>0</v>
      </c>
      <c r="CJ3067" s="166">
        <v>0</v>
      </c>
      <c r="CK3067" s="166">
        <v>0</v>
      </c>
      <c r="CL3067" s="166">
        <v>0</v>
      </c>
      <c r="CM3067" s="166">
        <v>0</v>
      </c>
      <c r="CN3067" s="166">
        <v>0</v>
      </c>
      <c r="CO3067" s="166">
        <v>0</v>
      </c>
      <c r="CP3067" s="166">
        <v>0</v>
      </c>
      <c r="CQ3067" s="166">
        <v>0</v>
      </c>
      <c r="CR3067" s="166">
        <v>0</v>
      </c>
      <c r="CS3067" s="166">
        <v>0</v>
      </c>
      <c r="CT3067" s="166">
        <v>0</v>
      </c>
      <c r="CU3067" s="166">
        <v>0</v>
      </c>
      <c r="CV3067" s="166">
        <v>0</v>
      </c>
      <c r="CW3067" s="166">
        <v>0</v>
      </c>
      <c r="CX3067" s="166">
        <v>0</v>
      </c>
      <c r="CY3067" s="166">
        <v>0</v>
      </c>
      <c r="CZ3067" s="166">
        <v>0</v>
      </c>
    </row>
    <row r="3068" spans="1:104" x14ac:dyDescent="0.2">
      <c r="A3068" s="167" t="s">
        <v>1152</v>
      </c>
      <c r="B3068" s="166">
        <v>4237135.6860965099</v>
      </c>
      <c r="C3068" s="166">
        <v>4237135.6860965099</v>
      </c>
      <c r="D3068" s="166">
        <v>0</v>
      </c>
      <c r="E3068" s="166">
        <v>0</v>
      </c>
      <c r="F3068" s="166">
        <v>0</v>
      </c>
      <c r="G3068" s="166">
        <v>0</v>
      </c>
      <c r="H3068" s="166">
        <v>0</v>
      </c>
      <c r="I3068" s="166">
        <v>0</v>
      </c>
      <c r="J3068" s="166">
        <v>0</v>
      </c>
      <c r="K3068" s="166">
        <v>0</v>
      </c>
      <c r="L3068" s="166">
        <v>0</v>
      </c>
      <c r="M3068" s="166">
        <v>0</v>
      </c>
      <c r="N3068" s="166">
        <v>0</v>
      </c>
      <c r="O3068" s="166">
        <v>0</v>
      </c>
      <c r="P3068" s="166">
        <v>0</v>
      </c>
      <c r="Q3068" s="166">
        <v>0</v>
      </c>
      <c r="R3068" s="166">
        <v>0</v>
      </c>
      <c r="S3068" s="166">
        <v>0</v>
      </c>
      <c r="T3068" s="166">
        <v>0</v>
      </c>
      <c r="U3068" s="166">
        <v>0</v>
      </c>
      <c r="V3068" s="166">
        <v>0</v>
      </c>
      <c r="W3068" s="166">
        <v>0</v>
      </c>
      <c r="X3068" s="166">
        <v>0</v>
      </c>
      <c r="Y3068" s="166">
        <v>0</v>
      </c>
      <c r="Z3068" s="166">
        <v>0</v>
      </c>
      <c r="AA3068" s="166">
        <v>0</v>
      </c>
      <c r="AB3068" s="166">
        <v>0</v>
      </c>
      <c r="AC3068" s="166">
        <v>0</v>
      </c>
      <c r="AD3068" s="166">
        <v>0</v>
      </c>
      <c r="AE3068" s="166">
        <v>0</v>
      </c>
      <c r="AF3068" s="166">
        <v>0</v>
      </c>
      <c r="AG3068" s="166">
        <v>0</v>
      </c>
      <c r="AH3068" s="166">
        <v>0</v>
      </c>
      <c r="AI3068" s="166">
        <v>0</v>
      </c>
      <c r="AJ3068" s="166">
        <v>0</v>
      </c>
      <c r="AK3068" s="166">
        <v>0</v>
      </c>
      <c r="AL3068" s="166">
        <v>0</v>
      </c>
      <c r="AM3068" s="166">
        <v>0</v>
      </c>
      <c r="AN3068" s="166">
        <v>0</v>
      </c>
      <c r="AO3068" s="166">
        <v>0</v>
      </c>
      <c r="AP3068" s="166">
        <v>0</v>
      </c>
      <c r="AQ3068" s="166">
        <v>0</v>
      </c>
      <c r="AR3068" s="166">
        <v>0</v>
      </c>
      <c r="AS3068" s="166">
        <v>0</v>
      </c>
      <c r="AT3068" s="166">
        <v>0</v>
      </c>
      <c r="AU3068" s="166">
        <v>0</v>
      </c>
      <c r="AV3068" s="166">
        <v>0</v>
      </c>
      <c r="AW3068" s="166">
        <v>0</v>
      </c>
      <c r="AX3068" s="166">
        <v>0</v>
      </c>
      <c r="AY3068" s="166">
        <v>0</v>
      </c>
      <c r="AZ3068" s="166">
        <v>0</v>
      </c>
      <c r="BA3068" s="166">
        <v>0</v>
      </c>
      <c r="BB3068" s="166">
        <v>0</v>
      </c>
      <c r="BC3068" s="166">
        <v>0</v>
      </c>
      <c r="BD3068" s="166">
        <v>0</v>
      </c>
      <c r="BE3068" s="166">
        <v>0</v>
      </c>
      <c r="BF3068" s="166">
        <v>0</v>
      </c>
      <c r="BG3068" s="166">
        <v>0</v>
      </c>
      <c r="BH3068" s="166">
        <v>0</v>
      </c>
      <c r="BI3068" s="166">
        <v>0</v>
      </c>
      <c r="BJ3068" s="166">
        <v>0</v>
      </c>
      <c r="BK3068" s="166">
        <v>0</v>
      </c>
      <c r="BL3068" s="166">
        <v>0</v>
      </c>
      <c r="BM3068" s="166">
        <v>0</v>
      </c>
      <c r="BN3068" s="166">
        <v>0</v>
      </c>
      <c r="BO3068" s="166">
        <v>0</v>
      </c>
      <c r="BP3068" s="166">
        <v>0</v>
      </c>
      <c r="BQ3068" s="166">
        <v>0</v>
      </c>
      <c r="BR3068" s="166">
        <v>4237135.6860965099</v>
      </c>
      <c r="BS3068" s="166">
        <v>4237135.6860965099</v>
      </c>
      <c r="BT3068" s="168">
        <v>0</v>
      </c>
      <c r="BU3068" s="166">
        <v>0</v>
      </c>
      <c r="BV3068" s="166">
        <v>0</v>
      </c>
      <c r="BW3068" s="166">
        <v>0</v>
      </c>
      <c r="BX3068" s="166">
        <v>0</v>
      </c>
      <c r="BY3068" s="166">
        <v>0</v>
      </c>
      <c r="BZ3068" s="166">
        <v>0</v>
      </c>
      <c r="CA3068" s="166">
        <v>0</v>
      </c>
      <c r="CB3068" s="166">
        <v>0</v>
      </c>
      <c r="CC3068" s="166">
        <v>0</v>
      </c>
      <c r="CD3068" s="166">
        <v>0</v>
      </c>
      <c r="CE3068" s="166">
        <v>0</v>
      </c>
      <c r="CF3068" s="166">
        <v>0</v>
      </c>
      <c r="CG3068" s="166">
        <v>0</v>
      </c>
      <c r="CH3068" s="166">
        <v>0</v>
      </c>
      <c r="CI3068" s="166">
        <v>0</v>
      </c>
      <c r="CJ3068" s="166">
        <v>0</v>
      </c>
      <c r="CK3068" s="166">
        <v>0</v>
      </c>
      <c r="CL3068" s="166">
        <v>0</v>
      </c>
      <c r="CM3068" s="166">
        <v>0</v>
      </c>
      <c r="CN3068" s="166">
        <v>0</v>
      </c>
      <c r="CO3068" s="166">
        <v>0</v>
      </c>
      <c r="CP3068" s="166">
        <v>0</v>
      </c>
      <c r="CQ3068" s="166">
        <v>0</v>
      </c>
      <c r="CR3068" s="166">
        <v>0</v>
      </c>
      <c r="CS3068" s="166">
        <v>0</v>
      </c>
      <c r="CT3068" s="166">
        <v>0</v>
      </c>
      <c r="CU3068" s="166">
        <v>0</v>
      </c>
      <c r="CV3068" s="166">
        <v>0</v>
      </c>
      <c r="CW3068" s="166">
        <v>0</v>
      </c>
      <c r="CX3068" s="166">
        <v>0</v>
      </c>
      <c r="CY3068" s="166">
        <v>0</v>
      </c>
      <c r="CZ3068" s="166">
        <v>0</v>
      </c>
    </row>
    <row r="3069" spans="1:104" x14ac:dyDescent="0.2">
      <c r="A3069" s="167" t="s">
        <v>1153</v>
      </c>
      <c r="B3069" s="166">
        <v>6528086.4214228503</v>
      </c>
      <c r="C3069" s="166">
        <v>6528086.4214228503</v>
      </c>
      <c r="D3069" s="166">
        <v>0</v>
      </c>
      <c r="E3069" s="166">
        <v>0</v>
      </c>
      <c r="F3069" s="166">
        <v>0</v>
      </c>
      <c r="G3069" s="166">
        <v>0</v>
      </c>
      <c r="H3069" s="166">
        <v>0</v>
      </c>
      <c r="I3069" s="166">
        <v>0</v>
      </c>
      <c r="J3069" s="166">
        <v>0</v>
      </c>
      <c r="K3069" s="166">
        <v>0</v>
      </c>
      <c r="L3069" s="166">
        <v>0</v>
      </c>
      <c r="M3069" s="166">
        <v>0</v>
      </c>
      <c r="N3069" s="166">
        <v>0</v>
      </c>
      <c r="O3069" s="166">
        <v>0</v>
      </c>
      <c r="P3069" s="166">
        <v>0</v>
      </c>
      <c r="Q3069" s="166">
        <v>0</v>
      </c>
      <c r="R3069" s="166">
        <v>0</v>
      </c>
      <c r="S3069" s="166">
        <v>0</v>
      </c>
      <c r="T3069" s="166">
        <v>0</v>
      </c>
      <c r="U3069" s="166">
        <v>0</v>
      </c>
      <c r="V3069" s="166">
        <v>0</v>
      </c>
      <c r="W3069" s="166">
        <v>0</v>
      </c>
      <c r="X3069" s="166">
        <v>0</v>
      </c>
      <c r="Y3069" s="166">
        <v>0</v>
      </c>
      <c r="Z3069" s="166">
        <v>0</v>
      </c>
      <c r="AA3069" s="166">
        <v>0</v>
      </c>
      <c r="AB3069" s="166">
        <v>0</v>
      </c>
      <c r="AC3069" s="166">
        <v>0</v>
      </c>
      <c r="AD3069" s="166">
        <v>0</v>
      </c>
      <c r="AE3069" s="166">
        <v>0</v>
      </c>
      <c r="AF3069" s="166">
        <v>0</v>
      </c>
      <c r="AG3069" s="166">
        <v>0</v>
      </c>
      <c r="AH3069" s="166">
        <v>0</v>
      </c>
      <c r="AI3069" s="166">
        <v>0</v>
      </c>
      <c r="AJ3069" s="166">
        <v>0</v>
      </c>
      <c r="AK3069" s="166">
        <v>0</v>
      </c>
      <c r="AL3069" s="166">
        <v>0</v>
      </c>
      <c r="AM3069" s="166">
        <v>0</v>
      </c>
      <c r="AN3069" s="166">
        <v>0</v>
      </c>
      <c r="AO3069" s="166">
        <v>0</v>
      </c>
      <c r="AP3069" s="166">
        <v>0</v>
      </c>
      <c r="AQ3069" s="166">
        <v>0</v>
      </c>
      <c r="AR3069" s="166">
        <v>0</v>
      </c>
      <c r="AS3069" s="166">
        <v>0</v>
      </c>
      <c r="AT3069" s="166">
        <v>0</v>
      </c>
      <c r="AU3069" s="166">
        <v>0</v>
      </c>
      <c r="AV3069" s="166">
        <v>0</v>
      </c>
      <c r="AW3069" s="166">
        <v>0</v>
      </c>
      <c r="AX3069" s="166">
        <v>0</v>
      </c>
      <c r="AY3069" s="166">
        <v>0</v>
      </c>
      <c r="AZ3069" s="166">
        <v>0</v>
      </c>
      <c r="BA3069" s="166">
        <v>0</v>
      </c>
      <c r="BB3069" s="166">
        <v>0</v>
      </c>
      <c r="BC3069" s="166">
        <v>0</v>
      </c>
      <c r="BD3069" s="166">
        <v>0</v>
      </c>
      <c r="BE3069" s="166">
        <v>0</v>
      </c>
      <c r="BF3069" s="166">
        <v>0</v>
      </c>
      <c r="BG3069" s="166">
        <v>0</v>
      </c>
      <c r="BH3069" s="166">
        <v>0</v>
      </c>
      <c r="BI3069" s="166">
        <v>0</v>
      </c>
      <c r="BJ3069" s="166">
        <v>0</v>
      </c>
      <c r="BK3069" s="166">
        <v>0</v>
      </c>
      <c r="BL3069" s="166">
        <v>0</v>
      </c>
      <c r="BM3069" s="166">
        <v>0</v>
      </c>
      <c r="BN3069" s="166">
        <v>0</v>
      </c>
      <c r="BO3069" s="166">
        <v>0</v>
      </c>
      <c r="BP3069" s="166">
        <v>0</v>
      </c>
      <c r="BQ3069" s="166">
        <v>0</v>
      </c>
      <c r="BR3069" s="166">
        <v>6528086.4214228503</v>
      </c>
      <c r="BS3069" s="166">
        <v>6528086.4214228503</v>
      </c>
      <c r="BT3069" s="168">
        <v>0</v>
      </c>
      <c r="BU3069" s="166">
        <v>0</v>
      </c>
      <c r="BV3069" s="166">
        <v>0</v>
      </c>
      <c r="BW3069" s="166">
        <v>0</v>
      </c>
      <c r="BX3069" s="166">
        <v>0</v>
      </c>
      <c r="BY3069" s="166">
        <v>0</v>
      </c>
      <c r="BZ3069" s="166">
        <v>0</v>
      </c>
      <c r="CA3069" s="166">
        <v>0</v>
      </c>
      <c r="CB3069" s="166">
        <v>0</v>
      </c>
      <c r="CC3069" s="166">
        <v>0</v>
      </c>
      <c r="CD3069" s="166">
        <v>0</v>
      </c>
      <c r="CE3069" s="166">
        <v>0</v>
      </c>
      <c r="CF3069" s="166">
        <v>0</v>
      </c>
      <c r="CG3069" s="166">
        <v>0</v>
      </c>
      <c r="CH3069" s="166">
        <v>0</v>
      </c>
      <c r="CI3069" s="166">
        <v>0</v>
      </c>
      <c r="CJ3069" s="166">
        <v>0</v>
      </c>
      <c r="CK3069" s="166">
        <v>0</v>
      </c>
      <c r="CL3069" s="166">
        <v>0</v>
      </c>
      <c r="CM3069" s="166">
        <v>0</v>
      </c>
      <c r="CN3069" s="166">
        <v>0</v>
      </c>
      <c r="CO3069" s="166">
        <v>0</v>
      </c>
      <c r="CP3069" s="166">
        <v>0</v>
      </c>
      <c r="CQ3069" s="166">
        <v>0</v>
      </c>
      <c r="CR3069" s="166">
        <v>0</v>
      </c>
      <c r="CS3069" s="166">
        <v>0</v>
      </c>
      <c r="CT3069" s="166">
        <v>0</v>
      </c>
      <c r="CU3069" s="166">
        <v>0</v>
      </c>
      <c r="CV3069" s="166">
        <v>0</v>
      </c>
      <c r="CW3069" s="166">
        <v>0</v>
      </c>
      <c r="CX3069" s="166">
        <v>0</v>
      </c>
      <c r="CY3069" s="166">
        <v>0</v>
      </c>
      <c r="CZ3069" s="166">
        <v>0</v>
      </c>
    </row>
    <row r="3070" spans="1:104" x14ac:dyDescent="0.2">
      <c r="A3070" s="167" t="s">
        <v>1154</v>
      </c>
      <c r="B3070" s="166">
        <v>0</v>
      </c>
      <c r="C3070" s="166">
        <v>0</v>
      </c>
      <c r="D3070" s="166">
        <v>0</v>
      </c>
      <c r="E3070" s="166">
        <v>0</v>
      </c>
      <c r="F3070" s="166">
        <v>0</v>
      </c>
      <c r="G3070" s="166">
        <v>0</v>
      </c>
      <c r="H3070" s="166">
        <v>0</v>
      </c>
      <c r="I3070" s="166">
        <v>0</v>
      </c>
      <c r="J3070" s="166">
        <v>0</v>
      </c>
      <c r="K3070" s="166">
        <v>0</v>
      </c>
      <c r="L3070" s="166">
        <v>0</v>
      </c>
      <c r="M3070" s="166">
        <v>0</v>
      </c>
      <c r="N3070" s="166">
        <v>0</v>
      </c>
      <c r="O3070" s="166">
        <v>0</v>
      </c>
      <c r="P3070" s="166">
        <v>0</v>
      </c>
      <c r="Q3070" s="166">
        <v>0</v>
      </c>
      <c r="R3070" s="166">
        <v>0</v>
      </c>
      <c r="S3070" s="166">
        <v>0</v>
      </c>
      <c r="T3070" s="166">
        <v>0</v>
      </c>
      <c r="U3070" s="166">
        <v>0</v>
      </c>
      <c r="V3070" s="166">
        <v>0</v>
      </c>
      <c r="W3070" s="166">
        <v>0</v>
      </c>
      <c r="X3070" s="166">
        <v>0</v>
      </c>
      <c r="Y3070" s="166">
        <v>0</v>
      </c>
      <c r="Z3070" s="166">
        <v>0</v>
      </c>
      <c r="AA3070" s="166">
        <v>0</v>
      </c>
      <c r="AB3070" s="166">
        <v>0</v>
      </c>
      <c r="AC3070" s="166">
        <v>0</v>
      </c>
      <c r="AD3070" s="166">
        <v>0</v>
      </c>
      <c r="AE3070" s="166">
        <v>0</v>
      </c>
      <c r="AF3070" s="166">
        <v>0</v>
      </c>
      <c r="AG3070" s="166">
        <v>0</v>
      </c>
      <c r="AH3070" s="166">
        <v>0</v>
      </c>
      <c r="AI3070" s="166">
        <v>0</v>
      </c>
      <c r="AJ3070" s="166">
        <v>0</v>
      </c>
      <c r="AK3070" s="166">
        <v>0</v>
      </c>
      <c r="AL3070" s="166">
        <v>0</v>
      </c>
      <c r="AM3070" s="166">
        <v>0</v>
      </c>
      <c r="AN3070" s="166">
        <v>0</v>
      </c>
      <c r="AO3070" s="166">
        <v>0</v>
      </c>
      <c r="AP3070" s="166">
        <v>0</v>
      </c>
      <c r="AQ3070" s="166">
        <v>0</v>
      </c>
      <c r="AR3070" s="166">
        <v>0</v>
      </c>
      <c r="AS3070" s="166">
        <v>0</v>
      </c>
      <c r="AT3070" s="166">
        <v>0</v>
      </c>
      <c r="AU3070" s="166">
        <v>0</v>
      </c>
      <c r="AV3070" s="166">
        <v>0</v>
      </c>
      <c r="AW3070" s="166">
        <v>0</v>
      </c>
      <c r="AX3070" s="166">
        <v>0</v>
      </c>
      <c r="AY3070" s="166">
        <v>0</v>
      </c>
      <c r="AZ3070" s="166">
        <v>0</v>
      </c>
      <c r="BA3070" s="166">
        <v>0</v>
      </c>
      <c r="BB3070" s="166">
        <v>0</v>
      </c>
      <c r="BC3070" s="166">
        <v>0</v>
      </c>
      <c r="BD3070" s="166">
        <v>0</v>
      </c>
      <c r="BE3070" s="166">
        <v>0</v>
      </c>
      <c r="BF3070" s="166">
        <v>0</v>
      </c>
      <c r="BG3070" s="166">
        <v>0</v>
      </c>
      <c r="BH3070" s="166">
        <v>0</v>
      </c>
      <c r="BI3070" s="166">
        <v>0</v>
      </c>
      <c r="BJ3070" s="166">
        <v>0</v>
      </c>
      <c r="BK3070" s="166">
        <v>0</v>
      </c>
      <c r="BL3070" s="166">
        <v>0</v>
      </c>
      <c r="BM3070" s="166">
        <v>0</v>
      </c>
      <c r="BN3070" s="166">
        <v>0</v>
      </c>
      <c r="BO3070" s="166">
        <v>0</v>
      </c>
      <c r="BP3070" s="166">
        <v>0</v>
      </c>
      <c r="BQ3070" s="166">
        <v>0</v>
      </c>
      <c r="BR3070" s="166">
        <v>0</v>
      </c>
      <c r="BS3070" s="166">
        <v>0</v>
      </c>
      <c r="BT3070" s="168">
        <v>0</v>
      </c>
      <c r="BU3070" s="166">
        <v>0</v>
      </c>
      <c r="BV3070" s="166">
        <v>0</v>
      </c>
      <c r="BW3070" s="166">
        <v>0</v>
      </c>
      <c r="BX3070" s="166">
        <v>0</v>
      </c>
      <c r="BY3070" s="166">
        <v>0</v>
      </c>
      <c r="BZ3070" s="166">
        <v>0</v>
      </c>
      <c r="CA3070" s="166">
        <v>0</v>
      </c>
      <c r="CB3070" s="166">
        <v>0</v>
      </c>
      <c r="CC3070" s="166">
        <v>0</v>
      </c>
      <c r="CD3070" s="166">
        <v>0</v>
      </c>
      <c r="CE3070" s="166">
        <v>0</v>
      </c>
      <c r="CF3070" s="166">
        <v>0</v>
      </c>
      <c r="CG3070" s="166">
        <v>0</v>
      </c>
      <c r="CH3070" s="166">
        <v>0</v>
      </c>
      <c r="CI3070" s="166">
        <v>0</v>
      </c>
      <c r="CJ3070" s="166">
        <v>0</v>
      </c>
      <c r="CK3070" s="166">
        <v>0</v>
      </c>
      <c r="CL3070" s="166">
        <v>0</v>
      </c>
      <c r="CM3070" s="166">
        <v>0</v>
      </c>
      <c r="CN3070" s="166">
        <v>0</v>
      </c>
      <c r="CO3070" s="166">
        <v>0</v>
      </c>
      <c r="CP3070" s="166">
        <v>0</v>
      </c>
      <c r="CQ3070" s="166">
        <v>0</v>
      </c>
      <c r="CR3070" s="166">
        <v>0</v>
      </c>
      <c r="CS3070" s="166">
        <v>0</v>
      </c>
      <c r="CT3070" s="166">
        <v>0</v>
      </c>
      <c r="CU3070" s="166">
        <v>0</v>
      </c>
      <c r="CV3070" s="166">
        <v>0</v>
      </c>
      <c r="CW3070" s="166">
        <v>0</v>
      </c>
      <c r="CX3070" s="166">
        <v>0</v>
      </c>
      <c r="CY3070" s="166">
        <v>0</v>
      </c>
      <c r="CZ3070" s="166">
        <v>0</v>
      </c>
    </row>
    <row r="3071" spans="1:104" x14ac:dyDescent="0.2">
      <c r="A3071" s="167" t="s">
        <v>1155</v>
      </c>
      <c r="B3071" s="166">
        <v>70278949.289999902</v>
      </c>
      <c r="C3071" s="166">
        <v>70278949.289999902</v>
      </c>
      <c r="D3071" s="166">
        <v>0</v>
      </c>
      <c r="E3071" s="166">
        <v>0</v>
      </c>
      <c r="F3071" s="166">
        <v>0</v>
      </c>
      <c r="G3071" s="166">
        <v>0</v>
      </c>
      <c r="H3071" s="166">
        <v>0</v>
      </c>
      <c r="I3071" s="166">
        <v>0</v>
      </c>
      <c r="J3071" s="166">
        <v>0</v>
      </c>
      <c r="K3071" s="166">
        <v>0</v>
      </c>
      <c r="L3071" s="166">
        <v>0</v>
      </c>
      <c r="M3071" s="166">
        <v>0</v>
      </c>
      <c r="N3071" s="166">
        <v>0</v>
      </c>
      <c r="O3071" s="166">
        <v>0</v>
      </c>
      <c r="P3071" s="166">
        <v>0</v>
      </c>
      <c r="Q3071" s="166">
        <v>0</v>
      </c>
      <c r="R3071" s="166">
        <v>0</v>
      </c>
      <c r="S3071" s="166">
        <v>0</v>
      </c>
      <c r="T3071" s="166">
        <v>0</v>
      </c>
      <c r="U3071" s="166">
        <v>0</v>
      </c>
      <c r="V3071" s="166">
        <v>0</v>
      </c>
      <c r="W3071" s="166">
        <v>0</v>
      </c>
      <c r="X3071" s="166">
        <v>0</v>
      </c>
      <c r="Y3071" s="166">
        <v>0</v>
      </c>
      <c r="Z3071" s="166">
        <v>0</v>
      </c>
      <c r="AA3071" s="166">
        <v>0</v>
      </c>
      <c r="AB3071" s="166">
        <v>0</v>
      </c>
      <c r="AC3071" s="166">
        <v>0</v>
      </c>
      <c r="AD3071" s="166">
        <v>0</v>
      </c>
      <c r="AE3071" s="166">
        <v>0</v>
      </c>
      <c r="AF3071" s="166">
        <v>0</v>
      </c>
      <c r="AG3071" s="166">
        <v>0</v>
      </c>
      <c r="AH3071" s="166">
        <v>0</v>
      </c>
      <c r="AI3071" s="166">
        <v>0</v>
      </c>
      <c r="AJ3071" s="166">
        <v>0</v>
      </c>
      <c r="AK3071" s="166">
        <v>0</v>
      </c>
      <c r="AL3071" s="166">
        <v>0</v>
      </c>
      <c r="AM3071" s="166">
        <v>0</v>
      </c>
      <c r="AN3071" s="166">
        <v>0</v>
      </c>
      <c r="AO3071" s="166">
        <v>0</v>
      </c>
      <c r="AP3071" s="166">
        <v>0</v>
      </c>
      <c r="AQ3071" s="166">
        <v>0</v>
      </c>
      <c r="AR3071" s="166">
        <v>0</v>
      </c>
      <c r="AS3071" s="166">
        <v>0</v>
      </c>
      <c r="AT3071" s="166">
        <v>0</v>
      </c>
      <c r="AU3071" s="166">
        <v>0</v>
      </c>
      <c r="AV3071" s="166">
        <v>0</v>
      </c>
      <c r="AW3071" s="166">
        <v>0</v>
      </c>
      <c r="AX3071" s="166">
        <v>0</v>
      </c>
      <c r="AY3071" s="166">
        <v>0</v>
      </c>
      <c r="AZ3071" s="166">
        <v>0</v>
      </c>
      <c r="BA3071" s="166">
        <v>0</v>
      </c>
      <c r="BB3071" s="166">
        <v>0</v>
      </c>
      <c r="BC3071" s="166">
        <v>0</v>
      </c>
      <c r="BD3071" s="166">
        <v>0</v>
      </c>
      <c r="BE3071" s="166">
        <v>0</v>
      </c>
      <c r="BF3071" s="166">
        <v>0</v>
      </c>
      <c r="BG3071" s="166">
        <v>0</v>
      </c>
      <c r="BH3071" s="166">
        <v>0</v>
      </c>
      <c r="BI3071" s="166">
        <v>0</v>
      </c>
      <c r="BJ3071" s="166">
        <v>0</v>
      </c>
      <c r="BK3071" s="166">
        <v>0</v>
      </c>
      <c r="BL3071" s="166">
        <v>0</v>
      </c>
      <c r="BM3071" s="166">
        <v>0</v>
      </c>
      <c r="BN3071" s="166">
        <v>0</v>
      </c>
      <c r="BO3071" s="166">
        <v>0</v>
      </c>
      <c r="BP3071" s="166">
        <v>0</v>
      </c>
      <c r="BQ3071" s="166">
        <v>0</v>
      </c>
      <c r="BR3071" s="166">
        <v>70278949.289999902</v>
      </c>
      <c r="BS3071" s="166">
        <v>70278949.289999902</v>
      </c>
      <c r="BT3071" s="168">
        <v>0</v>
      </c>
      <c r="BU3071" s="166">
        <v>0</v>
      </c>
      <c r="BV3071" s="166">
        <v>0</v>
      </c>
      <c r="BW3071" s="166">
        <v>0</v>
      </c>
      <c r="BX3071" s="166">
        <v>0</v>
      </c>
      <c r="BY3071" s="166">
        <v>0</v>
      </c>
      <c r="BZ3071" s="166">
        <v>0</v>
      </c>
      <c r="CA3071" s="166">
        <v>0</v>
      </c>
      <c r="CB3071" s="166">
        <v>0</v>
      </c>
      <c r="CC3071" s="166">
        <v>0</v>
      </c>
      <c r="CD3071" s="166">
        <v>0</v>
      </c>
      <c r="CE3071" s="166">
        <v>0</v>
      </c>
      <c r="CF3071" s="166">
        <v>0</v>
      </c>
      <c r="CG3071" s="166">
        <v>0</v>
      </c>
      <c r="CH3071" s="166">
        <v>0</v>
      </c>
      <c r="CI3071" s="166">
        <v>0</v>
      </c>
      <c r="CJ3071" s="166">
        <v>0</v>
      </c>
      <c r="CK3071" s="166">
        <v>0</v>
      </c>
      <c r="CL3071" s="166">
        <v>0</v>
      </c>
      <c r="CM3071" s="166">
        <v>0</v>
      </c>
      <c r="CN3071" s="166">
        <v>0</v>
      </c>
      <c r="CO3071" s="166">
        <v>0</v>
      </c>
      <c r="CP3071" s="166">
        <v>0</v>
      </c>
      <c r="CQ3071" s="166">
        <v>0</v>
      </c>
      <c r="CR3071" s="166">
        <v>0</v>
      </c>
      <c r="CS3071" s="166">
        <v>0</v>
      </c>
      <c r="CT3071" s="166">
        <v>0</v>
      </c>
      <c r="CU3071" s="166">
        <v>0</v>
      </c>
      <c r="CV3071" s="166">
        <v>0</v>
      </c>
      <c r="CW3071" s="166">
        <v>0</v>
      </c>
      <c r="CX3071" s="166">
        <v>0</v>
      </c>
      <c r="CY3071" s="166">
        <v>0</v>
      </c>
      <c r="CZ3071" s="166">
        <v>0</v>
      </c>
    </row>
    <row r="3072" spans="1:104" x14ac:dyDescent="0.2">
      <c r="A3072" s="167" t="s">
        <v>359</v>
      </c>
    </row>
    <row r="3073" spans="1:104" x14ac:dyDescent="0.2">
      <c r="A3073" s="167" t="s">
        <v>1156</v>
      </c>
      <c r="B3073" s="166">
        <v>0</v>
      </c>
      <c r="C3073" s="166">
        <v>0</v>
      </c>
      <c r="D3073" s="166">
        <v>0</v>
      </c>
      <c r="E3073" s="166">
        <v>0</v>
      </c>
      <c r="F3073" s="166">
        <v>0</v>
      </c>
      <c r="G3073" s="166">
        <v>0</v>
      </c>
      <c r="H3073" s="166">
        <v>0</v>
      </c>
      <c r="I3073" s="166">
        <v>0</v>
      </c>
      <c r="J3073" s="166">
        <v>0</v>
      </c>
      <c r="K3073" s="166">
        <v>0</v>
      </c>
      <c r="L3073" s="166">
        <v>0</v>
      </c>
      <c r="M3073" s="166">
        <v>0</v>
      </c>
      <c r="N3073" s="166">
        <v>0</v>
      </c>
      <c r="O3073" s="166">
        <v>0</v>
      </c>
      <c r="P3073" s="166">
        <v>0</v>
      </c>
      <c r="Q3073" s="166">
        <v>0</v>
      </c>
      <c r="R3073" s="166">
        <v>0</v>
      </c>
      <c r="S3073" s="166">
        <v>0</v>
      </c>
      <c r="T3073" s="166">
        <v>0</v>
      </c>
      <c r="U3073" s="166">
        <v>0</v>
      </c>
      <c r="V3073" s="166">
        <v>0</v>
      </c>
      <c r="W3073" s="166">
        <v>0</v>
      </c>
      <c r="X3073" s="166">
        <v>0</v>
      </c>
      <c r="Y3073" s="166">
        <v>0</v>
      </c>
      <c r="Z3073" s="166">
        <v>0</v>
      </c>
      <c r="AA3073" s="166">
        <v>0</v>
      </c>
      <c r="AB3073" s="166">
        <v>0</v>
      </c>
      <c r="AC3073" s="166">
        <v>0</v>
      </c>
      <c r="AD3073" s="166">
        <v>0</v>
      </c>
      <c r="AE3073" s="166">
        <v>0</v>
      </c>
      <c r="AF3073" s="166">
        <v>0</v>
      </c>
      <c r="AG3073" s="166">
        <v>0</v>
      </c>
      <c r="AH3073" s="166">
        <v>0</v>
      </c>
      <c r="AI3073" s="166">
        <v>0</v>
      </c>
      <c r="AJ3073" s="166">
        <v>0</v>
      </c>
      <c r="AK3073" s="166">
        <v>0</v>
      </c>
      <c r="AL3073" s="166">
        <v>0</v>
      </c>
      <c r="AM3073" s="166">
        <v>0</v>
      </c>
      <c r="AN3073" s="166">
        <v>0</v>
      </c>
      <c r="AO3073" s="166">
        <v>0</v>
      </c>
      <c r="AP3073" s="166">
        <v>0</v>
      </c>
      <c r="AQ3073" s="166">
        <v>0</v>
      </c>
      <c r="AR3073" s="166">
        <v>0</v>
      </c>
      <c r="AS3073" s="166">
        <v>0</v>
      </c>
      <c r="AT3073" s="166">
        <v>0</v>
      </c>
      <c r="AU3073" s="166">
        <v>0</v>
      </c>
      <c r="AV3073" s="166">
        <v>0</v>
      </c>
      <c r="AW3073" s="166">
        <v>0</v>
      </c>
      <c r="AX3073" s="166">
        <v>0</v>
      </c>
      <c r="AY3073" s="166">
        <v>0</v>
      </c>
      <c r="AZ3073" s="166">
        <v>0</v>
      </c>
      <c r="BA3073" s="166">
        <v>0</v>
      </c>
      <c r="BB3073" s="166">
        <v>0</v>
      </c>
      <c r="BC3073" s="166">
        <v>0</v>
      </c>
      <c r="BD3073" s="166">
        <v>0</v>
      </c>
      <c r="BE3073" s="166">
        <v>0</v>
      </c>
      <c r="BF3073" s="166">
        <v>0</v>
      </c>
      <c r="BG3073" s="166">
        <v>0</v>
      </c>
      <c r="BH3073" s="166">
        <v>0</v>
      </c>
      <c r="BI3073" s="166">
        <v>0</v>
      </c>
      <c r="BJ3073" s="166">
        <v>0</v>
      </c>
      <c r="BK3073" s="166">
        <v>0</v>
      </c>
      <c r="BL3073" s="166">
        <v>0</v>
      </c>
      <c r="BM3073" s="166">
        <v>0</v>
      </c>
      <c r="BN3073" s="166">
        <v>0</v>
      </c>
      <c r="BO3073" s="166">
        <v>0</v>
      </c>
      <c r="BP3073" s="166">
        <v>0</v>
      </c>
      <c r="BQ3073" s="166">
        <v>0</v>
      </c>
      <c r="BR3073" s="166">
        <v>0</v>
      </c>
      <c r="BS3073" s="166">
        <v>0</v>
      </c>
      <c r="BT3073" s="168">
        <v>0</v>
      </c>
      <c r="BU3073" s="166">
        <v>0</v>
      </c>
      <c r="BV3073" s="166">
        <v>0</v>
      </c>
      <c r="BW3073" s="166">
        <v>0</v>
      </c>
      <c r="BX3073" s="166">
        <v>0</v>
      </c>
      <c r="BY3073" s="166">
        <v>0</v>
      </c>
      <c r="BZ3073" s="166">
        <v>0</v>
      </c>
      <c r="CA3073" s="166">
        <v>0</v>
      </c>
      <c r="CB3073" s="166">
        <v>0</v>
      </c>
      <c r="CC3073" s="166">
        <v>0</v>
      </c>
      <c r="CD3073" s="166">
        <v>0</v>
      </c>
      <c r="CE3073" s="166">
        <v>0</v>
      </c>
      <c r="CF3073" s="166">
        <v>0</v>
      </c>
      <c r="CG3073" s="166">
        <v>0</v>
      </c>
      <c r="CH3073" s="166">
        <v>0</v>
      </c>
      <c r="CI3073" s="166">
        <v>0</v>
      </c>
      <c r="CJ3073" s="166">
        <v>0</v>
      </c>
      <c r="CK3073" s="166">
        <v>0</v>
      </c>
      <c r="CL3073" s="166">
        <v>0</v>
      </c>
      <c r="CM3073" s="166">
        <v>0</v>
      </c>
      <c r="CN3073" s="166">
        <v>0</v>
      </c>
      <c r="CO3073" s="166">
        <v>0</v>
      </c>
      <c r="CP3073" s="166">
        <v>0</v>
      </c>
      <c r="CQ3073" s="166">
        <v>0</v>
      </c>
      <c r="CR3073" s="166">
        <v>0</v>
      </c>
      <c r="CS3073" s="166">
        <v>0</v>
      </c>
      <c r="CT3073" s="166">
        <v>0</v>
      </c>
      <c r="CU3073" s="166">
        <v>0</v>
      </c>
      <c r="CV3073" s="166">
        <v>0</v>
      </c>
      <c r="CW3073" s="166">
        <v>0</v>
      </c>
      <c r="CX3073" s="166">
        <v>0</v>
      </c>
      <c r="CY3073" s="166">
        <v>0</v>
      </c>
      <c r="CZ3073" s="166">
        <v>0</v>
      </c>
    </row>
    <row r="3074" spans="1:104" x14ac:dyDescent="0.2">
      <c r="A3074" s="167" t="s">
        <v>1157</v>
      </c>
      <c r="B3074" s="166">
        <v>0</v>
      </c>
      <c r="C3074" s="166">
        <v>0</v>
      </c>
      <c r="D3074" s="166">
        <v>0</v>
      </c>
      <c r="E3074" s="166">
        <v>0</v>
      </c>
      <c r="F3074" s="166">
        <v>0</v>
      </c>
      <c r="G3074" s="166">
        <v>0</v>
      </c>
      <c r="H3074" s="166">
        <v>0</v>
      </c>
      <c r="I3074" s="166">
        <v>0</v>
      </c>
      <c r="J3074" s="166">
        <v>0</v>
      </c>
      <c r="K3074" s="166">
        <v>0</v>
      </c>
      <c r="L3074" s="166">
        <v>0</v>
      </c>
      <c r="M3074" s="166">
        <v>0</v>
      </c>
      <c r="N3074" s="166">
        <v>0</v>
      </c>
      <c r="O3074" s="166">
        <v>0</v>
      </c>
      <c r="P3074" s="166">
        <v>0</v>
      </c>
      <c r="Q3074" s="166">
        <v>0</v>
      </c>
      <c r="R3074" s="166">
        <v>0</v>
      </c>
      <c r="S3074" s="166">
        <v>0</v>
      </c>
      <c r="T3074" s="166">
        <v>0</v>
      </c>
      <c r="U3074" s="166">
        <v>0</v>
      </c>
      <c r="V3074" s="166">
        <v>0</v>
      </c>
      <c r="W3074" s="166">
        <v>0</v>
      </c>
      <c r="X3074" s="166">
        <v>0</v>
      </c>
      <c r="Y3074" s="166">
        <v>0</v>
      </c>
      <c r="Z3074" s="166">
        <v>0</v>
      </c>
      <c r="AA3074" s="166">
        <v>0</v>
      </c>
      <c r="AB3074" s="166">
        <v>0</v>
      </c>
      <c r="AC3074" s="166">
        <v>0</v>
      </c>
      <c r="AD3074" s="166">
        <v>0</v>
      </c>
      <c r="AE3074" s="166">
        <v>0</v>
      </c>
      <c r="AF3074" s="166">
        <v>0</v>
      </c>
      <c r="AG3074" s="166">
        <v>0</v>
      </c>
      <c r="AH3074" s="166">
        <v>0</v>
      </c>
      <c r="AI3074" s="166">
        <v>0</v>
      </c>
      <c r="AJ3074" s="166">
        <v>0</v>
      </c>
      <c r="AK3074" s="166">
        <v>0</v>
      </c>
      <c r="AL3074" s="166">
        <v>0</v>
      </c>
      <c r="AM3074" s="166">
        <v>0</v>
      </c>
      <c r="AN3074" s="166">
        <v>0</v>
      </c>
      <c r="AO3074" s="166">
        <v>0</v>
      </c>
      <c r="AP3074" s="166">
        <v>0</v>
      </c>
      <c r="AQ3074" s="166">
        <v>0</v>
      </c>
      <c r="AR3074" s="166">
        <v>0</v>
      </c>
      <c r="AS3074" s="166">
        <v>0</v>
      </c>
      <c r="AT3074" s="166">
        <v>0</v>
      </c>
      <c r="AU3074" s="166">
        <v>0</v>
      </c>
      <c r="AV3074" s="166">
        <v>0</v>
      </c>
      <c r="AW3074" s="166">
        <v>0</v>
      </c>
      <c r="AX3074" s="166">
        <v>0</v>
      </c>
      <c r="AY3074" s="166">
        <v>0</v>
      </c>
      <c r="AZ3074" s="166">
        <v>0</v>
      </c>
      <c r="BA3074" s="166">
        <v>0</v>
      </c>
      <c r="BB3074" s="166">
        <v>0</v>
      </c>
      <c r="BC3074" s="166">
        <v>0</v>
      </c>
      <c r="BD3074" s="166">
        <v>0</v>
      </c>
      <c r="BE3074" s="166">
        <v>0</v>
      </c>
      <c r="BF3074" s="166">
        <v>0</v>
      </c>
      <c r="BG3074" s="166">
        <v>0</v>
      </c>
      <c r="BH3074" s="166">
        <v>0</v>
      </c>
      <c r="BI3074" s="166">
        <v>0</v>
      </c>
      <c r="BJ3074" s="166">
        <v>0</v>
      </c>
      <c r="BK3074" s="166">
        <v>0</v>
      </c>
      <c r="BL3074" s="166">
        <v>0</v>
      </c>
      <c r="BM3074" s="166">
        <v>0</v>
      </c>
      <c r="BN3074" s="166">
        <v>0</v>
      </c>
      <c r="BO3074" s="166">
        <v>0</v>
      </c>
      <c r="BP3074" s="166">
        <v>0</v>
      </c>
      <c r="BQ3074" s="166">
        <v>0</v>
      </c>
      <c r="BR3074" s="166">
        <v>0</v>
      </c>
      <c r="BS3074" s="166">
        <v>0</v>
      </c>
      <c r="BT3074" s="168">
        <v>0</v>
      </c>
      <c r="BU3074" s="166">
        <v>0</v>
      </c>
      <c r="BV3074" s="166">
        <v>0</v>
      </c>
      <c r="BW3074" s="166">
        <v>0</v>
      </c>
      <c r="BX3074" s="166">
        <v>0</v>
      </c>
      <c r="BY3074" s="166">
        <v>0</v>
      </c>
      <c r="BZ3074" s="166">
        <v>0</v>
      </c>
      <c r="CA3074" s="166">
        <v>0</v>
      </c>
      <c r="CB3074" s="166">
        <v>0</v>
      </c>
      <c r="CC3074" s="166">
        <v>0</v>
      </c>
      <c r="CD3074" s="166">
        <v>0</v>
      </c>
      <c r="CE3074" s="166">
        <v>0</v>
      </c>
      <c r="CF3074" s="166">
        <v>0</v>
      </c>
      <c r="CG3074" s="166">
        <v>0</v>
      </c>
      <c r="CH3074" s="166">
        <v>0</v>
      </c>
      <c r="CI3074" s="166">
        <v>0</v>
      </c>
      <c r="CJ3074" s="166">
        <v>0</v>
      </c>
      <c r="CK3074" s="166">
        <v>0</v>
      </c>
      <c r="CL3074" s="166">
        <v>0</v>
      </c>
      <c r="CM3074" s="166">
        <v>0</v>
      </c>
      <c r="CN3074" s="166">
        <v>0</v>
      </c>
      <c r="CO3074" s="166">
        <v>0</v>
      </c>
      <c r="CP3074" s="166">
        <v>0</v>
      </c>
      <c r="CQ3074" s="166">
        <v>0</v>
      </c>
      <c r="CR3074" s="166">
        <v>0</v>
      </c>
      <c r="CS3074" s="166">
        <v>0</v>
      </c>
      <c r="CT3074" s="166">
        <v>0</v>
      </c>
      <c r="CU3074" s="166">
        <v>0</v>
      </c>
      <c r="CV3074" s="166">
        <v>0</v>
      </c>
      <c r="CW3074" s="166">
        <v>0</v>
      </c>
      <c r="CX3074" s="166">
        <v>0</v>
      </c>
      <c r="CY3074" s="166">
        <v>0</v>
      </c>
      <c r="CZ3074" s="166">
        <v>0</v>
      </c>
    </row>
    <row r="3075" spans="1:104" x14ac:dyDescent="0.2">
      <c r="A3075" s="167" t="s">
        <v>1158</v>
      </c>
      <c r="B3075" s="166">
        <v>0</v>
      </c>
      <c r="C3075" s="166">
        <v>0</v>
      </c>
      <c r="D3075" s="166">
        <v>0</v>
      </c>
      <c r="E3075" s="166">
        <v>0</v>
      </c>
      <c r="F3075" s="166">
        <v>0</v>
      </c>
      <c r="G3075" s="166">
        <v>0</v>
      </c>
      <c r="H3075" s="166">
        <v>0</v>
      </c>
      <c r="I3075" s="166">
        <v>0</v>
      </c>
      <c r="J3075" s="166">
        <v>0</v>
      </c>
      <c r="K3075" s="166">
        <v>0</v>
      </c>
      <c r="L3075" s="166">
        <v>0</v>
      </c>
      <c r="M3075" s="166">
        <v>0</v>
      </c>
      <c r="N3075" s="166">
        <v>0</v>
      </c>
      <c r="O3075" s="166">
        <v>0</v>
      </c>
      <c r="P3075" s="166">
        <v>0</v>
      </c>
      <c r="Q3075" s="166">
        <v>0</v>
      </c>
      <c r="R3075" s="166">
        <v>0</v>
      </c>
      <c r="S3075" s="166">
        <v>0</v>
      </c>
      <c r="T3075" s="166">
        <v>0</v>
      </c>
      <c r="U3075" s="166">
        <v>0</v>
      </c>
      <c r="V3075" s="166">
        <v>0</v>
      </c>
      <c r="W3075" s="166">
        <v>0</v>
      </c>
      <c r="X3075" s="166">
        <v>0</v>
      </c>
      <c r="Y3075" s="166">
        <v>0</v>
      </c>
      <c r="Z3075" s="166">
        <v>0</v>
      </c>
      <c r="AA3075" s="166">
        <v>0</v>
      </c>
      <c r="AB3075" s="166">
        <v>0</v>
      </c>
      <c r="AC3075" s="166">
        <v>0</v>
      </c>
      <c r="AD3075" s="166">
        <v>0</v>
      </c>
      <c r="AE3075" s="166">
        <v>0</v>
      </c>
      <c r="AF3075" s="166">
        <v>0</v>
      </c>
      <c r="AG3075" s="166">
        <v>0</v>
      </c>
      <c r="AH3075" s="166">
        <v>0</v>
      </c>
      <c r="AI3075" s="166">
        <v>0</v>
      </c>
      <c r="AJ3075" s="166">
        <v>0</v>
      </c>
      <c r="AK3075" s="166">
        <v>0</v>
      </c>
      <c r="AL3075" s="166">
        <v>0</v>
      </c>
      <c r="AM3075" s="166">
        <v>0</v>
      </c>
      <c r="AN3075" s="166">
        <v>0</v>
      </c>
      <c r="AO3075" s="166">
        <v>0</v>
      </c>
      <c r="AP3075" s="166">
        <v>0</v>
      </c>
      <c r="AQ3075" s="166">
        <v>0</v>
      </c>
      <c r="AR3075" s="166">
        <v>0</v>
      </c>
      <c r="AS3075" s="166">
        <v>0</v>
      </c>
      <c r="AT3075" s="166">
        <v>0</v>
      </c>
      <c r="AU3075" s="166">
        <v>0</v>
      </c>
      <c r="AV3075" s="166">
        <v>0</v>
      </c>
      <c r="AW3075" s="166">
        <v>0</v>
      </c>
      <c r="AX3075" s="166">
        <v>0</v>
      </c>
      <c r="AY3075" s="166">
        <v>0</v>
      </c>
      <c r="AZ3075" s="166">
        <v>0</v>
      </c>
      <c r="BA3075" s="166">
        <v>0</v>
      </c>
      <c r="BB3075" s="166">
        <v>0</v>
      </c>
      <c r="BC3075" s="166">
        <v>0</v>
      </c>
      <c r="BD3075" s="166">
        <v>0</v>
      </c>
      <c r="BE3075" s="166">
        <v>0</v>
      </c>
      <c r="BF3075" s="166">
        <v>0</v>
      </c>
      <c r="BG3075" s="166">
        <v>0</v>
      </c>
      <c r="BH3075" s="166">
        <v>0</v>
      </c>
      <c r="BI3075" s="166">
        <v>0</v>
      </c>
      <c r="BJ3075" s="166">
        <v>0</v>
      </c>
      <c r="BK3075" s="166">
        <v>0</v>
      </c>
      <c r="BL3075" s="166">
        <v>0</v>
      </c>
      <c r="BM3075" s="166">
        <v>0</v>
      </c>
      <c r="BN3075" s="166">
        <v>0</v>
      </c>
      <c r="BO3075" s="166">
        <v>0</v>
      </c>
      <c r="BP3075" s="166">
        <v>0</v>
      </c>
      <c r="BQ3075" s="166">
        <v>0</v>
      </c>
      <c r="BR3075" s="166">
        <v>0</v>
      </c>
      <c r="BS3075" s="166">
        <v>0</v>
      </c>
      <c r="BT3075" s="168">
        <v>0</v>
      </c>
      <c r="BU3075" s="166">
        <v>0</v>
      </c>
      <c r="BV3075" s="166">
        <v>0</v>
      </c>
      <c r="BW3075" s="166">
        <v>0</v>
      </c>
      <c r="BX3075" s="166">
        <v>0</v>
      </c>
      <c r="BY3075" s="166">
        <v>0</v>
      </c>
      <c r="BZ3075" s="166">
        <v>0</v>
      </c>
      <c r="CA3075" s="166">
        <v>0</v>
      </c>
      <c r="CB3075" s="166">
        <v>0</v>
      </c>
      <c r="CC3075" s="166">
        <v>0</v>
      </c>
      <c r="CD3075" s="166">
        <v>0</v>
      </c>
      <c r="CE3075" s="166">
        <v>0</v>
      </c>
      <c r="CF3075" s="166">
        <v>0</v>
      </c>
      <c r="CG3075" s="166">
        <v>0</v>
      </c>
      <c r="CH3075" s="166">
        <v>0</v>
      </c>
      <c r="CI3075" s="166">
        <v>0</v>
      </c>
      <c r="CJ3075" s="166">
        <v>0</v>
      </c>
      <c r="CK3075" s="166">
        <v>0</v>
      </c>
      <c r="CL3075" s="166">
        <v>0</v>
      </c>
      <c r="CM3075" s="166">
        <v>0</v>
      </c>
      <c r="CN3075" s="166">
        <v>0</v>
      </c>
      <c r="CO3075" s="166">
        <v>0</v>
      </c>
      <c r="CP3075" s="166">
        <v>0</v>
      </c>
      <c r="CQ3075" s="166">
        <v>0</v>
      </c>
      <c r="CR3075" s="166">
        <v>0</v>
      </c>
      <c r="CS3075" s="166">
        <v>0</v>
      </c>
      <c r="CT3075" s="166">
        <v>0</v>
      </c>
      <c r="CU3075" s="166">
        <v>0</v>
      </c>
      <c r="CV3075" s="166">
        <v>0</v>
      </c>
      <c r="CW3075" s="166">
        <v>0</v>
      </c>
      <c r="CX3075" s="166">
        <v>0</v>
      </c>
      <c r="CY3075" s="166">
        <v>0</v>
      </c>
      <c r="CZ3075" s="166">
        <v>0</v>
      </c>
    </row>
    <row r="3076" spans="1:104" x14ac:dyDescent="0.2">
      <c r="A3076" s="167" t="s">
        <v>1159</v>
      </c>
      <c r="B3076" s="166">
        <v>0</v>
      </c>
      <c r="C3076" s="166">
        <v>0</v>
      </c>
      <c r="D3076" s="166">
        <v>0</v>
      </c>
      <c r="E3076" s="166">
        <v>0</v>
      </c>
      <c r="F3076" s="166">
        <v>0</v>
      </c>
      <c r="G3076" s="166">
        <v>0</v>
      </c>
      <c r="H3076" s="166">
        <v>0</v>
      </c>
      <c r="I3076" s="166">
        <v>0</v>
      </c>
      <c r="J3076" s="166">
        <v>0</v>
      </c>
      <c r="K3076" s="166">
        <v>0</v>
      </c>
      <c r="L3076" s="166">
        <v>0</v>
      </c>
      <c r="M3076" s="166">
        <v>0</v>
      </c>
      <c r="N3076" s="166">
        <v>0</v>
      </c>
      <c r="O3076" s="166">
        <v>0</v>
      </c>
      <c r="P3076" s="166">
        <v>0</v>
      </c>
      <c r="Q3076" s="166">
        <v>0</v>
      </c>
      <c r="R3076" s="166">
        <v>0</v>
      </c>
      <c r="S3076" s="166">
        <v>0</v>
      </c>
      <c r="T3076" s="166">
        <v>0</v>
      </c>
      <c r="U3076" s="166">
        <v>0</v>
      </c>
      <c r="V3076" s="166">
        <v>0</v>
      </c>
      <c r="W3076" s="166">
        <v>0</v>
      </c>
      <c r="X3076" s="166">
        <v>0</v>
      </c>
      <c r="Y3076" s="166">
        <v>0</v>
      </c>
      <c r="Z3076" s="166">
        <v>0</v>
      </c>
      <c r="AA3076" s="166">
        <v>0</v>
      </c>
      <c r="AB3076" s="166">
        <v>0</v>
      </c>
      <c r="AC3076" s="166">
        <v>0</v>
      </c>
      <c r="AD3076" s="166">
        <v>0</v>
      </c>
      <c r="AE3076" s="166">
        <v>0</v>
      </c>
      <c r="AF3076" s="166">
        <v>0</v>
      </c>
      <c r="AG3076" s="166">
        <v>0</v>
      </c>
      <c r="AH3076" s="166">
        <v>0</v>
      </c>
      <c r="AI3076" s="166">
        <v>0</v>
      </c>
      <c r="AJ3076" s="166">
        <v>0</v>
      </c>
      <c r="AK3076" s="166">
        <v>0</v>
      </c>
      <c r="AL3076" s="166">
        <v>0</v>
      </c>
      <c r="AM3076" s="166">
        <v>0</v>
      </c>
      <c r="AN3076" s="166">
        <v>0</v>
      </c>
      <c r="AO3076" s="166">
        <v>0</v>
      </c>
      <c r="AP3076" s="166">
        <v>0</v>
      </c>
      <c r="AQ3076" s="166">
        <v>0</v>
      </c>
      <c r="AR3076" s="166">
        <v>0</v>
      </c>
      <c r="AS3076" s="166">
        <v>0</v>
      </c>
      <c r="AT3076" s="166">
        <v>0</v>
      </c>
      <c r="AU3076" s="166">
        <v>0</v>
      </c>
      <c r="AV3076" s="166">
        <v>0</v>
      </c>
      <c r="AW3076" s="166">
        <v>0</v>
      </c>
      <c r="AX3076" s="166">
        <v>0</v>
      </c>
      <c r="AY3076" s="166">
        <v>0</v>
      </c>
      <c r="AZ3076" s="166">
        <v>0</v>
      </c>
      <c r="BA3076" s="166">
        <v>0</v>
      </c>
      <c r="BB3076" s="166">
        <v>0</v>
      </c>
      <c r="BC3076" s="166">
        <v>0</v>
      </c>
      <c r="BD3076" s="166">
        <v>0</v>
      </c>
      <c r="BE3076" s="166">
        <v>0</v>
      </c>
      <c r="BF3076" s="166">
        <v>0</v>
      </c>
      <c r="BG3076" s="166">
        <v>0</v>
      </c>
      <c r="BH3076" s="166">
        <v>0</v>
      </c>
      <c r="BI3076" s="166">
        <v>0</v>
      </c>
      <c r="BJ3076" s="166">
        <v>0</v>
      </c>
      <c r="BK3076" s="166">
        <v>0</v>
      </c>
      <c r="BL3076" s="166">
        <v>0</v>
      </c>
      <c r="BM3076" s="166">
        <v>0</v>
      </c>
      <c r="BN3076" s="166">
        <v>0</v>
      </c>
      <c r="BO3076" s="166">
        <v>0</v>
      </c>
      <c r="BP3076" s="166">
        <v>0</v>
      </c>
      <c r="BQ3076" s="166">
        <v>0</v>
      </c>
      <c r="BR3076" s="166">
        <v>0</v>
      </c>
      <c r="BS3076" s="166">
        <v>0</v>
      </c>
      <c r="BT3076" s="168">
        <v>0</v>
      </c>
      <c r="BU3076" s="166">
        <v>0</v>
      </c>
      <c r="BV3076" s="166">
        <v>0</v>
      </c>
      <c r="BW3076" s="166">
        <v>0</v>
      </c>
      <c r="BX3076" s="166">
        <v>0</v>
      </c>
      <c r="BY3076" s="166">
        <v>0</v>
      </c>
      <c r="BZ3076" s="166">
        <v>0</v>
      </c>
      <c r="CA3076" s="166">
        <v>0</v>
      </c>
      <c r="CB3076" s="166">
        <v>0</v>
      </c>
      <c r="CC3076" s="166">
        <v>0</v>
      </c>
      <c r="CD3076" s="166">
        <v>0</v>
      </c>
      <c r="CE3076" s="166">
        <v>0</v>
      </c>
      <c r="CF3076" s="166">
        <v>0</v>
      </c>
      <c r="CG3076" s="166">
        <v>0</v>
      </c>
      <c r="CH3076" s="166">
        <v>0</v>
      </c>
      <c r="CI3076" s="166">
        <v>0</v>
      </c>
      <c r="CJ3076" s="166">
        <v>0</v>
      </c>
      <c r="CK3076" s="166">
        <v>0</v>
      </c>
      <c r="CL3076" s="166">
        <v>0</v>
      </c>
      <c r="CM3076" s="166">
        <v>0</v>
      </c>
      <c r="CN3076" s="166">
        <v>0</v>
      </c>
      <c r="CO3076" s="166">
        <v>0</v>
      </c>
      <c r="CP3076" s="166">
        <v>0</v>
      </c>
      <c r="CQ3076" s="166">
        <v>0</v>
      </c>
      <c r="CR3076" s="166">
        <v>0</v>
      </c>
      <c r="CS3076" s="166">
        <v>0</v>
      </c>
      <c r="CT3076" s="166">
        <v>0</v>
      </c>
      <c r="CU3076" s="166">
        <v>0</v>
      </c>
      <c r="CV3076" s="166">
        <v>0</v>
      </c>
      <c r="CW3076" s="166">
        <v>0</v>
      </c>
      <c r="CX3076" s="166">
        <v>0</v>
      </c>
      <c r="CY3076" s="166">
        <v>0</v>
      </c>
      <c r="CZ3076" s="166">
        <v>0</v>
      </c>
    </row>
    <row r="3077" spans="1:104" x14ac:dyDescent="0.2">
      <c r="A3077" s="167" t="s">
        <v>364</v>
      </c>
    </row>
    <row r="3078" spans="1:104" x14ac:dyDescent="0.2">
      <c r="A3078" s="167" t="s">
        <v>1160</v>
      </c>
      <c r="B3078" s="166">
        <v>283949.62</v>
      </c>
      <c r="C3078" s="166">
        <v>283949.62</v>
      </c>
      <c r="D3078" s="166">
        <v>0</v>
      </c>
      <c r="E3078" s="166">
        <v>0</v>
      </c>
      <c r="F3078" s="166">
        <v>0</v>
      </c>
      <c r="G3078" s="166">
        <v>0</v>
      </c>
      <c r="H3078" s="166">
        <v>0</v>
      </c>
      <c r="I3078" s="166">
        <v>0</v>
      </c>
      <c r="J3078" s="166">
        <v>0</v>
      </c>
      <c r="K3078" s="166">
        <v>0</v>
      </c>
      <c r="L3078" s="166">
        <v>0</v>
      </c>
      <c r="M3078" s="166">
        <v>0</v>
      </c>
      <c r="N3078" s="166">
        <v>0</v>
      </c>
      <c r="O3078" s="166">
        <v>0</v>
      </c>
      <c r="P3078" s="166">
        <v>0</v>
      </c>
      <c r="Q3078" s="166">
        <v>0</v>
      </c>
      <c r="R3078" s="166">
        <v>0</v>
      </c>
      <c r="S3078" s="166">
        <v>0</v>
      </c>
      <c r="T3078" s="166">
        <v>0</v>
      </c>
      <c r="U3078" s="166">
        <v>0</v>
      </c>
      <c r="V3078" s="166">
        <v>0</v>
      </c>
      <c r="W3078" s="166">
        <v>0</v>
      </c>
      <c r="X3078" s="166">
        <v>0</v>
      </c>
      <c r="Y3078" s="166">
        <v>0</v>
      </c>
      <c r="Z3078" s="166">
        <v>0</v>
      </c>
      <c r="AA3078" s="166">
        <v>0</v>
      </c>
      <c r="AB3078" s="166">
        <v>0</v>
      </c>
      <c r="AC3078" s="166">
        <v>0</v>
      </c>
      <c r="AD3078" s="166">
        <v>0</v>
      </c>
      <c r="AE3078" s="166">
        <v>0</v>
      </c>
      <c r="AF3078" s="166">
        <v>0</v>
      </c>
      <c r="AG3078" s="166">
        <v>0</v>
      </c>
      <c r="AH3078" s="166">
        <v>0</v>
      </c>
      <c r="AI3078" s="166">
        <v>0</v>
      </c>
      <c r="AJ3078" s="166">
        <v>0</v>
      </c>
      <c r="AK3078" s="166">
        <v>0</v>
      </c>
      <c r="AL3078" s="166">
        <v>0</v>
      </c>
      <c r="AM3078" s="166">
        <v>0</v>
      </c>
      <c r="AN3078" s="166">
        <v>0</v>
      </c>
      <c r="AO3078" s="166">
        <v>0</v>
      </c>
      <c r="AP3078" s="166">
        <v>0</v>
      </c>
      <c r="AQ3078" s="166">
        <v>0</v>
      </c>
      <c r="AR3078" s="166">
        <v>0</v>
      </c>
      <c r="AS3078" s="166">
        <v>0</v>
      </c>
      <c r="AT3078" s="166">
        <v>0</v>
      </c>
      <c r="AU3078" s="166">
        <v>0</v>
      </c>
      <c r="AV3078" s="166">
        <v>0</v>
      </c>
      <c r="AW3078" s="166">
        <v>0</v>
      </c>
      <c r="AX3078" s="166">
        <v>0</v>
      </c>
      <c r="AY3078" s="166">
        <v>0</v>
      </c>
      <c r="AZ3078" s="166">
        <v>0</v>
      </c>
      <c r="BA3078" s="166">
        <v>0</v>
      </c>
      <c r="BB3078" s="166">
        <v>0</v>
      </c>
      <c r="BC3078" s="166">
        <v>0</v>
      </c>
      <c r="BD3078" s="166">
        <v>0</v>
      </c>
      <c r="BE3078" s="166">
        <v>0</v>
      </c>
      <c r="BF3078" s="166">
        <v>0</v>
      </c>
      <c r="BG3078" s="166">
        <v>0</v>
      </c>
      <c r="BH3078" s="166">
        <v>0</v>
      </c>
      <c r="BI3078" s="166">
        <v>0</v>
      </c>
      <c r="BJ3078" s="166">
        <v>0</v>
      </c>
      <c r="BK3078" s="166">
        <v>0</v>
      </c>
      <c r="BL3078" s="166">
        <v>0</v>
      </c>
      <c r="BM3078" s="166">
        <v>0</v>
      </c>
      <c r="BN3078" s="166">
        <v>0</v>
      </c>
      <c r="BO3078" s="166">
        <v>0</v>
      </c>
      <c r="BP3078" s="166">
        <v>0</v>
      </c>
      <c r="BQ3078" s="166">
        <v>0</v>
      </c>
      <c r="BR3078" s="166">
        <v>283949.62</v>
      </c>
      <c r="BS3078" s="166">
        <v>283949.62</v>
      </c>
      <c r="BT3078" s="168">
        <v>0</v>
      </c>
      <c r="BU3078" s="166">
        <v>0</v>
      </c>
      <c r="BV3078" s="166">
        <v>0</v>
      </c>
      <c r="BW3078" s="166">
        <v>0</v>
      </c>
      <c r="BX3078" s="166">
        <v>0</v>
      </c>
      <c r="BY3078" s="166">
        <v>0</v>
      </c>
      <c r="BZ3078" s="166">
        <v>0</v>
      </c>
      <c r="CA3078" s="166">
        <v>0</v>
      </c>
      <c r="CB3078" s="166">
        <v>0</v>
      </c>
      <c r="CC3078" s="166">
        <v>0</v>
      </c>
      <c r="CD3078" s="166">
        <v>0</v>
      </c>
      <c r="CE3078" s="166">
        <v>0</v>
      </c>
      <c r="CF3078" s="166">
        <v>0</v>
      </c>
      <c r="CG3078" s="166">
        <v>0</v>
      </c>
      <c r="CH3078" s="166">
        <v>0</v>
      </c>
      <c r="CI3078" s="166">
        <v>0</v>
      </c>
      <c r="CJ3078" s="166">
        <v>0</v>
      </c>
      <c r="CK3078" s="166">
        <v>0</v>
      </c>
      <c r="CL3078" s="166">
        <v>0</v>
      </c>
      <c r="CM3078" s="166">
        <v>0</v>
      </c>
      <c r="CN3078" s="166">
        <v>0</v>
      </c>
      <c r="CO3078" s="166">
        <v>0</v>
      </c>
      <c r="CP3078" s="166">
        <v>0</v>
      </c>
      <c r="CQ3078" s="166">
        <v>0</v>
      </c>
      <c r="CR3078" s="166">
        <v>0</v>
      </c>
      <c r="CS3078" s="166">
        <v>0</v>
      </c>
      <c r="CT3078" s="166">
        <v>0</v>
      </c>
      <c r="CU3078" s="166">
        <v>0</v>
      </c>
      <c r="CV3078" s="166">
        <v>0</v>
      </c>
      <c r="CW3078" s="166">
        <v>0</v>
      </c>
      <c r="CX3078" s="166">
        <v>0</v>
      </c>
      <c r="CY3078" s="166">
        <v>0</v>
      </c>
      <c r="CZ3078" s="166">
        <v>0</v>
      </c>
    </row>
    <row r="3079" spans="1:104" x14ac:dyDescent="0.2">
      <c r="A3079" s="167" t="s">
        <v>366</v>
      </c>
    </row>
    <row r="3080" spans="1:104" x14ac:dyDescent="0.2">
      <c r="A3080" s="167" t="s">
        <v>1161</v>
      </c>
      <c r="B3080" s="166">
        <v>11622899.7299999</v>
      </c>
      <c r="C3080" s="166">
        <v>11622899.7299999</v>
      </c>
      <c r="D3080" s="166">
        <v>0</v>
      </c>
      <c r="E3080" s="166">
        <v>0</v>
      </c>
      <c r="F3080" s="166">
        <v>0</v>
      </c>
      <c r="G3080" s="166">
        <v>0</v>
      </c>
      <c r="H3080" s="166">
        <v>0</v>
      </c>
      <c r="I3080" s="166">
        <v>0</v>
      </c>
      <c r="J3080" s="166">
        <v>0</v>
      </c>
      <c r="K3080" s="166">
        <v>0</v>
      </c>
      <c r="L3080" s="166">
        <v>0</v>
      </c>
      <c r="M3080" s="166">
        <v>0</v>
      </c>
      <c r="N3080" s="166">
        <v>0</v>
      </c>
      <c r="O3080" s="166">
        <v>0</v>
      </c>
      <c r="P3080" s="166">
        <v>0</v>
      </c>
      <c r="Q3080" s="166">
        <v>0</v>
      </c>
      <c r="R3080" s="166">
        <v>0</v>
      </c>
      <c r="S3080" s="166">
        <v>0</v>
      </c>
      <c r="T3080" s="166">
        <v>0</v>
      </c>
      <c r="U3080" s="166">
        <v>0</v>
      </c>
      <c r="V3080" s="166">
        <v>0</v>
      </c>
      <c r="W3080" s="166">
        <v>0</v>
      </c>
      <c r="X3080" s="166">
        <v>0</v>
      </c>
      <c r="Y3080" s="166">
        <v>0</v>
      </c>
      <c r="Z3080" s="166">
        <v>0</v>
      </c>
      <c r="AA3080" s="166">
        <v>0</v>
      </c>
      <c r="AB3080" s="166">
        <v>0</v>
      </c>
      <c r="AC3080" s="166">
        <v>0</v>
      </c>
      <c r="AD3080" s="166">
        <v>0</v>
      </c>
      <c r="AE3080" s="166">
        <v>0</v>
      </c>
      <c r="AF3080" s="166">
        <v>0</v>
      </c>
      <c r="AG3080" s="166">
        <v>0</v>
      </c>
      <c r="AH3080" s="166">
        <v>0</v>
      </c>
      <c r="AI3080" s="166">
        <v>0</v>
      </c>
      <c r="AJ3080" s="166">
        <v>0</v>
      </c>
      <c r="AK3080" s="166">
        <v>0</v>
      </c>
      <c r="AL3080" s="166">
        <v>0</v>
      </c>
      <c r="AM3080" s="166">
        <v>0</v>
      </c>
      <c r="AN3080" s="166">
        <v>0</v>
      </c>
      <c r="AO3080" s="166">
        <v>0</v>
      </c>
      <c r="AP3080" s="166">
        <v>0</v>
      </c>
      <c r="AQ3080" s="166">
        <v>0</v>
      </c>
      <c r="AR3080" s="166">
        <v>0</v>
      </c>
      <c r="AS3080" s="166">
        <v>0</v>
      </c>
      <c r="AT3080" s="166">
        <v>0</v>
      </c>
      <c r="AU3080" s="166">
        <v>0</v>
      </c>
      <c r="AV3080" s="166">
        <v>0</v>
      </c>
      <c r="AW3080" s="166">
        <v>0</v>
      </c>
      <c r="AX3080" s="166">
        <v>0</v>
      </c>
      <c r="AY3080" s="166">
        <v>0</v>
      </c>
      <c r="AZ3080" s="166">
        <v>0</v>
      </c>
      <c r="BA3080" s="166">
        <v>0</v>
      </c>
      <c r="BB3080" s="166">
        <v>0</v>
      </c>
      <c r="BC3080" s="166">
        <v>0</v>
      </c>
      <c r="BD3080" s="166">
        <v>0</v>
      </c>
      <c r="BE3080" s="166">
        <v>0</v>
      </c>
      <c r="BF3080" s="166">
        <v>0</v>
      </c>
      <c r="BG3080" s="166">
        <v>0</v>
      </c>
      <c r="BH3080" s="166">
        <v>0</v>
      </c>
      <c r="BI3080" s="166">
        <v>0</v>
      </c>
      <c r="BJ3080" s="166">
        <v>0</v>
      </c>
      <c r="BK3080" s="166">
        <v>0</v>
      </c>
      <c r="BL3080" s="166">
        <v>0</v>
      </c>
      <c r="BM3080" s="166">
        <v>0</v>
      </c>
      <c r="BN3080" s="166">
        <v>0</v>
      </c>
      <c r="BO3080" s="166">
        <v>0</v>
      </c>
      <c r="BP3080" s="166">
        <v>0</v>
      </c>
      <c r="BQ3080" s="166">
        <v>0</v>
      </c>
      <c r="BR3080" s="166">
        <v>11622899.7299999</v>
      </c>
      <c r="BS3080" s="166">
        <v>11622899.7299999</v>
      </c>
      <c r="BT3080" s="168">
        <v>0</v>
      </c>
      <c r="BU3080" s="166">
        <v>0</v>
      </c>
      <c r="BV3080" s="166">
        <v>0</v>
      </c>
      <c r="BW3080" s="166">
        <v>0</v>
      </c>
      <c r="BX3080" s="166">
        <v>0</v>
      </c>
      <c r="BY3080" s="166">
        <v>0</v>
      </c>
      <c r="BZ3080" s="166">
        <v>0</v>
      </c>
      <c r="CA3080" s="166">
        <v>0</v>
      </c>
      <c r="CB3080" s="166">
        <v>0</v>
      </c>
      <c r="CC3080" s="166">
        <v>0</v>
      </c>
      <c r="CD3080" s="166">
        <v>0</v>
      </c>
      <c r="CE3080" s="166">
        <v>0</v>
      </c>
      <c r="CF3080" s="166">
        <v>0</v>
      </c>
      <c r="CG3080" s="166">
        <v>0</v>
      </c>
      <c r="CH3080" s="166">
        <v>0</v>
      </c>
      <c r="CI3080" s="166">
        <v>0</v>
      </c>
      <c r="CJ3080" s="166">
        <v>0</v>
      </c>
      <c r="CK3080" s="166">
        <v>0</v>
      </c>
      <c r="CL3080" s="166">
        <v>0</v>
      </c>
      <c r="CM3080" s="166">
        <v>0</v>
      </c>
      <c r="CN3080" s="166">
        <v>0</v>
      </c>
      <c r="CO3080" s="166">
        <v>0</v>
      </c>
      <c r="CP3080" s="166">
        <v>0</v>
      </c>
      <c r="CQ3080" s="166">
        <v>0</v>
      </c>
      <c r="CR3080" s="166">
        <v>0</v>
      </c>
      <c r="CS3080" s="166">
        <v>0</v>
      </c>
      <c r="CT3080" s="166">
        <v>0</v>
      </c>
      <c r="CU3080" s="166">
        <v>0</v>
      </c>
      <c r="CV3080" s="166">
        <v>0</v>
      </c>
      <c r="CW3080" s="166">
        <v>0</v>
      </c>
      <c r="CX3080" s="166">
        <v>0</v>
      </c>
      <c r="CY3080" s="166">
        <v>0</v>
      </c>
      <c r="CZ3080" s="166">
        <v>0</v>
      </c>
    </row>
    <row r="3081" spans="1:104" x14ac:dyDescent="0.2">
      <c r="A3081" s="167" t="s">
        <v>368</v>
      </c>
    </row>
    <row r="3082" spans="1:104" x14ac:dyDescent="0.2">
      <c r="A3082" s="167" t="s">
        <v>1162</v>
      </c>
      <c r="B3082" s="166">
        <v>2273679.69</v>
      </c>
      <c r="C3082" s="166">
        <v>2273679.69</v>
      </c>
      <c r="D3082" s="166">
        <v>0</v>
      </c>
      <c r="E3082" s="166">
        <v>0</v>
      </c>
      <c r="F3082" s="166">
        <v>0</v>
      </c>
      <c r="G3082" s="166">
        <v>0</v>
      </c>
      <c r="H3082" s="166">
        <v>0</v>
      </c>
      <c r="I3082" s="166">
        <v>0</v>
      </c>
      <c r="J3082" s="166">
        <v>0</v>
      </c>
      <c r="K3082" s="166">
        <v>0</v>
      </c>
      <c r="L3082" s="166">
        <v>0</v>
      </c>
      <c r="M3082" s="166">
        <v>0</v>
      </c>
      <c r="N3082" s="166">
        <v>0</v>
      </c>
      <c r="O3082" s="166">
        <v>0</v>
      </c>
      <c r="P3082" s="166">
        <v>0</v>
      </c>
      <c r="Q3082" s="166">
        <v>0</v>
      </c>
      <c r="R3082" s="166">
        <v>0</v>
      </c>
      <c r="S3082" s="166">
        <v>0</v>
      </c>
      <c r="T3082" s="166">
        <v>0</v>
      </c>
      <c r="U3082" s="166">
        <v>0</v>
      </c>
      <c r="V3082" s="166">
        <v>0</v>
      </c>
      <c r="W3082" s="166">
        <v>0</v>
      </c>
      <c r="X3082" s="166">
        <v>0</v>
      </c>
      <c r="Y3082" s="166">
        <v>0</v>
      </c>
      <c r="Z3082" s="166">
        <v>0</v>
      </c>
      <c r="AA3082" s="166">
        <v>0</v>
      </c>
      <c r="AB3082" s="166">
        <v>0</v>
      </c>
      <c r="AC3082" s="166">
        <v>0</v>
      </c>
      <c r="AD3082" s="166">
        <v>0</v>
      </c>
      <c r="AE3082" s="166">
        <v>0</v>
      </c>
      <c r="AF3082" s="166">
        <v>0</v>
      </c>
      <c r="AG3082" s="166">
        <v>0</v>
      </c>
      <c r="AH3082" s="166">
        <v>0</v>
      </c>
      <c r="AI3082" s="166">
        <v>0</v>
      </c>
      <c r="AJ3082" s="166">
        <v>0</v>
      </c>
      <c r="AK3082" s="166">
        <v>0</v>
      </c>
      <c r="AL3082" s="166">
        <v>0</v>
      </c>
      <c r="AM3082" s="166">
        <v>0</v>
      </c>
      <c r="AN3082" s="166">
        <v>0</v>
      </c>
      <c r="AO3082" s="166">
        <v>0</v>
      </c>
      <c r="AP3082" s="166">
        <v>0</v>
      </c>
      <c r="AQ3082" s="166">
        <v>0</v>
      </c>
      <c r="AR3082" s="166">
        <v>0</v>
      </c>
      <c r="AS3082" s="166">
        <v>0</v>
      </c>
      <c r="AT3082" s="166">
        <v>0</v>
      </c>
      <c r="AU3082" s="166">
        <v>0</v>
      </c>
      <c r="AV3082" s="166">
        <v>0</v>
      </c>
      <c r="AW3082" s="166">
        <v>0</v>
      </c>
      <c r="AX3082" s="166">
        <v>0</v>
      </c>
      <c r="AY3082" s="166">
        <v>0</v>
      </c>
      <c r="AZ3082" s="166">
        <v>0</v>
      </c>
      <c r="BA3082" s="166">
        <v>0</v>
      </c>
      <c r="BB3082" s="166">
        <v>0</v>
      </c>
      <c r="BC3082" s="166">
        <v>0</v>
      </c>
      <c r="BD3082" s="166">
        <v>0</v>
      </c>
      <c r="BE3082" s="166">
        <v>0</v>
      </c>
      <c r="BF3082" s="166">
        <v>0</v>
      </c>
      <c r="BG3082" s="166">
        <v>0</v>
      </c>
      <c r="BH3082" s="166">
        <v>0</v>
      </c>
      <c r="BI3082" s="166">
        <v>0</v>
      </c>
      <c r="BJ3082" s="166">
        <v>0</v>
      </c>
      <c r="BK3082" s="166">
        <v>0</v>
      </c>
      <c r="BL3082" s="166">
        <v>0</v>
      </c>
      <c r="BM3082" s="166">
        <v>0</v>
      </c>
      <c r="BN3082" s="166">
        <v>0</v>
      </c>
      <c r="BO3082" s="166">
        <v>0</v>
      </c>
      <c r="BP3082" s="166">
        <v>0</v>
      </c>
      <c r="BQ3082" s="166">
        <v>0</v>
      </c>
      <c r="BR3082" s="166">
        <v>2273679.69</v>
      </c>
      <c r="BS3082" s="166">
        <v>2273679.69</v>
      </c>
      <c r="BT3082" s="168">
        <v>0</v>
      </c>
      <c r="BU3082" s="166">
        <v>0</v>
      </c>
      <c r="BV3082" s="166">
        <v>0</v>
      </c>
      <c r="BW3082" s="166">
        <v>0</v>
      </c>
      <c r="BX3082" s="166">
        <v>0</v>
      </c>
      <c r="BY3082" s="166">
        <v>0</v>
      </c>
      <c r="BZ3082" s="166">
        <v>0</v>
      </c>
      <c r="CA3082" s="166">
        <v>0</v>
      </c>
      <c r="CB3082" s="166">
        <v>0</v>
      </c>
      <c r="CC3082" s="166">
        <v>0</v>
      </c>
      <c r="CD3082" s="166">
        <v>0</v>
      </c>
      <c r="CE3082" s="166">
        <v>0</v>
      </c>
      <c r="CF3082" s="166">
        <v>0</v>
      </c>
      <c r="CG3082" s="166">
        <v>0</v>
      </c>
      <c r="CH3082" s="166">
        <v>0</v>
      </c>
      <c r="CI3082" s="166">
        <v>0</v>
      </c>
      <c r="CJ3082" s="166">
        <v>0</v>
      </c>
      <c r="CK3082" s="166">
        <v>0</v>
      </c>
      <c r="CL3082" s="166">
        <v>0</v>
      </c>
      <c r="CM3082" s="166">
        <v>0</v>
      </c>
      <c r="CN3082" s="166">
        <v>0</v>
      </c>
      <c r="CO3082" s="166">
        <v>0</v>
      </c>
      <c r="CP3082" s="166">
        <v>0</v>
      </c>
      <c r="CQ3082" s="166">
        <v>0</v>
      </c>
      <c r="CR3082" s="166">
        <v>0</v>
      </c>
      <c r="CS3082" s="166">
        <v>0</v>
      </c>
      <c r="CT3082" s="166">
        <v>0</v>
      </c>
      <c r="CU3082" s="166">
        <v>0</v>
      </c>
      <c r="CV3082" s="166">
        <v>0</v>
      </c>
      <c r="CW3082" s="166">
        <v>0</v>
      </c>
      <c r="CX3082" s="166">
        <v>0</v>
      </c>
      <c r="CY3082" s="166">
        <v>0</v>
      </c>
      <c r="CZ3082" s="166">
        <v>0</v>
      </c>
    </row>
    <row r="3083" spans="1:104" x14ac:dyDescent="0.2">
      <c r="A3083" s="167" t="s">
        <v>370</v>
      </c>
    </row>
    <row r="3084" spans="1:104" x14ac:dyDescent="0.2">
      <c r="A3084" s="167" t="s">
        <v>1163</v>
      </c>
      <c r="B3084" s="166">
        <v>0</v>
      </c>
      <c r="C3084" s="166">
        <v>0</v>
      </c>
      <c r="D3084" s="166">
        <v>0</v>
      </c>
      <c r="E3084" s="166">
        <v>0</v>
      </c>
      <c r="F3084" s="166">
        <v>0</v>
      </c>
      <c r="G3084" s="166">
        <v>0</v>
      </c>
      <c r="H3084" s="166">
        <v>0</v>
      </c>
      <c r="I3084" s="166">
        <v>0</v>
      </c>
      <c r="J3084" s="166">
        <v>0</v>
      </c>
      <c r="K3084" s="166">
        <v>0</v>
      </c>
      <c r="L3084" s="166">
        <v>0</v>
      </c>
      <c r="M3084" s="166">
        <v>0</v>
      </c>
      <c r="N3084" s="166">
        <v>0</v>
      </c>
      <c r="O3084" s="166">
        <v>0</v>
      </c>
      <c r="P3084" s="166">
        <v>0</v>
      </c>
      <c r="Q3084" s="166">
        <v>0</v>
      </c>
      <c r="R3084" s="166">
        <v>0</v>
      </c>
      <c r="S3084" s="166">
        <v>0</v>
      </c>
      <c r="T3084" s="166">
        <v>0</v>
      </c>
      <c r="U3084" s="166">
        <v>0</v>
      </c>
      <c r="V3084" s="166">
        <v>0</v>
      </c>
      <c r="W3084" s="166">
        <v>0</v>
      </c>
      <c r="X3084" s="166">
        <v>0</v>
      </c>
      <c r="Y3084" s="166">
        <v>0</v>
      </c>
      <c r="Z3084" s="166">
        <v>0</v>
      </c>
      <c r="AA3084" s="166">
        <v>0</v>
      </c>
      <c r="AB3084" s="166">
        <v>0</v>
      </c>
      <c r="AC3084" s="166">
        <v>0</v>
      </c>
      <c r="AD3084" s="166">
        <v>0</v>
      </c>
      <c r="AE3084" s="166">
        <v>0</v>
      </c>
      <c r="AF3084" s="166">
        <v>0</v>
      </c>
      <c r="AG3084" s="166">
        <v>0</v>
      </c>
      <c r="AH3084" s="166">
        <v>0</v>
      </c>
      <c r="AI3084" s="166">
        <v>0</v>
      </c>
      <c r="AJ3084" s="166">
        <v>0</v>
      </c>
      <c r="AK3084" s="166">
        <v>0</v>
      </c>
      <c r="AL3084" s="166">
        <v>0</v>
      </c>
      <c r="AM3084" s="166">
        <v>0</v>
      </c>
      <c r="AN3084" s="166">
        <v>0</v>
      </c>
      <c r="AO3084" s="166">
        <v>0</v>
      </c>
      <c r="AP3084" s="166">
        <v>0</v>
      </c>
      <c r="AQ3084" s="166">
        <v>0</v>
      </c>
      <c r="AR3084" s="166">
        <v>0</v>
      </c>
      <c r="AS3084" s="166">
        <v>0</v>
      </c>
      <c r="AT3084" s="166">
        <v>0</v>
      </c>
      <c r="AU3084" s="166">
        <v>0</v>
      </c>
      <c r="AV3084" s="166">
        <v>0</v>
      </c>
      <c r="AW3084" s="166">
        <v>0</v>
      </c>
      <c r="AX3084" s="166">
        <v>0</v>
      </c>
      <c r="AY3084" s="166">
        <v>0</v>
      </c>
      <c r="AZ3084" s="166">
        <v>0</v>
      </c>
      <c r="BA3084" s="166">
        <v>0</v>
      </c>
      <c r="BB3084" s="166">
        <v>0</v>
      </c>
      <c r="BC3084" s="166">
        <v>0</v>
      </c>
      <c r="BD3084" s="166">
        <v>0</v>
      </c>
      <c r="BE3084" s="166">
        <v>0</v>
      </c>
      <c r="BF3084" s="166">
        <v>0</v>
      </c>
      <c r="BG3084" s="166">
        <v>0</v>
      </c>
      <c r="BH3084" s="166">
        <v>0</v>
      </c>
      <c r="BI3084" s="166">
        <v>0</v>
      </c>
      <c r="BJ3084" s="166">
        <v>0</v>
      </c>
      <c r="BK3084" s="166">
        <v>0</v>
      </c>
      <c r="BL3084" s="166">
        <v>0</v>
      </c>
      <c r="BM3084" s="166">
        <v>0</v>
      </c>
      <c r="BN3084" s="166">
        <v>0</v>
      </c>
      <c r="BO3084" s="166">
        <v>0</v>
      </c>
      <c r="BP3084" s="166">
        <v>0</v>
      </c>
      <c r="BQ3084" s="166">
        <v>0</v>
      </c>
      <c r="BR3084" s="166">
        <v>0</v>
      </c>
      <c r="BS3084" s="166">
        <v>0</v>
      </c>
      <c r="BT3084" s="168">
        <v>0</v>
      </c>
      <c r="BU3084" s="166">
        <v>0</v>
      </c>
      <c r="BV3084" s="166">
        <v>0</v>
      </c>
      <c r="BW3084" s="166">
        <v>0</v>
      </c>
      <c r="BX3084" s="166">
        <v>0</v>
      </c>
      <c r="BY3084" s="166">
        <v>0</v>
      </c>
      <c r="BZ3084" s="166">
        <v>0</v>
      </c>
      <c r="CA3084" s="166">
        <v>0</v>
      </c>
      <c r="CB3084" s="166">
        <v>0</v>
      </c>
      <c r="CC3084" s="166">
        <v>0</v>
      </c>
      <c r="CD3084" s="166">
        <v>0</v>
      </c>
      <c r="CE3084" s="166">
        <v>0</v>
      </c>
      <c r="CF3084" s="166">
        <v>0</v>
      </c>
      <c r="CG3084" s="166">
        <v>0</v>
      </c>
      <c r="CH3084" s="166">
        <v>0</v>
      </c>
      <c r="CI3084" s="166">
        <v>0</v>
      </c>
      <c r="CJ3084" s="166">
        <v>0</v>
      </c>
      <c r="CK3084" s="166">
        <v>0</v>
      </c>
      <c r="CL3084" s="166">
        <v>0</v>
      </c>
      <c r="CM3084" s="166">
        <v>0</v>
      </c>
      <c r="CN3084" s="166">
        <v>0</v>
      </c>
      <c r="CO3084" s="166">
        <v>0</v>
      </c>
      <c r="CP3084" s="166">
        <v>0</v>
      </c>
      <c r="CQ3084" s="166">
        <v>0</v>
      </c>
      <c r="CR3084" s="166">
        <v>0</v>
      </c>
      <c r="CS3084" s="166">
        <v>0</v>
      </c>
      <c r="CT3084" s="166">
        <v>0</v>
      </c>
      <c r="CU3084" s="166">
        <v>0</v>
      </c>
      <c r="CV3084" s="166">
        <v>0</v>
      </c>
      <c r="CW3084" s="166">
        <v>0</v>
      </c>
      <c r="CX3084" s="166">
        <v>0</v>
      </c>
      <c r="CY3084" s="166">
        <v>0</v>
      </c>
      <c r="CZ3084" s="166">
        <v>0</v>
      </c>
    </row>
    <row r="3085" spans="1:104" x14ac:dyDescent="0.2">
      <c r="A3085" s="167" t="s">
        <v>1164</v>
      </c>
      <c r="B3085" s="166">
        <v>0</v>
      </c>
      <c r="C3085" s="166">
        <v>0</v>
      </c>
      <c r="D3085" s="166">
        <v>0</v>
      </c>
      <c r="E3085" s="166">
        <v>0</v>
      </c>
      <c r="F3085" s="166">
        <v>0</v>
      </c>
      <c r="G3085" s="166">
        <v>0</v>
      </c>
      <c r="H3085" s="166">
        <v>0</v>
      </c>
      <c r="I3085" s="166">
        <v>0</v>
      </c>
      <c r="J3085" s="166">
        <v>0</v>
      </c>
      <c r="K3085" s="166">
        <v>0</v>
      </c>
      <c r="L3085" s="166">
        <v>0</v>
      </c>
      <c r="M3085" s="166">
        <v>0</v>
      </c>
      <c r="N3085" s="166">
        <v>0</v>
      </c>
      <c r="O3085" s="166">
        <v>0</v>
      </c>
      <c r="P3085" s="166">
        <v>0</v>
      </c>
      <c r="Q3085" s="166">
        <v>0</v>
      </c>
      <c r="R3085" s="166">
        <v>0</v>
      </c>
      <c r="S3085" s="166">
        <v>0</v>
      </c>
      <c r="T3085" s="166">
        <v>0</v>
      </c>
      <c r="U3085" s="166">
        <v>0</v>
      </c>
      <c r="V3085" s="166">
        <v>0</v>
      </c>
      <c r="W3085" s="166">
        <v>0</v>
      </c>
      <c r="X3085" s="166">
        <v>0</v>
      </c>
      <c r="Y3085" s="166">
        <v>0</v>
      </c>
      <c r="Z3085" s="166">
        <v>0</v>
      </c>
      <c r="AA3085" s="166">
        <v>0</v>
      </c>
      <c r="AB3085" s="166">
        <v>0</v>
      </c>
      <c r="AC3085" s="166">
        <v>0</v>
      </c>
      <c r="AD3085" s="166">
        <v>0</v>
      </c>
      <c r="AE3085" s="166">
        <v>0</v>
      </c>
      <c r="AF3085" s="166">
        <v>0</v>
      </c>
      <c r="AG3085" s="166">
        <v>0</v>
      </c>
      <c r="AH3085" s="166">
        <v>0</v>
      </c>
      <c r="AI3085" s="166">
        <v>0</v>
      </c>
      <c r="AJ3085" s="166">
        <v>0</v>
      </c>
      <c r="AK3085" s="166">
        <v>0</v>
      </c>
      <c r="AL3085" s="166">
        <v>0</v>
      </c>
      <c r="AM3085" s="166">
        <v>0</v>
      </c>
      <c r="AN3085" s="166">
        <v>0</v>
      </c>
      <c r="AO3085" s="166">
        <v>0</v>
      </c>
      <c r="AP3085" s="166">
        <v>0</v>
      </c>
      <c r="AQ3085" s="166">
        <v>0</v>
      </c>
      <c r="AR3085" s="166">
        <v>0</v>
      </c>
      <c r="AS3085" s="166">
        <v>0</v>
      </c>
      <c r="AT3085" s="166">
        <v>0</v>
      </c>
      <c r="AU3085" s="166">
        <v>0</v>
      </c>
      <c r="AV3085" s="166">
        <v>0</v>
      </c>
      <c r="AW3085" s="166">
        <v>0</v>
      </c>
      <c r="AX3085" s="166">
        <v>0</v>
      </c>
      <c r="AY3085" s="166">
        <v>0</v>
      </c>
      <c r="AZ3085" s="166">
        <v>0</v>
      </c>
      <c r="BA3085" s="166">
        <v>0</v>
      </c>
      <c r="BB3085" s="166">
        <v>0</v>
      </c>
      <c r="BC3085" s="166">
        <v>0</v>
      </c>
      <c r="BD3085" s="166">
        <v>0</v>
      </c>
      <c r="BE3085" s="166">
        <v>0</v>
      </c>
      <c r="BF3085" s="166">
        <v>0</v>
      </c>
      <c r="BG3085" s="166">
        <v>0</v>
      </c>
      <c r="BH3085" s="166">
        <v>0</v>
      </c>
      <c r="BI3085" s="166">
        <v>0</v>
      </c>
      <c r="BJ3085" s="166">
        <v>0</v>
      </c>
      <c r="BK3085" s="166">
        <v>0</v>
      </c>
      <c r="BL3085" s="166">
        <v>0</v>
      </c>
      <c r="BM3085" s="166">
        <v>0</v>
      </c>
      <c r="BN3085" s="166">
        <v>0</v>
      </c>
      <c r="BO3085" s="166">
        <v>0</v>
      </c>
      <c r="BP3085" s="166">
        <v>0</v>
      </c>
      <c r="BQ3085" s="166">
        <v>0</v>
      </c>
      <c r="BR3085" s="166">
        <v>0</v>
      </c>
      <c r="BS3085" s="166">
        <v>0</v>
      </c>
      <c r="BT3085" s="168">
        <v>0</v>
      </c>
      <c r="BU3085" s="166">
        <v>0</v>
      </c>
      <c r="BV3085" s="166">
        <v>0</v>
      </c>
      <c r="BW3085" s="166">
        <v>0</v>
      </c>
      <c r="BX3085" s="166">
        <v>0</v>
      </c>
      <c r="BY3085" s="166">
        <v>0</v>
      </c>
      <c r="BZ3085" s="166">
        <v>0</v>
      </c>
      <c r="CA3085" s="166">
        <v>0</v>
      </c>
      <c r="CB3085" s="166">
        <v>0</v>
      </c>
      <c r="CC3085" s="166">
        <v>0</v>
      </c>
      <c r="CD3085" s="166">
        <v>0</v>
      </c>
      <c r="CE3085" s="166">
        <v>0</v>
      </c>
      <c r="CF3085" s="166">
        <v>0</v>
      </c>
      <c r="CG3085" s="166">
        <v>0</v>
      </c>
      <c r="CH3085" s="166">
        <v>0</v>
      </c>
      <c r="CI3085" s="166">
        <v>0</v>
      </c>
      <c r="CJ3085" s="166">
        <v>0</v>
      </c>
      <c r="CK3085" s="166">
        <v>0</v>
      </c>
      <c r="CL3085" s="166">
        <v>0</v>
      </c>
      <c r="CM3085" s="166">
        <v>0</v>
      </c>
      <c r="CN3085" s="166">
        <v>0</v>
      </c>
      <c r="CO3085" s="166">
        <v>0</v>
      </c>
      <c r="CP3085" s="166">
        <v>0</v>
      </c>
      <c r="CQ3085" s="166">
        <v>0</v>
      </c>
      <c r="CR3085" s="166">
        <v>0</v>
      </c>
      <c r="CS3085" s="166">
        <v>0</v>
      </c>
      <c r="CT3085" s="166">
        <v>0</v>
      </c>
      <c r="CU3085" s="166">
        <v>0</v>
      </c>
      <c r="CV3085" s="166">
        <v>0</v>
      </c>
      <c r="CW3085" s="166">
        <v>0</v>
      </c>
      <c r="CX3085" s="166">
        <v>0</v>
      </c>
      <c r="CY3085" s="166">
        <v>0</v>
      </c>
      <c r="CZ3085" s="166">
        <v>0</v>
      </c>
    </row>
    <row r="3086" spans="1:104" x14ac:dyDescent="0.2">
      <c r="A3086" s="167" t="s">
        <v>1165</v>
      </c>
      <c r="B3086" s="166">
        <v>0</v>
      </c>
      <c r="C3086" s="166">
        <v>0</v>
      </c>
      <c r="D3086" s="166">
        <v>0</v>
      </c>
      <c r="E3086" s="166">
        <v>0</v>
      </c>
      <c r="F3086" s="166">
        <v>0</v>
      </c>
      <c r="G3086" s="166">
        <v>0</v>
      </c>
      <c r="H3086" s="166">
        <v>0</v>
      </c>
      <c r="I3086" s="166">
        <v>0</v>
      </c>
      <c r="J3086" s="166">
        <v>0</v>
      </c>
      <c r="K3086" s="166">
        <v>0</v>
      </c>
      <c r="L3086" s="166">
        <v>0</v>
      </c>
      <c r="M3086" s="166">
        <v>0</v>
      </c>
      <c r="N3086" s="166">
        <v>0</v>
      </c>
      <c r="O3086" s="166">
        <v>0</v>
      </c>
      <c r="P3086" s="166">
        <v>0</v>
      </c>
      <c r="Q3086" s="166">
        <v>0</v>
      </c>
      <c r="R3086" s="166">
        <v>0</v>
      </c>
      <c r="S3086" s="166">
        <v>0</v>
      </c>
      <c r="T3086" s="166">
        <v>0</v>
      </c>
      <c r="U3086" s="166">
        <v>0</v>
      </c>
      <c r="V3086" s="166">
        <v>0</v>
      </c>
      <c r="W3086" s="166">
        <v>0</v>
      </c>
      <c r="X3086" s="166">
        <v>0</v>
      </c>
      <c r="Y3086" s="166">
        <v>0</v>
      </c>
      <c r="Z3086" s="166">
        <v>0</v>
      </c>
      <c r="AA3086" s="166">
        <v>0</v>
      </c>
      <c r="AB3086" s="166">
        <v>0</v>
      </c>
      <c r="AC3086" s="166">
        <v>0</v>
      </c>
      <c r="AD3086" s="166">
        <v>0</v>
      </c>
      <c r="AE3086" s="166">
        <v>0</v>
      </c>
      <c r="AF3086" s="166">
        <v>0</v>
      </c>
      <c r="AG3086" s="166">
        <v>0</v>
      </c>
      <c r="AH3086" s="166">
        <v>0</v>
      </c>
      <c r="AI3086" s="166">
        <v>0</v>
      </c>
      <c r="AJ3086" s="166">
        <v>0</v>
      </c>
      <c r="AK3086" s="166">
        <v>0</v>
      </c>
      <c r="AL3086" s="166">
        <v>0</v>
      </c>
      <c r="AM3086" s="166">
        <v>0</v>
      </c>
      <c r="AN3086" s="166">
        <v>0</v>
      </c>
      <c r="AO3086" s="166">
        <v>0</v>
      </c>
      <c r="AP3086" s="166">
        <v>0</v>
      </c>
      <c r="AQ3086" s="166">
        <v>0</v>
      </c>
      <c r="AR3086" s="166">
        <v>0</v>
      </c>
      <c r="AS3086" s="166">
        <v>0</v>
      </c>
      <c r="AT3086" s="166">
        <v>0</v>
      </c>
      <c r="AU3086" s="166">
        <v>0</v>
      </c>
      <c r="AV3086" s="166">
        <v>0</v>
      </c>
      <c r="AW3086" s="166">
        <v>0</v>
      </c>
      <c r="AX3086" s="166">
        <v>0</v>
      </c>
      <c r="AY3086" s="166">
        <v>0</v>
      </c>
      <c r="AZ3086" s="166">
        <v>0</v>
      </c>
      <c r="BA3086" s="166">
        <v>0</v>
      </c>
      <c r="BB3086" s="166">
        <v>0</v>
      </c>
      <c r="BC3086" s="166">
        <v>0</v>
      </c>
      <c r="BD3086" s="166">
        <v>0</v>
      </c>
      <c r="BE3086" s="166">
        <v>0</v>
      </c>
      <c r="BF3086" s="166">
        <v>0</v>
      </c>
      <c r="BG3086" s="166">
        <v>0</v>
      </c>
      <c r="BH3086" s="166">
        <v>0</v>
      </c>
      <c r="BI3086" s="166">
        <v>0</v>
      </c>
      <c r="BJ3086" s="166">
        <v>0</v>
      </c>
      <c r="BK3086" s="166">
        <v>0</v>
      </c>
      <c r="BL3086" s="166">
        <v>0</v>
      </c>
      <c r="BM3086" s="166">
        <v>0</v>
      </c>
      <c r="BN3086" s="166">
        <v>0</v>
      </c>
      <c r="BO3086" s="166">
        <v>0</v>
      </c>
      <c r="BP3086" s="166">
        <v>0</v>
      </c>
      <c r="BQ3086" s="166">
        <v>0</v>
      </c>
      <c r="BR3086" s="166">
        <v>0</v>
      </c>
      <c r="BS3086" s="166">
        <v>0</v>
      </c>
      <c r="BT3086" s="168">
        <v>0</v>
      </c>
      <c r="BU3086" s="166">
        <v>0</v>
      </c>
      <c r="BV3086" s="166">
        <v>0</v>
      </c>
      <c r="BW3086" s="166">
        <v>0</v>
      </c>
      <c r="BX3086" s="166">
        <v>0</v>
      </c>
      <c r="BY3086" s="166">
        <v>0</v>
      </c>
      <c r="BZ3086" s="166">
        <v>0</v>
      </c>
      <c r="CA3086" s="166">
        <v>0</v>
      </c>
      <c r="CB3086" s="166">
        <v>0</v>
      </c>
      <c r="CC3086" s="166">
        <v>0</v>
      </c>
      <c r="CD3086" s="166">
        <v>0</v>
      </c>
      <c r="CE3086" s="166">
        <v>0</v>
      </c>
      <c r="CF3086" s="166">
        <v>0</v>
      </c>
      <c r="CG3086" s="166">
        <v>0</v>
      </c>
      <c r="CH3086" s="166">
        <v>0</v>
      </c>
      <c r="CI3086" s="166">
        <v>0</v>
      </c>
      <c r="CJ3086" s="166">
        <v>0</v>
      </c>
      <c r="CK3086" s="166">
        <v>0</v>
      </c>
      <c r="CL3086" s="166">
        <v>0</v>
      </c>
      <c r="CM3086" s="166">
        <v>0</v>
      </c>
      <c r="CN3086" s="166">
        <v>0</v>
      </c>
      <c r="CO3086" s="166">
        <v>0</v>
      </c>
      <c r="CP3086" s="166">
        <v>0</v>
      </c>
      <c r="CQ3086" s="166">
        <v>0</v>
      </c>
      <c r="CR3086" s="166">
        <v>0</v>
      </c>
      <c r="CS3086" s="166">
        <v>0</v>
      </c>
      <c r="CT3086" s="166">
        <v>0</v>
      </c>
      <c r="CU3086" s="166">
        <v>0</v>
      </c>
      <c r="CV3086" s="166">
        <v>0</v>
      </c>
      <c r="CW3086" s="166">
        <v>0</v>
      </c>
      <c r="CX3086" s="166">
        <v>0</v>
      </c>
      <c r="CY3086" s="166">
        <v>0</v>
      </c>
      <c r="CZ3086" s="166">
        <v>0</v>
      </c>
    </row>
    <row r="3087" spans="1:104" x14ac:dyDescent="0.2">
      <c r="A3087" s="167" t="s">
        <v>1166</v>
      </c>
      <c r="B3087" s="166">
        <v>0</v>
      </c>
      <c r="C3087" s="166">
        <v>0</v>
      </c>
      <c r="D3087" s="166">
        <v>0</v>
      </c>
      <c r="E3087" s="166">
        <v>0</v>
      </c>
      <c r="F3087" s="166">
        <v>0</v>
      </c>
      <c r="G3087" s="166">
        <v>0</v>
      </c>
      <c r="H3087" s="166">
        <v>0</v>
      </c>
      <c r="I3087" s="166">
        <v>0</v>
      </c>
      <c r="J3087" s="166">
        <v>0</v>
      </c>
      <c r="K3087" s="166">
        <v>0</v>
      </c>
      <c r="L3087" s="166">
        <v>0</v>
      </c>
      <c r="M3087" s="166">
        <v>0</v>
      </c>
      <c r="N3087" s="166">
        <v>0</v>
      </c>
      <c r="O3087" s="166">
        <v>0</v>
      </c>
      <c r="P3087" s="166">
        <v>0</v>
      </c>
      <c r="Q3087" s="166">
        <v>0</v>
      </c>
      <c r="R3087" s="166">
        <v>0</v>
      </c>
      <c r="S3087" s="166">
        <v>0</v>
      </c>
      <c r="T3087" s="166">
        <v>0</v>
      </c>
      <c r="U3087" s="166">
        <v>0</v>
      </c>
      <c r="V3087" s="166">
        <v>0</v>
      </c>
      <c r="W3087" s="166">
        <v>0</v>
      </c>
      <c r="X3087" s="166">
        <v>0</v>
      </c>
      <c r="Y3087" s="166">
        <v>0</v>
      </c>
      <c r="Z3087" s="166">
        <v>0</v>
      </c>
      <c r="AA3087" s="166">
        <v>0</v>
      </c>
      <c r="AB3087" s="166">
        <v>0</v>
      </c>
      <c r="AC3087" s="166">
        <v>0</v>
      </c>
      <c r="AD3087" s="166">
        <v>0</v>
      </c>
      <c r="AE3087" s="166">
        <v>0</v>
      </c>
      <c r="AF3087" s="166">
        <v>0</v>
      </c>
      <c r="AG3087" s="166">
        <v>0</v>
      </c>
      <c r="AH3087" s="166">
        <v>0</v>
      </c>
      <c r="AI3087" s="166">
        <v>0</v>
      </c>
      <c r="AJ3087" s="166">
        <v>0</v>
      </c>
      <c r="AK3087" s="166">
        <v>0</v>
      </c>
      <c r="AL3087" s="166">
        <v>0</v>
      </c>
      <c r="AM3087" s="166">
        <v>0</v>
      </c>
      <c r="AN3087" s="166">
        <v>0</v>
      </c>
      <c r="AO3087" s="166">
        <v>0</v>
      </c>
      <c r="AP3087" s="166">
        <v>0</v>
      </c>
      <c r="AQ3087" s="166">
        <v>0</v>
      </c>
      <c r="AR3087" s="166">
        <v>0</v>
      </c>
      <c r="AS3087" s="166">
        <v>0</v>
      </c>
      <c r="AT3087" s="166">
        <v>0</v>
      </c>
      <c r="AU3087" s="166">
        <v>0</v>
      </c>
      <c r="AV3087" s="166">
        <v>0</v>
      </c>
      <c r="AW3087" s="166">
        <v>0</v>
      </c>
      <c r="AX3087" s="166">
        <v>0</v>
      </c>
      <c r="AY3087" s="166">
        <v>0</v>
      </c>
      <c r="AZ3087" s="166">
        <v>0</v>
      </c>
      <c r="BA3087" s="166">
        <v>0</v>
      </c>
      <c r="BB3087" s="166">
        <v>0</v>
      </c>
      <c r="BC3087" s="166">
        <v>0</v>
      </c>
      <c r="BD3087" s="166">
        <v>0</v>
      </c>
      <c r="BE3087" s="166">
        <v>0</v>
      </c>
      <c r="BF3087" s="166">
        <v>0</v>
      </c>
      <c r="BG3087" s="166">
        <v>0</v>
      </c>
      <c r="BH3087" s="166">
        <v>0</v>
      </c>
      <c r="BI3087" s="166">
        <v>0</v>
      </c>
      <c r="BJ3087" s="166">
        <v>0</v>
      </c>
      <c r="BK3087" s="166">
        <v>0</v>
      </c>
      <c r="BL3087" s="166">
        <v>0</v>
      </c>
      <c r="BM3087" s="166">
        <v>0</v>
      </c>
      <c r="BN3087" s="166">
        <v>0</v>
      </c>
      <c r="BO3087" s="166">
        <v>0</v>
      </c>
      <c r="BP3087" s="166">
        <v>0</v>
      </c>
      <c r="BQ3087" s="166">
        <v>0</v>
      </c>
      <c r="BR3087" s="166">
        <v>0</v>
      </c>
      <c r="BS3087" s="166">
        <v>0</v>
      </c>
      <c r="BT3087" s="168">
        <v>0</v>
      </c>
      <c r="BU3087" s="166">
        <v>0</v>
      </c>
      <c r="BV3087" s="166">
        <v>0</v>
      </c>
      <c r="BW3087" s="166">
        <v>0</v>
      </c>
      <c r="BX3087" s="166">
        <v>0</v>
      </c>
      <c r="BY3087" s="166">
        <v>0</v>
      </c>
      <c r="BZ3087" s="166">
        <v>0</v>
      </c>
      <c r="CA3087" s="166">
        <v>0</v>
      </c>
      <c r="CB3087" s="166">
        <v>0</v>
      </c>
      <c r="CC3087" s="166">
        <v>0</v>
      </c>
      <c r="CD3087" s="166">
        <v>0</v>
      </c>
      <c r="CE3087" s="166">
        <v>0</v>
      </c>
      <c r="CF3087" s="166">
        <v>0</v>
      </c>
      <c r="CG3087" s="166">
        <v>0</v>
      </c>
      <c r="CH3087" s="166">
        <v>0</v>
      </c>
      <c r="CI3087" s="166">
        <v>0</v>
      </c>
      <c r="CJ3087" s="166">
        <v>0</v>
      </c>
      <c r="CK3087" s="166">
        <v>0</v>
      </c>
      <c r="CL3087" s="166">
        <v>0</v>
      </c>
      <c r="CM3087" s="166">
        <v>0</v>
      </c>
      <c r="CN3087" s="166">
        <v>0</v>
      </c>
      <c r="CO3087" s="166">
        <v>0</v>
      </c>
      <c r="CP3087" s="166">
        <v>0</v>
      </c>
      <c r="CQ3087" s="166">
        <v>0</v>
      </c>
      <c r="CR3087" s="166">
        <v>0</v>
      </c>
      <c r="CS3087" s="166">
        <v>0</v>
      </c>
      <c r="CT3087" s="166">
        <v>0</v>
      </c>
      <c r="CU3087" s="166">
        <v>0</v>
      </c>
      <c r="CV3087" s="166">
        <v>0</v>
      </c>
      <c r="CW3087" s="166">
        <v>0</v>
      </c>
      <c r="CX3087" s="166">
        <v>0</v>
      </c>
      <c r="CY3087" s="166">
        <v>0</v>
      </c>
      <c r="CZ3087" s="166">
        <v>0</v>
      </c>
    </row>
    <row r="3088" spans="1:104" x14ac:dyDescent="0.2">
      <c r="A3088" s="167" t="s">
        <v>1167</v>
      </c>
      <c r="B3088" s="166">
        <v>0</v>
      </c>
      <c r="C3088" s="166">
        <v>0</v>
      </c>
      <c r="D3088" s="166">
        <v>0</v>
      </c>
      <c r="E3088" s="166">
        <v>0</v>
      </c>
      <c r="F3088" s="166">
        <v>0</v>
      </c>
      <c r="G3088" s="166">
        <v>0</v>
      </c>
      <c r="H3088" s="166">
        <v>0</v>
      </c>
      <c r="I3088" s="166">
        <v>0</v>
      </c>
      <c r="J3088" s="166">
        <v>0</v>
      </c>
      <c r="K3088" s="166">
        <v>0</v>
      </c>
      <c r="L3088" s="166">
        <v>0</v>
      </c>
      <c r="M3088" s="166">
        <v>0</v>
      </c>
      <c r="N3088" s="166">
        <v>0</v>
      </c>
      <c r="O3088" s="166">
        <v>0</v>
      </c>
      <c r="P3088" s="166">
        <v>0</v>
      </c>
      <c r="Q3088" s="166">
        <v>0</v>
      </c>
      <c r="R3088" s="166">
        <v>0</v>
      </c>
      <c r="S3088" s="166">
        <v>0</v>
      </c>
      <c r="T3088" s="166">
        <v>0</v>
      </c>
      <c r="U3088" s="166">
        <v>0</v>
      </c>
      <c r="V3088" s="166">
        <v>0</v>
      </c>
      <c r="W3088" s="166">
        <v>0</v>
      </c>
      <c r="X3088" s="166">
        <v>0</v>
      </c>
      <c r="Y3088" s="166">
        <v>0</v>
      </c>
      <c r="Z3088" s="166">
        <v>0</v>
      </c>
      <c r="AA3088" s="166">
        <v>0</v>
      </c>
      <c r="AB3088" s="166">
        <v>0</v>
      </c>
      <c r="AC3088" s="166">
        <v>0</v>
      </c>
      <c r="AD3088" s="166">
        <v>0</v>
      </c>
      <c r="AE3088" s="166">
        <v>0</v>
      </c>
      <c r="AF3088" s="166">
        <v>0</v>
      </c>
      <c r="AG3088" s="166">
        <v>0</v>
      </c>
      <c r="AH3088" s="166">
        <v>0</v>
      </c>
      <c r="AI3088" s="166">
        <v>0</v>
      </c>
      <c r="AJ3088" s="166">
        <v>0</v>
      </c>
      <c r="AK3088" s="166">
        <v>0</v>
      </c>
      <c r="AL3088" s="166">
        <v>0</v>
      </c>
      <c r="AM3088" s="166">
        <v>0</v>
      </c>
      <c r="AN3088" s="166">
        <v>0</v>
      </c>
      <c r="AO3088" s="166">
        <v>0</v>
      </c>
      <c r="AP3088" s="166">
        <v>0</v>
      </c>
      <c r="AQ3088" s="166">
        <v>0</v>
      </c>
      <c r="AR3088" s="166">
        <v>0</v>
      </c>
      <c r="AS3088" s="166">
        <v>0</v>
      </c>
      <c r="AT3088" s="166">
        <v>0</v>
      </c>
      <c r="AU3088" s="166">
        <v>0</v>
      </c>
      <c r="AV3088" s="166">
        <v>0</v>
      </c>
      <c r="AW3088" s="166">
        <v>0</v>
      </c>
      <c r="AX3088" s="166">
        <v>0</v>
      </c>
      <c r="AY3088" s="166">
        <v>0</v>
      </c>
      <c r="AZ3088" s="166">
        <v>0</v>
      </c>
      <c r="BA3088" s="166">
        <v>0</v>
      </c>
      <c r="BB3088" s="166">
        <v>0</v>
      </c>
      <c r="BC3088" s="166">
        <v>0</v>
      </c>
      <c r="BD3088" s="166">
        <v>0</v>
      </c>
      <c r="BE3088" s="166">
        <v>0</v>
      </c>
      <c r="BF3088" s="166">
        <v>0</v>
      </c>
      <c r="BG3088" s="166">
        <v>0</v>
      </c>
      <c r="BH3088" s="166">
        <v>0</v>
      </c>
      <c r="BI3088" s="166">
        <v>0</v>
      </c>
      <c r="BJ3088" s="166">
        <v>0</v>
      </c>
      <c r="BK3088" s="166">
        <v>0</v>
      </c>
      <c r="BL3088" s="166">
        <v>0</v>
      </c>
      <c r="BM3088" s="166">
        <v>0</v>
      </c>
      <c r="BN3088" s="166">
        <v>0</v>
      </c>
      <c r="BO3088" s="166">
        <v>0</v>
      </c>
      <c r="BP3088" s="166">
        <v>0</v>
      </c>
      <c r="BQ3088" s="166">
        <v>0</v>
      </c>
      <c r="BR3088" s="166">
        <v>0</v>
      </c>
      <c r="BS3088" s="166">
        <v>0</v>
      </c>
      <c r="BT3088" s="168">
        <v>0</v>
      </c>
      <c r="BU3088" s="166">
        <v>0</v>
      </c>
      <c r="BV3088" s="166">
        <v>0</v>
      </c>
      <c r="BW3088" s="166">
        <v>0</v>
      </c>
      <c r="BX3088" s="166">
        <v>0</v>
      </c>
      <c r="BY3088" s="166">
        <v>0</v>
      </c>
      <c r="BZ3088" s="166">
        <v>0</v>
      </c>
      <c r="CA3088" s="166">
        <v>0</v>
      </c>
      <c r="CB3088" s="166">
        <v>0</v>
      </c>
      <c r="CC3088" s="166">
        <v>0</v>
      </c>
      <c r="CD3088" s="166">
        <v>0</v>
      </c>
      <c r="CE3088" s="166">
        <v>0</v>
      </c>
      <c r="CF3088" s="166">
        <v>0</v>
      </c>
      <c r="CG3088" s="166">
        <v>0</v>
      </c>
      <c r="CH3088" s="166">
        <v>0</v>
      </c>
      <c r="CI3088" s="166">
        <v>0</v>
      </c>
      <c r="CJ3088" s="166">
        <v>0</v>
      </c>
      <c r="CK3088" s="166">
        <v>0</v>
      </c>
      <c r="CL3088" s="166">
        <v>0</v>
      </c>
      <c r="CM3088" s="166">
        <v>0</v>
      </c>
      <c r="CN3088" s="166">
        <v>0</v>
      </c>
      <c r="CO3088" s="166">
        <v>0</v>
      </c>
      <c r="CP3088" s="166">
        <v>0</v>
      </c>
      <c r="CQ3088" s="166">
        <v>0</v>
      </c>
      <c r="CR3088" s="166">
        <v>0</v>
      </c>
      <c r="CS3088" s="166">
        <v>0</v>
      </c>
      <c r="CT3088" s="166">
        <v>0</v>
      </c>
      <c r="CU3088" s="166">
        <v>0</v>
      </c>
      <c r="CV3088" s="166">
        <v>0</v>
      </c>
      <c r="CW3088" s="166">
        <v>0</v>
      </c>
      <c r="CX3088" s="166">
        <v>0</v>
      </c>
      <c r="CY3088" s="166">
        <v>0</v>
      </c>
      <c r="CZ3088" s="166">
        <v>0</v>
      </c>
    </row>
    <row r="3089" spans="1:104" x14ac:dyDescent="0.2">
      <c r="A3089" s="167" t="s">
        <v>1168</v>
      </c>
      <c r="B3089" s="166">
        <v>0</v>
      </c>
      <c r="C3089" s="166">
        <v>0</v>
      </c>
      <c r="D3089" s="166">
        <v>0</v>
      </c>
      <c r="E3089" s="166">
        <v>0</v>
      </c>
      <c r="F3089" s="166">
        <v>0</v>
      </c>
      <c r="G3089" s="166">
        <v>0</v>
      </c>
      <c r="H3089" s="166">
        <v>0</v>
      </c>
      <c r="I3089" s="166">
        <v>0</v>
      </c>
      <c r="J3089" s="166">
        <v>0</v>
      </c>
      <c r="K3089" s="166">
        <v>0</v>
      </c>
      <c r="L3089" s="166">
        <v>0</v>
      </c>
      <c r="M3089" s="166">
        <v>0</v>
      </c>
      <c r="N3089" s="166">
        <v>0</v>
      </c>
      <c r="O3089" s="166">
        <v>0</v>
      </c>
      <c r="P3089" s="166">
        <v>0</v>
      </c>
      <c r="Q3089" s="166">
        <v>0</v>
      </c>
      <c r="R3089" s="166">
        <v>0</v>
      </c>
      <c r="S3089" s="166">
        <v>0</v>
      </c>
      <c r="T3089" s="166">
        <v>0</v>
      </c>
      <c r="U3089" s="166">
        <v>0</v>
      </c>
      <c r="V3089" s="166">
        <v>0</v>
      </c>
      <c r="W3089" s="166">
        <v>0</v>
      </c>
      <c r="X3089" s="166">
        <v>0</v>
      </c>
      <c r="Y3089" s="166">
        <v>0</v>
      </c>
      <c r="Z3089" s="166">
        <v>0</v>
      </c>
      <c r="AA3089" s="166">
        <v>0</v>
      </c>
      <c r="AB3089" s="166">
        <v>0</v>
      </c>
      <c r="AC3089" s="166">
        <v>0</v>
      </c>
      <c r="AD3089" s="166">
        <v>0</v>
      </c>
      <c r="AE3089" s="166">
        <v>0</v>
      </c>
      <c r="AF3089" s="166">
        <v>0</v>
      </c>
      <c r="AG3089" s="166">
        <v>0</v>
      </c>
      <c r="AH3089" s="166">
        <v>0</v>
      </c>
      <c r="AI3089" s="166">
        <v>0</v>
      </c>
      <c r="AJ3089" s="166">
        <v>0</v>
      </c>
      <c r="AK3089" s="166">
        <v>0</v>
      </c>
      <c r="AL3089" s="166">
        <v>0</v>
      </c>
      <c r="AM3089" s="166">
        <v>0</v>
      </c>
      <c r="AN3089" s="166">
        <v>0</v>
      </c>
      <c r="AO3089" s="166">
        <v>0</v>
      </c>
      <c r="AP3089" s="166">
        <v>0</v>
      </c>
      <c r="AQ3089" s="166">
        <v>0</v>
      </c>
      <c r="AR3089" s="166">
        <v>0</v>
      </c>
      <c r="AS3089" s="166">
        <v>0</v>
      </c>
      <c r="AT3089" s="166">
        <v>0</v>
      </c>
      <c r="AU3089" s="166">
        <v>0</v>
      </c>
      <c r="AV3089" s="166">
        <v>0</v>
      </c>
      <c r="AW3089" s="166">
        <v>0</v>
      </c>
      <c r="AX3089" s="166">
        <v>0</v>
      </c>
      <c r="AY3089" s="166">
        <v>0</v>
      </c>
      <c r="AZ3089" s="166">
        <v>0</v>
      </c>
      <c r="BA3089" s="166">
        <v>0</v>
      </c>
      <c r="BB3089" s="166">
        <v>0</v>
      </c>
      <c r="BC3089" s="166">
        <v>0</v>
      </c>
      <c r="BD3089" s="166">
        <v>0</v>
      </c>
      <c r="BE3089" s="166">
        <v>0</v>
      </c>
      <c r="BF3089" s="166">
        <v>0</v>
      </c>
      <c r="BG3089" s="166">
        <v>0</v>
      </c>
      <c r="BH3089" s="166">
        <v>0</v>
      </c>
      <c r="BI3089" s="166">
        <v>0</v>
      </c>
      <c r="BJ3089" s="166">
        <v>0</v>
      </c>
      <c r="BK3089" s="166">
        <v>0</v>
      </c>
      <c r="BL3089" s="166">
        <v>0</v>
      </c>
      <c r="BM3089" s="166">
        <v>0</v>
      </c>
      <c r="BN3089" s="166">
        <v>0</v>
      </c>
      <c r="BO3089" s="166">
        <v>0</v>
      </c>
      <c r="BP3089" s="166">
        <v>0</v>
      </c>
      <c r="BQ3089" s="166">
        <v>0</v>
      </c>
      <c r="BR3089" s="166">
        <v>0</v>
      </c>
      <c r="BS3089" s="166">
        <v>0</v>
      </c>
      <c r="BT3089" s="168">
        <v>0</v>
      </c>
      <c r="BU3089" s="166">
        <v>0</v>
      </c>
      <c r="BV3089" s="166">
        <v>0</v>
      </c>
      <c r="BW3089" s="166">
        <v>0</v>
      </c>
      <c r="BX3089" s="166">
        <v>0</v>
      </c>
      <c r="BY3089" s="166">
        <v>0</v>
      </c>
      <c r="BZ3089" s="166">
        <v>0</v>
      </c>
      <c r="CA3089" s="166">
        <v>0</v>
      </c>
      <c r="CB3089" s="166">
        <v>0</v>
      </c>
      <c r="CC3089" s="166">
        <v>0</v>
      </c>
      <c r="CD3089" s="166">
        <v>0</v>
      </c>
      <c r="CE3089" s="166">
        <v>0</v>
      </c>
      <c r="CF3089" s="166">
        <v>0</v>
      </c>
      <c r="CG3089" s="166">
        <v>0</v>
      </c>
      <c r="CH3089" s="166">
        <v>0</v>
      </c>
      <c r="CI3089" s="166">
        <v>0</v>
      </c>
      <c r="CJ3089" s="166">
        <v>0</v>
      </c>
      <c r="CK3089" s="166">
        <v>0</v>
      </c>
      <c r="CL3089" s="166">
        <v>0</v>
      </c>
      <c r="CM3089" s="166">
        <v>0</v>
      </c>
      <c r="CN3089" s="166">
        <v>0</v>
      </c>
      <c r="CO3089" s="166">
        <v>0</v>
      </c>
      <c r="CP3089" s="166">
        <v>0</v>
      </c>
      <c r="CQ3089" s="166">
        <v>0</v>
      </c>
      <c r="CR3089" s="166">
        <v>0</v>
      </c>
      <c r="CS3089" s="166">
        <v>0</v>
      </c>
      <c r="CT3089" s="166">
        <v>0</v>
      </c>
      <c r="CU3089" s="166">
        <v>0</v>
      </c>
      <c r="CV3089" s="166">
        <v>0</v>
      </c>
      <c r="CW3089" s="166">
        <v>0</v>
      </c>
      <c r="CX3089" s="166">
        <v>0</v>
      </c>
      <c r="CY3089" s="166">
        <v>0</v>
      </c>
      <c r="CZ3089" s="166">
        <v>0</v>
      </c>
    </row>
    <row r="3090" spans="1:104" x14ac:dyDescent="0.2">
      <c r="A3090" s="167" t="s">
        <v>377</v>
      </c>
    </row>
    <row r="3091" spans="1:104" x14ac:dyDescent="0.2">
      <c r="A3091" s="167" t="s">
        <v>378</v>
      </c>
      <c r="B3091" s="166">
        <v>0</v>
      </c>
      <c r="C3091" s="166">
        <v>0</v>
      </c>
      <c r="D3091" s="166">
        <v>0</v>
      </c>
      <c r="E3091" s="166">
        <v>0</v>
      </c>
      <c r="F3091" s="166">
        <v>0</v>
      </c>
      <c r="G3091" s="166">
        <v>0</v>
      </c>
      <c r="H3091" s="166">
        <v>0</v>
      </c>
      <c r="I3091" s="166">
        <v>0</v>
      </c>
      <c r="J3091" s="166">
        <v>0</v>
      </c>
      <c r="K3091" s="166">
        <v>0</v>
      </c>
      <c r="L3091" s="166">
        <v>0</v>
      </c>
      <c r="M3091" s="166">
        <v>0</v>
      </c>
      <c r="N3091" s="166">
        <v>0</v>
      </c>
      <c r="O3091" s="166">
        <v>0</v>
      </c>
      <c r="P3091" s="166">
        <v>0</v>
      </c>
      <c r="Q3091" s="166">
        <v>0</v>
      </c>
      <c r="R3091" s="166">
        <v>0</v>
      </c>
      <c r="S3091" s="166">
        <v>0</v>
      </c>
      <c r="T3091" s="166">
        <v>0</v>
      </c>
      <c r="U3091" s="166">
        <v>0</v>
      </c>
      <c r="V3091" s="166">
        <v>0</v>
      </c>
      <c r="W3091" s="166">
        <v>0</v>
      </c>
      <c r="X3091" s="166">
        <v>0</v>
      </c>
      <c r="Y3091" s="166">
        <v>0</v>
      </c>
      <c r="Z3091" s="166">
        <v>0</v>
      </c>
      <c r="AA3091" s="166">
        <v>0</v>
      </c>
      <c r="AB3091" s="166">
        <v>0</v>
      </c>
      <c r="AC3091" s="166">
        <v>0</v>
      </c>
      <c r="AD3091" s="166">
        <v>0</v>
      </c>
      <c r="AE3091" s="166">
        <v>0</v>
      </c>
      <c r="AF3091" s="166">
        <v>0</v>
      </c>
      <c r="AG3091" s="166">
        <v>0</v>
      </c>
      <c r="AH3091" s="166">
        <v>0</v>
      </c>
      <c r="AI3091" s="166">
        <v>0</v>
      </c>
      <c r="AJ3091" s="166">
        <v>0</v>
      </c>
      <c r="AK3091" s="166">
        <v>0</v>
      </c>
      <c r="AL3091" s="166">
        <v>0</v>
      </c>
      <c r="AM3091" s="166">
        <v>0</v>
      </c>
      <c r="AN3091" s="166">
        <v>0</v>
      </c>
      <c r="AO3091" s="166">
        <v>0</v>
      </c>
      <c r="AP3091" s="166">
        <v>0</v>
      </c>
      <c r="AQ3091" s="166">
        <v>0</v>
      </c>
      <c r="AR3091" s="166">
        <v>0</v>
      </c>
      <c r="AS3091" s="166">
        <v>0</v>
      </c>
      <c r="AT3091" s="166">
        <v>0</v>
      </c>
      <c r="AU3091" s="166">
        <v>0</v>
      </c>
      <c r="AV3091" s="166">
        <v>0</v>
      </c>
      <c r="AW3091" s="166">
        <v>0</v>
      </c>
      <c r="AX3091" s="166">
        <v>0</v>
      </c>
      <c r="AY3091" s="166">
        <v>0</v>
      </c>
      <c r="AZ3091" s="166">
        <v>0</v>
      </c>
      <c r="BA3091" s="166">
        <v>0</v>
      </c>
      <c r="BB3091" s="166">
        <v>0</v>
      </c>
      <c r="BC3091" s="166">
        <v>0</v>
      </c>
      <c r="BD3091" s="166">
        <v>0</v>
      </c>
      <c r="BE3091" s="166">
        <v>0</v>
      </c>
      <c r="BF3091" s="166">
        <v>0</v>
      </c>
      <c r="BG3091" s="166">
        <v>0</v>
      </c>
      <c r="BH3091" s="166">
        <v>0</v>
      </c>
      <c r="BI3091" s="166">
        <v>0</v>
      </c>
      <c r="BJ3091" s="166">
        <v>0</v>
      </c>
      <c r="BK3091" s="166">
        <v>0</v>
      </c>
      <c r="BL3091" s="166">
        <v>0</v>
      </c>
      <c r="BM3091" s="166">
        <v>0</v>
      </c>
      <c r="BN3091" s="166">
        <v>0</v>
      </c>
      <c r="BO3091" s="166">
        <v>0</v>
      </c>
      <c r="BP3091" s="166">
        <v>0</v>
      </c>
      <c r="BQ3091" s="166">
        <v>0</v>
      </c>
      <c r="BR3091" s="166">
        <v>0</v>
      </c>
      <c r="BS3091" s="166">
        <v>0</v>
      </c>
      <c r="BT3091" s="168">
        <v>0</v>
      </c>
      <c r="BU3091" s="166">
        <v>0</v>
      </c>
      <c r="BV3091" s="166">
        <v>0</v>
      </c>
      <c r="BW3091" s="166">
        <v>0</v>
      </c>
      <c r="BX3091" s="166">
        <v>0</v>
      </c>
      <c r="BY3091" s="166">
        <v>0</v>
      </c>
      <c r="BZ3091" s="166">
        <v>0</v>
      </c>
      <c r="CA3091" s="166">
        <v>0</v>
      </c>
      <c r="CB3091" s="166">
        <v>0</v>
      </c>
      <c r="CC3091" s="166">
        <v>0</v>
      </c>
      <c r="CD3091" s="166">
        <v>0</v>
      </c>
      <c r="CE3091" s="166">
        <v>0</v>
      </c>
      <c r="CF3091" s="166">
        <v>0</v>
      </c>
      <c r="CG3091" s="166">
        <v>0</v>
      </c>
      <c r="CH3091" s="166">
        <v>0</v>
      </c>
      <c r="CI3091" s="166">
        <v>0</v>
      </c>
      <c r="CJ3091" s="166">
        <v>0</v>
      </c>
      <c r="CK3091" s="166">
        <v>0</v>
      </c>
      <c r="CL3091" s="166">
        <v>0</v>
      </c>
      <c r="CM3091" s="166">
        <v>0</v>
      </c>
      <c r="CN3091" s="166">
        <v>0</v>
      </c>
      <c r="CO3091" s="166">
        <v>0</v>
      </c>
      <c r="CP3091" s="166">
        <v>0</v>
      </c>
      <c r="CQ3091" s="166">
        <v>0</v>
      </c>
      <c r="CR3091" s="166">
        <v>0</v>
      </c>
      <c r="CS3091" s="166">
        <v>0</v>
      </c>
      <c r="CT3091" s="166">
        <v>0</v>
      </c>
      <c r="CU3091" s="166">
        <v>0</v>
      </c>
      <c r="CV3091" s="166">
        <v>0</v>
      </c>
      <c r="CW3091" s="166">
        <v>0</v>
      </c>
      <c r="CX3091" s="166">
        <v>0</v>
      </c>
      <c r="CY3091" s="166">
        <v>0</v>
      </c>
      <c r="CZ3091" s="166">
        <v>0</v>
      </c>
    </row>
    <row r="3092" spans="1:104" x14ac:dyDescent="0.2">
      <c r="A3092" s="170" t="s">
        <v>379</v>
      </c>
      <c r="B3092" s="166">
        <v>87305865.989999905</v>
      </c>
      <c r="C3092" s="166">
        <v>87305865.989999905</v>
      </c>
      <c r="D3092" s="166">
        <v>0</v>
      </c>
      <c r="E3092" s="166">
        <v>0</v>
      </c>
      <c r="F3092" s="166">
        <v>0</v>
      </c>
      <c r="G3092" s="166">
        <v>0</v>
      </c>
      <c r="H3092" s="166">
        <v>0</v>
      </c>
      <c r="I3092" s="166">
        <v>0</v>
      </c>
      <c r="J3092" s="166">
        <v>0</v>
      </c>
      <c r="K3092" s="166">
        <v>0</v>
      </c>
      <c r="L3092" s="166">
        <v>0</v>
      </c>
      <c r="M3092" s="166">
        <v>0</v>
      </c>
      <c r="N3092" s="166">
        <v>0</v>
      </c>
      <c r="O3092" s="166">
        <v>0</v>
      </c>
      <c r="P3092" s="166">
        <v>0</v>
      </c>
      <c r="Q3092" s="166">
        <v>0</v>
      </c>
      <c r="R3092" s="166">
        <v>0</v>
      </c>
      <c r="S3092" s="166">
        <v>0</v>
      </c>
      <c r="T3092" s="166">
        <v>0</v>
      </c>
      <c r="U3092" s="166">
        <v>0</v>
      </c>
      <c r="V3092" s="166">
        <v>0</v>
      </c>
      <c r="W3092" s="166">
        <v>0</v>
      </c>
      <c r="X3092" s="166">
        <v>0</v>
      </c>
      <c r="Y3092" s="166">
        <v>0</v>
      </c>
      <c r="Z3092" s="166">
        <v>0</v>
      </c>
      <c r="AA3092" s="166">
        <v>0</v>
      </c>
      <c r="AB3092" s="166">
        <v>0</v>
      </c>
      <c r="AC3092" s="166">
        <v>0</v>
      </c>
      <c r="AD3092" s="166">
        <v>0</v>
      </c>
      <c r="AE3092" s="166">
        <v>0</v>
      </c>
      <c r="AF3092" s="166">
        <v>0</v>
      </c>
      <c r="AG3092" s="166">
        <v>0</v>
      </c>
      <c r="AH3092" s="166">
        <v>0</v>
      </c>
      <c r="AI3092" s="166">
        <v>0</v>
      </c>
      <c r="AJ3092" s="166">
        <v>0</v>
      </c>
      <c r="AK3092" s="166">
        <v>0</v>
      </c>
      <c r="AL3092" s="166">
        <v>0</v>
      </c>
      <c r="AM3092" s="166">
        <v>0</v>
      </c>
      <c r="AN3092" s="166">
        <v>0</v>
      </c>
      <c r="AO3092" s="166">
        <v>0</v>
      </c>
      <c r="AP3092" s="166">
        <v>0</v>
      </c>
      <c r="AQ3092" s="166">
        <v>0</v>
      </c>
      <c r="AR3092" s="166">
        <v>0</v>
      </c>
      <c r="AS3092" s="166">
        <v>0</v>
      </c>
      <c r="AT3092" s="166">
        <v>0</v>
      </c>
      <c r="AU3092" s="166">
        <v>0</v>
      </c>
      <c r="AV3092" s="166">
        <v>0</v>
      </c>
      <c r="AW3092" s="166">
        <v>0</v>
      </c>
      <c r="AX3092" s="166">
        <v>0</v>
      </c>
      <c r="AY3092" s="166">
        <v>0</v>
      </c>
      <c r="AZ3092" s="166">
        <v>0</v>
      </c>
      <c r="BA3092" s="166">
        <v>0</v>
      </c>
      <c r="BB3092" s="166">
        <v>0</v>
      </c>
      <c r="BC3092" s="166">
        <v>0</v>
      </c>
      <c r="BD3092" s="166">
        <v>0</v>
      </c>
      <c r="BE3092" s="166">
        <v>0</v>
      </c>
      <c r="BF3092" s="166">
        <v>0</v>
      </c>
      <c r="BG3092" s="166">
        <v>0</v>
      </c>
      <c r="BH3092" s="166">
        <v>0</v>
      </c>
      <c r="BI3092" s="166">
        <v>0</v>
      </c>
      <c r="BJ3092" s="166">
        <v>0</v>
      </c>
      <c r="BK3092" s="166">
        <v>0</v>
      </c>
      <c r="BL3092" s="166">
        <v>0</v>
      </c>
      <c r="BM3092" s="166">
        <v>0</v>
      </c>
      <c r="BN3092" s="166">
        <v>0</v>
      </c>
      <c r="BO3092" s="166">
        <v>0</v>
      </c>
      <c r="BP3092" s="166">
        <v>0</v>
      </c>
      <c r="BQ3092" s="166">
        <v>0</v>
      </c>
      <c r="BR3092" s="166">
        <v>87305865.989999905</v>
      </c>
      <c r="BS3092" s="166">
        <v>87305865.989999905</v>
      </c>
      <c r="BT3092" s="168">
        <v>0</v>
      </c>
      <c r="BU3092" s="166">
        <v>0</v>
      </c>
      <c r="BV3092" s="166">
        <v>0</v>
      </c>
      <c r="BW3092" s="166">
        <v>0</v>
      </c>
      <c r="BX3092" s="166">
        <v>0</v>
      </c>
      <c r="BY3092" s="166">
        <v>0</v>
      </c>
      <c r="BZ3092" s="166">
        <v>0</v>
      </c>
      <c r="CA3092" s="166">
        <v>0</v>
      </c>
      <c r="CB3092" s="166">
        <v>0</v>
      </c>
      <c r="CC3092" s="166">
        <v>0</v>
      </c>
      <c r="CD3092" s="166">
        <v>0</v>
      </c>
      <c r="CE3092" s="166">
        <v>0</v>
      </c>
      <c r="CF3092" s="166">
        <v>0</v>
      </c>
      <c r="CG3092" s="166">
        <v>0</v>
      </c>
      <c r="CH3092" s="166">
        <v>0</v>
      </c>
      <c r="CI3092" s="166">
        <v>0</v>
      </c>
      <c r="CJ3092" s="166">
        <v>0</v>
      </c>
      <c r="CK3092" s="166">
        <v>0</v>
      </c>
      <c r="CL3092" s="166">
        <v>0</v>
      </c>
      <c r="CM3092" s="166">
        <v>0</v>
      </c>
      <c r="CN3092" s="166">
        <v>0</v>
      </c>
      <c r="CO3092" s="166">
        <v>0</v>
      </c>
      <c r="CP3092" s="166">
        <v>0</v>
      </c>
      <c r="CQ3092" s="166">
        <v>0</v>
      </c>
      <c r="CR3092" s="166">
        <v>0</v>
      </c>
      <c r="CS3092" s="166">
        <v>0</v>
      </c>
      <c r="CT3092" s="166">
        <v>0</v>
      </c>
      <c r="CU3092" s="166">
        <v>0</v>
      </c>
      <c r="CV3092" s="166">
        <v>0</v>
      </c>
      <c r="CW3092" s="166">
        <v>0</v>
      </c>
      <c r="CX3092" s="166">
        <v>0</v>
      </c>
      <c r="CY3092" s="166">
        <v>0</v>
      </c>
      <c r="CZ3092" s="166">
        <v>0</v>
      </c>
    </row>
    <row r="3093" spans="1:104" x14ac:dyDescent="0.2">
      <c r="A3093" s="167" t="s">
        <v>380</v>
      </c>
    </row>
    <row r="3094" spans="1:104" x14ac:dyDescent="0.2">
      <c r="A3094" s="170" t="s">
        <v>381</v>
      </c>
      <c r="B3094" s="166">
        <v>119295612.36999901</v>
      </c>
      <c r="C3094" s="166">
        <v>119295612.36999901</v>
      </c>
      <c r="D3094" s="166">
        <v>0</v>
      </c>
      <c r="E3094" s="166">
        <v>0</v>
      </c>
      <c r="F3094" s="166">
        <v>0</v>
      </c>
      <c r="G3094" s="166">
        <v>0</v>
      </c>
      <c r="H3094" s="166">
        <v>0</v>
      </c>
      <c r="I3094" s="166">
        <v>0</v>
      </c>
      <c r="J3094" s="166">
        <v>0</v>
      </c>
      <c r="K3094" s="166">
        <v>0</v>
      </c>
      <c r="L3094" s="166">
        <v>0</v>
      </c>
      <c r="M3094" s="166">
        <v>0</v>
      </c>
      <c r="N3094" s="166">
        <v>0</v>
      </c>
      <c r="O3094" s="166">
        <v>0</v>
      </c>
      <c r="P3094" s="166">
        <v>0</v>
      </c>
      <c r="Q3094" s="166">
        <v>0</v>
      </c>
      <c r="R3094" s="166">
        <v>0</v>
      </c>
      <c r="S3094" s="166">
        <v>0</v>
      </c>
      <c r="T3094" s="166">
        <v>0</v>
      </c>
      <c r="U3094" s="166">
        <v>0</v>
      </c>
      <c r="V3094" s="166">
        <v>0</v>
      </c>
      <c r="W3094" s="166">
        <v>0</v>
      </c>
      <c r="X3094" s="166">
        <v>0</v>
      </c>
      <c r="Y3094" s="166">
        <v>0</v>
      </c>
      <c r="Z3094" s="166">
        <v>0</v>
      </c>
      <c r="AA3094" s="166">
        <v>0</v>
      </c>
      <c r="AB3094" s="166">
        <v>0</v>
      </c>
      <c r="AC3094" s="166">
        <v>0</v>
      </c>
      <c r="AD3094" s="166">
        <v>0</v>
      </c>
      <c r="AE3094" s="166">
        <v>0</v>
      </c>
      <c r="AF3094" s="166">
        <v>0</v>
      </c>
      <c r="AG3094" s="166">
        <v>0</v>
      </c>
      <c r="AH3094" s="166">
        <v>0</v>
      </c>
      <c r="AI3094" s="166">
        <v>0</v>
      </c>
      <c r="AJ3094" s="166">
        <v>0</v>
      </c>
      <c r="AK3094" s="166">
        <v>0</v>
      </c>
      <c r="AL3094" s="166">
        <v>0</v>
      </c>
      <c r="AM3094" s="166">
        <v>0</v>
      </c>
      <c r="AN3094" s="166">
        <v>0</v>
      </c>
      <c r="AO3094" s="166">
        <v>0</v>
      </c>
      <c r="AP3094" s="166">
        <v>0</v>
      </c>
      <c r="AQ3094" s="166">
        <v>0</v>
      </c>
      <c r="AR3094" s="166">
        <v>0</v>
      </c>
      <c r="AS3094" s="166">
        <v>0</v>
      </c>
      <c r="AT3094" s="166">
        <v>0</v>
      </c>
      <c r="AU3094" s="166">
        <v>0</v>
      </c>
      <c r="AV3094" s="166">
        <v>0</v>
      </c>
      <c r="AW3094" s="166">
        <v>0</v>
      </c>
      <c r="AX3094" s="166">
        <v>0</v>
      </c>
      <c r="AY3094" s="166">
        <v>0</v>
      </c>
      <c r="AZ3094" s="166">
        <v>0</v>
      </c>
      <c r="BA3094" s="166">
        <v>0</v>
      </c>
      <c r="BB3094" s="166">
        <v>0</v>
      </c>
      <c r="BC3094" s="166">
        <v>0</v>
      </c>
      <c r="BD3094" s="166">
        <v>0</v>
      </c>
      <c r="BE3094" s="166">
        <v>0</v>
      </c>
      <c r="BF3094" s="166">
        <v>0</v>
      </c>
      <c r="BG3094" s="166">
        <v>0</v>
      </c>
      <c r="BH3094" s="166">
        <v>0</v>
      </c>
      <c r="BI3094" s="166">
        <v>0</v>
      </c>
      <c r="BJ3094" s="166">
        <v>0</v>
      </c>
      <c r="BK3094" s="166">
        <v>0</v>
      </c>
      <c r="BL3094" s="166">
        <v>0</v>
      </c>
      <c r="BM3094" s="166">
        <v>0</v>
      </c>
      <c r="BN3094" s="166">
        <v>0</v>
      </c>
      <c r="BO3094" s="166">
        <v>0</v>
      </c>
      <c r="BP3094" s="166">
        <v>0</v>
      </c>
      <c r="BQ3094" s="166">
        <v>0</v>
      </c>
      <c r="BR3094" s="166">
        <v>119295612.36999901</v>
      </c>
      <c r="BS3094" s="166">
        <v>119295612.36999901</v>
      </c>
      <c r="BT3094" s="168">
        <v>0</v>
      </c>
      <c r="BU3094" s="166">
        <v>0</v>
      </c>
      <c r="BV3094" s="166">
        <v>0</v>
      </c>
      <c r="BW3094" s="166">
        <v>0</v>
      </c>
      <c r="BX3094" s="166">
        <v>0</v>
      </c>
      <c r="BY3094" s="166">
        <v>0</v>
      </c>
      <c r="BZ3094" s="166">
        <v>0</v>
      </c>
      <c r="CA3094" s="166">
        <v>0</v>
      </c>
      <c r="CB3094" s="166">
        <v>0</v>
      </c>
      <c r="CC3094" s="166">
        <v>0</v>
      </c>
      <c r="CD3094" s="166">
        <v>0</v>
      </c>
      <c r="CE3094" s="166">
        <v>0</v>
      </c>
      <c r="CF3094" s="166">
        <v>0</v>
      </c>
      <c r="CG3094" s="166">
        <v>0</v>
      </c>
      <c r="CH3094" s="166">
        <v>0</v>
      </c>
      <c r="CI3094" s="166">
        <v>0</v>
      </c>
      <c r="CJ3094" s="166">
        <v>0</v>
      </c>
      <c r="CK3094" s="166">
        <v>0</v>
      </c>
      <c r="CL3094" s="166">
        <v>0</v>
      </c>
      <c r="CM3094" s="166">
        <v>0</v>
      </c>
      <c r="CN3094" s="166">
        <v>0</v>
      </c>
      <c r="CO3094" s="166">
        <v>0</v>
      </c>
      <c r="CP3094" s="166">
        <v>0</v>
      </c>
      <c r="CQ3094" s="166">
        <v>0</v>
      </c>
      <c r="CR3094" s="166">
        <v>0</v>
      </c>
      <c r="CS3094" s="166">
        <v>0</v>
      </c>
      <c r="CT3094" s="166">
        <v>0</v>
      </c>
      <c r="CU3094" s="166">
        <v>0</v>
      </c>
      <c r="CV3094" s="166">
        <v>0</v>
      </c>
      <c r="CW3094" s="166">
        <v>0</v>
      </c>
      <c r="CX3094" s="166">
        <v>0</v>
      </c>
      <c r="CY3094" s="166">
        <v>0</v>
      </c>
      <c r="CZ3094" s="166">
        <v>0</v>
      </c>
    </row>
    <row r="3095" spans="1:104" x14ac:dyDescent="0.2">
      <c r="A3095" s="167" t="s">
        <v>382</v>
      </c>
    </row>
    <row r="3096" spans="1:104" x14ac:dyDescent="0.2">
      <c r="A3096" s="170" t="s">
        <v>383</v>
      </c>
    </row>
    <row r="3097" spans="1:104" x14ac:dyDescent="0.2">
      <c r="A3097" s="167" t="s">
        <v>384</v>
      </c>
      <c r="B3097" s="166">
        <v>88002.159999999902</v>
      </c>
      <c r="C3097" s="166">
        <v>88002.159999999902</v>
      </c>
      <c r="D3097" s="166">
        <v>0</v>
      </c>
      <c r="E3097" s="166">
        <v>0</v>
      </c>
      <c r="F3097" s="166">
        <v>0</v>
      </c>
      <c r="G3097" s="166">
        <v>0</v>
      </c>
      <c r="H3097" s="166">
        <v>0</v>
      </c>
      <c r="I3097" s="166">
        <v>0</v>
      </c>
      <c r="J3097" s="166">
        <v>0</v>
      </c>
      <c r="K3097" s="166">
        <v>0</v>
      </c>
      <c r="L3097" s="166">
        <v>0</v>
      </c>
      <c r="M3097" s="166">
        <v>0</v>
      </c>
      <c r="N3097" s="166">
        <v>0</v>
      </c>
      <c r="O3097" s="166">
        <v>0</v>
      </c>
      <c r="P3097" s="166">
        <v>0</v>
      </c>
      <c r="Q3097" s="166">
        <v>0</v>
      </c>
      <c r="R3097" s="166">
        <v>0</v>
      </c>
      <c r="S3097" s="166">
        <v>0</v>
      </c>
      <c r="T3097" s="166">
        <v>0</v>
      </c>
      <c r="U3097" s="166">
        <v>0</v>
      </c>
      <c r="V3097" s="166">
        <v>0</v>
      </c>
      <c r="W3097" s="166">
        <v>0</v>
      </c>
      <c r="X3097" s="166">
        <v>0</v>
      </c>
      <c r="Y3097" s="166">
        <v>0</v>
      </c>
      <c r="Z3097" s="166">
        <v>0</v>
      </c>
      <c r="AA3097" s="166">
        <v>0</v>
      </c>
      <c r="AB3097" s="166">
        <v>0</v>
      </c>
      <c r="AC3097" s="166">
        <v>0</v>
      </c>
      <c r="AD3097" s="166">
        <v>0</v>
      </c>
      <c r="AE3097" s="166">
        <v>0</v>
      </c>
      <c r="AF3097" s="166">
        <v>0</v>
      </c>
      <c r="AG3097" s="166">
        <v>0</v>
      </c>
      <c r="AH3097" s="166">
        <v>0</v>
      </c>
      <c r="AI3097" s="166">
        <v>0</v>
      </c>
      <c r="AJ3097" s="166">
        <v>0</v>
      </c>
      <c r="AK3097" s="166">
        <v>0</v>
      </c>
      <c r="AL3097" s="166">
        <v>0</v>
      </c>
      <c r="AM3097" s="166">
        <v>0</v>
      </c>
      <c r="AN3097" s="166">
        <v>0</v>
      </c>
      <c r="AO3097" s="166">
        <v>0</v>
      </c>
      <c r="AP3097" s="166">
        <v>0</v>
      </c>
      <c r="AQ3097" s="166">
        <v>0</v>
      </c>
      <c r="AR3097" s="166">
        <v>0</v>
      </c>
      <c r="AS3097" s="166">
        <v>0</v>
      </c>
      <c r="AT3097" s="166">
        <v>0</v>
      </c>
      <c r="AU3097" s="166">
        <v>0</v>
      </c>
      <c r="AV3097" s="166">
        <v>0</v>
      </c>
      <c r="AW3097" s="166">
        <v>0</v>
      </c>
      <c r="AX3097" s="166">
        <v>0</v>
      </c>
      <c r="AY3097" s="166">
        <v>0</v>
      </c>
      <c r="AZ3097" s="166">
        <v>0</v>
      </c>
      <c r="BA3097" s="166">
        <v>0</v>
      </c>
      <c r="BB3097" s="166">
        <v>0</v>
      </c>
      <c r="BC3097" s="166">
        <v>0</v>
      </c>
      <c r="BD3097" s="166">
        <v>0</v>
      </c>
      <c r="BE3097" s="166">
        <v>0</v>
      </c>
      <c r="BF3097" s="166">
        <v>0</v>
      </c>
      <c r="BG3097" s="166">
        <v>0</v>
      </c>
      <c r="BH3097" s="166">
        <v>0</v>
      </c>
      <c r="BI3097" s="166">
        <v>0</v>
      </c>
      <c r="BJ3097" s="166">
        <v>0</v>
      </c>
      <c r="BK3097" s="166">
        <v>0</v>
      </c>
      <c r="BL3097" s="166">
        <v>0</v>
      </c>
      <c r="BM3097" s="166">
        <v>0</v>
      </c>
      <c r="BN3097" s="166">
        <v>0</v>
      </c>
      <c r="BO3097" s="166">
        <v>0</v>
      </c>
      <c r="BP3097" s="166">
        <v>0</v>
      </c>
      <c r="BQ3097" s="166">
        <v>0</v>
      </c>
      <c r="BR3097" s="166">
        <v>88002.159999999902</v>
      </c>
      <c r="BS3097" s="166">
        <v>88002.159999999902</v>
      </c>
      <c r="BT3097" s="168">
        <v>0</v>
      </c>
      <c r="BU3097" s="166">
        <v>0</v>
      </c>
      <c r="BV3097" s="166">
        <v>0</v>
      </c>
      <c r="BW3097" s="166">
        <v>0</v>
      </c>
      <c r="BX3097" s="166">
        <v>0</v>
      </c>
      <c r="BY3097" s="166">
        <v>0</v>
      </c>
      <c r="BZ3097" s="166">
        <v>0</v>
      </c>
      <c r="CA3097" s="166">
        <v>0</v>
      </c>
      <c r="CB3097" s="166">
        <v>0</v>
      </c>
      <c r="CC3097" s="166">
        <v>0</v>
      </c>
      <c r="CD3097" s="166">
        <v>0</v>
      </c>
      <c r="CE3097" s="166">
        <v>0</v>
      </c>
      <c r="CF3097" s="166">
        <v>0</v>
      </c>
      <c r="CG3097" s="166">
        <v>0</v>
      </c>
      <c r="CH3097" s="166">
        <v>0</v>
      </c>
      <c r="CI3097" s="166">
        <v>0</v>
      </c>
      <c r="CJ3097" s="166">
        <v>0</v>
      </c>
      <c r="CK3097" s="166">
        <v>0</v>
      </c>
      <c r="CL3097" s="166">
        <v>0</v>
      </c>
      <c r="CM3097" s="166">
        <v>0</v>
      </c>
      <c r="CN3097" s="166">
        <v>0</v>
      </c>
      <c r="CO3097" s="166">
        <v>0</v>
      </c>
      <c r="CP3097" s="166">
        <v>0</v>
      </c>
      <c r="CQ3097" s="166">
        <v>0</v>
      </c>
      <c r="CR3097" s="166">
        <v>0</v>
      </c>
      <c r="CS3097" s="166">
        <v>0</v>
      </c>
      <c r="CT3097" s="166">
        <v>0</v>
      </c>
      <c r="CU3097" s="166">
        <v>0</v>
      </c>
      <c r="CV3097" s="166">
        <v>0</v>
      </c>
      <c r="CW3097" s="166">
        <v>0</v>
      </c>
      <c r="CX3097" s="166">
        <v>0</v>
      </c>
      <c r="CY3097" s="166">
        <v>0</v>
      </c>
      <c r="CZ3097" s="166">
        <v>0</v>
      </c>
    </row>
    <row r="3098" spans="1:104" x14ac:dyDescent="0.2">
      <c r="A3098" s="167" t="s">
        <v>385</v>
      </c>
    </row>
    <row r="3099" spans="1:104" x14ac:dyDescent="0.2">
      <c r="A3099" s="167" t="s">
        <v>386</v>
      </c>
      <c r="B3099" s="166">
        <v>815195.22</v>
      </c>
      <c r="C3099" s="166">
        <v>815195.22</v>
      </c>
      <c r="D3099" s="166">
        <v>0</v>
      </c>
      <c r="E3099" s="166">
        <v>0</v>
      </c>
      <c r="F3099" s="166">
        <v>0</v>
      </c>
      <c r="G3099" s="166">
        <v>0</v>
      </c>
      <c r="H3099" s="166">
        <v>0</v>
      </c>
      <c r="I3099" s="166">
        <v>0</v>
      </c>
      <c r="J3099" s="166">
        <v>0</v>
      </c>
      <c r="K3099" s="166">
        <v>0</v>
      </c>
      <c r="L3099" s="166">
        <v>0</v>
      </c>
      <c r="M3099" s="166">
        <v>0</v>
      </c>
      <c r="N3099" s="166">
        <v>0</v>
      </c>
      <c r="O3099" s="166">
        <v>0</v>
      </c>
      <c r="P3099" s="166">
        <v>0</v>
      </c>
      <c r="Q3099" s="166">
        <v>0</v>
      </c>
      <c r="R3099" s="166">
        <v>0</v>
      </c>
      <c r="S3099" s="166">
        <v>0</v>
      </c>
      <c r="T3099" s="166">
        <v>0</v>
      </c>
      <c r="U3099" s="166">
        <v>0</v>
      </c>
      <c r="V3099" s="166">
        <v>0</v>
      </c>
      <c r="W3099" s="166">
        <v>0</v>
      </c>
      <c r="X3099" s="166">
        <v>0</v>
      </c>
      <c r="Y3099" s="166">
        <v>0</v>
      </c>
      <c r="Z3099" s="166">
        <v>0</v>
      </c>
      <c r="AA3099" s="166">
        <v>0</v>
      </c>
      <c r="AB3099" s="166">
        <v>0</v>
      </c>
      <c r="AC3099" s="166">
        <v>0</v>
      </c>
      <c r="AD3099" s="166">
        <v>0</v>
      </c>
      <c r="AE3099" s="166">
        <v>0</v>
      </c>
      <c r="AF3099" s="166">
        <v>0</v>
      </c>
      <c r="AG3099" s="166">
        <v>0</v>
      </c>
      <c r="AH3099" s="166">
        <v>0</v>
      </c>
      <c r="AI3099" s="166">
        <v>0</v>
      </c>
      <c r="AJ3099" s="166">
        <v>0</v>
      </c>
      <c r="AK3099" s="166">
        <v>0</v>
      </c>
      <c r="AL3099" s="166">
        <v>0</v>
      </c>
      <c r="AM3099" s="166">
        <v>0</v>
      </c>
      <c r="AN3099" s="166">
        <v>0</v>
      </c>
      <c r="AO3099" s="166">
        <v>0</v>
      </c>
      <c r="AP3099" s="166">
        <v>0</v>
      </c>
      <c r="AQ3099" s="166">
        <v>0</v>
      </c>
      <c r="AR3099" s="166">
        <v>0</v>
      </c>
      <c r="AS3099" s="166">
        <v>0</v>
      </c>
      <c r="AT3099" s="166">
        <v>0</v>
      </c>
      <c r="AU3099" s="166">
        <v>0</v>
      </c>
      <c r="AV3099" s="166">
        <v>0</v>
      </c>
      <c r="AW3099" s="166">
        <v>0</v>
      </c>
      <c r="AX3099" s="166">
        <v>0</v>
      </c>
      <c r="AY3099" s="166">
        <v>0</v>
      </c>
      <c r="AZ3099" s="166">
        <v>0</v>
      </c>
      <c r="BA3099" s="166">
        <v>0</v>
      </c>
      <c r="BB3099" s="166">
        <v>0</v>
      </c>
      <c r="BC3099" s="166">
        <v>0</v>
      </c>
      <c r="BD3099" s="166">
        <v>0</v>
      </c>
      <c r="BE3099" s="166">
        <v>0</v>
      </c>
      <c r="BF3099" s="166">
        <v>0</v>
      </c>
      <c r="BG3099" s="166">
        <v>0</v>
      </c>
      <c r="BH3099" s="166">
        <v>0</v>
      </c>
      <c r="BI3099" s="166">
        <v>0</v>
      </c>
      <c r="BJ3099" s="166">
        <v>0</v>
      </c>
      <c r="BK3099" s="166">
        <v>0</v>
      </c>
      <c r="BL3099" s="166">
        <v>0</v>
      </c>
      <c r="BM3099" s="166">
        <v>0</v>
      </c>
      <c r="BN3099" s="166">
        <v>0</v>
      </c>
      <c r="BO3099" s="166">
        <v>0</v>
      </c>
      <c r="BP3099" s="166">
        <v>0</v>
      </c>
      <c r="BQ3099" s="166">
        <v>0</v>
      </c>
      <c r="BR3099" s="166">
        <v>815195.22</v>
      </c>
      <c r="BS3099" s="166">
        <v>815195.22</v>
      </c>
      <c r="BT3099" s="168">
        <v>0</v>
      </c>
      <c r="BU3099" s="166">
        <v>0</v>
      </c>
      <c r="BV3099" s="166">
        <v>0</v>
      </c>
      <c r="BW3099" s="166">
        <v>0</v>
      </c>
      <c r="BX3099" s="166">
        <v>0</v>
      </c>
      <c r="BY3099" s="166">
        <v>0</v>
      </c>
      <c r="BZ3099" s="166">
        <v>0</v>
      </c>
      <c r="CA3099" s="166">
        <v>0</v>
      </c>
      <c r="CB3099" s="166">
        <v>0</v>
      </c>
      <c r="CC3099" s="166">
        <v>0</v>
      </c>
      <c r="CD3099" s="166">
        <v>0</v>
      </c>
      <c r="CE3099" s="166">
        <v>0</v>
      </c>
      <c r="CF3099" s="166">
        <v>0</v>
      </c>
      <c r="CG3099" s="166">
        <v>0</v>
      </c>
      <c r="CH3099" s="166">
        <v>0</v>
      </c>
      <c r="CI3099" s="166">
        <v>0</v>
      </c>
      <c r="CJ3099" s="166">
        <v>0</v>
      </c>
      <c r="CK3099" s="166">
        <v>0</v>
      </c>
      <c r="CL3099" s="166">
        <v>0</v>
      </c>
      <c r="CM3099" s="166">
        <v>0</v>
      </c>
      <c r="CN3099" s="166">
        <v>0</v>
      </c>
      <c r="CO3099" s="166">
        <v>0</v>
      </c>
      <c r="CP3099" s="166">
        <v>0</v>
      </c>
      <c r="CQ3099" s="166">
        <v>0</v>
      </c>
      <c r="CR3099" s="166">
        <v>0</v>
      </c>
      <c r="CS3099" s="166">
        <v>0</v>
      </c>
      <c r="CT3099" s="166">
        <v>0</v>
      </c>
      <c r="CU3099" s="166">
        <v>0</v>
      </c>
      <c r="CV3099" s="166">
        <v>0</v>
      </c>
      <c r="CW3099" s="166">
        <v>0</v>
      </c>
      <c r="CX3099" s="166">
        <v>0</v>
      </c>
      <c r="CY3099" s="166">
        <v>0</v>
      </c>
      <c r="CZ3099" s="166">
        <v>0</v>
      </c>
    </row>
    <row r="3100" spans="1:104" x14ac:dyDescent="0.2">
      <c r="A3100" s="167" t="s">
        <v>387</v>
      </c>
    </row>
    <row r="3101" spans="1:104" x14ac:dyDescent="0.2">
      <c r="A3101" s="167" t="s">
        <v>703</v>
      </c>
      <c r="B3101" s="166">
        <v>54394068.119999997</v>
      </c>
      <c r="C3101" s="166">
        <v>54394068.119999997</v>
      </c>
      <c r="D3101" s="166">
        <v>0</v>
      </c>
      <c r="E3101" s="166">
        <v>0</v>
      </c>
      <c r="F3101" s="166">
        <v>0</v>
      </c>
      <c r="G3101" s="166">
        <v>0</v>
      </c>
      <c r="H3101" s="166">
        <v>0</v>
      </c>
      <c r="I3101" s="166">
        <v>0</v>
      </c>
      <c r="J3101" s="166">
        <v>0</v>
      </c>
      <c r="K3101" s="166">
        <v>0</v>
      </c>
      <c r="L3101" s="166">
        <v>0</v>
      </c>
      <c r="M3101" s="166">
        <v>0</v>
      </c>
      <c r="N3101" s="166">
        <v>0</v>
      </c>
      <c r="O3101" s="166">
        <v>0</v>
      </c>
      <c r="P3101" s="166">
        <v>0</v>
      </c>
      <c r="Q3101" s="166">
        <v>0</v>
      </c>
      <c r="R3101" s="166">
        <v>0</v>
      </c>
      <c r="S3101" s="166">
        <v>0</v>
      </c>
      <c r="T3101" s="166">
        <v>0</v>
      </c>
      <c r="U3101" s="166">
        <v>0</v>
      </c>
      <c r="V3101" s="166">
        <v>0</v>
      </c>
      <c r="W3101" s="166">
        <v>0</v>
      </c>
      <c r="X3101" s="166">
        <v>0</v>
      </c>
      <c r="Y3101" s="166">
        <v>0</v>
      </c>
      <c r="Z3101" s="166">
        <v>0</v>
      </c>
      <c r="AA3101" s="166">
        <v>0</v>
      </c>
      <c r="AB3101" s="166">
        <v>0</v>
      </c>
      <c r="AC3101" s="166">
        <v>0</v>
      </c>
      <c r="AD3101" s="166">
        <v>0</v>
      </c>
      <c r="AE3101" s="166">
        <v>0</v>
      </c>
      <c r="AF3101" s="166">
        <v>0</v>
      </c>
      <c r="AG3101" s="166">
        <v>0</v>
      </c>
      <c r="AH3101" s="166">
        <v>0</v>
      </c>
      <c r="AI3101" s="166">
        <v>0</v>
      </c>
      <c r="AJ3101" s="166">
        <v>0</v>
      </c>
      <c r="AK3101" s="166">
        <v>0</v>
      </c>
      <c r="AL3101" s="166">
        <v>0</v>
      </c>
      <c r="AM3101" s="166">
        <v>0</v>
      </c>
      <c r="AN3101" s="166">
        <v>0</v>
      </c>
      <c r="AO3101" s="166">
        <v>0</v>
      </c>
      <c r="AP3101" s="166">
        <v>0</v>
      </c>
      <c r="AQ3101" s="166">
        <v>0</v>
      </c>
      <c r="AR3101" s="166">
        <v>0</v>
      </c>
      <c r="AS3101" s="166">
        <v>0</v>
      </c>
      <c r="AT3101" s="166">
        <v>0</v>
      </c>
      <c r="AU3101" s="166">
        <v>0</v>
      </c>
      <c r="AV3101" s="166">
        <v>0</v>
      </c>
      <c r="AW3101" s="166">
        <v>0</v>
      </c>
      <c r="AX3101" s="166">
        <v>0</v>
      </c>
      <c r="AY3101" s="166">
        <v>0</v>
      </c>
      <c r="AZ3101" s="166">
        <v>0</v>
      </c>
      <c r="BA3101" s="166">
        <v>0</v>
      </c>
      <c r="BB3101" s="166">
        <v>0</v>
      </c>
      <c r="BC3101" s="166">
        <v>0</v>
      </c>
      <c r="BD3101" s="166">
        <v>0</v>
      </c>
      <c r="BE3101" s="166">
        <v>0</v>
      </c>
      <c r="BF3101" s="166">
        <v>0</v>
      </c>
      <c r="BG3101" s="166">
        <v>0</v>
      </c>
      <c r="BH3101" s="166">
        <v>0</v>
      </c>
      <c r="BI3101" s="166">
        <v>0</v>
      </c>
      <c r="BJ3101" s="166">
        <v>0</v>
      </c>
      <c r="BK3101" s="166">
        <v>0</v>
      </c>
      <c r="BL3101" s="166">
        <v>0</v>
      </c>
      <c r="BM3101" s="166">
        <v>0</v>
      </c>
      <c r="BN3101" s="166">
        <v>0</v>
      </c>
      <c r="BO3101" s="166">
        <v>0</v>
      </c>
      <c r="BP3101" s="166">
        <v>0</v>
      </c>
      <c r="BQ3101" s="166">
        <v>0</v>
      </c>
      <c r="BR3101" s="166">
        <v>54394068.119999997</v>
      </c>
      <c r="BS3101" s="166">
        <v>54394068.119999997</v>
      </c>
      <c r="BT3101" s="166">
        <v>0</v>
      </c>
      <c r="BU3101" s="166">
        <v>0</v>
      </c>
      <c r="BV3101" s="166">
        <v>0</v>
      </c>
      <c r="BW3101" s="166">
        <v>0</v>
      </c>
      <c r="BX3101" s="166">
        <v>0</v>
      </c>
      <c r="BY3101" s="166">
        <v>0</v>
      </c>
      <c r="BZ3101" s="166">
        <v>0</v>
      </c>
      <c r="CA3101" s="166">
        <v>0</v>
      </c>
      <c r="CB3101" s="166">
        <v>0</v>
      </c>
      <c r="CC3101" s="166">
        <v>0</v>
      </c>
      <c r="CD3101" s="166">
        <v>0</v>
      </c>
      <c r="CE3101" s="166">
        <v>0</v>
      </c>
      <c r="CF3101" s="166">
        <v>0</v>
      </c>
      <c r="CG3101" s="166">
        <v>0</v>
      </c>
      <c r="CH3101" s="166">
        <v>0</v>
      </c>
      <c r="CI3101" s="166">
        <v>0</v>
      </c>
      <c r="CJ3101" s="166">
        <v>0</v>
      </c>
      <c r="CK3101" s="166">
        <v>0</v>
      </c>
      <c r="CL3101" s="166">
        <v>0</v>
      </c>
      <c r="CM3101" s="166">
        <v>0</v>
      </c>
      <c r="CN3101" s="166">
        <v>0</v>
      </c>
      <c r="CO3101" s="166">
        <v>0</v>
      </c>
      <c r="CP3101" s="166">
        <v>0</v>
      </c>
      <c r="CQ3101" s="166">
        <v>0</v>
      </c>
      <c r="CR3101" s="166">
        <v>0</v>
      </c>
      <c r="CS3101" s="166">
        <v>0</v>
      </c>
      <c r="CT3101" s="166">
        <v>0</v>
      </c>
      <c r="CU3101" s="166">
        <v>0</v>
      </c>
      <c r="CV3101" s="166">
        <v>0</v>
      </c>
      <c r="CW3101" s="166">
        <v>0</v>
      </c>
      <c r="CX3101" s="166">
        <v>0</v>
      </c>
      <c r="CY3101" s="166">
        <v>0</v>
      </c>
      <c r="CZ3101" s="166">
        <v>0</v>
      </c>
    </row>
    <row r="3102" spans="1:104" x14ac:dyDescent="0.2">
      <c r="A3102" s="167" t="s">
        <v>704</v>
      </c>
      <c r="B3102" s="166">
        <v>0</v>
      </c>
      <c r="C3102" s="166">
        <v>0</v>
      </c>
      <c r="D3102" s="166">
        <v>0</v>
      </c>
      <c r="E3102" s="166">
        <v>0</v>
      </c>
      <c r="F3102" s="166">
        <v>0</v>
      </c>
      <c r="G3102" s="166">
        <v>0</v>
      </c>
      <c r="H3102" s="166">
        <v>0</v>
      </c>
      <c r="I3102" s="166">
        <v>0</v>
      </c>
      <c r="J3102" s="166">
        <v>0</v>
      </c>
      <c r="K3102" s="166">
        <v>0</v>
      </c>
      <c r="L3102" s="166">
        <v>0</v>
      </c>
      <c r="M3102" s="166">
        <v>0</v>
      </c>
      <c r="N3102" s="166">
        <v>0</v>
      </c>
      <c r="O3102" s="166">
        <v>0</v>
      </c>
      <c r="P3102" s="166">
        <v>0</v>
      </c>
      <c r="Q3102" s="166">
        <v>0</v>
      </c>
      <c r="R3102" s="166">
        <v>0</v>
      </c>
      <c r="S3102" s="166">
        <v>0</v>
      </c>
      <c r="T3102" s="166">
        <v>0</v>
      </c>
      <c r="U3102" s="166">
        <v>0</v>
      </c>
      <c r="V3102" s="166">
        <v>0</v>
      </c>
      <c r="W3102" s="166">
        <v>0</v>
      </c>
      <c r="X3102" s="166">
        <v>0</v>
      </c>
      <c r="Y3102" s="166">
        <v>0</v>
      </c>
      <c r="Z3102" s="166">
        <v>0</v>
      </c>
      <c r="AA3102" s="166">
        <v>0</v>
      </c>
      <c r="AB3102" s="166">
        <v>0</v>
      </c>
      <c r="AC3102" s="166">
        <v>0</v>
      </c>
      <c r="AD3102" s="166">
        <v>0</v>
      </c>
      <c r="AE3102" s="166">
        <v>0</v>
      </c>
      <c r="AF3102" s="166">
        <v>0</v>
      </c>
      <c r="AG3102" s="166">
        <v>0</v>
      </c>
      <c r="AH3102" s="166">
        <v>0</v>
      </c>
      <c r="AI3102" s="166">
        <v>0</v>
      </c>
      <c r="AJ3102" s="166">
        <v>0</v>
      </c>
      <c r="AK3102" s="166">
        <v>0</v>
      </c>
      <c r="AL3102" s="166">
        <v>0</v>
      </c>
      <c r="AM3102" s="166">
        <v>0</v>
      </c>
      <c r="AN3102" s="166">
        <v>0</v>
      </c>
      <c r="AO3102" s="166">
        <v>0</v>
      </c>
      <c r="AP3102" s="166">
        <v>0</v>
      </c>
      <c r="AQ3102" s="166">
        <v>0</v>
      </c>
      <c r="AR3102" s="166">
        <v>0</v>
      </c>
      <c r="AS3102" s="166">
        <v>0</v>
      </c>
      <c r="AT3102" s="166">
        <v>0</v>
      </c>
      <c r="AU3102" s="166">
        <v>0</v>
      </c>
      <c r="AV3102" s="166">
        <v>0</v>
      </c>
      <c r="AW3102" s="166">
        <v>0</v>
      </c>
      <c r="AX3102" s="166">
        <v>0</v>
      </c>
      <c r="AY3102" s="166">
        <v>0</v>
      </c>
      <c r="AZ3102" s="166">
        <v>0</v>
      </c>
      <c r="BA3102" s="166">
        <v>0</v>
      </c>
      <c r="BB3102" s="166">
        <v>0</v>
      </c>
      <c r="BC3102" s="166">
        <v>0</v>
      </c>
      <c r="BD3102" s="166">
        <v>0</v>
      </c>
      <c r="BE3102" s="166">
        <v>0</v>
      </c>
      <c r="BF3102" s="166">
        <v>0</v>
      </c>
      <c r="BG3102" s="166">
        <v>0</v>
      </c>
      <c r="BH3102" s="166">
        <v>0</v>
      </c>
      <c r="BI3102" s="166">
        <v>0</v>
      </c>
      <c r="BJ3102" s="166">
        <v>0</v>
      </c>
      <c r="BK3102" s="166">
        <v>0</v>
      </c>
      <c r="BL3102" s="166">
        <v>0</v>
      </c>
      <c r="BM3102" s="166">
        <v>0</v>
      </c>
      <c r="BN3102" s="166">
        <v>0</v>
      </c>
      <c r="BO3102" s="166">
        <v>0</v>
      </c>
      <c r="BP3102" s="166">
        <v>0</v>
      </c>
      <c r="BQ3102" s="166">
        <v>0</v>
      </c>
      <c r="BR3102" s="166">
        <v>0</v>
      </c>
      <c r="BS3102" s="166">
        <v>0</v>
      </c>
      <c r="BT3102" s="166">
        <v>0</v>
      </c>
      <c r="BU3102" s="166">
        <v>0</v>
      </c>
      <c r="BV3102" s="166">
        <v>0</v>
      </c>
      <c r="BW3102" s="166">
        <v>0</v>
      </c>
      <c r="BX3102" s="166">
        <v>0</v>
      </c>
      <c r="BY3102" s="166">
        <v>0</v>
      </c>
      <c r="BZ3102" s="166">
        <v>0</v>
      </c>
      <c r="CA3102" s="166">
        <v>0</v>
      </c>
      <c r="CB3102" s="166">
        <v>0</v>
      </c>
      <c r="CC3102" s="166">
        <v>0</v>
      </c>
      <c r="CD3102" s="166">
        <v>0</v>
      </c>
      <c r="CE3102" s="166">
        <v>0</v>
      </c>
      <c r="CF3102" s="166">
        <v>0</v>
      </c>
      <c r="CG3102" s="166">
        <v>0</v>
      </c>
      <c r="CH3102" s="166">
        <v>0</v>
      </c>
      <c r="CI3102" s="166">
        <v>0</v>
      </c>
      <c r="CJ3102" s="166">
        <v>0</v>
      </c>
      <c r="CK3102" s="166">
        <v>0</v>
      </c>
      <c r="CL3102" s="166">
        <v>0</v>
      </c>
      <c r="CM3102" s="166">
        <v>0</v>
      </c>
      <c r="CN3102" s="166">
        <v>0</v>
      </c>
      <c r="CO3102" s="166">
        <v>0</v>
      </c>
      <c r="CP3102" s="166">
        <v>0</v>
      </c>
      <c r="CQ3102" s="166">
        <v>0</v>
      </c>
      <c r="CR3102" s="166">
        <v>0</v>
      </c>
      <c r="CS3102" s="166">
        <v>0</v>
      </c>
      <c r="CT3102" s="166">
        <v>0</v>
      </c>
      <c r="CU3102" s="166">
        <v>0</v>
      </c>
      <c r="CV3102" s="166">
        <v>0</v>
      </c>
      <c r="CW3102" s="166">
        <v>0</v>
      </c>
      <c r="CX3102" s="166">
        <v>0</v>
      </c>
      <c r="CY3102" s="166">
        <v>0</v>
      </c>
      <c r="CZ3102" s="166">
        <v>0</v>
      </c>
    </row>
    <row r="3103" spans="1:104" x14ac:dyDescent="0.2">
      <c r="A3103" s="167" t="s">
        <v>389</v>
      </c>
      <c r="B3103" s="166">
        <v>54394068.119999997</v>
      </c>
      <c r="C3103" s="166">
        <v>54394068.119999997</v>
      </c>
      <c r="D3103" s="166">
        <v>0</v>
      </c>
      <c r="E3103" s="166">
        <v>0</v>
      </c>
      <c r="F3103" s="166">
        <v>0</v>
      </c>
      <c r="G3103" s="166">
        <v>0</v>
      </c>
      <c r="H3103" s="166">
        <v>0</v>
      </c>
      <c r="I3103" s="166">
        <v>0</v>
      </c>
      <c r="J3103" s="166">
        <v>0</v>
      </c>
      <c r="K3103" s="166">
        <v>0</v>
      </c>
      <c r="L3103" s="166">
        <v>0</v>
      </c>
      <c r="M3103" s="166">
        <v>0</v>
      </c>
      <c r="N3103" s="166">
        <v>0</v>
      </c>
      <c r="O3103" s="166">
        <v>0</v>
      </c>
      <c r="P3103" s="166">
        <v>0</v>
      </c>
      <c r="Q3103" s="166">
        <v>0</v>
      </c>
      <c r="R3103" s="166">
        <v>0</v>
      </c>
      <c r="S3103" s="166">
        <v>0</v>
      </c>
      <c r="T3103" s="166">
        <v>0</v>
      </c>
      <c r="U3103" s="166">
        <v>0</v>
      </c>
      <c r="V3103" s="166">
        <v>0</v>
      </c>
      <c r="W3103" s="166">
        <v>0</v>
      </c>
      <c r="X3103" s="166">
        <v>0</v>
      </c>
      <c r="Y3103" s="166">
        <v>0</v>
      </c>
      <c r="Z3103" s="166">
        <v>0</v>
      </c>
      <c r="AA3103" s="166">
        <v>0</v>
      </c>
      <c r="AB3103" s="166">
        <v>0</v>
      </c>
      <c r="AC3103" s="166">
        <v>0</v>
      </c>
      <c r="AD3103" s="166">
        <v>0</v>
      </c>
      <c r="AE3103" s="166">
        <v>0</v>
      </c>
      <c r="AF3103" s="166">
        <v>0</v>
      </c>
      <c r="AG3103" s="166">
        <v>0</v>
      </c>
      <c r="AH3103" s="166">
        <v>0</v>
      </c>
      <c r="AI3103" s="166">
        <v>0</v>
      </c>
      <c r="AJ3103" s="166">
        <v>0</v>
      </c>
      <c r="AK3103" s="166">
        <v>0</v>
      </c>
      <c r="AL3103" s="166">
        <v>0</v>
      </c>
      <c r="AM3103" s="166">
        <v>0</v>
      </c>
      <c r="AN3103" s="166">
        <v>0</v>
      </c>
      <c r="AO3103" s="166">
        <v>0</v>
      </c>
      <c r="AP3103" s="166">
        <v>0</v>
      </c>
      <c r="AQ3103" s="166">
        <v>0</v>
      </c>
      <c r="AR3103" s="166">
        <v>0</v>
      </c>
      <c r="AS3103" s="166">
        <v>0</v>
      </c>
      <c r="AT3103" s="166">
        <v>0</v>
      </c>
      <c r="AU3103" s="166">
        <v>0</v>
      </c>
      <c r="AV3103" s="166">
        <v>0</v>
      </c>
      <c r="AW3103" s="166">
        <v>0</v>
      </c>
      <c r="AX3103" s="166">
        <v>0</v>
      </c>
      <c r="AY3103" s="166">
        <v>0</v>
      </c>
      <c r="AZ3103" s="166">
        <v>0</v>
      </c>
      <c r="BA3103" s="166">
        <v>0</v>
      </c>
      <c r="BB3103" s="166">
        <v>0</v>
      </c>
      <c r="BC3103" s="166">
        <v>0</v>
      </c>
      <c r="BD3103" s="166">
        <v>0</v>
      </c>
      <c r="BE3103" s="166">
        <v>0</v>
      </c>
      <c r="BF3103" s="166">
        <v>0</v>
      </c>
      <c r="BG3103" s="166">
        <v>0</v>
      </c>
      <c r="BH3103" s="166">
        <v>0</v>
      </c>
      <c r="BI3103" s="166">
        <v>0</v>
      </c>
      <c r="BJ3103" s="166">
        <v>0</v>
      </c>
      <c r="BK3103" s="166">
        <v>0</v>
      </c>
      <c r="BL3103" s="166">
        <v>0</v>
      </c>
      <c r="BM3103" s="166">
        <v>0</v>
      </c>
      <c r="BN3103" s="166">
        <v>0</v>
      </c>
      <c r="BO3103" s="166">
        <v>0</v>
      </c>
      <c r="BP3103" s="166">
        <v>0</v>
      </c>
      <c r="BQ3103" s="166">
        <v>0</v>
      </c>
      <c r="BR3103" s="166">
        <v>54394068.119999997</v>
      </c>
      <c r="BS3103" s="166">
        <v>54394068.119999997</v>
      </c>
      <c r="BT3103" s="168">
        <v>0</v>
      </c>
      <c r="BU3103" s="166">
        <v>0</v>
      </c>
      <c r="BV3103" s="166">
        <v>0</v>
      </c>
      <c r="BW3103" s="166">
        <v>0</v>
      </c>
      <c r="BX3103" s="166">
        <v>0</v>
      </c>
      <c r="BY3103" s="166">
        <v>0</v>
      </c>
      <c r="BZ3103" s="166">
        <v>0</v>
      </c>
      <c r="CA3103" s="166">
        <v>0</v>
      </c>
      <c r="CB3103" s="166">
        <v>0</v>
      </c>
      <c r="CC3103" s="166">
        <v>0</v>
      </c>
      <c r="CD3103" s="166">
        <v>0</v>
      </c>
      <c r="CE3103" s="166">
        <v>0</v>
      </c>
      <c r="CF3103" s="166">
        <v>0</v>
      </c>
      <c r="CG3103" s="166">
        <v>0</v>
      </c>
      <c r="CH3103" s="166">
        <v>0</v>
      </c>
      <c r="CI3103" s="166">
        <v>0</v>
      </c>
      <c r="CJ3103" s="166">
        <v>0</v>
      </c>
      <c r="CK3103" s="166">
        <v>0</v>
      </c>
      <c r="CL3103" s="166">
        <v>0</v>
      </c>
      <c r="CM3103" s="166">
        <v>0</v>
      </c>
      <c r="CN3103" s="166">
        <v>0</v>
      </c>
      <c r="CO3103" s="166">
        <v>0</v>
      </c>
      <c r="CP3103" s="166">
        <v>0</v>
      </c>
      <c r="CQ3103" s="166">
        <v>0</v>
      </c>
      <c r="CR3103" s="166">
        <v>0</v>
      </c>
      <c r="CS3103" s="166">
        <v>0</v>
      </c>
      <c r="CT3103" s="166">
        <v>0</v>
      </c>
      <c r="CU3103" s="166">
        <v>0</v>
      </c>
      <c r="CV3103" s="166">
        <v>0</v>
      </c>
      <c r="CW3103" s="166">
        <v>0</v>
      </c>
      <c r="CX3103" s="166">
        <v>0</v>
      </c>
      <c r="CY3103" s="166">
        <v>0</v>
      </c>
      <c r="CZ3103" s="166">
        <v>0</v>
      </c>
    </row>
    <row r="3104" spans="1:104" x14ac:dyDescent="0.2">
      <c r="A3104" s="167" t="s">
        <v>390</v>
      </c>
    </row>
    <row r="3105" spans="1:104" x14ac:dyDescent="0.2">
      <c r="A3105" s="167" t="s">
        <v>1169</v>
      </c>
      <c r="B3105" s="166">
        <v>38717675.814000003</v>
      </c>
      <c r="C3105" s="166">
        <v>38717675.814000003</v>
      </c>
      <c r="D3105" s="166">
        <v>0</v>
      </c>
      <c r="E3105" s="166">
        <v>0</v>
      </c>
      <c r="F3105" s="166">
        <v>0</v>
      </c>
      <c r="G3105" s="166">
        <v>0</v>
      </c>
      <c r="H3105" s="166">
        <v>0</v>
      </c>
      <c r="I3105" s="166">
        <v>0</v>
      </c>
      <c r="J3105" s="166">
        <v>0</v>
      </c>
      <c r="K3105" s="166">
        <v>0</v>
      </c>
      <c r="L3105" s="166">
        <v>0</v>
      </c>
      <c r="M3105" s="166">
        <v>0</v>
      </c>
      <c r="N3105" s="166">
        <v>0</v>
      </c>
      <c r="O3105" s="166">
        <v>0</v>
      </c>
      <c r="P3105" s="166">
        <v>0</v>
      </c>
      <c r="Q3105" s="166">
        <v>0</v>
      </c>
      <c r="R3105" s="166">
        <v>0</v>
      </c>
      <c r="S3105" s="166">
        <v>0</v>
      </c>
      <c r="T3105" s="166">
        <v>0</v>
      </c>
      <c r="U3105" s="166">
        <v>0</v>
      </c>
      <c r="V3105" s="166">
        <v>0</v>
      </c>
      <c r="W3105" s="166">
        <v>0</v>
      </c>
      <c r="X3105" s="166">
        <v>0</v>
      </c>
      <c r="Y3105" s="166">
        <v>0</v>
      </c>
      <c r="Z3105" s="166">
        <v>0</v>
      </c>
      <c r="AA3105" s="166">
        <v>0</v>
      </c>
      <c r="AB3105" s="166">
        <v>0</v>
      </c>
      <c r="AC3105" s="166">
        <v>0</v>
      </c>
      <c r="AD3105" s="166">
        <v>0</v>
      </c>
      <c r="AE3105" s="166">
        <v>0</v>
      </c>
      <c r="AF3105" s="166">
        <v>0</v>
      </c>
      <c r="AG3105" s="166">
        <v>0</v>
      </c>
      <c r="AH3105" s="166">
        <v>0</v>
      </c>
      <c r="AI3105" s="166">
        <v>0</v>
      </c>
      <c r="AJ3105" s="166">
        <v>0</v>
      </c>
      <c r="AK3105" s="166">
        <v>0</v>
      </c>
      <c r="AL3105" s="166">
        <v>0</v>
      </c>
      <c r="AM3105" s="166">
        <v>0</v>
      </c>
      <c r="AN3105" s="166">
        <v>0</v>
      </c>
      <c r="AO3105" s="166">
        <v>0</v>
      </c>
      <c r="AP3105" s="166">
        <v>0</v>
      </c>
      <c r="AQ3105" s="166">
        <v>0</v>
      </c>
      <c r="AR3105" s="166">
        <v>0</v>
      </c>
      <c r="AS3105" s="166">
        <v>0</v>
      </c>
      <c r="AT3105" s="166">
        <v>0</v>
      </c>
      <c r="AU3105" s="166">
        <v>0</v>
      </c>
      <c r="AV3105" s="166">
        <v>0</v>
      </c>
      <c r="AW3105" s="166">
        <v>0</v>
      </c>
      <c r="AX3105" s="166">
        <v>0</v>
      </c>
      <c r="AY3105" s="166">
        <v>0</v>
      </c>
      <c r="AZ3105" s="166">
        <v>0</v>
      </c>
      <c r="BA3105" s="166">
        <v>0</v>
      </c>
      <c r="BB3105" s="166">
        <v>0</v>
      </c>
      <c r="BC3105" s="166">
        <v>0</v>
      </c>
      <c r="BD3105" s="166">
        <v>0</v>
      </c>
      <c r="BE3105" s="166">
        <v>0</v>
      </c>
      <c r="BF3105" s="166">
        <v>0</v>
      </c>
      <c r="BG3105" s="166">
        <v>0</v>
      </c>
      <c r="BH3105" s="166">
        <v>0</v>
      </c>
      <c r="BI3105" s="166">
        <v>0</v>
      </c>
      <c r="BJ3105" s="166">
        <v>0</v>
      </c>
      <c r="BK3105" s="166">
        <v>0</v>
      </c>
      <c r="BL3105" s="166">
        <v>0</v>
      </c>
      <c r="BM3105" s="166">
        <v>0</v>
      </c>
      <c r="BN3105" s="166">
        <v>0</v>
      </c>
      <c r="BO3105" s="166">
        <v>0</v>
      </c>
      <c r="BP3105" s="166">
        <v>0</v>
      </c>
      <c r="BQ3105" s="166">
        <v>0</v>
      </c>
      <c r="BR3105" s="166">
        <v>38717675.814000003</v>
      </c>
      <c r="BS3105" s="166">
        <v>38717675.814000003</v>
      </c>
      <c r="BT3105" s="168">
        <v>0</v>
      </c>
      <c r="BU3105" s="166">
        <v>0</v>
      </c>
      <c r="BV3105" s="166">
        <v>0</v>
      </c>
      <c r="BW3105" s="166">
        <v>0</v>
      </c>
      <c r="BX3105" s="166">
        <v>0</v>
      </c>
      <c r="BY3105" s="166">
        <v>0</v>
      </c>
      <c r="BZ3105" s="166">
        <v>0</v>
      </c>
      <c r="CA3105" s="166">
        <v>0</v>
      </c>
      <c r="CB3105" s="166">
        <v>0</v>
      </c>
      <c r="CC3105" s="166">
        <v>0</v>
      </c>
      <c r="CD3105" s="166">
        <v>0</v>
      </c>
      <c r="CE3105" s="166">
        <v>0</v>
      </c>
      <c r="CF3105" s="166">
        <v>0</v>
      </c>
      <c r="CG3105" s="166">
        <v>0</v>
      </c>
      <c r="CH3105" s="166">
        <v>0</v>
      </c>
      <c r="CI3105" s="166">
        <v>0</v>
      </c>
      <c r="CJ3105" s="166">
        <v>0</v>
      </c>
      <c r="CK3105" s="166">
        <v>0</v>
      </c>
      <c r="CL3105" s="166">
        <v>0</v>
      </c>
      <c r="CM3105" s="166">
        <v>0</v>
      </c>
      <c r="CN3105" s="166">
        <v>0</v>
      </c>
      <c r="CO3105" s="166">
        <v>0</v>
      </c>
      <c r="CP3105" s="166">
        <v>0</v>
      </c>
      <c r="CQ3105" s="166">
        <v>0</v>
      </c>
      <c r="CR3105" s="166">
        <v>0</v>
      </c>
      <c r="CS3105" s="166">
        <v>0</v>
      </c>
      <c r="CT3105" s="166">
        <v>0</v>
      </c>
      <c r="CU3105" s="166">
        <v>0</v>
      </c>
      <c r="CV3105" s="166">
        <v>0</v>
      </c>
      <c r="CW3105" s="166">
        <v>0</v>
      </c>
      <c r="CX3105" s="166">
        <v>0</v>
      </c>
      <c r="CY3105" s="166">
        <v>0</v>
      </c>
      <c r="CZ3105" s="166">
        <v>0</v>
      </c>
    </row>
    <row r="3106" spans="1:104" x14ac:dyDescent="0.2">
      <c r="A3106" s="167" t="s">
        <v>392</v>
      </c>
    </row>
    <row r="3107" spans="1:104" x14ac:dyDescent="0.2">
      <c r="A3107" s="167" t="s">
        <v>393</v>
      </c>
      <c r="B3107" s="166">
        <v>0</v>
      </c>
      <c r="C3107" s="166">
        <v>0</v>
      </c>
      <c r="D3107" s="166">
        <v>0</v>
      </c>
      <c r="E3107" s="166">
        <v>0</v>
      </c>
      <c r="F3107" s="166">
        <v>0</v>
      </c>
      <c r="G3107" s="166">
        <v>0</v>
      </c>
      <c r="H3107" s="166">
        <v>0</v>
      </c>
      <c r="I3107" s="166">
        <v>0</v>
      </c>
      <c r="J3107" s="166">
        <v>0</v>
      </c>
      <c r="K3107" s="166">
        <v>0</v>
      </c>
      <c r="L3107" s="166">
        <v>0</v>
      </c>
      <c r="M3107" s="166">
        <v>0</v>
      </c>
      <c r="N3107" s="166">
        <v>0</v>
      </c>
      <c r="O3107" s="166">
        <v>0</v>
      </c>
      <c r="P3107" s="166">
        <v>0</v>
      </c>
      <c r="Q3107" s="166">
        <v>0</v>
      </c>
      <c r="R3107" s="166">
        <v>0</v>
      </c>
      <c r="S3107" s="166">
        <v>0</v>
      </c>
      <c r="T3107" s="166">
        <v>0</v>
      </c>
      <c r="U3107" s="166">
        <v>0</v>
      </c>
      <c r="V3107" s="166">
        <v>0</v>
      </c>
      <c r="W3107" s="166">
        <v>0</v>
      </c>
      <c r="X3107" s="166">
        <v>0</v>
      </c>
      <c r="Y3107" s="166">
        <v>0</v>
      </c>
      <c r="Z3107" s="166">
        <v>0</v>
      </c>
      <c r="AA3107" s="166">
        <v>0</v>
      </c>
      <c r="AB3107" s="166">
        <v>0</v>
      </c>
      <c r="AC3107" s="166">
        <v>0</v>
      </c>
      <c r="AD3107" s="166">
        <v>0</v>
      </c>
      <c r="AE3107" s="166">
        <v>0</v>
      </c>
      <c r="AF3107" s="166">
        <v>0</v>
      </c>
      <c r="AG3107" s="166">
        <v>0</v>
      </c>
      <c r="AH3107" s="166">
        <v>0</v>
      </c>
      <c r="AI3107" s="166">
        <v>0</v>
      </c>
      <c r="AJ3107" s="166">
        <v>0</v>
      </c>
      <c r="AK3107" s="166">
        <v>0</v>
      </c>
      <c r="AL3107" s="166">
        <v>0</v>
      </c>
      <c r="AM3107" s="166">
        <v>0</v>
      </c>
      <c r="AN3107" s="166">
        <v>0</v>
      </c>
      <c r="AO3107" s="166">
        <v>0</v>
      </c>
      <c r="AP3107" s="166">
        <v>0</v>
      </c>
      <c r="AQ3107" s="166">
        <v>0</v>
      </c>
      <c r="AR3107" s="166">
        <v>0</v>
      </c>
      <c r="AS3107" s="166">
        <v>0</v>
      </c>
      <c r="AT3107" s="166">
        <v>0</v>
      </c>
      <c r="AU3107" s="166">
        <v>0</v>
      </c>
      <c r="AV3107" s="166">
        <v>0</v>
      </c>
      <c r="AW3107" s="166">
        <v>0</v>
      </c>
      <c r="AX3107" s="166">
        <v>0</v>
      </c>
      <c r="AY3107" s="166">
        <v>0</v>
      </c>
      <c r="AZ3107" s="166">
        <v>0</v>
      </c>
      <c r="BA3107" s="166">
        <v>0</v>
      </c>
      <c r="BB3107" s="166">
        <v>0</v>
      </c>
      <c r="BC3107" s="166">
        <v>0</v>
      </c>
      <c r="BD3107" s="166">
        <v>0</v>
      </c>
      <c r="BE3107" s="166">
        <v>0</v>
      </c>
      <c r="BF3107" s="166">
        <v>0</v>
      </c>
      <c r="BG3107" s="166">
        <v>0</v>
      </c>
      <c r="BH3107" s="166">
        <v>0</v>
      </c>
      <c r="BI3107" s="166">
        <v>0</v>
      </c>
      <c r="BJ3107" s="166">
        <v>0</v>
      </c>
      <c r="BK3107" s="166">
        <v>0</v>
      </c>
      <c r="BL3107" s="166">
        <v>0</v>
      </c>
      <c r="BM3107" s="166">
        <v>0</v>
      </c>
      <c r="BN3107" s="166">
        <v>0</v>
      </c>
      <c r="BO3107" s="166">
        <v>0</v>
      </c>
      <c r="BP3107" s="166">
        <v>0</v>
      </c>
      <c r="BQ3107" s="166">
        <v>0</v>
      </c>
      <c r="BR3107" s="166">
        <v>0</v>
      </c>
      <c r="BS3107" s="166">
        <v>0</v>
      </c>
      <c r="BT3107" s="168">
        <v>0</v>
      </c>
      <c r="BU3107" s="166">
        <v>0</v>
      </c>
      <c r="BV3107" s="166">
        <v>0</v>
      </c>
      <c r="BW3107" s="166">
        <v>0</v>
      </c>
      <c r="BX3107" s="166">
        <v>0</v>
      </c>
      <c r="BY3107" s="166">
        <v>0</v>
      </c>
      <c r="BZ3107" s="166">
        <v>0</v>
      </c>
      <c r="CA3107" s="166">
        <v>0</v>
      </c>
      <c r="CB3107" s="166">
        <v>0</v>
      </c>
      <c r="CC3107" s="166">
        <v>0</v>
      </c>
      <c r="CD3107" s="166">
        <v>0</v>
      </c>
      <c r="CE3107" s="166">
        <v>0</v>
      </c>
      <c r="CF3107" s="166">
        <v>0</v>
      </c>
      <c r="CG3107" s="166">
        <v>0</v>
      </c>
      <c r="CH3107" s="166">
        <v>0</v>
      </c>
      <c r="CI3107" s="166">
        <v>0</v>
      </c>
      <c r="CJ3107" s="166">
        <v>0</v>
      </c>
      <c r="CK3107" s="166">
        <v>0</v>
      </c>
      <c r="CL3107" s="166">
        <v>0</v>
      </c>
      <c r="CM3107" s="166">
        <v>0</v>
      </c>
      <c r="CN3107" s="166">
        <v>0</v>
      </c>
      <c r="CO3107" s="166">
        <v>0</v>
      </c>
      <c r="CP3107" s="166">
        <v>0</v>
      </c>
      <c r="CQ3107" s="166">
        <v>0</v>
      </c>
      <c r="CR3107" s="166">
        <v>0</v>
      </c>
      <c r="CS3107" s="166">
        <v>0</v>
      </c>
      <c r="CT3107" s="166">
        <v>0</v>
      </c>
      <c r="CU3107" s="166">
        <v>0</v>
      </c>
      <c r="CV3107" s="166">
        <v>0</v>
      </c>
      <c r="CW3107" s="166">
        <v>0</v>
      </c>
      <c r="CX3107" s="166">
        <v>0</v>
      </c>
      <c r="CY3107" s="166">
        <v>0</v>
      </c>
      <c r="CZ3107" s="166">
        <v>0</v>
      </c>
    </row>
    <row r="3108" spans="1:104" x14ac:dyDescent="0.2">
      <c r="A3108" s="170" t="s">
        <v>394</v>
      </c>
      <c r="B3108" s="166">
        <v>94014941.313999996</v>
      </c>
      <c r="C3108" s="166">
        <v>94014941.313999996</v>
      </c>
      <c r="D3108" s="166">
        <v>0</v>
      </c>
      <c r="E3108" s="166">
        <v>0</v>
      </c>
      <c r="F3108" s="166">
        <v>0</v>
      </c>
      <c r="G3108" s="166">
        <v>0</v>
      </c>
      <c r="H3108" s="166">
        <v>0</v>
      </c>
      <c r="I3108" s="166">
        <v>0</v>
      </c>
      <c r="J3108" s="166">
        <v>0</v>
      </c>
      <c r="K3108" s="166">
        <v>0</v>
      </c>
      <c r="L3108" s="166">
        <v>0</v>
      </c>
      <c r="M3108" s="166">
        <v>0</v>
      </c>
      <c r="N3108" s="166">
        <v>0</v>
      </c>
      <c r="O3108" s="166">
        <v>0</v>
      </c>
      <c r="P3108" s="166">
        <v>0</v>
      </c>
      <c r="Q3108" s="166">
        <v>0</v>
      </c>
      <c r="R3108" s="166">
        <v>0</v>
      </c>
      <c r="S3108" s="166">
        <v>0</v>
      </c>
      <c r="T3108" s="166">
        <v>0</v>
      </c>
      <c r="U3108" s="166">
        <v>0</v>
      </c>
      <c r="V3108" s="166">
        <v>0</v>
      </c>
      <c r="W3108" s="166">
        <v>0</v>
      </c>
      <c r="X3108" s="166">
        <v>0</v>
      </c>
      <c r="Y3108" s="166">
        <v>0</v>
      </c>
      <c r="Z3108" s="166">
        <v>0</v>
      </c>
      <c r="AA3108" s="166">
        <v>0</v>
      </c>
      <c r="AB3108" s="166">
        <v>0</v>
      </c>
      <c r="AC3108" s="166">
        <v>0</v>
      </c>
      <c r="AD3108" s="166">
        <v>0</v>
      </c>
      <c r="AE3108" s="166">
        <v>0</v>
      </c>
      <c r="AF3108" s="166">
        <v>0</v>
      </c>
      <c r="AG3108" s="166">
        <v>0</v>
      </c>
      <c r="AH3108" s="166">
        <v>0</v>
      </c>
      <c r="AI3108" s="166">
        <v>0</v>
      </c>
      <c r="AJ3108" s="166">
        <v>0</v>
      </c>
      <c r="AK3108" s="166">
        <v>0</v>
      </c>
      <c r="AL3108" s="166">
        <v>0</v>
      </c>
      <c r="AM3108" s="166">
        <v>0</v>
      </c>
      <c r="AN3108" s="166">
        <v>0</v>
      </c>
      <c r="AO3108" s="166">
        <v>0</v>
      </c>
      <c r="AP3108" s="166">
        <v>0</v>
      </c>
      <c r="AQ3108" s="166">
        <v>0</v>
      </c>
      <c r="AR3108" s="166">
        <v>0</v>
      </c>
      <c r="AS3108" s="166">
        <v>0</v>
      </c>
      <c r="AT3108" s="166">
        <v>0</v>
      </c>
      <c r="AU3108" s="166">
        <v>0</v>
      </c>
      <c r="AV3108" s="166">
        <v>0</v>
      </c>
      <c r="AW3108" s="166">
        <v>0</v>
      </c>
      <c r="AX3108" s="166">
        <v>0</v>
      </c>
      <c r="AY3108" s="166">
        <v>0</v>
      </c>
      <c r="AZ3108" s="166">
        <v>0</v>
      </c>
      <c r="BA3108" s="166">
        <v>0</v>
      </c>
      <c r="BB3108" s="166">
        <v>0</v>
      </c>
      <c r="BC3108" s="166">
        <v>0</v>
      </c>
      <c r="BD3108" s="166">
        <v>0</v>
      </c>
      <c r="BE3108" s="166">
        <v>0</v>
      </c>
      <c r="BF3108" s="166">
        <v>0</v>
      </c>
      <c r="BG3108" s="166">
        <v>0</v>
      </c>
      <c r="BH3108" s="166">
        <v>0</v>
      </c>
      <c r="BI3108" s="166">
        <v>0</v>
      </c>
      <c r="BJ3108" s="166">
        <v>0</v>
      </c>
      <c r="BK3108" s="166">
        <v>0</v>
      </c>
      <c r="BL3108" s="166">
        <v>0</v>
      </c>
      <c r="BM3108" s="166">
        <v>0</v>
      </c>
      <c r="BN3108" s="166">
        <v>0</v>
      </c>
      <c r="BO3108" s="166">
        <v>0</v>
      </c>
      <c r="BP3108" s="166">
        <v>0</v>
      </c>
      <c r="BQ3108" s="166">
        <v>0</v>
      </c>
      <c r="BR3108" s="166">
        <v>94014941.313999996</v>
      </c>
      <c r="BS3108" s="166">
        <v>94014941.313999996</v>
      </c>
      <c r="BT3108" s="168">
        <v>0</v>
      </c>
      <c r="BU3108" s="166">
        <v>0</v>
      </c>
      <c r="BV3108" s="166">
        <v>0</v>
      </c>
      <c r="BW3108" s="166">
        <v>0</v>
      </c>
      <c r="BX3108" s="166">
        <v>0</v>
      </c>
      <c r="BY3108" s="166">
        <v>0</v>
      </c>
      <c r="BZ3108" s="166">
        <v>0</v>
      </c>
      <c r="CA3108" s="166">
        <v>0</v>
      </c>
      <c r="CB3108" s="166">
        <v>0</v>
      </c>
      <c r="CC3108" s="166">
        <v>0</v>
      </c>
      <c r="CD3108" s="166">
        <v>0</v>
      </c>
      <c r="CE3108" s="166">
        <v>0</v>
      </c>
      <c r="CF3108" s="166">
        <v>0</v>
      </c>
      <c r="CG3108" s="166">
        <v>0</v>
      </c>
      <c r="CH3108" s="166">
        <v>0</v>
      </c>
      <c r="CI3108" s="166">
        <v>0</v>
      </c>
      <c r="CJ3108" s="166">
        <v>0</v>
      </c>
      <c r="CK3108" s="166">
        <v>0</v>
      </c>
      <c r="CL3108" s="166">
        <v>0</v>
      </c>
      <c r="CM3108" s="166">
        <v>0</v>
      </c>
      <c r="CN3108" s="166">
        <v>0</v>
      </c>
      <c r="CO3108" s="166">
        <v>0</v>
      </c>
      <c r="CP3108" s="166">
        <v>0</v>
      </c>
      <c r="CQ3108" s="166">
        <v>0</v>
      </c>
      <c r="CR3108" s="166">
        <v>0</v>
      </c>
      <c r="CS3108" s="166">
        <v>0</v>
      </c>
      <c r="CT3108" s="166">
        <v>0</v>
      </c>
      <c r="CU3108" s="166">
        <v>0</v>
      </c>
      <c r="CV3108" s="166">
        <v>0</v>
      </c>
      <c r="CW3108" s="166">
        <v>0</v>
      </c>
      <c r="CX3108" s="166">
        <v>0</v>
      </c>
      <c r="CY3108" s="166">
        <v>0</v>
      </c>
      <c r="CZ3108" s="166">
        <v>0</v>
      </c>
    </row>
    <row r="3109" spans="1:104" x14ac:dyDescent="0.2">
      <c r="A3109" s="167" t="s">
        <v>395</v>
      </c>
    </row>
    <row r="3110" spans="1:104" x14ac:dyDescent="0.2">
      <c r="A3110" s="170" t="s">
        <v>396</v>
      </c>
    </row>
    <row r="3111" spans="1:104" x14ac:dyDescent="0.2">
      <c r="A3111" s="167" t="s">
        <v>397</v>
      </c>
      <c r="B3111" s="166">
        <v>0</v>
      </c>
      <c r="C3111" s="166">
        <v>0</v>
      </c>
      <c r="D3111" s="166">
        <v>0</v>
      </c>
      <c r="E3111" s="166">
        <v>0</v>
      </c>
      <c r="F3111" s="166">
        <v>0</v>
      </c>
      <c r="G3111" s="166">
        <v>0</v>
      </c>
      <c r="H3111" s="166">
        <v>0</v>
      </c>
      <c r="I3111" s="166">
        <v>0</v>
      </c>
      <c r="J3111" s="166">
        <v>0</v>
      </c>
      <c r="K3111" s="166">
        <v>0</v>
      </c>
      <c r="L3111" s="166">
        <v>0</v>
      </c>
      <c r="M3111" s="166">
        <v>0</v>
      </c>
      <c r="N3111" s="166">
        <v>0</v>
      </c>
      <c r="O3111" s="166">
        <v>0</v>
      </c>
      <c r="P3111" s="166">
        <v>0</v>
      </c>
      <c r="Q3111" s="166">
        <v>0</v>
      </c>
      <c r="R3111" s="166">
        <v>0</v>
      </c>
      <c r="S3111" s="166">
        <v>0</v>
      </c>
      <c r="T3111" s="166">
        <v>0</v>
      </c>
      <c r="U3111" s="166">
        <v>0</v>
      </c>
      <c r="V3111" s="166">
        <v>0</v>
      </c>
      <c r="W3111" s="166">
        <v>0</v>
      </c>
      <c r="X3111" s="166">
        <v>0</v>
      </c>
      <c r="Y3111" s="166">
        <v>0</v>
      </c>
      <c r="Z3111" s="166">
        <v>0</v>
      </c>
      <c r="AA3111" s="166">
        <v>0</v>
      </c>
      <c r="AB3111" s="166">
        <v>0</v>
      </c>
      <c r="AC3111" s="166">
        <v>0</v>
      </c>
      <c r="AD3111" s="166">
        <v>0</v>
      </c>
      <c r="AE3111" s="166">
        <v>0</v>
      </c>
      <c r="AF3111" s="166">
        <v>0</v>
      </c>
      <c r="AG3111" s="166">
        <v>0</v>
      </c>
      <c r="AH3111" s="166">
        <v>0</v>
      </c>
      <c r="AI3111" s="166">
        <v>0</v>
      </c>
      <c r="AJ3111" s="166">
        <v>0</v>
      </c>
      <c r="AK3111" s="166">
        <v>0</v>
      </c>
      <c r="AL3111" s="166">
        <v>0</v>
      </c>
      <c r="AM3111" s="166">
        <v>0</v>
      </c>
      <c r="AN3111" s="166">
        <v>0</v>
      </c>
      <c r="AO3111" s="166">
        <v>0</v>
      </c>
      <c r="AP3111" s="166">
        <v>0</v>
      </c>
      <c r="AQ3111" s="166">
        <v>0</v>
      </c>
      <c r="AR3111" s="166">
        <v>0</v>
      </c>
      <c r="AS3111" s="166">
        <v>0</v>
      </c>
      <c r="AT3111" s="166">
        <v>0</v>
      </c>
      <c r="AU3111" s="166">
        <v>0</v>
      </c>
      <c r="AV3111" s="166">
        <v>0</v>
      </c>
      <c r="AW3111" s="166">
        <v>0</v>
      </c>
      <c r="AX3111" s="166">
        <v>0</v>
      </c>
      <c r="AY3111" s="166">
        <v>0</v>
      </c>
      <c r="AZ3111" s="166">
        <v>0</v>
      </c>
      <c r="BA3111" s="166">
        <v>0</v>
      </c>
      <c r="BB3111" s="166">
        <v>0</v>
      </c>
      <c r="BC3111" s="166">
        <v>0</v>
      </c>
      <c r="BD3111" s="166">
        <v>0</v>
      </c>
      <c r="BE3111" s="166">
        <v>0</v>
      </c>
      <c r="BF3111" s="166">
        <v>0</v>
      </c>
      <c r="BG3111" s="166">
        <v>0</v>
      </c>
      <c r="BH3111" s="166">
        <v>0</v>
      </c>
      <c r="BI3111" s="166">
        <v>0</v>
      </c>
      <c r="BJ3111" s="166">
        <v>0</v>
      </c>
      <c r="BK3111" s="166">
        <v>0</v>
      </c>
      <c r="BL3111" s="166">
        <v>0</v>
      </c>
      <c r="BM3111" s="166">
        <v>0</v>
      </c>
      <c r="BN3111" s="166">
        <v>0</v>
      </c>
      <c r="BO3111" s="166">
        <v>0</v>
      </c>
      <c r="BP3111" s="166">
        <v>0</v>
      </c>
      <c r="BQ3111" s="166">
        <v>0</v>
      </c>
      <c r="BR3111" s="166">
        <v>0</v>
      </c>
      <c r="BS3111" s="166">
        <v>0</v>
      </c>
      <c r="BT3111" s="168">
        <v>0</v>
      </c>
      <c r="BU3111" s="166">
        <v>0</v>
      </c>
      <c r="BV3111" s="166">
        <v>0</v>
      </c>
      <c r="BW3111" s="166">
        <v>0</v>
      </c>
      <c r="BX3111" s="166">
        <v>0</v>
      </c>
      <c r="BY3111" s="166">
        <v>0</v>
      </c>
      <c r="BZ3111" s="166">
        <v>0</v>
      </c>
      <c r="CA3111" s="166">
        <v>0</v>
      </c>
      <c r="CB3111" s="166">
        <v>0</v>
      </c>
      <c r="CC3111" s="166">
        <v>0</v>
      </c>
      <c r="CD3111" s="166">
        <v>0</v>
      </c>
      <c r="CE3111" s="166">
        <v>0</v>
      </c>
      <c r="CF3111" s="166">
        <v>0</v>
      </c>
      <c r="CG3111" s="166">
        <v>0</v>
      </c>
      <c r="CH3111" s="166">
        <v>0</v>
      </c>
      <c r="CI3111" s="166">
        <v>0</v>
      </c>
      <c r="CJ3111" s="166">
        <v>0</v>
      </c>
      <c r="CK3111" s="166">
        <v>0</v>
      </c>
      <c r="CL3111" s="166">
        <v>0</v>
      </c>
      <c r="CM3111" s="166">
        <v>0</v>
      </c>
      <c r="CN3111" s="166">
        <v>0</v>
      </c>
      <c r="CO3111" s="166">
        <v>0</v>
      </c>
      <c r="CP3111" s="166">
        <v>0</v>
      </c>
      <c r="CQ3111" s="166">
        <v>0</v>
      </c>
      <c r="CR3111" s="166">
        <v>0</v>
      </c>
      <c r="CS3111" s="166">
        <v>0</v>
      </c>
      <c r="CT3111" s="166">
        <v>0</v>
      </c>
      <c r="CU3111" s="166">
        <v>0</v>
      </c>
      <c r="CV3111" s="166">
        <v>0</v>
      </c>
      <c r="CW3111" s="166">
        <v>0</v>
      </c>
      <c r="CX3111" s="166">
        <v>0</v>
      </c>
      <c r="CY3111" s="166">
        <v>0</v>
      </c>
      <c r="CZ3111" s="166">
        <v>0</v>
      </c>
    </row>
    <row r="3112" spans="1:104" x14ac:dyDescent="0.2">
      <c r="A3112" s="167" t="s">
        <v>1171</v>
      </c>
      <c r="B3112" s="166">
        <v>0</v>
      </c>
      <c r="C3112" s="166">
        <v>0</v>
      </c>
      <c r="D3112" s="166">
        <v>0</v>
      </c>
      <c r="E3112" s="166">
        <v>0</v>
      </c>
      <c r="F3112" s="166">
        <v>0</v>
      </c>
      <c r="G3112" s="166">
        <v>0</v>
      </c>
      <c r="H3112" s="166">
        <v>0</v>
      </c>
      <c r="I3112" s="166">
        <v>0</v>
      </c>
      <c r="J3112" s="166">
        <v>0</v>
      </c>
      <c r="K3112" s="166">
        <v>0</v>
      </c>
      <c r="L3112" s="166">
        <v>0</v>
      </c>
      <c r="M3112" s="166">
        <v>0</v>
      </c>
      <c r="N3112" s="166">
        <v>0</v>
      </c>
      <c r="O3112" s="166">
        <v>0</v>
      </c>
      <c r="P3112" s="166">
        <v>0</v>
      </c>
      <c r="Q3112" s="166">
        <v>0</v>
      </c>
      <c r="R3112" s="166">
        <v>0</v>
      </c>
      <c r="S3112" s="166">
        <v>0</v>
      </c>
      <c r="T3112" s="166">
        <v>0</v>
      </c>
      <c r="U3112" s="166">
        <v>0</v>
      </c>
      <c r="V3112" s="166">
        <v>0</v>
      </c>
      <c r="W3112" s="166">
        <v>0</v>
      </c>
      <c r="X3112" s="166">
        <v>0</v>
      </c>
      <c r="Y3112" s="166">
        <v>0</v>
      </c>
      <c r="Z3112" s="166">
        <v>0</v>
      </c>
      <c r="AA3112" s="166">
        <v>0</v>
      </c>
      <c r="AB3112" s="166">
        <v>0</v>
      </c>
      <c r="AC3112" s="166">
        <v>0</v>
      </c>
      <c r="AD3112" s="166">
        <v>0</v>
      </c>
      <c r="AE3112" s="166">
        <v>0</v>
      </c>
      <c r="AF3112" s="166">
        <v>0</v>
      </c>
      <c r="AG3112" s="166">
        <v>0</v>
      </c>
      <c r="AH3112" s="166">
        <v>0</v>
      </c>
      <c r="AI3112" s="166">
        <v>0</v>
      </c>
      <c r="AJ3112" s="166">
        <v>0</v>
      </c>
      <c r="AK3112" s="166">
        <v>0</v>
      </c>
      <c r="AL3112" s="166">
        <v>0</v>
      </c>
      <c r="AM3112" s="166">
        <v>0</v>
      </c>
      <c r="AN3112" s="166">
        <v>0</v>
      </c>
      <c r="AO3112" s="166">
        <v>0</v>
      </c>
      <c r="AP3112" s="166">
        <v>0</v>
      </c>
      <c r="AQ3112" s="166">
        <v>0</v>
      </c>
      <c r="AR3112" s="166">
        <v>0</v>
      </c>
      <c r="AS3112" s="166">
        <v>0</v>
      </c>
      <c r="AT3112" s="166">
        <v>0</v>
      </c>
      <c r="AU3112" s="166">
        <v>0</v>
      </c>
      <c r="AV3112" s="166">
        <v>0</v>
      </c>
      <c r="AW3112" s="166">
        <v>0</v>
      </c>
      <c r="AX3112" s="166">
        <v>0</v>
      </c>
      <c r="AY3112" s="166">
        <v>0</v>
      </c>
      <c r="AZ3112" s="166">
        <v>0</v>
      </c>
      <c r="BA3112" s="166">
        <v>0</v>
      </c>
      <c r="BB3112" s="166">
        <v>0</v>
      </c>
      <c r="BC3112" s="166">
        <v>0</v>
      </c>
      <c r="BD3112" s="166">
        <v>0</v>
      </c>
      <c r="BE3112" s="166">
        <v>0</v>
      </c>
      <c r="BF3112" s="166">
        <v>0</v>
      </c>
      <c r="BG3112" s="166">
        <v>0</v>
      </c>
      <c r="BH3112" s="166">
        <v>0</v>
      </c>
      <c r="BI3112" s="166">
        <v>0</v>
      </c>
      <c r="BJ3112" s="166">
        <v>0</v>
      </c>
      <c r="BK3112" s="166">
        <v>0</v>
      </c>
      <c r="BL3112" s="166">
        <v>0</v>
      </c>
      <c r="BM3112" s="166">
        <v>0</v>
      </c>
      <c r="BN3112" s="166">
        <v>0</v>
      </c>
      <c r="BO3112" s="166">
        <v>0</v>
      </c>
      <c r="BP3112" s="166">
        <v>0</v>
      </c>
      <c r="BQ3112" s="166">
        <v>0</v>
      </c>
      <c r="BR3112" s="166">
        <v>0</v>
      </c>
      <c r="BS3112" s="166">
        <v>0</v>
      </c>
      <c r="BT3112" s="168">
        <v>0</v>
      </c>
      <c r="BU3112" s="166">
        <v>0</v>
      </c>
      <c r="BV3112" s="166">
        <v>0</v>
      </c>
      <c r="BW3112" s="166">
        <v>0</v>
      </c>
      <c r="BX3112" s="166">
        <v>0</v>
      </c>
      <c r="BY3112" s="166">
        <v>0</v>
      </c>
      <c r="BZ3112" s="166">
        <v>0</v>
      </c>
      <c r="CA3112" s="166">
        <v>0</v>
      </c>
      <c r="CB3112" s="166">
        <v>0</v>
      </c>
      <c r="CC3112" s="166">
        <v>0</v>
      </c>
      <c r="CD3112" s="166">
        <v>0</v>
      </c>
      <c r="CE3112" s="166">
        <v>0</v>
      </c>
      <c r="CF3112" s="166">
        <v>0</v>
      </c>
      <c r="CG3112" s="166">
        <v>0</v>
      </c>
      <c r="CH3112" s="166">
        <v>0</v>
      </c>
      <c r="CI3112" s="166">
        <v>0</v>
      </c>
      <c r="CJ3112" s="166">
        <v>0</v>
      </c>
      <c r="CK3112" s="166">
        <v>0</v>
      </c>
      <c r="CL3112" s="166">
        <v>0</v>
      </c>
      <c r="CM3112" s="166">
        <v>0</v>
      </c>
      <c r="CN3112" s="166">
        <v>0</v>
      </c>
      <c r="CO3112" s="166">
        <v>0</v>
      </c>
      <c r="CP3112" s="166">
        <v>0</v>
      </c>
      <c r="CQ3112" s="166">
        <v>0</v>
      </c>
      <c r="CR3112" s="166">
        <v>0</v>
      </c>
      <c r="CS3112" s="166">
        <v>0</v>
      </c>
      <c r="CT3112" s="166">
        <v>0</v>
      </c>
      <c r="CU3112" s="166">
        <v>0</v>
      </c>
      <c r="CV3112" s="166">
        <v>0</v>
      </c>
      <c r="CW3112" s="166">
        <v>0</v>
      </c>
      <c r="CX3112" s="166">
        <v>0</v>
      </c>
      <c r="CY3112" s="166">
        <v>0</v>
      </c>
      <c r="CZ3112" s="166">
        <v>0</v>
      </c>
    </row>
    <row r="3113" spans="1:104" x14ac:dyDescent="0.2">
      <c r="A3113" s="167" t="s">
        <v>399</v>
      </c>
      <c r="B3113" s="166">
        <v>0</v>
      </c>
      <c r="C3113" s="166">
        <v>0</v>
      </c>
      <c r="D3113" s="166">
        <v>0</v>
      </c>
      <c r="E3113" s="166">
        <v>0</v>
      </c>
      <c r="F3113" s="166">
        <v>0</v>
      </c>
      <c r="G3113" s="166">
        <v>0</v>
      </c>
      <c r="H3113" s="166">
        <v>0</v>
      </c>
      <c r="I3113" s="166">
        <v>0</v>
      </c>
      <c r="J3113" s="166">
        <v>0</v>
      </c>
      <c r="K3113" s="166">
        <v>0</v>
      </c>
      <c r="L3113" s="166">
        <v>0</v>
      </c>
      <c r="M3113" s="166">
        <v>0</v>
      </c>
      <c r="N3113" s="166">
        <v>0</v>
      </c>
      <c r="O3113" s="166">
        <v>0</v>
      </c>
      <c r="P3113" s="166">
        <v>0</v>
      </c>
      <c r="Q3113" s="166">
        <v>0</v>
      </c>
      <c r="R3113" s="166">
        <v>0</v>
      </c>
      <c r="S3113" s="166">
        <v>0</v>
      </c>
      <c r="T3113" s="166">
        <v>0</v>
      </c>
      <c r="U3113" s="166">
        <v>0</v>
      </c>
      <c r="V3113" s="166">
        <v>0</v>
      </c>
      <c r="W3113" s="166">
        <v>0</v>
      </c>
      <c r="X3113" s="166">
        <v>0</v>
      </c>
      <c r="Y3113" s="166">
        <v>0</v>
      </c>
      <c r="Z3113" s="166">
        <v>0</v>
      </c>
      <c r="AA3113" s="166">
        <v>0</v>
      </c>
      <c r="AB3113" s="166">
        <v>0</v>
      </c>
      <c r="AC3113" s="166">
        <v>0</v>
      </c>
      <c r="AD3113" s="166">
        <v>0</v>
      </c>
      <c r="AE3113" s="166">
        <v>0</v>
      </c>
      <c r="AF3113" s="166">
        <v>0</v>
      </c>
      <c r="AG3113" s="166">
        <v>0</v>
      </c>
      <c r="AH3113" s="166">
        <v>0</v>
      </c>
      <c r="AI3113" s="166">
        <v>0</v>
      </c>
      <c r="AJ3113" s="166">
        <v>0</v>
      </c>
      <c r="AK3113" s="166">
        <v>0</v>
      </c>
      <c r="AL3113" s="166">
        <v>0</v>
      </c>
      <c r="AM3113" s="166">
        <v>0</v>
      </c>
      <c r="AN3113" s="166">
        <v>0</v>
      </c>
      <c r="AO3113" s="166">
        <v>0</v>
      </c>
      <c r="AP3113" s="166">
        <v>0</v>
      </c>
      <c r="AQ3113" s="166">
        <v>0</v>
      </c>
      <c r="AR3113" s="166">
        <v>0</v>
      </c>
      <c r="AS3113" s="166">
        <v>0</v>
      </c>
      <c r="AT3113" s="166">
        <v>0</v>
      </c>
      <c r="AU3113" s="166">
        <v>0</v>
      </c>
      <c r="AV3113" s="166">
        <v>0</v>
      </c>
      <c r="AW3113" s="166">
        <v>0</v>
      </c>
      <c r="AX3113" s="166">
        <v>0</v>
      </c>
      <c r="AY3113" s="166">
        <v>0</v>
      </c>
      <c r="AZ3113" s="166">
        <v>0</v>
      </c>
      <c r="BA3113" s="166">
        <v>0</v>
      </c>
      <c r="BB3113" s="166">
        <v>0</v>
      </c>
      <c r="BC3113" s="166">
        <v>0</v>
      </c>
      <c r="BD3113" s="166">
        <v>0</v>
      </c>
      <c r="BE3113" s="166">
        <v>0</v>
      </c>
      <c r="BF3113" s="166">
        <v>0</v>
      </c>
      <c r="BG3113" s="166">
        <v>0</v>
      </c>
      <c r="BH3113" s="166">
        <v>0</v>
      </c>
      <c r="BI3113" s="166">
        <v>0</v>
      </c>
      <c r="BJ3113" s="166">
        <v>0</v>
      </c>
      <c r="BK3113" s="166">
        <v>0</v>
      </c>
      <c r="BL3113" s="166">
        <v>0</v>
      </c>
      <c r="BM3113" s="166">
        <v>0</v>
      </c>
      <c r="BN3113" s="166">
        <v>0</v>
      </c>
      <c r="BO3113" s="166">
        <v>0</v>
      </c>
      <c r="BP3113" s="166">
        <v>0</v>
      </c>
      <c r="BQ3113" s="166">
        <v>0</v>
      </c>
      <c r="BR3113" s="166">
        <v>0</v>
      </c>
      <c r="BS3113" s="166">
        <v>0</v>
      </c>
      <c r="BT3113" s="168">
        <v>0</v>
      </c>
      <c r="BU3113" s="166">
        <v>0</v>
      </c>
      <c r="BV3113" s="166">
        <v>0</v>
      </c>
      <c r="BW3113" s="166">
        <v>0</v>
      </c>
      <c r="BX3113" s="166">
        <v>0</v>
      </c>
      <c r="BY3113" s="166">
        <v>0</v>
      </c>
      <c r="BZ3113" s="166">
        <v>0</v>
      </c>
      <c r="CA3113" s="166">
        <v>0</v>
      </c>
      <c r="CB3113" s="166">
        <v>0</v>
      </c>
      <c r="CC3113" s="166">
        <v>0</v>
      </c>
      <c r="CD3113" s="166">
        <v>0</v>
      </c>
      <c r="CE3113" s="166">
        <v>0</v>
      </c>
      <c r="CF3113" s="166">
        <v>0</v>
      </c>
      <c r="CG3113" s="166">
        <v>0</v>
      </c>
      <c r="CH3113" s="166">
        <v>0</v>
      </c>
      <c r="CI3113" s="166">
        <v>0</v>
      </c>
      <c r="CJ3113" s="166">
        <v>0</v>
      </c>
      <c r="CK3113" s="166">
        <v>0</v>
      </c>
      <c r="CL3113" s="166">
        <v>0</v>
      </c>
      <c r="CM3113" s="166">
        <v>0</v>
      </c>
      <c r="CN3113" s="166">
        <v>0</v>
      </c>
      <c r="CO3113" s="166">
        <v>0</v>
      </c>
      <c r="CP3113" s="166">
        <v>0</v>
      </c>
      <c r="CQ3113" s="166">
        <v>0</v>
      </c>
      <c r="CR3113" s="166">
        <v>0</v>
      </c>
      <c r="CS3113" s="166">
        <v>0</v>
      </c>
      <c r="CT3113" s="166">
        <v>0</v>
      </c>
      <c r="CU3113" s="166">
        <v>0</v>
      </c>
      <c r="CV3113" s="166">
        <v>0</v>
      </c>
      <c r="CW3113" s="166">
        <v>0</v>
      </c>
      <c r="CX3113" s="166">
        <v>0</v>
      </c>
      <c r="CY3113" s="166">
        <v>0</v>
      </c>
      <c r="CZ3113" s="166">
        <v>0</v>
      </c>
    </row>
    <row r="3114" spans="1:104" x14ac:dyDescent="0.2">
      <c r="A3114" s="167" t="s">
        <v>1172</v>
      </c>
      <c r="B3114" s="166">
        <v>10493572.1299999</v>
      </c>
      <c r="C3114" s="166">
        <v>10493572.1299999</v>
      </c>
      <c r="D3114" s="166">
        <v>0</v>
      </c>
      <c r="E3114" s="166">
        <v>0</v>
      </c>
      <c r="F3114" s="166">
        <v>0</v>
      </c>
      <c r="G3114" s="166">
        <v>0</v>
      </c>
      <c r="H3114" s="166">
        <v>0</v>
      </c>
      <c r="I3114" s="166">
        <v>0</v>
      </c>
      <c r="J3114" s="166">
        <v>0</v>
      </c>
      <c r="K3114" s="166">
        <v>0</v>
      </c>
      <c r="L3114" s="166">
        <v>0</v>
      </c>
      <c r="M3114" s="166">
        <v>0</v>
      </c>
      <c r="N3114" s="166">
        <v>0</v>
      </c>
      <c r="O3114" s="166">
        <v>0</v>
      </c>
      <c r="P3114" s="166">
        <v>0</v>
      </c>
      <c r="Q3114" s="166">
        <v>0</v>
      </c>
      <c r="R3114" s="166">
        <v>0</v>
      </c>
      <c r="S3114" s="166">
        <v>0</v>
      </c>
      <c r="T3114" s="166">
        <v>0</v>
      </c>
      <c r="U3114" s="166">
        <v>0</v>
      </c>
      <c r="V3114" s="166">
        <v>0</v>
      </c>
      <c r="W3114" s="166">
        <v>0</v>
      </c>
      <c r="X3114" s="166">
        <v>0</v>
      </c>
      <c r="Y3114" s="166">
        <v>0</v>
      </c>
      <c r="Z3114" s="166">
        <v>0</v>
      </c>
      <c r="AA3114" s="166">
        <v>0</v>
      </c>
      <c r="AB3114" s="166">
        <v>0</v>
      </c>
      <c r="AC3114" s="166">
        <v>0</v>
      </c>
      <c r="AD3114" s="166">
        <v>0</v>
      </c>
      <c r="AE3114" s="166">
        <v>0</v>
      </c>
      <c r="AF3114" s="166">
        <v>0</v>
      </c>
      <c r="AG3114" s="166">
        <v>0</v>
      </c>
      <c r="AH3114" s="166">
        <v>0</v>
      </c>
      <c r="AI3114" s="166">
        <v>0</v>
      </c>
      <c r="AJ3114" s="166">
        <v>0</v>
      </c>
      <c r="AK3114" s="166">
        <v>0</v>
      </c>
      <c r="AL3114" s="166">
        <v>0</v>
      </c>
      <c r="AM3114" s="166">
        <v>0</v>
      </c>
      <c r="AN3114" s="166">
        <v>0</v>
      </c>
      <c r="AO3114" s="166">
        <v>0</v>
      </c>
      <c r="AP3114" s="166">
        <v>0</v>
      </c>
      <c r="AQ3114" s="166">
        <v>0</v>
      </c>
      <c r="AR3114" s="166">
        <v>0</v>
      </c>
      <c r="AS3114" s="166">
        <v>0</v>
      </c>
      <c r="AT3114" s="166">
        <v>0</v>
      </c>
      <c r="AU3114" s="166">
        <v>0</v>
      </c>
      <c r="AV3114" s="166">
        <v>0</v>
      </c>
      <c r="AW3114" s="166">
        <v>0</v>
      </c>
      <c r="AX3114" s="166">
        <v>0</v>
      </c>
      <c r="AY3114" s="166">
        <v>0</v>
      </c>
      <c r="AZ3114" s="166">
        <v>0</v>
      </c>
      <c r="BA3114" s="166">
        <v>0</v>
      </c>
      <c r="BB3114" s="166">
        <v>0</v>
      </c>
      <c r="BC3114" s="166">
        <v>0</v>
      </c>
      <c r="BD3114" s="166">
        <v>0</v>
      </c>
      <c r="BE3114" s="166">
        <v>0</v>
      </c>
      <c r="BF3114" s="166">
        <v>0</v>
      </c>
      <c r="BG3114" s="166">
        <v>0</v>
      </c>
      <c r="BH3114" s="166">
        <v>0</v>
      </c>
      <c r="BI3114" s="166">
        <v>0</v>
      </c>
      <c r="BJ3114" s="166">
        <v>0</v>
      </c>
      <c r="BK3114" s="166">
        <v>0</v>
      </c>
      <c r="BL3114" s="166">
        <v>0</v>
      </c>
      <c r="BM3114" s="166">
        <v>0</v>
      </c>
      <c r="BN3114" s="166">
        <v>0</v>
      </c>
      <c r="BO3114" s="166">
        <v>0</v>
      </c>
      <c r="BP3114" s="166">
        <v>0</v>
      </c>
      <c r="BQ3114" s="166">
        <v>0</v>
      </c>
      <c r="BR3114" s="166">
        <v>10493572.1299999</v>
      </c>
      <c r="BS3114" s="166">
        <v>10493572.1299999</v>
      </c>
      <c r="BT3114" s="168">
        <v>0</v>
      </c>
      <c r="BU3114" s="166">
        <v>0</v>
      </c>
      <c r="BV3114" s="166">
        <v>0</v>
      </c>
      <c r="BW3114" s="166">
        <v>0</v>
      </c>
      <c r="BX3114" s="166">
        <v>0</v>
      </c>
      <c r="BY3114" s="166">
        <v>0</v>
      </c>
      <c r="BZ3114" s="166">
        <v>0</v>
      </c>
      <c r="CA3114" s="166">
        <v>0</v>
      </c>
      <c r="CB3114" s="166">
        <v>0</v>
      </c>
      <c r="CC3114" s="166">
        <v>0</v>
      </c>
      <c r="CD3114" s="166">
        <v>0</v>
      </c>
      <c r="CE3114" s="166">
        <v>0</v>
      </c>
      <c r="CF3114" s="166">
        <v>0</v>
      </c>
      <c r="CG3114" s="166">
        <v>0</v>
      </c>
      <c r="CH3114" s="166">
        <v>0</v>
      </c>
      <c r="CI3114" s="166">
        <v>0</v>
      </c>
      <c r="CJ3114" s="166">
        <v>0</v>
      </c>
      <c r="CK3114" s="166">
        <v>0</v>
      </c>
      <c r="CL3114" s="166">
        <v>0</v>
      </c>
      <c r="CM3114" s="166">
        <v>0</v>
      </c>
      <c r="CN3114" s="166">
        <v>0</v>
      </c>
      <c r="CO3114" s="166">
        <v>0</v>
      </c>
      <c r="CP3114" s="166">
        <v>0</v>
      </c>
      <c r="CQ3114" s="166">
        <v>0</v>
      </c>
      <c r="CR3114" s="166">
        <v>0</v>
      </c>
      <c r="CS3114" s="166">
        <v>0</v>
      </c>
      <c r="CT3114" s="166">
        <v>0</v>
      </c>
      <c r="CU3114" s="166">
        <v>0</v>
      </c>
      <c r="CV3114" s="166">
        <v>0</v>
      </c>
      <c r="CW3114" s="166">
        <v>0</v>
      </c>
      <c r="CX3114" s="166">
        <v>0</v>
      </c>
      <c r="CY3114" s="166">
        <v>0</v>
      </c>
      <c r="CZ3114" s="166">
        <v>0</v>
      </c>
    </row>
    <row r="3115" spans="1:104" x14ac:dyDescent="0.2">
      <c r="A3115" s="170" t="s">
        <v>401</v>
      </c>
      <c r="B3115" s="166">
        <v>10493572.1299999</v>
      </c>
      <c r="C3115" s="166">
        <v>10493572.1299999</v>
      </c>
      <c r="D3115" s="166">
        <v>0</v>
      </c>
      <c r="E3115" s="166">
        <v>0</v>
      </c>
      <c r="F3115" s="166">
        <v>0</v>
      </c>
      <c r="G3115" s="166">
        <v>0</v>
      </c>
      <c r="H3115" s="166">
        <v>0</v>
      </c>
      <c r="I3115" s="166">
        <v>0</v>
      </c>
      <c r="J3115" s="166">
        <v>0</v>
      </c>
      <c r="K3115" s="166">
        <v>0</v>
      </c>
      <c r="L3115" s="166">
        <v>0</v>
      </c>
      <c r="M3115" s="166">
        <v>0</v>
      </c>
      <c r="N3115" s="166">
        <v>0</v>
      </c>
      <c r="O3115" s="166">
        <v>0</v>
      </c>
      <c r="P3115" s="166">
        <v>0</v>
      </c>
      <c r="Q3115" s="166">
        <v>0</v>
      </c>
      <c r="R3115" s="166">
        <v>0</v>
      </c>
      <c r="S3115" s="166">
        <v>0</v>
      </c>
      <c r="T3115" s="166">
        <v>0</v>
      </c>
      <c r="U3115" s="166">
        <v>0</v>
      </c>
      <c r="V3115" s="166">
        <v>0</v>
      </c>
      <c r="W3115" s="166">
        <v>0</v>
      </c>
      <c r="X3115" s="166">
        <v>0</v>
      </c>
      <c r="Y3115" s="166">
        <v>0</v>
      </c>
      <c r="Z3115" s="166">
        <v>0</v>
      </c>
      <c r="AA3115" s="166">
        <v>0</v>
      </c>
      <c r="AB3115" s="166">
        <v>0</v>
      </c>
      <c r="AC3115" s="166">
        <v>0</v>
      </c>
      <c r="AD3115" s="166">
        <v>0</v>
      </c>
      <c r="AE3115" s="166">
        <v>0</v>
      </c>
      <c r="AF3115" s="166">
        <v>0</v>
      </c>
      <c r="AG3115" s="166">
        <v>0</v>
      </c>
      <c r="AH3115" s="166">
        <v>0</v>
      </c>
      <c r="AI3115" s="166">
        <v>0</v>
      </c>
      <c r="AJ3115" s="166">
        <v>0</v>
      </c>
      <c r="AK3115" s="166">
        <v>0</v>
      </c>
      <c r="AL3115" s="166">
        <v>0</v>
      </c>
      <c r="AM3115" s="166">
        <v>0</v>
      </c>
      <c r="AN3115" s="166">
        <v>0</v>
      </c>
      <c r="AO3115" s="166">
        <v>0</v>
      </c>
      <c r="AP3115" s="166">
        <v>0</v>
      </c>
      <c r="AQ3115" s="166">
        <v>0</v>
      </c>
      <c r="AR3115" s="166">
        <v>0</v>
      </c>
      <c r="AS3115" s="166">
        <v>0</v>
      </c>
      <c r="AT3115" s="166">
        <v>0</v>
      </c>
      <c r="AU3115" s="166">
        <v>0</v>
      </c>
      <c r="AV3115" s="166">
        <v>0</v>
      </c>
      <c r="AW3115" s="166">
        <v>0</v>
      </c>
      <c r="AX3115" s="166">
        <v>0</v>
      </c>
      <c r="AY3115" s="166">
        <v>0</v>
      </c>
      <c r="AZ3115" s="166">
        <v>0</v>
      </c>
      <c r="BA3115" s="166">
        <v>0</v>
      </c>
      <c r="BB3115" s="166">
        <v>0</v>
      </c>
      <c r="BC3115" s="166">
        <v>0</v>
      </c>
      <c r="BD3115" s="166">
        <v>0</v>
      </c>
      <c r="BE3115" s="166">
        <v>0</v>
      </c>
      <c r="BF3115" s="166">
        <v>0</v>
      </c>
      <c r="BG3115" s="166">
        <v>0</v>
      </c>
      <c r="BH3115" s="166">
        <v>0</v>
      </c>
      <c r="BI3115" s="166">
        <v>0</v>
      </c>
      <c r="BJ3115" s="166">
        <v>0</v>
      </c>
      <c r="BK3115" s="166">
        <v>0</v>
      </c>
      <c r="BL3115" s="166">
        <v>0</v>
      </c>
      <c r="BM3115" s="166">
        <v>0</v>
      </c>
      <c r="BN3115" s="166">
        <v>0</v>
      </c>
      <c r="BO3115" s="166">
        <v>0</v>
      </c>
      <c r="BP3115" s="166">
        <v>0</v>
      </c>
      <c r="BQ3115" s="166">
        <v>0</v>
      </c>
      <c r="BR3115" s="166">
        <v>10493572.1299999</v>
      </c>
      <c r="BS3115" s="166">
        <v>10493572.1299999</v>
      </c>
      <c r="BT3115" s="168">
        <v>0</v>
      </c>
      <c r="BU3115" s="166">
        <v>0</v>
      </c>
      <c r="BV3115" s="166">
        <v>0</v>
      </c>
      <c r="BW3115" s="166">
        <v>0</v>
      </c>
      <c r="BX3115" s="166">
        <v>0</v>
      </c>
      <c r="BY3115" s="166">
        <v>0</v>
      </c>
      <c r="BZ3115" s="166">
        <v>0</v>
      </c>
      <c r="CA3115" s="166">
        <v>0</v>
      </c>
      <c r="CB3115" s="166">
        <v>0</v>
      </c>
      <c r="CC3115" s="166">
        <v>0</v>
      </c>
      <c r="CD3115" s="166">
        <v>0</v>
      </c>
      <c r="CE3115" s="166">
        <v>0</v>
      </c>
      <c r="CF3115" s="166">
        <v>0</v>
      </c>
      <c r="CG3115" s="166">
        <v>0</v>
      </c>
      <c r="CH3115" s="166">
        <v>0</v>
      </c>
      <c r="CI3115" s="166">
        <v>0</v>
      </c>
      <c r="CJ3115" s="166">
        <v>0</v>
      </c>
      <c r="CK3115" s="166">
        <v>0</v>
      </c>
      <c r="CL3115" s="166">
        <v>0</v>
      </c>
      <c r="CM3115" s="166">
        <v>0</v>
      </c>
      <c r="CN3115" s="166">
        <v>0</v>
      </c>
      <c r="CO3115" s="166">
        <v>0</v>
      </c>
      <c r="CP3115" s="166">
        <v>0</v>
      </c>
      <c r="CQ3115" s="166">
        <v>0</v>
      </c>
      <c r="CR3115" s="166">
        <v>0</v>
      </c>
      <c r="CS3115" s="166">
        <v>0</v>
      </c>
      <c r="CT3115" s="166">
        <v>0</v>
      </c>
      <c r="CU3115" s="166">
        <v>0</v>
      </c>
      <c r="CV3115" s="166">
        <v>0</v>
      </c>
      <c r="CW3115" s="166">
        <v>0</v>
      </c>
      <c r="CX3115" s="166">
        <v>0</v>
      </c>
      <c r="CY3115" s="166">
        <v>0</v>
      </c>
      <c r="CZ3115" s="166">
        <v>0</v>
      </c>
    </row>
    <row r="3116" spans="1:104" x14ac:dyDescent="0.2">
      <c r="A3116" s="167" t="s">
        <v>402</v>
      </c>
    </row>
    <row r="3117" spans="1:104" x14ac:dyDescent="0.2">
      <c r="A3117" s="170" t="s">
        <v>403</v>
      </c>
    </row>
    <row r="3118" spans="1:104" x14ac:dyDescent="0.2">
      <c r="A3118" s="167" t="s">
        <v>404</v>
      </c>
      <c r="B3118" s="166">
        <v>0</v>
      </c>
      <c r="C3118" s="166">
        <v>0</v>
      </c>
      <c r="D3118" s="166">
        <v>0</v>
      </c>
      <c r="E3118" s="166">
        <v>0</v>
      </c>
      <c r="F3118" s="166">
        <v>0</v>
      </c>
      <c r="G3118" s="166">
        <v>0</v>
      </c>
      <c r="H3118" s="166">
        <v>0</v>
      </c>
      <c r="I3118" s="166">
        <v>0</v>
      </c>
      <c r="J3118" s="166">
        <v>0</v>
      </c>
      <c r="K3118" s="166">
        <v>0</v>
      </c>
      <c r="L3118" s="166">
        <v>0</v>
      </c>
      <c r="M3118" s="166">
        <v>0</v>
      </c>
      <c r="N3118" s="166">
        <v>0</v>
      </c>
      <c r="O3118" s="166">
        <v>0</v>
      </c>
      <c r="P3118" s="166">
        <v>0</v>
      </c>
      <c r="Q3118" s="166">
        <v>0</v>
      </c>
      <c r="R3118" s="166">
        <v>0</v>
      </c>
      <c r="S3118" s="166">
        <v>0</v>
      </c>
      <c r="T3118" s="166">
        <v>0</v>
      </c>
      <c r="U3118" s="166">
        <v>0</v>
      </c>
      <c r="V3118" s="166">
        <v>0</v>
      </c>
      <c r="W3118" s="166">
        <v>0</v>
      </c>
      <c r="X3118" s="166">
        <v>0</v>
      </c>
      <c r="Y3118" s="166">
        <v>0</v>
      </c>
      <c r="Z3118" s="166">
        <v>0</v>
      </c>
      <c r="AA3118" s="166">
        <v>0</v>
      </c>
      <c r="AB3118" s="166">
        <v>0</v>
      </c>
      <c r="AC3118" s="166">
        <v>0</v>
      </c>
      <c r="AD3118" s="166">
        <v>0</v>
      </c>
      <c r="AE3118" s="166">
        <v>0</v>
      </c>
      <c r="AF3118" s="166">
        <v>0</v>
      </c>
      <c r="AG3118" s="166">
        <v>0</v>
      </c>
      <c r="AH3118" s="166">
        <v>0</v>
      </c>
      <c r="AI3118" s="166">
        <v>0</v>
      </c>
      <c r="AJ3118" s="166">
        <v>0</v>
      </c>
      <c r="AK3118" s="166">
        <v>0</v>
      </c>
      <c r="AL3118" s="166">
        <v>0</v>
      </c>
      <c r="AM3118" s="166">
        <v>0</v>
      </c>
      <c r="AN3118" s="166">
        <v>0</v>
      </c>
      <c r="AO3118" s="166">
        <v>0</v>
      </c>
      <c r="AP3118" s="166">
        <v>0</v>
      </c>
      <c r="AQ3118" s="166">
        <v>0</v>
      </c>
      <c r="AR3118" s="166">
        <v>0</v>
      </c>
      <c r="AS3118" s="166">
        <v>0</v>
      </c>
      <c r="AT3118" s="166">
        <v>0</v>
      </c>
      <c r="AU3118" s="166">
        <v>0</v>
      </c>
      <c r="AV3118" s="166">
        <v>0</v>
      </c>
      <c r="AW3118" s="166">
        <v>0</v>
      </c>
      <c r="AX3118" s="166">
        <v>0</v>
      </c>
      <c r="AY3118" s="166">
        <v>0</v>
      </c>
      <c r="AZ3118" s="166">
        <v>0</v>
      </c>
      <c r="BA3118" s="166">
        <v>0</v>
      </c>
      <c r="BB3118" s="166">
        <v>0</v>
      </c>
      <c r="BC3118" s="166">
        <v>0</v>
      </c>
      <c r="BD3118" s="166">
        <v>0</v>
      </c>
      <c r="BE3118" s="166">
        <v>0</v>
      </c>
      <c r="BF3118" s="166">
        <v>0</v>
      </c>
      <c r="BG3118" s="166">
        <v>0</v>
      </c>
      <c r="BH3118" s="166">
        <v>0</v>
      </c>
      <c r="BI3118" s="166">
        <v>0</v>
      </c>
      <c r="BJ3118" s="166">
        <v>0</v>
      </c>
      <c r="BK3118" s="166">
        <v>0</v>
      </c>
      <c r="BL3118" s="166">
        <v>0</v>
      </c>
      <c r="BM3118" s="166">
        <v>0</v>
      </c>
      <c r="BN3118" s="166">
        <v>0</v>
      </c>
      <c r="BO3118" s="166">
        <v>0</v>
      </c>
      <c r="BP3118" s="166">
        <v>0</v>
      </c>
      <c r="BQ3118" s="166">
        <v>0</v>
      </c>
      <c r="BR3118" s="166">
        <v>0</v>
      </c>
      <c r="BS3118" s="166">
        <v>0</v>
      </c>
      <c r="BT3118" s="168">
        <v>0</v>
      </c>
      <c r="BU3118" s="166">
        <v>0</v>
      </c>
      <c r="BV3118" s="166">
        <v>0</v>
      </c>
      <c r="BW3118" s="166">
        <v>0</v>
      </c>
      <c r="BX3118" s="166">
        <v>0</v>
      </c>
      <c r="BY3118" s="166">
        <v>0</v>
      </c>
      <c r="BZ3118" s="166">
        <v>0</v>
      </c>
      <c r="CA3118" s="166">
        <v>0</v>
      </c>
      <c r="CB3118" s="166">
        <v>0</v>
      </c>
      <c r="CC3118" s="166">
        <v>0</v>
      </c>
      <c r="CD3118" s="166">
        <v>0</v>
      </c>
      <c r="CE3118" s="166">
        <v>0</v>
      </c>
      <c r="CF3118" s="166">
        <v>0</v>
      </c>
      <c r="CG3118" s="166">
        <v>0</v>
      </c>
      <c r="CH3118" s="166">
        <v>0</v>
      </c>
      <c r="CI3118" s="166">
        <v>0</v>
      </c>
      <c r="CJ3118" s="166">
        <v>0</v>
      </c>
      <c r="CK3118" s="166">
        <v>0</v>
      </c>
      <c r="CL3118" s="166">
        <v>0</v>
      </c>
      <c r="CM3118" s="166">
        <v>0</v>
      </c>
      <c r="CN3118" s="166">
        <v>0</v>
      </c>
      <c r="CO3118" s="166">
        <v>0</v>
      </c>
      <c r="CP3118" s="166">
        <v>0</v>
      </c>
      <c r="CQ3118" s="166">
        <v>0</v>
      </c>
      <c r="CR3118" s="166">
        <v>0</v>
      </c>
      <c r="CS3118" s="166">
        <v>0</v>
      </c>
      <c r="CT3118" s="166">
        <v>0</v>
      </c>
      <c r="CU3118" s="166">
        <v>0</v>
      </c>
      <c r="CV3118" s="166">
        <v>0</v>
      </c>
      <c r="CW3118" s="166">
        <v>0</v>
      </c>
      <c r="CX3118" s="166">
        <v>0</v>
      </c>
      <c r="CY3118" s="166">
        <v>0</v>
      </c>
      <c r="CZ3118" s="166">
        <v>0</v>
      </c>
    </row>
    <row r="3119" spans="1:104" x14ac:dyDescent="0.2">
      <c r="A3119" s="167" t="s">
        <v>1174</v>
      </c>
      <c r="B3119" s="166">
        <v>7025382.9400000004</v>
      </c>
      <c r="C3119" s="166">
        <v>7025382.9400000004</v>
      </c>
      <c r="D3119" s="166">
        <v>0</v>
      </c>
      <c r="E3119" s="166">
        <v>0</v>
      </c>
      <c r="F3119" s="166">
        <v>0</v>
      </c>
      <c r="G3119" s="166">
        <v>0</v>
      </c>
      <c r="H3119" s="166">
        <v>0</v>
      </c>
      <c r="I3119" s="166">
        <v>0</v>
      </c>
      <c r="J3119" s="166">
        <v>0</v>
      </c>
      <c r="K3119" s="166">
        <v>0</v>
      </c>
      <c r="L3119" s="166">
        <v>0</v>
      </c>
      <c r="M3119" s="166">
        <v>0</v>
      </c>
      <c r="N3119" s="166">
        <v>0</v>
      </c>
      <c r="O3119" s="166">
        <v>0</v>
      </c>
      <c r="P3119" s="166">
        <v>0</v>
      </c>
      <c r="Q3119" s="166">
        <v>0</v>
      </c>
      <c r="R3119" s="166">
        <v>0</v>
      </c>
      <c r="S3119" s="166">
        <v>0</v>
      </c>
      <c r="T3119" s="166">
        <v>0</v>
      </c>
      <c r="U3119" s="166">
        <v>0</v>
      </c>
      <c r="V3119" s="166">
        <v>0</v>
      </c>
      <c r="W3119" s="166">
        <v>0</v>
      </c>
      <c r="X3119" s="166">
        <v>0</v>
      </c>
      <c r="Y3119" s="166">
        <v>0</v>
      </c>
      <c r="Z3119" s="166">
        <v>0</v>
      </c>
      <c r="AA3119" s="166">
        <v>0</v>
      </c>
      <c r="AB3119" s="166">
        <v>0</v>
      </c>
      <c r="AC3119" s="166">
        <v>0</v>
      </c>
      <c r="AD3119" s="166">
        <v>0</v>
      </c>
      <c r="AE3119" s="166">
        <v>0</v>
      </c>
      <c r="AF3119" s="166">
        <v>0</v>
      </c>
      <c r="AG3119" s="166">
        <v>0</v>
      </c>
      <c r="AH3119" s="166">
        <v>0</v>
      </c>
      <c r="AI3119" s="166">
        <v>0</v>
      </c>
      <c r="AJ3119" s="166">
        <v>0</v>
      </c>
      <c r="AK3119" s="166">
        <v>0</v>
      </c>
      <c r="AL3119" s="166">
        <v>0</v>
      </c>
      <c r="AM3119" s="166">
        <v>0</v>
      </c>
      <c r="AN3119" s="166">
        <v>0</v>
      </c>
      <c r="AO3119" s="166">
        <v>0</v>
      </c>
      <c r="AP3119" s="166">
        <v>0</v>
      </c>
      <c r="AQ3119" s="166">
        <v>0</v>
      </c>
      <c r="AR3119" s="166">
        <v>0</v>
      </c>
      <c r="AS3119" s="166">
        <v>0</v>
      </c>
      <c r="AT3119" s="166">
        <v>0</v>
      </c>
      <c r="AU3119" s="166">
        <v>0</v>
      </c>
      <c r="AV3119" s="166">
        <v>0</v>
      </c>
      <c r="AW3119" s="166">
        <v>0</v>
      </c>
      <c r="AX3119" s="166">
        <v>0</v>
      </c>
      <c r="AY3119" s="166">
        <v>0</v>
      </c>
      <c r="AZ3119" s="166">
        <v>0</v>
      </c>
      <c r="BA3119" s="166">
        <v>0</v>
      </c>
      <c r="BB3119" s="166">
        <v>0</v>
      </c>
      <c r="BC3119" s="166">
        <v>0</v>
      </c>
      <c r="BD3119" s="166">
        <v>0</v>
      </c>
      <c r="BE3119" s="166">
        <v>0</v>
      </c>
      <c r="BF3119" s="166">
        <v>0</v>
      </c>
      <c r="BG3119" s="166">
        <v>0</v>
      </c>
      <c r="BH3119" s="166">
        <v>0</v>
      </c>
      <c r="BI3119" s="166">
        <v>0</v>
      </c>
      <c r="BJ3119" s="166">
        <v>0</v>
      </c>
      <c r="BK3119" s="166">
        <v>0</v>
      </c>
      <c r="BL3119" s="166">
        <v>0</v>
      </c>
      <c r="BM3119" s="166">
        <v>0</v>
      </c>
      <c r="BN3119" s="166">
        <v>0</v>
      </c>
      <c r="BO3119" s="166">
        <v>0</v>
      </c>
      <c r="BP3119" s="166">
        <v>0</v>
      </c>
      <c r="BQ3119" s="166">
        <v>0</v>
      </c>
      <c r="BR3119" s="166">
        <v>7025382.9400000004</v>
      </c>
      <c r="BS3119" s="166">
        <v>7025382.9400000004</v>
      </c>
      <c r="BT3119" s="168">
        <v>0</v>
      </c>
      <c r="BU3119" s="166">
        <v>0</v>
      </c>
      <c r="BV3119" s="166">
        <v>0</v>
      </c>
      <c r="BW3119" s="166">
        <v>0</v>
      </c>
      <c r="BX3119" s="166">
        <v>0</v>
      </c>
      <c r="BY3119" s="166">
        <v>0</v>
      </c>
      <c r="BZ3119" s="166">
        <v>0</v>
      </c>
      <c r="CA3119" s="166">
        <v>0</v>
      </c>
      <c r="CB3119" s="166">
        <v>0</v>
      </c>
      <c r="CC3119" s="166">
        <v>0</v>
      </c>
      <c r="CD3119" s="166">
        <v>0</v>
      </c>
      <c r="CE3119" s="166">
        <v>0</v>
      </c>
      <c r="CF3119" s="166">
        <v>0</v>
      </c>
      <c r="CG3119" s="166">
        <v>0</v>
      </c>
      <c r="CH3119" s="166">
        <v>0</v>
      </c>
      <c r="CI3119" s="166">
        <v>0</v>
      </c>
      <c r="CJ3119" s="166">
        <v>0</v>
      </c>
      <c r="CK3119" s="166">
        <v>0</v>
      </c>
      <c r="CL3119" s="166">
        <v>0</v>
      </c>
      <c r="CM3119" s="166">
        <v>0</v>
      </c>
      <c r="CN3119" s="166">
        <v>0</v>
      </c>
      <c r="CO3119" s="166">
        <v>0</v>
      </c>
      <c r="CP3119" s="166">
        <v>0</v>
      </c>
      <c r="CQ3119" s="166">
        <v>0</v>
      </c>
      <c r="CR3119" s="166">
        <v>0</v>
      </c>
      <c r="CS3119" s="166">
        <v>0</v>
      </c>
      <c r="CT3119" s="166">
        <v>0</v>
      </c>
      <c r="CU3119" s="166">
        <v>0</v>
      </c>
      <c r="CV3119" s="166">
        <v>0</v>
      </c>
      <c r="CW3119" s="166">
        <v>0</v>
      </c>
      <c r="CX3119" s="166">
        <v>0</v>
      </c>
      <c r="CY3119" s="166">
        <v>0</v>
      </c>
      <c r="CZ3119" s="166">
        <v>0</v>
      </c>
    </row>
    <row r="3120" spans="1:104" x14ac:dyDescent="0.2">
      <c r="A3120" s="167" t="s">
        <v>1175</v>
      </c>
      <c r="B3120" s="166">
        <v>413385.609999999</v>
      </c>
      <c r="C3120" s="166">
        <v>413385.609999999</v>
      </c>
      <c r="D3120" s="166">
        <v>0</v>
      </c>
      <c r="E3120" s="166">
        <v>0</v>
      </c>
      <c r="F3120" s="166">
        <v>0</v>
      </c>
      <c r="G3120" s="166">
        <v>0</v>
      </c>
      <c r="H3120" s="166">
        <v>0</v>
      </c>
      <c r="I3120" s="166">
        <v>0</v>
      </c>
      <c r="J3120" s="166">
        <v>0</v>
      </c>
      <c r="K3120" s="166">
        <v>0</v>
      </c>
      <c r="L3120" s="166">
        <v>0</v>
      </c>
      <c r="M3120" s="166">
        <v>0</v>
      </c>
      <c r="N3120" s="166">
        <v>0</v>
      </c>
      <c r="O3120" s="166">
        <v>0</v>
      </c>
      <c r="P3120" s="166">
        <v>0</v>
      </c>
      <c r="Q3120" s="166">
        <v>0</v>
      </c>
      <c r="R3120" s="166">
        <v>0</v>
      </c>
      <c r="S3120" s="166">
        <v>0</v>
      </c>
      <c r="T3120" s="166">
        <v>0</v>
      </c>
      <c r="U3120" s="166">
        <v>0</v>
      </c>
      <c r="V3120" s="166">
        <v>0</v>
      </c>
      <c r="W3120" s="166">
        <v>0</v>
      </c>
      <c r="X3120" s="166">
        <v>0</v>
      </c>
      <c r="Y3120" s="166">
        <v>0</v>
      </c>
      <c r="Z3120" s="166">
        <v>0</v>
      </c>
      <c r="AA3120" s="166">
        <v>0</v>
      </c>
      <c r="AB3120" s="166">
        <v>0</v>
      </c>
      <c r="AC3120" s="166">
        <v>0</v>
      </c>
      <c r="AD3120" s="166">
        <v>0</v>
      </c>
      <c r="AE3120" s="166">
        <v>0</v>
      </c>
      <c r="AF3120" s="166">
        <v>0</v>
      </c>
      <c r="AG3120" s="166">
        <v>0</v>
      </c>
      <c r="AH3120" s="166">
        <v>0</v>
      </c>
      <c r="AI3120" s="166">
        <v>0</v>
      </c>
      <c r="AJ3120" s="166">
        <v>0</v>
      </c>
      <c r="AK3120" s="166">
        <v>0</v>
      </c>
      <c r="AL3120" s="166">
        <v>0</v>
      </c>
      <c r="AM3120" s="166">
        <v>0</v>
      </c>
      <c r="AN3120" s="166">
        <v>0</v>
      </c>
      <c r="AO3120" s="166">
        <v>0</v>
      </c>
      <c r="AP3120" s="166">
        <v>0</v>
      </c>
      <c r="AQ3120" s="166">
        <v>0</v>
      </c>
      <c r="AR3120" s="166">
        <v>0</v>
      </c>
      <c r="AS3120" s="166">
        <v>0</v>
      </c>
      <c r="AT3120" s="166">
        <v>0</v>
      </c>
      <c r="AU3120" s="166">
        <v>0</v>
      </c>
      <c r="AV3120" s="166">
        <v>0</v>
      </c>
      <c r="AW3120" s="166">
        <v>0</v>
      </c>
      <c r="AX3120" s="166">
        <v>0</v>
      </c>
      <c r="AY3120" s="166">
        <v>0</v>
      </c>
      <c r="AZ3120" s="166">
        <v>0</v>
      </c>
      <c r="BA3120" s="166">
        <v>0</v>
      </c>
      <c r="BB3120" s="166">
        <v>0</v>
      </c>
      <c r="BC3120" s="166">
        <v>0</v>
      </c>
      <c r="BD3120" s="166">
        <v>0</v>
      </c>
      <c r="BE3120" s="166">
        <v>0</v>
      </c>
      <c r="BF3120" s="166">
        <v>0</v>
      </c>
      <c r="BG3120" s="166">
        <v>0</v>
      </c>
      <c r="BH3120" s="166">
        <v>0</v>
      </c>
      <c r="BI3120" s="166">
        <v>0</v>
      </c>
      <c r="BJ3120" s="166">
        <v>0</v>
      </c>
      <c r="BK3120" s="166">
        <v>0</v>
      </c>
      <c r="BL3120" s="166">
        <v>0</v>
      </c>
      <c r="BM3120" s="166">
        <v>0</v>
      </c>
      <c r="BN3120" s="166">
        <v>0</v>
      </c>
      <c r="BO3120" s="166">
        <v>0</v>
      </c>
      <c r="BP3120" s="166">
        <v>0</v>
      </c>
      <c r="BQ3120" s="166">
        <v>0</v>
      </c>
      <c r="BR3120" s="166">
        <v>413385.609999999</v>
      </c>
      <c r="BS3120" s="166">
        <v>413385.609999999</v>
      </c>
      <c r="BT3120" s="168">
        <v>0</v>
      </c>
      <c r="BU3120" s="166">
        <v>0</v>
      </c>
      <c r="BV3120" s="166">
        <v>0</v>
      </c>
      <c r="BW3120" s="166">
        <v>0</v>
      </c>
      <c r="BX3120" s="166">
        <v>0</v>
      </c>
      <c r="BY3120" s="166">
        <v>0</v>
      </c>
      <c r="BZ3120" s="166">
        <v>0</v>
      </c>
      <c r="CA3120" s="166">
        <v>0</v>
      </c>
      <c r="CB3120" s="166">
        <v>0</v>
      </c>
      <c r="CC3120" s="166">
        <v>0</v>
      </c>
      <c r="CD3120" s="166">
        <v>0</v>
      </c>
      <c r="CE3120" s="166">
        <v>0</v>
      </c>
      <c r="CF3120" s="166">
        <v>0</v>
      </c>
      <c r="CG3120" s="166">
        <v>0</v>
      </c>
      <c r="CH3120" s="166">
        <v>0</v>
      </c>
      <c r="CI3120" s="166">
        <v>0</v>
      </c>
      <c r="CJ3120" s="166">
        <v>0</v>
      </c>
      <c r="CK3120" s="166">
        <v>0</v>
      </c>
      <c r="CL3120" s="166">
        <v>0</v>
      </c>
      <c r="CM3120" s="166">
        <v>0</v>
      </c>
      <c r="CN3120" s="166">
        <v>0</v>
      </c>
      <c r="CO3120" s="166">
        <v>0</v>
      </c>
      <c r="CP3120" s="166">
        <v>0</v>
      </c>
      <c r="CQ3120" s="166">
        <v>0</v>
      </c>
      <c r="CR3120" s="166">
        <v>0</v>
      </c>
      <c r="CS3120" s="166">
        <v>0</v>
      </c>
      <c r="CT3120" s="166">
        <v>0</v>
      </c>
      <c r="CU3120" s="166">
        <v>0</v>
      </c>
      <c r="CV3120" s="166">
        <v>0</v>
      </c>
      <c r="CW3120" s="166">
        <v>0</v>
      </c>
      <c r="CX3120" s="166">
        <v>0</v>
      </c>
      <c r="CY3120" s="166">
        <v>0</v>
      </c>
      <c r="CZ3120" s="166">
        <v>0</v>
      </c>
    </row>
    <row r="3121" spans="1:104" x14ac:dyDescent="0.2">
      <c r="A3121" s="167" t="s">
        <v>1176</v>
      </c>
      <c r="B3121" s="166">
        <v>0</v>
      </c>
      <c r="C3121" s="166">
        <v>0</v>
      </c>
      <c r="D3121" s="166">
        <v>0</v>
      </c>
      <c r="E3121" s="166">
        <v>0</v>
      </c>
      <c r="F3121" s="166">
        <v>0</v>
      </c>
      <c r="G3121" s="166">
        <v>0</v>
      </c>
      <c r="H3121" s="166">
        <v>0</v>
      </c>
      <c r="I3121" s="166">
        <v>0</v>
      </c>
      <c r="J3121" s="166">
        <v>0</v>
      </c>
      <c r="K3121" s="166">
        <v>0</v>
      </c>
      <c r="L3121" s="166">
        <v>0</v>
      </c>
      <c r="M3121" s="166">
        <v>0</v>
      </c>
      <c r="N3121" s="166">
        <v>0</v>
      </c>
      <c r="O3121" s="166">
        <v>0</v>
      </c>
      <c r="P3121" s="166">
        <v>0</v>
      </c>
      <c r="Q3121" s="166">
        <v>0</v>
      </c>
      <c r="R3121" s="166">
        <v>0</v>
      </c>
      <c r="S3121" s="166">
        <v>0</v>
      </c>
      <c r="T3121" s="166">
        <v>0</v>
      </c>
      <c r="U3121" s="166">
        <v>0</v>
      </c>
      <c r="V3121" s="166">
        <v>0</v>
      </c>
      <c r="W3121" s="166">
        <v>0</v>
      </c>
      <c r="X3121" s="166">
        <v>0</v>
      </c>
      <c r="Y3121" s="166">
        <v>0</v>
      </c>
      <c r="Z3121" s="166">
        <v>0</v>
      </c>
      <c r="AA3121" s="166">
        <v>0</v>
      </c>
      <c r="AB3121" s="166">
        <v>0</v>
      </c>
      <c r="AC3121" s="166">
        <v>0</v>
      </c>
      <c r="AD3121" s="166">
        <v>0</v>
      </c>
      <c r="AE3121" s="166">
        <v>0</v>
      </c>
      <c r="AF3121" s="166">
        <v>0</v>
      </c>
      <c r="AG3121" s="166">
        <v>0</v>
      </c>
      <c r="AH3121" s="166">
        <v>0</v>
      </c>
      <c r="AI3121" s="166">
        <v>0</v>
      </c>
      <c r="AJ3121" s="166">
        <v>0</v>
      </c>
      <c r="AK3121" s="166">
        <v>0</v>
      </c>
      <c r="AL3121" s="166">
        <v>0</v>
      </c>
      <c r="AM3121" s="166">
        <v>0</v>
      </c>
      <c r="AN3121" s="166">
        <v>0</v>
      </c>
      <c r="AO3121" s="166">
        <v>0</v>
      </c>
      <c r="AP3121" s="166">
        <v>0</v>
      </c>
      <c r="AQ3121" s="166">
        <v>0</v>
      </c>
      <c r="AR3121" s="166">
        <v>0</v>
      </c>
      <c r="AS3121" s="166">
        <v>0</v>
      </c>
      <c r="AT3121" s="166">
        <v>0</v>
      </c>
      <c r="AU3121" s="166">
        <v>0</v>
      </c>
      <c r="AV3121" s="166">
        <v>0</v>
      </c>
      <c r="AW3121" s="166">
        <v>0</v>
      </c>
      <c r="AX3121" s="166">
        <v>0</v>
      </c>
      <c r="AY3121" s="166">
        <v>0</v>
      </c>
      <c r="AZ3121" s="166">
        <v>0</v>
      </c>
      <c r="BA3121" s="166">
        <v>0</v>
      </c>
      <c r="BB3121" s="166">
        <v>0</v>
      </c>
      <c r="BC3121" s="166">
        <v>0</v>
      </c>
      <c r="BD3121" s="166">
        <v>0</v>
      </c>
      <c r="BE3121" s="166">
        <v>0</v>
      </c>
      <c r="BF3121" s="166">
        <v>0</v>
      </c>
      <c r="BG3121" s="166">
        <v>0</v>
      </c>
      <c r="BH3121" s="166">
        <v>0</v>
      </c>
      <c r="BI3121" s="166">
        <v>0</v>
      </c>
      <c r="BJ3121" s="166">
        <v>0</v>
      </c>
      <c r="BK3121" s="166">
        <v>0</v>
      </c>
      <c r="BL3121" s="166">
        <v>0</v>
      </c>
      <c r="BM3121" s="166">
        <v>0</v>
      </c>
      <c r="BN3121" s="166">
        <v>0</v>
      </c>
      <c r="BO3121" s="166">
        <v>0</v>
      </c>
      <c r="BP3121" s="166">
        <v>0</v>
      </c>
      <c r="BQ3121" s="166">
        <v>0</v>
      </c>
      <c r="BR3121" s="166">
        <v>0</v>
      </c>
      <c r="BS3121" s="166">
        <v>0</v>
      </c>
      <c r="BT3121" s="168">
        <v>0</v>
      </c>
      <c r="BU3121" s="166">
        <v>0</v>
      </c>
      <c r="BV3121" s="166">
        <v>0</v>
      </c>
      <c r="BW3121" s="166">
        <v>0</v>
      </c>
      <c r="BX3121" s="166">
        <v>0</v>
      </c>
      <c r="BY3121" s="166">
        <v>0</v>
      </c>
      <c r="BZ3121" s="166">
        <v>0</v>
      </c>
      <c r="CA3121" s="166">
        <v>0</v>
      </c>
      <c r="CB3121" s="166">
        <v>0</v>
      </c>
      <c r="CC3121" s="166">
        <v>0</v>
      </c>
      <c r="CD3121" s="166">
        <v>0</v>
      </c>
      <c r="CE3121" s="166">
        <v>0</v>
      </c>
      <c r="CF3121" s="166">
        <v>0</v>
      </c>
      <c r="CG3121" s="166">
        <v>0</v>
      </c>
      <c r="CH3121" s="166">
        <v>0</v>
      </c>
      <c r="CI3121" s="166">
        <v>0</v>
      </c>
      <c r="CJ3121" s="166">
        <v>0</v>
      </c>
      <c r="CK3121" s="166">
        <v>0</v>
      </c>
      <c r="CL3121" s="166">
        <v>0</v>
      </c>
      <c r="CM3121" s="166">
        <v>0</v>
      </c>
      <c r="CN3121" s="166">
        <v>0</v>
      </c>
      <c r="CO3121" s="166">
        <v>0</v>
      </c>
      <c r="CP3121" s="166">
        <v>0</v>
      </c>
      <c r="CQ3121" s="166">
        <v>0</v>
      </c>
      <c r="CR3121" s="166">
        <v>0</v>
      </c>
      <c r="CS3121" s="166">
        <v>0</v>
      </c>
      <c r="CT3121" s="166">
        <v>0</v>
      </c>
      <c r="CU3121" s="166">
        <v>0</v>
      </c>
      <c r="CV3121" s="166">
        <v>0</v>
      </c>
      <c r="CW3121" s="166">
        <v>0</v>
      </c>
      <c r="CX3121" s="166">
        <v>0</v>
      </c>
      <c r="CY3121" s="166">
        <v>0</v>
      </c>
      <c r="CZ3121" s="166">
        <v>0</v>
      </c>
    </row>
    <row r="3122" spans="1:104" x14ac:dyDescent="0.2">
      <c r="A3122" s="170" t="s">
        <v>408</v>
      </c>
      <c r="B3122" s="166">
        <v>7438768.5499999998</v>
      </c>
      <c r="C3122" s="166">
        <v>7438768.5499999998</v>
      </c>
      <c r="D3122" s="166">
        <v>0</v>
      </c>
      <c r="E3122" s="166">
        <v>0</v>
      </c>
      <c r="F3122" s="166">
        <v>0</v>
      </c>
      <c r="G3122" s="166">
        <v>0</v>
      </c>
      <c r="H3122" s="166">
        <v>0</v>
      </c>
      <c r="I3122" s="166">
        <v>0</v>
      </c>
      <c r="J3122" s="166">
        <v>0</v>
      </c>
      <c r="K3122" s="166">
        <v>0</v>
      </c>
      <c r="L3122" s="166">
        <v>0</v>
      </c>
      <c r="M3122" s="166">
        <v>0</v>
      </c>
      <c r="N3122" s="166">
        <v>0</v>
      </c>
      <c r="O3122" s="166">
        <v>0</v>
      </c>
      <c r="P3122" s="166">
        <v>0</v>
      </c>
      <c r="Q3122" s="166">
        <v>0</v>
      </c>
      <c r="R3122" s="166">
        <v>0</v>
      </c>
      <c r="S3122" s="166">
        <v>0</v>
      </c>
      <c r="T3122" s="166">
        <v>0</v>
      </c>
      <c r="U3122" s="166">
        <v>0</v>
      </c>
      <c r="V3122" s="166">
        <v>0</v>
      </c>
      <c r="W3122" s="166">
        <v>0</v>
      </c>
      <c r="X3122" s="166">
        <v>0</v>
      </c>
      <c r="Y3122" s="166">
        <v>0</v>
      </c>
      <c r="Z3122" s="166">
        <v>0</v>
      </c>
      <c r="AA3122" s="166">
        <v>0</v>
      </c>
      <c r="AB3122" s="166">
        <v>0</v>
      </c>
      <c r="AC3122" s="166">
        <v>0</v>
      </c>
      <c r="AD3122" s="166">
        <v>0</v>
      </c>
      <c r="AE3122" s="166">
        <v>0</v>
      </c>
      <c r="AF3122" s="166">
        <v>0</v>
      </c>
      <c r="AG3122" s="166">
        <v>0</v>
      </c>
      <c r="AH3122" s="166">
        <v>0</v>
      </c>
      <c r="AI3122" s="166">
        <v>0</v>
      </c>
      <c r="AJ3122" s="166">
        <v>0</v>
      </c>
      <c r="AK3122" s="166">
        <v>0</v>
      </c>
      <c r="AL3122" s="166">
        <v>0</v>
      </c>
      <c r="AM3122" s="166">
        <v>0</v>
      </c>
      <c r="AN3122" s="166">
        <v>0</v>
      </c>
      <c r="AO3122" s="166">
        <v>0</v>
      </c>
      <c r="AP3122" s="166">
        <v>0</v>
      </c>
      <c r="AQ3122" s="166">
        <v>0</v>
      </c>
      <c r="AR3122" s="166">
        <v>0</v>
      </c>
      <c r="AS3122" s="166">
        <v>0</v>
      </c>
      <c r="AT3122" s="166">
        <v>0</v>
      </c>
      <c r="AU3122" s="166">
        <v>0</v>
      </c>
      <c r="AV3122" s="166">
        <v>0</v>
      </c>
      <c r="AW3122" s="166">
        <v>0</v>
      </c>
      <c r="AX3122" s="166">
        <v>0</v>
      </c>
      <c r="AY3122" s="166">
        <v>0</v>
      </c>
      <c r="AZ3122" s="166">
        <v>0</v>
      </c>
      <c r="BA3122" s="166">
        <v>0</v>
      </c>
      <c r="BB3122" s="166">
        <v>0</v>
      </c>
      <c r="BC3122" s="166">
        <v>0</v>
      </c>
      <c r="BD3122" s="166">
        <v>0</v>
      </c>
      <c r="BE3122" s="166">
        <v>0</v>
      </c>
      <c r="BF3122" s="166">
        <v>0</v>
      </c>
      <c r="BG3122" s="166">
        <v>0</v>
      </c>
      <c r="BH3122" s="166">
        <v>0</v>
      </c>
      <c r="BI3122" s="166">
        <v>0</v>
      </c>
      <c r="BJ3122" s="166">
        <v>0</v>
      </c>
      <c r="BK3122" s="166">
        <v>0</v>
      </c>
      <c r="BL3122" s="166">
        <v>0</v>
      </c>
      <c r="BM3122" s="166">
        <v>0</v>
      </c>
      <c r="BN3122" s="166">
        <v>0</v>
      </c>
      <c r="BO3122" s="166">
        <v>0</v>
      </c>
      <c r="BP3122" s="166">
        <v>0</v>
      </c>
      <c r="BQ3122" s="166">
        <v>0</v>
      </c>
      <c r="BR3122" s="166">
        <v>7438768.5499999998</v>
      </c>
      <c r="BS3122" s="166">
        <v>7438768.5499999998</v>
      </c>
      <c r="BT3122" s="168">
        <v>0</v>
      </c>
      <c r="BU3122" s="166">
        <v>0</v>
      </c>
      <c r="BV3122" s="166">
        <v>0</v>
      </c>
      <c r="BW3122" s="166">
        <v>0</v>
      </c>
      <c r="BX3122" s="166">
        <v>0</v>
      </c>
      <c r="BY3122" s="166">
        <v>0</v>
      </c>
      <c r="BZ3122" s="166">
        <v>0</v>
      </c>
      <c r="CA3122" s="166">
        <v>0</v>
      </c>
      <c r="CB3122" s="166">
        <v>0</v>
      </c>
      <c r="CC3122" s="166">
        <v>0</v>
      </c>
      <c r="CD3122" s="166">
        <v>0</v>
      </c>
      <c r="CE3122" s="166">
        <v>0</v>
      </c>
      <c r="CF3122" s="166">
        <v>0</v>
      </c>
      <c r="CG3122" s="166">
        <v>0</v>
      </c>
      <c r="CH3122" s="166">
        <v>0</v>
      </c>
      <c r="CI3122" s="166">
        <v>0</v>
      </c>
      <c r="CJ3122" s="166">
        <v>0</v>
      </c>
      <c r="CK3122" s="166">
        <v>0</v>
      </c>
      <c r="CL3122" s="166">
        <v>0</v>
      </c>
      <c r="CM3122" s="166">
        <v>0</v>
      </c>
      <c r="CN3122" s="166">
        <v>0</v>
      </c>
      <c r="CO3122" s="166">
        <v>0</v>
      </c>
      <c r="CP3122" s="166">
        <v>0</v>
      </c>
      <c r="CQ3122" s="166">
        <v>0</v>
      </c>
      <c r="CR3122" s="166">
        <v>0</v>
      </c>
      <c r="CS3122" s="166">
        <v>0</v>
      </c>
      <c r="CT3122" s="166">
        <v>0</v>
      </c>
      <c r="CU3122" s="166">
        <v>0</v>
      </c>
      <c r="CV3122" s="166">
        <v>0</v>
      </c>
      <c r="CW3122" s="166">
        <v>0</v>
      </c>
      <c r="CX3122" s="166">
        <v>0</v>
      </c>
      <c r="CY3122" s="166">
        <v>0</v>
      </c>
      <c r="CZ3122" s="166">
        <v>0</v>
      </c>
    </row>
    <row r="3123" spans="1:104" x14ac:dyDescent="0.2">
      <c r="A3123" s="167" t="s">
        <v>409</v>
      </c>
    </row>
    <row r="3124" spans="1:104" x14ac:dyDescent="0.2">
      <c r="A3124" s="170" t="s">
        <v>410</v>
      </c>
    </row>
    <row r="3125" spans="1:104" x14ac:dyDescent="0.2">
      <c r="A3125" s="167" t="s">
        <v>1178</v>
      </c>
      <c r="B3125" s="166">
        <v>42986921.333999999</v>
      </c>
      <c r="C3125" s="166">
        <v>42986921.333999999</v>
      </c>
      <c r="D3125" s="166">
        <v>0</v>
      </c>
      <c r="E3125" s="166">
        <v>0</v>
      </c>
      <c r="F3125" s="166">
        <v>0</v>
      </c>
      <c r="G3125" s="166">
        <v>0</v>
      </c>
      <c r="H3125" s="166">
        <v>0</v>
      </c>
      <c r="I3125" s="166">
        <v>0</v>
      </c>
      <c r="J3125" s="166">
        <v>0</v>
      </c>
      <c r="K3125" s="166">
        <v>0</v>
      </c>
      <c r="L3125" s="166">
        <v>0</v>
      </c>
      <c r="M3125" s="166">
        <v>0</v>
      </c>
      <c r="N3125" s="166">
        <v>0</v>
      </c>
      <c r="O3125" s="166">
        <v>0</v>
      </c>
      <c r="P3125" s="166">
        <v>0</v>
      </c>
      <c r="Q3125" s="166">
        <v>0</v>
      </c>
      <c r="R3125" s="166">
        <v>0</v>
      </c>
      <c r="S3125" s="166">
        <v>0</v>
      </c>
      <c r="T3125" s="166">
        <v>0</v>
      </c>
      <c r="U3125" s="166">
        <v>0</v>
      </c>
      <c r="V3125" s="166">
        <v>0</v>
      </c>
      <c r="W3125" s="166">
        <v>0</v>
      </c>
      <c r="X3125" s="166">
        <v>0</v>
      </c>
      <c r="Y3125" s="166">
        <v>0</v>
      </c>
      <c r="Z3125" s="166">
        <v>0</v>
      </c>
      <c r="AA3125" s="166">
        <v>0</v>
      </c>
      <c r="AB3125" s="166">
        <v>0</v>
      </c>
      <c r="AC3125" s="166">
        <v>0</v>
      </c>
      <c r="AD3125" s="166">
        <v>0</v>
      </c>
      <c r="AE3125" s="166">
        <v>0</v>
      </c>
      <c r="AF3125" s="166">
        <v>0</v>
      </c>
      <c r="AG3125" s="166">
        <v>0</v>
      </c>
      <c r="AH3125" s="166">
        <v>0</v>
      </c>
      <c r="AI3125" s="166">
        <v>0</v>
      </c>
      <c r="AJ3125" s="166">
        <v>0</v>
      </c>
      <c r="AK3125" s="166">
        <v>0</v>
      </c>
      <c r="AL3125" s="166">
        <v>0</v>
      </c>
      <c r="AM3125" s="166">
        <v>0</v>
      </c>
      <c r="AN3125" s="166">
        <v>0</v>
      </c>
      <c r="AO3125" s="166">
        <v>0</v>
      </c>
      <c r="AP3125" s="166">
        <v>0</v>
      </c>
      <c r="AQ3125" s="166">
        <v>0</v>
      </c>
      <c r="AR3125" s="166">
        <v>0</v>
      </c>
      <c r="AS3125" s="166">
        <v>0</v>
      </c>
      <c r="AT3125" s="166">
        <v>0</v>
      </c>
      <c r="AU3125" s="166">
        <v>0</v>
      </c>
      <c r="AV3125" s="166">
        <v>0</v>
      </c>
      <c r="AW3125" s="166">
        <v>0</v>
      </c>
      <c r="AX3125" s="166">
        <v>0</v>
      </c>
      <c r="AY3125" s="166">
        <v>0</v>
      </c>
      <c r="AZ3125" s="166">
        <v>0</v>
      </c>
      <c r="BA3125" s="166">
        <v>0</v>
      </c>
      <c r="BB3125" s="166">
        <v>0</v>
      </c>
      <c r="BC3125" s="166">
        <v>0</v>
      </c>
      <c r="BD3125" s="166">
        <v>0</v>
      </c>
      <c r="BE3125" s="166">
        <v>0</v>
      </c>
      <c r="BF3125" s="166">
        <v>0</v>
      </c>
      <c r="BG3125" s="166">
        <v>0</v>
      </c>
      <c r="BH3125" s="166">
        <v>0</v>
      </c>
      <c r="BI3125" s="166">
        <v>0</v>
      </c>
      <c r="BJ3125" s="166">
        <v>0</v>
      </c>
      <c r="BK3125" s="166">
        <v>0</v>
      </c>
      <c r="BL3125" s="166">
        <v>0</v>
      </c>
      <c r="BM3125" s="166">
        <v>0</v>
      </c>
      <c r="BN3125" s="166">
        <v>0</v>
      </c>
      <c r="BO3125" s="166">
        <v>0</v>
      </c>
      <c r="BP3125" s="166">
        <v>0</v>
      </c>
      <c r="BQ3125" s="166">
        <v>0</v>
      </c>
      <c r="BR3125" s="166">
        <v>42986921.333999999</v>
      </c>
      <c r="BS3125" s="166">
        <v>42986921.333999999</v>
      </c>
      <c r="BT3125" s="168">
        <v>0</v>
      </c>
      <c r="BU3125" s="166">
        <v>0</v>
      </c>
      <c r="BV3125" s="166">
        <v>0</v>
      </c>
      <c r="BW3125" s="166">
        <v>0</v>
      </c>
      <c r="BX3125" s="166">
        <v>0</v>
      </c>
      <c r="BY3125" s="166">
        <v>0</v>
      </c>
      <c r="BZ3125" s="166">
        <v>0</v>
      </c>
      <c r="CA3125" s="166">
        <v>0</v>
      </c>
      <c r="CB3125" s="166">
        <v>0</v>
      </c>
      <c r="CC3125" s="166">
        <v>0</v>
      </c>
      <c r="CD3125" s="166">
        <v>0</v>
      </c>
      <c r="CE3125" s="166">
        <v>0</v>
      </c>
      <c r="CF3125" s="166">
        <v>0</v>
      </c>
      <c r="CG3125" s="166">
        <v>0</v>
      </c>
      <c r="CH3125" s="166">
        <v>0</v>
      </c>
      <c r="CI3125" s="166">
        <v>0</v>
      </c>
      <c r="CJ3125" s="166">
        <v>0</v>
      </c>
      <c r="CK3125" s="166">
        <v>0</v>
      </c>
      <c r="CL3125" s="166">
        <v>0</v>
      </c>
      <c r="CM3125" s="166">
        <v>0</v>
      </c>
      <c r="CN3125" s="166">
        <v>0</v>
      </c>
      <c r="CO3125" s="166">
        <v>0</v>
      </c>
      <c r="CP3125" s="166">
        <v>0</v>
      </c>
      <c r="CQ3125" s="166">
        <v>0</v>
      </c>
      <c r="CR3125" s="166">
        <v>0</v>
      </c>
      <c r="CS3125" s="166">
        <v>0</v>
      </c>
      <c r="CT3125" s="166">
        <v>0</v>
      </c>
      <c r="CU3125" s="166">
        <v>0</v>
      </c>
      <c r="CV3125" s="166">
        <v>0</v>
      </c>
      <c r="CW3125" s="166">
        <v>0</v>
      </c>
      <c r="CX3125" s="166">
        <v>0</v>
      </c>
      <c r="CY3125" s="166">
        <v>0</v>
      </c>
      <c r="CZ3125" s="166">
        <v>0</v>
      </c>
    </row>
    <row r="3126" spans="1:104" x14ac:dyDescent="0.2">
      <c r="A3126" s="167" t="s">
        <v>1179</v>
      </c>
      <c r="B3126" s="166">
        <v>0</v>
      </c>
      <c r="C3126" s="166">
        <v>0</v>
      </c>
      <c r="D3126" s="166">
        <v>0</v>
      </c>
      <c r="E3126" s="166">
        <v>0</v>
      </c>
      <c r="F3126" s="166">
        <v>0</v>
      </c>
      <c r="G3126" s="166">
        <v>0</v>
      </c>
      <c r="H3126" s="166">
        <v>0</v>
      </c>
      <c r="I3126" s="166">
        <v>0</v>
      </c>
      <c r="J3126" s="166">
        <v>0</v>
      </c>
      <c r="K3126" s="166">
        <v>0</v>
      </c>
      <c r="L3126" s="166">
        <v>0</v>
      </c>
      <c r="M3126" s="166">
        <v>0</v>
      </c>
      <c r="N3126" s="166">
        <v>0</v>
      </c>
      <c r="O3126" s="166">
        <v>0</v>
      </c>
      <c r="P3126" s="166">
        <v>0</v>
      </c>
      <c r="Q3126" s="166">
        <v>0</v>
      </c>
      <c r="R3126" s="166">
        <v>0</v>
      </c>
      <c r="S3126" s="166">
        <v>0</v>
      </c>
      <c r="T3126" s="166">
        <v>0</v>
      </c>
      <c r="U3126" s="166">
        <v>0</v>
      </c>
      <c r="V3126" s="166">
        <v>0</v>
      </c>
      <c r="W3126" s="166">
        <v>0</v>
      </c>
      <c r="X3126" s="166">
        <v>0</v>
      </c>
      <c r="Y3126" s="166">
        <v>0</v>
      </c>
      <c r="Z3126" s="166">
        <v>0</v>
      </c>
      <c r="AA3126" s="166">
        <v>0</v>
      </c>
      <c r="AB3126" s="166">
        <v>0</v>
      </c>
      <c r="AC3126" s="166">
        <v>0</v>
      </c>
      <c r="AD3126" s="166">
        <v>0</v>
      </c>
      <c r="AE3126" s="166">
        <v>0</v>
      </c>
      <c r="AF3126" s="166">
        <v>0</v>
      </c>
      <c r="AG3126" s="166">
        <v>0</v>
      </c>
      <c r="AH3126" s="166">
        <v>0</v>
      </c>
      <c r="AI3126" s="166">
        <v>0</v>
      </c>
      <c r="AJ3126" s="166">
        <v>0</v>
      </c>
      <c r="AK3126" s="166">
        <v>0</v>
      </c>
      <c r="AL3126" s="166">
        <v>0</v>
      </c>
      <c r="AM3126" s="166">
        <v>0</v>
      </c>
      <c r="AN3126" s="166">
        <v>0</v>
      </c>
      <c r="AO3126" s="166">
        <v>0</v>
      </c>
      <c r="AP3126" s="166">
        <v>0</v>
      </c>
      <c r="AQ3126" s="166">
        <v>0</v>
      </c>
      <c r="AR3126" s="166">
        <v>0</v>
      </c>
      <c r="AS3126" s="166">
        <v>0</v>
      </c>
      <c r="AT3126" s="166">
        <v>0</v>
      </c>
      <c r="AU3126" s="166">
        <v>0</v>
      </c>
      <c r="AV3126" s="166">
        <v>0</v>
      </c>
      <c r="AW3126" s="166">
        <v>0</v>
      </c>
      <c r="AX3126" s="166">
        <v>0</v>
      </c>
      <c r="AY3126" s="166">
        <v>0</v>
      </c>
      <c r="AZ3126" s="166">
        <v>0</v>
      </c>
      <c r="BA3126" s="166">
        <v>0</v>
      </c>
      <c r="BB3126" s="166">
        <v>0</v>
      </c>
      <c r="BC3126" s="166">
        <v>0</v>
      </c>
      <c r="BD3126" s="166">
        <v>0</v>
      </c>
      <c r="BE3126" s="166">
        <v>0</v>
      </c>
      <c r="BF3126" s="166">
        <v>0</v>
      </c>
      <c r="BG3126" s="166">
        <v>0</v>
      </c>
      <c r="BH3126" s="166">
        <v>0</v>
      </c>
      <c r="BI3126" s="166">
        <v>0</v>
      </c>
      <c r="BJ3126" s="166">
        <v>0</v>
      </c>
      <c r="BK3126" s="166">
        <v>0</v>
      </c>
      <c r="BL3126" s="166">
        <v>0</v>
      </c>
      <c r="BM3126" s="166">
        <v>0</v>
      </c>
      <c r="BN3126" s="166">
        <v>0</v>
      </c>
      <c r="BO3126" s="166">
        <v>0</v>
      </c>
      <c r="BP3126" s="166">
        <v>0</v>
      </c>
      <c r="BQ3126" s="166">
        <v>0</v>
      </c>
      <c r="BR3126" s="166">
        <v>0</v>
      </c>
      <c r="BS3126" s="166">
        <v>0</v>
      </c>
      <c r="BT3126" s="168">
        <v>0</v>
      </c>
      <c r="BU3126" s="166">
        <v>0</v>
      </c>
      <c r="BV3126" s="166">
        <v>0</v>
      </c>
      <c r="BW3126" s="166">
        <v>0</v>
      </c>
      <c r="BX3126" s="166">
        <v>0</v>
      </c>
      <c r="BY3126" s="166">
        <v>0</v>
      </c>
      <c r="BZ3126" s="166">
        <v>0</v>
      </c>
      <c r="CA3126" s="166">
        <v>0</v>
      </c>
      <c r="CB3126" s="166">
        <v>0</v>
      </c>
      <c r="CC3126" s="166">
        <v>0</v>
      </c>
      <c r="CD3126" s="166">
        <v>0</v>
      </c>
      <c r="CE3126" s="166">
        <v>0</v>
      </c>
      <c r="CF3126" s="166">
        <v>0</v>
      </c>
      <c r="CG3126" s="166">
        <v>0</v>
      </c>
      <c r="CH3126" s="166">
        <v>0</v>
      </c>
      <c r="CI3126" s="166">
        <v>0</v>
      </c>
      <c r="CJ3126" s="166">
        <v>0</v>
      </c>
      <c r="CK3126" s="166">
        <v>0</v>
      </c>
      <c r="CL3126" s="166">
        <v>0</v>
      </c>
      <c r="CM3126" s="166">
        <v>0</v>
      </c>
      <c r="CN3126" s="166">
        <v>0</v>
      </c>
      <c r="CO3126" s="166">
        <v>0</v>
      </c>
      <c r="CP3126" s="166">
        <v>0</v>
      </c>
      <c r="CQ3126" s="166">
        <v>0</v>
      </c>
      <c r="CR3126" s="166">
        <v>0</v>
      </c>
      <c r="CS3126" s="166">
        <v>0</v>
      </c>
      <c r="CT3126" s="166">
        <v>0</v>
      </c>
      <c r="CU3126" s="166">
        <v>0</v>
      </c>
      <c r="CV3126" s="166">
        <v>0</v>
      </c>
      <c r="CW3126" s="166">
        <v>0</v>
      </c>
      <c r="CX3126" s="166">
        <v>0</v>
      </c>
      <c r="CY3126" s="166">
        <v>0</v>
      </c>
      <c r="CZ3126" s="166">
        <v>0</v>
      </c>
    </row>
    <row r="3127" spans="1:104" x14ac:dyDescent="0.2">
      <c r="A3127" s="167" t="s">
        <v>413</v>
      </c>
      <c r="B3127" s="166">
        <v>42986921.333999999</v>
      </c>
      <c r="C3127" s="166">
        <v>42986921.333999999</v>
      </c>
      <c r="D3127" s="166">
        <v>0</v>
      </c>
      <c r="E3127" s="166">
        <v>0</v>
      </c>
      <c r="F3127" s="166">
        <v>0</v>
      </c>
      <c r="G3127" s="166">
        <v>0</v>
      </c>
      <c r="H3127" s="166">
        <v>0</v>
      </c>
      <c r="I3127" s="166">
        <v>0</v>
      </c>
      <c r="J3127" s="166">
        <v>0</v>
      </c>
      <c r="K3127" s="166">
        <v>0</v>
      </c>
      <c r="L3127" s="166">
        <v>0</v>
      </c>
      <c r="M3127" s="166">
        <v>0</v>
      </c>
      <c r="N3127" s="166">
        <v>0</v>
      </c>
      <c r="O3127" s="166">
        <v>0</v>
      </c>
      <c r="P3127" s="166">
        <v>0</v>
      </c>
      <c r="Q3127" s="166">
        <v>0</v>
      </c>
      <c r="R3127" s="166">
        <v>0</v>
      </c>
      <c r="S3127" s="166">
        <v>0</v>
      </c>
      <c r="T3127" s="166">
        <v>0</v>
      </c>
      <c r="U3127" s="166">
        <v>0</v>
      </c>
      <c r="V3127" s="166">
        <v>0</v>
      </c>
      <c r="W3127" s="166">
        <v>0</v>
      </c>
      <c r="X3127" s="166">
        <v>0</v>
      </c>
      <c r="Y3127" s="166">
        <v>0</v>
      </c>
      <c r="Z3127" s="166">
        <v>0</v>
      </c>
      <c r="AA3127" s="166">
        <v>0</v>
      </c>
      <c r="AB3127" s="166">
        <v>0</v>
      </c>
      <c r="AC3127" s="166">
        <v>0</v>
      </c>
      <c r="AD3127" s="166">
        <v>0</v>
      </c>
      <c r="AE3127" s="166">
        <v>0</v>
      </c>
      <c r="AF3127" s="166">
        <v>0</v>
      </c>
      <c r="AG3127" s="166">
        <v>0</v>
      </c>
      <c r="AH3127" s="166">
        <v>0</v>
      </c>
      <c r="AI3127" s="166">
        <v>0</v>
      </c>
      <c r="AJ3127" s="166">
        <v>0</v>
      </c>
      <c r="AK3127" s="166">
        <v>0</v>
      </c>
      <c r="AL3127" s="166">
        <v>0</v>
      </c>
      <c r="AM3127" s="166">
        <v>0</v>
      </c>
      <c r="AN3127" s="166">
        <v>0</v>
      </c>
      <c r="AO3127" s="166">
        <v>0</v>
      </c>
      <c r="AP3127" s="166">
        <v>0</v>
      </c>
      <c r="AQ3127" s="166">
        <v>0</v>
      </c>
      <c r="AR3127" s="166">
        <v>0</v>
      </c>
      <c r="AS3127" s="166">
        <v>0</v>
      </c>
      <c r="AT3127" s="166">
        <v>0</v>
      </c>
      <c r="AU3127" s="166">
        <v>0</v>
      </c>
      <c r="AV3127" s="166">
        <v>0</v>
      </c>
      <c r="AW3127" s="166">
        <v>0</v>
      </c>
      <c r="AX3127" s="166">
        <v>0</v>
      </c>
      <c r="AY3127" s="166">
        <v>0</v>
      </c>
      <c r="AZ3127" s="166">
        <v>0</v>
      </c>
      <c r="BA3127" s="166">
        <v>0</v>
      </c>
      <c r="BB3127" s="166">
        <v>0</v>
      </c>
      <c r="BC3127" s="166">
        <v>0</v>
      </c>
      <c r="BD3127" s="166">
        <v>0</v>
      </c>
      <c r="BE3127" s="166">
        <v>0</v>
      </c>
      <c r="BF3127" s="166">
        <v>0</v>
      </c>
      <c r="BG3127" s="166">
        <v>0</v>
      </c>
      <c r="BH3127" s="166">
        <v>0</v>
      </c>
      <c r="BI3127" s="166">
        <v>0</v>
      </c>
      <c r="BJ3127" s="166">
        <v>0</v>
      </c>
      <c r="BK3127" s="166">
        <v>0</v>
      </c>
      <c r="BL3127" s="166">
        <v>0</v>
      </c>
      <c r="BM3127" s="166">
        <v>0</v>
      </c>
      <c r="BN3127" s="166">
        <v>0</v>
      </c>
      <c r="BO3127" s="166">
        <v>0</v>
      </c>
      <c r="BP3127" s="166">
        <v>0</v>
      </c>
      <c r="BQ3127" s="166">
        <v>0</v>
      </c>
      <c r="BR3127" s="166">
        <v>42986921.333999999</v>
      </c>
      <c r="BS3127" s="166">
        <v>42986921.333999999</v>
      </c>
      <c r="BT3127" s="168">
        <v>0</v>
      </c>
      <c r="BU3127" s="166">
        <v>0</v>
      </c>
      <c r="BV3127" s="166">
        <v>0</v>
      </c>
      <c r="BW3127" s="166">
        <v>0</v>
      </c>
      <c r="BX3127" s="166">
        <v>0</v>
      </c>
      <c r="BY3127" s="166">
        <v>0</v>
      </c>
      <c r="BZ3127" s="166">
        <v>0</v>
      </c>
      <c r="CA3127" s="166">
        <v>0</v>
      </c>
      <c r="CB3127" s="166">
        <v>0</v>
      </c>
      <c r="CC3127" s="166">
        <v>0</v>
      </c>
      <c r="CD3127" s="166">
        <v>0</v>
      </c>
      <c r="CE3127" s="166">
        <v>0</v>
      </c>
      <c r="CF3127" s="166">
        <v>0</v>
      </c>
      <c r="CG3127" s="166">
        <v>0</v>
      </c>
      <c r="CH3127" s="166">
        <v>0</v>
      </c>
      <c r="CI3127" s="166">
        <v>0</v>
      </c>
      <c r="CJ3127" s="166">
        <v>0</v>
      </c>
      <c r="CK3127" s="166">
        <v>0</v>
      </c>
      <c r="CL3127" s="166">
        <v>0</v>
      </c>
      <c r="CM3127" s="166">
        <v>0</v>
      </c>
      <c r="CN3127" s="166">
        <v>0</v>
      </c>
      <c r="CO3127" s="166">
        <v>0</v>
      </c>
      <c r="CP3127" s="166">
        <v>0</v>
      </c>
      <c r="CQ3127" s="166">
        <v>0</v>
      </c>
      <c r="CR3127" s="166">
        <v>0</v>
      </c>
      <c r="CS3127" s="166">
        <v>0</v>
      </c>
      <c r="CT3127" s="166">
        <v>0</v>
      </c>
      <c r="CU3127" s="166">
        <v>0</v>
      </c>
      <c r="CV3127" s="166">
        <v>0</v>
      </c>
      <c r="CW3127" s="166">
        <v>0</v>
      </c>
      <c r="CX3127" s="166">
        <v>0</v>
      </c>
      <c r="CY3127" s="166">
        <v>0</v>
      </c>
      <c r="CZ3127" s="166">
        <v>0</v>
      </c>
    </row>
    <row r="3128" spans="1:104" x14ac:dyDescent="0.2">
      <c r="A3128" s="167" t="s">
        <v>414</v>
      </c>
    </row>
    <row r="3129" spans="1:104" x14ac:dyDescent="0.2">
      <c r="A3129" s="167" t="s">
        <v>1180</v>
      </c>
      <c r="B3129" s="166">
        <v>50212617.789999999</v>
      </c>
      <c r="C3129" s="166">
        <v>50212617.789999999</v>
      </c>
      <c r="D3129" s="166">
        <v>0</v>
      </c>
      <c r="E3129" s="166">
        <v>0</v>
      </c>
      <c r="F3129" s="166">
        <v>0</v>
      </c>
      <c r="G3129" s="166">
        <v>0</v>
      </c>
      <c r="H3129" s="166">
        <v>0</v>
      </c>
      <c r="I3129" s="166">
        <v>0</v>
      </c>
      <c r="J3129" s="166">
        <v>0</v>
      </c>
      <c r="K3129" s="166">
        <v>0</v>
      </c>
      <c r="L3129" s="166">
        <v>0</v>
      </c>
      <c r="M3129" s="166">
        <v>0</v>
      </c>
      <c r="N3129" s="166">
        <v>0</v>
      </c>
      <c r="O3129" s="166">
        <v>0</v>
      </c>
      <c r="P3129" s="166">
        <v>0</v>
      </c>
      <c r="Q3129" s="166">
        <v>0</v>
      </c>
      <c r="R3129" s="166">
        <v>0</v>
      </c>
      <c r="S3129" s="166">
        <v>0</v>
      </c>
      <c r="T3129" s="166">
        <v>0</v>
      </c>
      <c r="U3129" s="166">
        <v>0</v>
      </c>
      <c r="V3129" s="166">
        <v>0</v>
      </c>
      <c r="W3129" s="166">
        <v>0</v>
      </c>
      <c r="X3129" s="166">
        <v>0</v>
      </c>
      <c r="Y3129" s="166">
        <v>0</v>
      </c>
      <c r="Z3129" s="166">
        <v>0</v>
      </c>
      <c r="AA3129" s="166">
        <v>0</v>
      </c>
      <c r="AB3129" s="166">
        <v>0</v>
      </c>
      <c r="AC3129" s="166">
        <v>0</v>
      </c>
      <c r="AD3129" s="166">
        <v>0</v>
      </c>
      <c r="AE3129" s="166">
        <v>0</v>
      </c>
      <c r="AF3129" s="166">
        <v>0</v>
      </c>
      <c r="AG3129" s="166">
        <v>0</v>
      </c>
      <c r="AH3129" s="166">
        <v>0</v>
      </c>
      <c r="AI3129" s="166">
        <v>0</v>
      </c>
      <c r="AJ3129" s="166">
        <v>0</v>
      </c>
      <c r="AK3129" s="166">
        <v>0</v>
      </c>
      <c r="AL3129" s="166">
        <v>0</v>
      </c>
      <c r="AM3129" s="166">
        <v>0</v>
      </c>
      <c r="AN3129" s="166">
        <v>0</v>
      </c>
      <c r="AO3129" s="166">
        <v>0</v>
      </c>
      <c r="AP3129" s="166">
        <v>0</v>
      </c>
      <c r="AQ3129" s="166">
        <v>0</v>
      </c>
      <c r="AR3129" s="166">
        <v>0</v>
      </c>
      <c r="AS3129" s="166">
        <v>0</v>
      </c>
      <c r="AT3129" s="166">
        <v>0</v>
      </c>
      <c r="AU3129" s="166">
        <v>0</v>
      </c>
      <c r="AV3129" s="166">
        <v>0</v>
      </c>
      <c r="AW3129" s="166">
        <v>0</v>
      </c>
      <c r="AX3129" s="166">
        <v>0</v>
      </c>
      <c r="AY3129" s="166">
        <v>0</v>
      </c>
      <c r="AZ3129" s="166">
        <v>0</v>
      </c>
      <c r="BA3129" s="166">
        <v>0</v>
      </c>
      <c r="BB3129" s="166">
        <v>0</v>
      </c>
      <c r="BC3129" s="166">
        <v>0</v>
      </c>
      <c r="BD3129" s="166">
        <v>0</v>
      </c>
      <c r="BE3129" s="166">
        <v>0</v>
      </c>
      <c r="BF3129" s="166">
        <v>0</v>
      </c>
      <c r="BG3129" s="166">
        <v>0</v>
      </c>
      <c r="BH3129" s="166">
        <v>0</v>
      </c>
      <c r="BI3129" s="166">
        <v>0</v>
      </c>
      <c r="BJ3129" s="166">
        <v>0</v>
      </c>
      <c r="BK3129" s="166">
        <v>0</v>
      </c>
      <c r="BL3129" s="166">
        <v>0</v>
      </c>
      <c r="BM3129" s="166">
        <v>0</v>
      </c>
      <c r="BN3129" s="166">
        <v>0</v>
      </c>
      <c r="BO3129" s="166">
        <v>0</v>
      </c>
      <c r="BP3129" s="166">
        <v>0</v>
      </c>
      <c r="BQ3129" s="166">
        <v>0</v>
      </c>
      <c r="BR3129" s="166">
        <v>50212617.789999999</v>
      </c>
      <c r="BS3129" s="166">
        <v>50212617.789999999</v>
      </c>
      <c r="BT3129" s="168">
        <v>0</v>
      </c>
      <c r="BU3129" s="166">
        <v>0</v>
      </c>
      <c r="BV3129" s="166">
        <v>0</v>
      </c>
      <c r="BW3129" s="166">
        <v>0</v>
      </c>
      <c r="BX3129" s="166">
        <v>0</v>
      </c>
      <c r="BY3129" s="166">
        <v>0</v>
      </c>
      <c r="BZ3129" s="166">
        <v>0</v>
      </c>
      <c r="CA3129" s="166">
        <v>0</v>
      </c>
      <c r="CB3129" s="166">
        <v>0</v>
      </c>
      <c r="CC3129" s="166">
        <v>0</v>
      </c>
      <c r="CD3129" s="166">
        <v>0</v>
      </c>
      <c r="CE3129" s="166">
        <v>0</v>
      </c>
      <c r="CF3129" s="166">
        <v>0</v>
      </c>
      <c r="CG3129" s="166">
        <v>0</v>
      </c>
      <c r="CH3129" s="166">
        <v>0</v>
      </c>
      <c r="CI3129" s="166">
        <v>0</v>
      </c>
      <c r="CJ3129" s="166">
        <v>0</v>
      </c>
      <c r="CK3129" s="166">
        <v>0</v>
      </c>
      <c r="CL3129" s="166">
        <v>0</v>
      </c>
      <c r="CM3129" s="166">
        <v>0</v>
      </c>
      <c r="CN3129" s="166">
        <v>0</v>
      </c>
      <c r="CO3129" s="166">
        <v>0</v>
      </c>
      <c r="CP3129" s="166">
        <v>0</v>
      </c>
      <c r="CQ3129" s="166">
        <v>0</v>
      </c>
      <c r="CR3129" s="166">
        <v>0</v>
      </c>
      <c r="CS3129" s="166">
        <v>0</v>
      </c>
      <c r="CT3129" s="166">
        <v>0</v>
      </c>
      <c r="CU3129" s="166">
        <v>0</v>
      </c>
      <c r="CV3129" s="166">
        <v>0</v>
      </c>
      <c r="CW3129" s="166">
        <v>0</v>
      </c>
      <c r="CX3129" s="166">
        <v>0</v>
      </c>
      <c r="CY3129" s="166">
        <v>0</v>
      </c>
      <c r="CZ3129" s="166">
        <v>0</v>
      </c>
    </row>
    <row r="3130" spans="1:104" x14ac:dyDescent="0.2">
      <c r="A3130" s="167" t="s">
        <v>1181</v>
      </c>
      <c r="B3130" s="166">
        <v>0</v>
      </c>
      <c r="C3130" s="166">
        <v>0</v>
      </c>
      <c r="D3130" s="166">
        <v>0</v>
      </c>
      <c r="E3130" s="166">
        <v>0</v>
      </c>
      <c r="F3130" s="166">
        <v>0</v>
      </c>
      <c r="G3130" s="166">
        <v>0</v>
      </c>
      <c r="H3130" s="166">
        <v>0</v>
      </c>
      <c r="I3130" s="166">
        <v>0</v>
      </c>
      <c r="J3130" s="166">
        <v>0</v>
      </c>
      <c r="K3130" s="166">
        <v>0</v>
      </c>
      <c r="L3130" s="166">
        <v>0</v>
      </c>
      <c r="M3130" s="166">
        <v>0</v>
      </c>
      <c r="N3130" s="166">
        <v>0</v>
      </c>
      <c r="O3130" s="166">
        <v>0</v>
      </c>
      <c r="P3130" s="166">
        <v>0</v>
      </c>
      <c r="Q3130" s="166">
        <v>0</v>
      </c>
      <c r="R3130" s="166">
        <v>0</v>
      </c>
      <c r="S3130" s="166">
        <v>0</v>
      </c>
      <c r="T3130" s="166">
        <v>0</v>
      </c>
      <c r="U3130" s="166">
        <v>0</v>
      </c>
      <c r="V3130" s="166">
        <v>0</v>
      </c>
      <c r="W3130" s="166">
        <v>0</v>
      </c>
      <c r="X3130" s="166">
        <v>0</v>
      </c>
      <c r="Y3130" s="166">
        <v>0</v>
      </c>
      <c r="Z3130" s="166">
        <v>0</v>
      </c>
      <c r="AA3130" s="166">
        <v>0</v>
      </c>
      <c r="AB3130" s="166">
        <v>0</v>
      </c>
      <c r="AC3130" s="166">
        <v>0</v>
      </c>
      <c r="AD3130" s="166">
        <v>0</v>
      </c>
      <c r="AE3130" s="166">
        <v>0</v>
      </c>
      <c r="AF3130" s="166">
        <v>0</v>
      </c>
      <c r="AG3130" s="166">
        <v>0</v>
      </c>
      <c r="AH3130" s="166">
        <v>0</v>
      </c>
      <c r="AI3130" s="166">
        <v>0</v>
      </c>
      <c r="AJ3130" s="166">
        <v>0</v>
      </c>
      <c r="AK3130" s="166">
        <v>0</v>
      </c>
      <c r="AL3130" s="166">
        <v>0</v>
      </c>
      <c r="AM3130" s="166">
        <v>0</v>
      </c>
      <c r="AN3130" s="166">
        <v>0</v>
      </c>
      <c r="AO3130" s="166">
        <v>0</v>
      </c>
      <c r="AP3130" s="166">
        <v>0</v>
      </c>
      <c r="AQ3130" s="166">
        <v>0</v>
      </c>
      <c r="AR3130" s="166">
        <v>0</v>
      </c>
      <c r="AS3130" s="166">
        <v>0</v>
      </c>
      <c r="AT3130" s="166">
        <v>0</v>
      </c>
      <c r="AU3130" s="166">
        <v>0</v>
      </c>
      <c r="AV3130" s="166">
        <v>0</v>
      </c>
      <c r="AW3130" s="166">
        <v>0</v>
      </c>
      <c r="AX3130" s="166">
        <v>0</v>
      </c>
      <c r="AY3130" s="166">
        <v>0</v>
      </c>
      <c r="AZ3130" s="166">
        <v>0</v>
      </c>
      <c r="BA3130" s="166">
        <v>0</v>
      </c>
      <c r="BB3130" s="166">
        <v>0</v>
      </c>
      <c r="BC3130" s="166">
        <v>0</v>
      </c>
      <c r="BD3130" s="166">
        <v>0</v>
      </c>
      <c r="BE3130" s="166">
        <v>0</v>
      </c>
      <c r="BF3130" s="166">
        <v>0</v>
      </c>
      <c r="BG3130" s="166">
        <v>0</v>
      </c>
      <c r="BH3130" s="166">
        <v>0</v>
      </c>
      <c r="BI3130" s="166">
        <v>0</v>
      </c>
      <c r="BJ3130" s="166">
        <v>0</v>
      </c>
      <c r="BK3130" s="166">
        <v>0</v>
      </c>
      <c r="BL3130" s="166">
        <v>0</v>
      </c>
      <c r="BM3130" s="166">
        <v>0</v>
      </c>
      <c r="BN3130" s="166">
        <v>0</v>
      </c>
      <c r="BO3130" s="166">
        <v>0</v>
      </c>
      <c r="BP3130" s="166">
        <v>0</v>
      </c>
      <c r="BQ3130" s="166">
        <v>0</v>
      </c>
      <c r="BR3130" s="166">
        <v>0</v>
      </c>
      <c r="BS3130" s="166">
        <v>0</v>
      </c>
      <c r="BT3130" s="168">
        <v>0</v>
      </c>
      <c r="BU3130" s="166">
        <v>0</v>
      </c>
      <c r="BV3130" s="166">
        <v>0</v>
      </c>
      <c r="BW3130" s="166">
        <v>0</v>
      </c>
      <c r="BX3130" s="166">
        <v>0</v>
      </c>
      <c r="BY3130" s="166">
        <v>0</v>
      </c>
      <c r="BZ3130" s="166">
        <v>0</v>
      </c>
      <c r="CA3130" s="166">
        <v>0</v>
      </c>
      <c r="CB3130" s="166">
        <v>0</v>
      </c>
      <c r="CC3130" s="166">
        <v>0</v>
      </c>
      <c r="CD3130" s="166">
        <v>0</v>
      </c>
      <c r="CE3130" s="166">
        <v>0</v>
      </c>
      <c r="CF3130" s="166">
        <v>0</v>
      </c>
      <c r="CG3130" s="166">
        <v>0</v>
      </c>
      <c r="CH3130" s="166">
        <v>0</v>
      </c>
      <c r="CI3130" s="166">
        <v>0</v>
      </c>
      <c r="CJ3130" s="166">
        <v>0</v>
      </c>
      <c r="CK3130" s="166">
        <v>0</v>
      </c>
      <c r="CL3130" s="166">
        <v>0</v>
      </c>
      <c r="CM3130" s="166">
        <v>0</v>
      </c>
      <c r="CN3130" s="166">
        <v>0</v>
      </c>
      <c r="CO3130" s="166">
        <v>0</v>
      </c>
      <c r="CP3130" s="166">
        <v>0</v>
      </c>
      <c r="CQ3130" s="166">
        <v>0</v>
      </c>
      <c r="CR3130" s="166">
        <v>0</v>
      </c>
      <c r="CS3130" s="166">
        <v>0</v>
      </c>
      <c r="CT3130" s="166">
        <v>0</v>
      </c>
      <c r="CU3130" s="166">
        <v>0</v>
      </c>
      <c r="CV3130" s="166">
        <v>0</v>
      </c>
      <c r="CW3130" s="166">
        <v>0</v>
      </c>
      <c r="CX3130" s="166">
        <v>0</v>
      </c>
      <c r="CY3130" s="166">
        <v>0</v>
      </c>
      <c r="CZ3130" s="166">
        <v>0</v>
      </c>
    </row>
    <row r="3131" spans="1:104" x14ac:dyDescent="0.2">
      <c r="A3131" s="167" t="s">
        <v>1182</v>
      </c>
      <c r="B3131" s="166">
        <v>50212617.789999999</v>
      </c>
      <c r="C3131" s="166">
        <v>50212617.789999999</v>
      </c>
      <c r="D3131" s="166">
        <v>0</v>
      </c>
      <c r="E3131" s="166">
        <v>0</v>
      </c>
      <c r="F3131" s="166">
        <v>0</v>
      </c>
      <c r="G3131" s="166">
        <v>0</v>
      </c>
      <c r="H3131" s="166">
        <v>0</v>
      </c>
      <c r="I3131" s="166">
        <v>0</v>
      </c>
      <c r="J3131" s="166">
        <v>0</v>
      </c>
      <c r="K3131" s="166">
        <v>0</v>
      </c>
      <c r="L3131" s="166">
        <v>0</v>
      </c>
      <c r="M3131" s="166">
        <v>0</v>
      </c>
      <c r="N3131" s="166">
        <v>0</v>
      </c>
      <c r="O3131" s="166">
        <v>0</v>
      </c>
      <c r="P3131" s="166">
        <v>0</v>
      </c>
      <c r="Q3131" s="166">
        <v>0</v>
      </c>
      <c r="R3131" s="166">
        <v>0</v>
      </c>
      <c r="S3131" s="166">
        <v>0</v>
      </c>
      <c r="T3131" s="166">
        <v>0</v>
      </c>
      <c r="U3131" s="166">
        <v>0</v>
      </c>
      <c r="V3131" s="166">
        <v>0</v>
      </c>
      <c r="W3131" s="166">
        <v>0</v>
      </c>
      <c r="X3131" s="166">
        <v>0</v>
      </c>
      <c r="Y3131" s="166">
        <v>0</v>
      </c>
      <c r="Z3131" s="166">
        <v>0</v>
      </c>
      <c r="AA3131" s="166">
        <v>0</v>
      </c>
      <c r="AB3131" s="166">
        <v>0</v>
      </c>
      <c r="AC3131" s="166">
        <v>0</v>
      </c>
      <c r="AD3131" s="166">
        <v>0</v>
      </c>
      <c r="AE3131" s="166">
        <v>0</v>
      </c>
      <c r="AF3131" s="166">
        <v>0</v>
      </c>
      <c r="AG3131" s="166">
        <v>0</v>
      </c>
      <c r="AH3131" s="166">
        <v>0</v>
      </c>
      <c r="AI3131" s="166">
        <v>0</v>
      </c>
      <c r="AJ3131" s="166">
        <v>0</v>
      </c>
      <c r="AK3131" s="166">
        <v>0</v>
      </c>
      <c r="AL3131" s="166">
        <v>0</v>
      </c>
      <c r="AM3131" s="166">
        <v>0</v>
      </c>
      <c r="AN3131" s="166">
        <v>0</v>
      </c>
      <c r="AO3131" s="166">
        <v>0</v>
      </c>
      <c r="AP3131" s="166">
        <v>0</v>
      </c>
      <c r="AQ3131" s="166">
        <v>0</v>
      </c>
      <c r="AR3131" s="166">
        <v>0</v>
      </c>
      <c r="AS3131" s="166">
        <v>0</v>
      </c>
      <c r="AT3131" s="166">
        <v>0</v>
      </c>
      <c r="AU3131" s="166">
        <v>0</v>
      </c>
      <c r="AV3131" s="166">
        <v>0</v>
      </c>
      <c r="AW3131" s="166">
        <v>0</v>
      </c>
      <c r="AX3131" s="166">
        <v>0</v>
      </c>
      <c r="AY3131" s="166">
        <v>0</v>
      </c>
      <c r="AZ3131" s="166">
        <v>0</v>
      </c>
      <c r="BA3131" s="166">
        <v>0</v>
      </c>
      <c r="BB3131" s="166">
        <v>0</v>
      </c>
      <c r="BC3131" s="166">
        <v>0</v>
      </c>
      <c r="BD3131" s="166">
        <v>0</v>
      </c>
      <c r="BE3131" s="166">
        <v>0</v>
      </c>
      <c r="BF3131" s="166">
        <v>0</v>
      </c>
      <c r="BG3131" s="166">
        <v>0</v>
      </c>
      <c r="BH3131" s="166">
        <v>0</v>
      </c>
      <c r="BI3131" s="166">
        <v>0</v>
      </c>
      <c r="BJ3131" s="166">
        <v>0</v>
      </c>
      <c r="BK3131" s="166">
        <v>0</v>
      </c>
      <c r="BL3131" s="166">
        <v>0</v>
      </c>
      <c r="BM3131" s="166">
        <v>0</v>
      </c>
      <c r="BN3131" s="166">
        <v>0</v>
      </c>
      <c r="BO3131" s="166">
        <v>0</v>
      </c>
      <c r="BP3131" s="166">
        <v>0</v>
      </c>
      <c r="BQ3131" s="166">
        <v>0</v>
      </c>
      <c r="BR3131" s="166">
        <v>50212617.789999999</v>
      </c>
      <c r="BS3131" s="166">
        <v>50212617.789999999</v>
      </c>
      <c r="BT3131" s="168">
        <v>0</v>
      </c>
      <c r="BU3131" s="166">
        <v>0</v>
      </c>
      <c r="BV3131" s="166">
        <v>0</v>
      </c>
      <c r="BW3131" s="166">
        <v>0</v>
      </c>
      <c r="BX3131" s="166">
        <v>0</v>
      </c>
      <c r="BY3131" s="166">
        <v>0</v>
      </c>
      <c r="BZ3131" s="166">
        <v>0</v>
      </c>
      <c r="CA3131" s="166">
        <v>0</v>
      </c>
      <c r="CB3131" s="166">
        <v>0</v>
      </c>
      <c r="CC3131" s="166">
        <v>0</v>
      </c>
      <c r="CD3131" s="166">
        <v>0</v>
      </c>
      <c r="CE3131" s="166">
        <v>0</v>
      </c>
      <c r="CF3131" s="166">
        <v>0</v>
      </c>
      <c r="CG3131" s="166">
        <v>0</v>
      </c>
      <c r="CH3131" s="166">
        <v>0</v>
      </c>
      <c r="CI3131" s="166">
        <v>0</v>
      </c>
      <c r="CJ3131" s="166">
        <v>0</v>
      </c>
      <c r="CK3131" s="166">
        <v>0</v>
      </c>
      <c r="CL3131" s="166">
        <v>0</v>
      </c>
      <c r="CM3131" s="166">
        <v>0</v>
      </c>
      <c r="CN3131" s="166">
        <v>0</v>
      </c>
      <c r="CO3131" s="166">
        <v>0</v>
      </c>
      <c r="CP3131" s="166">
        <v>0</v>
      </c>
      <c r="CQ3131" s="166">
        <v>0</v>
      </c>
      <c r="CR3131" s="166">
        <v>0</v>
      </c>
      <c r="CS3131" s="166">
        <v>0</v>
      </c>
      <c r="CT3131" s="166">
        <v>0</v>
      </c>
      <c r="CU3131" s="166">
        <v>0</v>
      </c>
      <c r="CV3131" s="166">
        <v>0</v>
      </c>
      <c r="CW3131" s="166">
        <v>0</v>
      </c>
      <c r="CX3131" s="166">
        <v>0</v>
      </c>
      <c r="CY3131" s="166">
        <v>0</v>
      </c>
      <c r="CZ3131" s="166">
        <v>0</v>
      </c>
    </row>
    <row r="3132" spans="1:104" x14ac:dyDescent="0.2">
      <c r="A3132" s="167" t="s">
        <v>418</v>
      </c>
    </row>
    <row r="3133" spans="1:104" x14ac:dyDescent="0.2">
      <c r="A3133" s="167" t="s">
        <v>419</v>
      </c>
      <c r="B3133" s="166">
        <v>42936.46</v>
      </c>
      <c r="C3133" s="166">
        <v>42936.46</v>
      </c>
      <c r="D3133" s="166">
        <v>0</v>
      </c>
      <c r="E3133" s="166">
        <v>0</v>
      </c>
      <c r="F3133" s="166">
        <v>0</v>
      </c>
      <c r="G3133" s="166">
        <v>0</v>
      </c>
      <c r="H3133" s="166">
        <v>0</v>
      </c>
      <c r="I3133" s="166">
        <v>0</v>
      </c>
      <c r="J3133" s="166">
        <v>0</v>
      </c>
      <c r="K3133" s="166">
        <v>0</v>
      </c>
      <c r="L3133" s="166">
        <v>0</v>
      </c>
      <c r="M3133" s="166">
        <v>0</v>
      </c>
      <c r="N3133" s="166">
        <v>0</v>
      </c>
      <c r="O3133" s="166">
        <v>0</v>
      </c>
      <c r="P3133" s="166">
        <v>0</v>
      </c>
      <c r="Q3133" s="166">
        <v>0</v>
      </c>
      <c r="R3133" s="166">
        <v>0</v>
      </c>
      <c r="S3133" s="166">
        <v>0</v>
      </c>
      <c r="T3133" s="166">
        <v>0</v>
      </c>
      <c r="U3133" s="166">
        <v>0</v>
      </c>
      <c r="V3133" s="166">
        <v>0</v>
      </c>
      <c r="W3133" s="166">
        <v>0</v>
      </c>
      <c r="X3133" s="166">
        <v>0</v>
      </c>
      <c r="Y3133" s="166">
        <v>0</v>
      </c>
      <c r="Z3133" s="166">
        <v>0</v>
      </c>
      <c r="AA3133" s="166">
        <v>0</v>
      </c>
      <c r="AB3133" s="166">
        <v>0</v>
      </c>
      <c r="AC3133" s="166">
        <v>0</v>
      </c>
      <c r="AD3133" s="166">
        <v>0</v>
      </c>
      <c r="AE3133" s="166">
        <v>0</v>
      </c>
      <c r="AF3133" s="166">
        <v>0</v>
      </c>
      <c r="AG3133" s="166">
        <v>0</v>
      </c>
      <c r="AH3133" s="166">
        <v>0</v>
      </c>
      <c r="AI3133" s="166">
        <v>0</v>
      </c>
      <c r="AJ3133" s="166">
        <v>0</v>
      </c>
      <c r="AK3133" s="166">
        <v>0</v>
      </c>
      <c r="AL3133" s="166">
        <v>0</v>
      </c>
      <c r="AM3133" s="166">
        <v>0</v>
      </c>
      <c r="AN3133" s="166">
        <v>0</v>
      </c>
      <c r="AO3133" s="166">
        <v>0</v>
      </c>
      <c r="AP3133" s="166">
        <v>0</v>
      </c>
      <c r="AQ3133" s="166">
        <v>0</v>
      </c>
      <c r="AR3133" s="166">
        <v>0</v>
      </c>
      <c r="AS3133" s="166">
        <v>0</v>
      </c>
      <c r="AT3133" s="166">
        <v>0</v>
      </c>
      <c r="AU3133" s="166">
        <v>0</v>
      </c>
      <c r="AV3133" s="166">
        <v>0</v>
      </c>
      <c r="AW3133" s="166">
        <v>0</v>
      </c>
      <c r="AX3133" s="166">
        <v>0</v>
      </c>
      <c r="AY3133" s="166">
        <v>0</v>
      </c>
      <c r="AZ3133" s="166">
        <v>0</v>
      </c>
      <c r="BA3133" s="166">
        <v>0</v>
      </c>
      <c r="BB3133" s="166">
        <v>0</v>
      </c>
      <c r="BC3133" s="166">
        <v>0</v>
      </c>
      <c r="BD3133" s="166">
        <v>0</v>
      </c>
      <c r="BE3133" s="166">
        <v>0</v>
      </c>
      <c r="BF3133" s="166">
        <v>0</v>
      </c>
      <c r="BG3133" s="166">
        <v>0</v>
      </c>
      <c r="BH3133" s="166">
        <v>0</v>
      </c>
      <c r="BI3133" s="166">
        <v>0</v>
      </c>
      <c r="BJ3133" s="166">
        <v>0</v>
      </c>
      <c r="BK3133" s="166">
        <v>0</v>
      </c>
      <c r="BL3133" s="166">
        <v>0</v>
      </c>
      <c r="BM3133" s="166">
        <v>0</v>
      </c>
      <c r="BN3133" s="166">
        <v>0</v>
      </c>
      <c r="BO3133" s="166">
        <v>0</v>
      </c>
      <c r="BP3133" s="166">
        <v>0</v>
      </c>
      <c r="BQ3133" s="166">
        <v>0</v>
      </c>
      <c r="BR3133" s="166">
        <v>42936.46</v>
      </c>
      <c r="BS3133" s="166">
        <v>42936.46</v>
      </c>
      <c r="BT3133" s="168">
        <v>0</v>
      </c>
      <c r="BU3133" s="166">
        <v>0</v>
      </c>
      <c r="BV3133" s="166">
        <v>0</v>
      </c>
      <c r="BW3133" s="166">
        <v>0</v>
      </c>
      <c r="BX3133" s="166">
        <v>0</v>
      </c>
      <c r="BY3133" s="166">
        <v>0</v>
      </c>
      <c r="BZ3133" s="166">
        <v>0</v>
      </c>
      <c r="CA3133" s="166">
        <v>0</v>
      </c>
      <c r="CB3133" s="166">
        <v>0</v>
      </c>
      <c r="CC3133" s="166">
        <v>0</v>
      </c>
      <c r="CD3133" s="166">
        <v>0</v>
      </c>
      <c r="CE3133" s="166">
        <v>0</v>
      </c>
      <c r="CF3133" s="166">
        <v>0</v>
      </c>
      <c r="CG3133" s="166">
        <v>0</v>
      </c>
      <c r="CH3133" s="166">
        <v>0</v>
      </c>
      <c r="CI3133" s="166">
        <v>0</v>
      </c>
      <c r="CJ3133" s="166">
        <v>0</v>
      </c>
      <c r="CK3133" s="166">
        <v>0</v>
      </c>
      <c r="CL3133" s="166">
        <v>0</v>
      </c>
      <c r="CM3133" s="166">
        <v>0</v>
      </c>
      <c r="CN3133" s="166">
        <v>0</v>
      </c>
      <c r="CO3133" s="166">
        <v>0</v>
      </c>
      <c r="CP3133" s="166">
        <v>0</v>
      </c>
      <c r="CQ3133" s="166">
        <v>0</v>
      </c>
      <c r="CR3133" s="166">
        <v>0</v>
      </c>
      <c r="CS3133" s="166">
        <v>0</v>
      </c>
      <c r="CT3133" s="166">
        <v>0</v>
      </c>
      <c r="CU3133" s="166">
        <v>0</v>
      </c>
      <c r="CV3133" s="166">
        <v>0</v>
      </c>
      <c r="CW3133" s="166">
        <v>0</v>
      </c>
      <c r="CX3133" s="166">
        <v>0</v>
      </c>
      <c r="CY3133" s="166">
        <v>0</v>
      </c>
      <c r="CZ3133" s="166">
        <v>0</v>
      </c>
    </row>
    <row r="3134" spans="1:104" x14ac:dyDescent="0.2">
      <c r="A3134" s="167" t="s">
        <v>420</v>
      </c>
    </row>
    <row r="3135" spans="1:104" x14ac:dyDescent="0.2">
      <c r="A3135" s="167" t="s">
        <v>1183</v>
      </c>
      <c r="B3135" s="166">
        <v>25877667.489999902</v>
      </c>
      <c r="C3135" s="166">
        <v>25877667.489999902</v>
      </c>
      <c r="D3135" s="166">
        <v>0</v>
      </c>
      <c r="E3135" s="166">
        <v>0</v>
      </c>
      <c r="F3135" s="166">
        <v>0</v>
      </c>
      <c r="G3135" s="166">
        <v>0</v>
      </c>
      <c r="H3135" s="166">
        <v>0</v>
      </c>
      <c r="I3135" s="166">
        <v>0</v>
      </c>
      <c r="J3135" s="166">
        <v>0</v>
      </c>
      <c r="K3135" s="166">
        <v>0</v>
      </c>
      <c r="L3135" s="166">
        <v>0</v>
      </c>
      <c r="M3135" s="166">
        <v>0</v>
      </c>
      <c r="N3135" s="166">
        <v>0</v>
      </c>
      <c r="O3135" s="166">
        <v>0</v>
      </c>
      <c r="P3135" s="166">
        <v>0</v>
      </c>
      <c r="Q3135" s="166">
        <v>0</v>
      </c>
      <c r="R3135" s="166">
        <v>0</v>
      </c>
      <c r="S3135" s="166">
        <v>0</v>
      </c>
      <c r="T3135" s="166">
        <v>0</v>
      </c>
      <c r="U3135" s="166">
        <v>0</v>
      </c>
      <c r="V3135" s="166">
        <v>0</v>
      </c>
      <c r="W3135" s="166">
        <v>0</v>
      </c>
      <c r="X3135" s="166">
        <v>0</v>
      </c>
      <c r="Y3135" s="166">
        <v>0</v>
      </c>
      <c r="Z3135" s="166">
        <v>0</v>
      </c>
      <c r="AA3135" s="166">
        <v>0</v>
      </c>
      <c r="AB3135" s="166">
        <v>0</v>
      </c>
      <c r="AC3135" s="166">
        <v>0</v>
      </c>
      <c r="AD3135" s="166">
        <v>0</v>
      </c>
      <c r="AE3135" s="166">
        <v>0</v>
      </c>
      <c r="AF3135" s="166">
        <v>0</v>
      </c>
      <c r="AG3135" s="166">
        <v>0</v>
      </c>
      <c r="AH3135" s="166">
        <v>0</v>
      </c>
      <c r="AI3135" s="166">
        <v>0</v>
      </c>
      <c r="AJ3135" s="166">
        <v>0</v>
      </c>
      <c r="AK3135" s="166">
        <v>0</v>
      </c>
      <c r="AL3135" s="166">
        <v>0</v>
      </c>
      <c r="AM3135" s="166">
        <v>0</v>
      </c>
      <c r="AN3135" s="166">
        <v>0</v>
      </c>
      <c r="AO3135" s="166">
        <v>0</v>
      </c>
      <c r="AP3135" s="166">
        <v>0</v>
      </c>
      <c r="AQ3135" s="166">
        <v>0</v>
      </c>
      <c r="AR3135" s="166">
        <v>0</v>
      </c>
      <c r="AS3135" s="166">
        <v>0</v>
      </c>
      <c r="AT3135" s="166">
        <v>0</v>
      </c>
      <c r="AU3135" s="166">
        <v>0</v>
      </c>
      <c r="AV3135" s="166">
        <v>0</v>
      </c>
      <c r="AW3135" s="166">
        <v>0</v>
      </c>
      <c r="AX3135" s="166">
        <v>0</v>
      </c>
      <c r="AY3135" s="166">
        <v>0</v>
      </c>
      <c r="AZ3135" s="166">
        <v>0</v>
      </c>
      <c r="BA3135" s="166">
        <v>0</v>
      </c>
      <c r="BB3135" s="166">
        <v>0</v>
      </c>
      <c r="BC3135" s="166">
        <v>0</v>
      </c>
      <c r="BD3135" s="166">
        <v>0</v>
      </c>
      <c r="BE3135" s="166">
        <v>0</v>
      </c>
      <c r="BF3135" s="166">
        <v>0</v>
      </c>
      <c r="BG3135" s="166">
        <v>0</v>
      </c>
      <c r="BH3135" s="166">
        <v>0</v>
      </c>
      <c r="BI3135" s="166">
        <v>0</v>
      </c>
      <c r="BJ3135" s="166">
        <v>0</v>
      </c>
      <c r="BK3135" s="166">
        <v>0</v>
      </c>
      <c r="BL3135" s="166">
        <v>0</v>
      </c>
      <c r="BM3135" s="166">
        <v>0</v>
      </c>
      <c r="BN3135" s="166">
        <v>0</v>
      </c>
      <c r="BO3135" s="166">
        <v>0</v>
      </c>
      <c r="BP3135" s="166">
        <v>0</v>
      </c>
      <c r="BQ3135" s="166">
        <v>0</v>
      </c>
      <c r="BR3135" s="166">
        <v>25877667.489999902</v>
      </c>
      <c r="BS3135" s="166">
        <v>25877667.489999902</v>
      </c>
      <c r="BT3135" s="168">
        <v>0</v>
      </c>
      <c r="BU3135" s="166">
        <v>0</v>
      </c>
      <c r="BV3135" s="166">
        <v>0</v>
      </c>
      <c r="BW3135" s="166">
        <v>0</v>
      </c>
      <c r="BX3135" s="166">
        <v>0</v>
      </c>
      <c r="BY3135" s="166">
        <v>0</v>
      </c>
      <c r="BZ3135" s="166">
        <v>0</v>
      </c>
      <c r="CA3135" s="166">
        <v>0</v>
      </c>
      <c r="CB3135" s="166">
        <v>0</v>
      </c>
      <c r="CC3135" s="166">
        <v>0</v>
      </c>
      <c r="CD3135" s="166">
        <v>0</v>
      </c>
      <c r="CE3135" s="166">
        <v>0</v>
      </c>
      <c r="CF3135" s="166">
        <v>0</v>
      </c>
      <c r="CG3135" s="166">
        <v>0</v>
      </c>
      <c r="CH3135" s="166">
        <v>0</v>
      </c>
      <c r="CI3135" s="166">
        <v>0</v>
      </c>
      <c r="CJ3135" s="166">
        <v>0</v>
      </c>
      <c r="CK3135" s="166">
        <v>0</v>
      </c>
      <c r="CL3135" s="166">
        <v>0</v>
      </c>
      <c r="CM3135" s="166">
        <v>0</v>
      </c>
      <c r="CN3135" s="166">
        <v>0</v>
      </c>
      <c r="CO3135" s="166">
        <v>0</v>
      </c>
      <c r="CP3135" s="166">
        <v>0</v>
      </c>
      <c r="CQ3135" s="166">
        <v>0</v>
      </c>
      <c r="CR3135" s="166">
        <v>0</v>
      </c>
      <c r="CS3135" s="166">
        <v>0</v>
      </c>
      <c r="CT3135" s="166">
        <v>0</v>
      </c>
      <c r="CU3135" s="166">
        <v>0</v>
      </c>
      <c r="CV3135" s="166">
        <v>0</v>
      </c>
      <c r="CW3135" s="166">
        <v>0</v>
      </c>
      <c r="CX3135" s="166">
        <v>0</v>
      </c>
      <c r="CY3135" s="166">
        <v>0</v>
      </c>
      <c r="CZ3135" s="166">
        <v>0</v>
      </c>
    </row>
    <row r="3136" spans="1:104" x14ac:dyDescent="0.2">
      <c r="A3136" s="167" t="s">
        <v>422</v>
      </c>
      <c r="B3136" s="166">
        <v>0</v>
      </c>
      <c r="C3136" s="166">
        <v>0</v>
      </c>
      <c r="D3136" s="166">
        <v>0</v>
      </c>
      <c r="E3136" s="166">
        <v>0</v>
      </c>
      <c r="F3136" s="166">
        <v>0</v>
      </c>
      <c r="G3136" s="166">
        <v>0</v>
      </c>
      <c r="H3136" s="166">
        <v>0</v>
      </c>
      <c r="I3136" s="166">
        <v>0</v>
      </c>
      <c r="J3136" s="166">
        <v>0</v>
      </c>
      <c r="K3136" s="166">
        <v>0</v>
      </c>
      <c r="L3136" s="166">
        <v>0</v>
      </c>
      <c r="M3136" s="166">
        <v>0</v>
      </c>
      <c r="N3136" s="166">
        <v>0</v>
      </c>
      <c r="O3136" s="166">
        <v>0</v>
      </c>
      <c r="P3136" s="166">
        <v>0</v>
      </c>
      <c r="Q3136" s="166">
        <v>0</v>
      </c>
      <c r="R3136" s="166">
        <v>0</v>
      </c>
      <c r="S3136" s="166">
        <v>0</v>
      </c>
      <c r="T3136" s="166">
        <v>0</v>
      </c>
      <c r="U3136" s="166">
        <v>0</v>
      </c>
      <c r="V3136" s="166">
        <v>0</v>
      </c>
      <c r="W3136" s="166">
        <v>0</v>
      </c>
      <c r="X3136" s="166">
        <v>0</v>
      </c>
      <c r="Y3136" s="166">
        <v>0</v>
      </c>
      <c r="Z3136" s="166">
        <v>0</v>
      </c>
      <c r="AA3136" s="166">
        <v>0</v>
      </c>
      <c r="AB3136" s="166">
        <v>0</v>
      </c>
      <c r="AC3136" s="166">
        <v>0</v>
      </c>
      <c r="AD3136" s="166">
        <v>0</v>
      </c>
      <c r="AE3136" s="166">
        <v>0</v>
      </c>
      <c r="AF3136" s="166">
        <v>0</v>
      </c>
      <c r="AG3136" s="166">
        <v>0</v>
      </c>
      <c r="AH3136" s="166">
        <v>0</v>
      </c>
      <c r="AI3136" s="166">
        <v>0</v>
      </c>
      <c r="AJ3136" s="166">
        <v>0</v>
      </c>
      <c r="AK3136" s="166">
        <v>0</v>
      </c>
      <c r="AL3136" s="166">
        <v>0</v>
      </c>
      <c r="AM3136" s="166">
        <v>0</v>
      </c>
      <c r="AN3136" s="166">
        <v>0</v>
      </c>
      <c r="AO3136" s="166">
        <v>0</v>
      </c>
      <c r="AP3136" s="166">
        <v>0</v>
      </c>
      <c r="AQ3136" s="166">
        <v>0</v>
      </c>
      <c r="AR3136" s="166">
        <v>0</v>
      </c>
      <c r="AS3136" s="166">
        <v>0</v>
      </c>
      <c r="AT3136" s="166">
        <v>0</v>
      </c>
      <c r="AU3136" s="166">
        <v>0</v>
      </c>
      <c r="AV3136" s="166">
        <v>0</v>
      </c>
      <c r="AW3136" s="166">
        <v>0</v>
      </c>
      <c r="AX3136" s="166">
        <v>0</v>
      </c>
      <c r="AY3136" s="166">
        <v>0</v>
      </c>
      <c r="AZ3136" s="166">
        <v>0</v>
      </c>
      <c r="BA3136" s="166">
        <v>0</v>
      </c>
      <c r="BB3136" s="166">
        <v>0</v>
      </c>
      <c r="BC3136" s="166">
        <v>0</v>
      </c>
      <c r="BD3136" s="166">
        <v>0</v>
      </c>
      <c r="BE3136" s="166">
        <v>0</v>
      </c>
      <c r="BF3136" s="166">
        <v>0</v>
      </c>
      <c r="BG3136" s="166">
        <v>0</v>
      </c>
      <c r="BH3136" s="166">
        <v>0</v>
      </c>
      <c r="BI3136" s="166">
        <v>0</v>
      </c>
      <c r="BJ3136" s="166">
        <v>0</v>
      </c>
      <c r="BK3136" s="166">
        <v>0</v>
      </c>
      <c r="BL3136" s="166">
        <v>0</v>
      </c>
      <c r="BM3136" s="166">
        <v>0</v>
      </c>
      <c r="BN3136" s="166">
        <v>0</v>
      </c>
      <c r="BO3136" s="166">
        <v>0</v>
      </c>
      <c r="BP3136" s="166">
        <v>0</v>
      </c>
      <c r="BQ3136" s="166">
        <v>0</v>
      </c>
      <c r="BR3136" s="166">
        <v>0</v>
      </c>
      <c r="BS3136" s="166">
        <v>0</v>
      </c>
      <c r="BT3136" s="168">
        <v>0</v>
      </c>
      <c r="BU3136" s="166">
        <v>0</v>
      </c>
      <c r="BV3136" s="166">
        <v>0</v>
      </c>
      <c r="BW3136" s="166">
        <v>0</v>
      </c>
      <c r="BX3136" s="166">
        <v>0</v>
      </c>
      <c r="BY3136" s="166">
        <v>0</v>
      </c>
      <c r="BZ3136" s="166">
        <v>0</v>
      </c>
      <c r="CA3136" s="166">
        <v>0</v>
      </c>
      <c r="CB3136" s="166">
        <v>0</v>
      </c>
      <c r="CC3136" s="166">
        <v>0</v>
      </c>
      <c r="CD3136" s="166">
        <v>0</v>
      </c>
      <c r="CE3136" s="166">
        <v>0</v>
      </c>
      <c r="CF3136" s="166">
        <v>0</v>
      </c>
      <c r="CG3136" s="166">
        <v>0</v>
      </c>
      <c r="CH3136" s="166">
        <v>0</v>
      </c>
      <c r="CI3136" s="166">
        <v>0</v>
      </c>
      <c r="CJ3136" s="166">
        <v>0</v>
      </c>
      <c r="CK3136" s="166">
        <v>0</v>
      </c>
      <c r="CL3136" s="166">
        <v>0</v>
      </c>
      <c r="CM3136" s="166">
        <v>0</v>
      </c>
      <c r="CN3136" s="166">
        <v>0</v>
      </c>
      <c r="CO3136" s="166">
        <v>0</v>
      </c>
      <c r="CP3136" s="166">
        <v>0</v>
      </c>
      <c r="CQ3136" s="166">
        <v>0</v>
      </c>
      <c r="CR3136" s="166">
        <v>0</v>
      </c>
      <c r="CS3136" s="166">
        <v>0</v>
      </c>
      <c r="CT3136" s="166">
        <v>0</v>
      </c>
      <c r="CU3136" s="166">
        <v>0</v>
      </c>
      <c r="CV3136" s="166">
        <v>0</v>
      </c>
      <c r="CW3136" s="166">
        <v>0</v>
      </c>
      <c r="CX3136" s="166">
        <v>0</v>
      </c>
      <c r="CY3136" s="166">
        <v>0</v>
      </c>
      <c r="CZ3136" s="166">
        <v>0</v>
      </c>
    </row>
    <row r="3137" spans="1:104" x14ac:dyDescent="0.2">
      <c r="A3137" s="167" t="s">
        <v>705</v>
      </c>
      <c r="B3137" s="166">
        <v>0</v>
      </c>
      <c r="C3137" s="166">
        <v>0</v>
      </c>
      <c r="D3137" s="166">
        <v>0</v>
      </c>
      <c r="E3137" s="166">
        <v>0</v>
      </c>
      <c r="F3137" s="166">
        <v>0</v>
      </c>
      <c r="G3137" s="166">
        <v>0</v>
      </c>
      <c r="H3137" s="166">
        <v>0</v>
      </c>
      <c r="I3137" s="166">
        <v>0</v>
      </c>
      <c r="J3137" s="166">
        <v>0</v>
      </c>
      <c r="K3137" s="166">
        <v>0</v>
      </c>
      <c r="L3137" s="166">
        <v>0</v>
      </c>
      <c r="M3137" s="166">
        <v>0</v>
      </c>
      <c r="N3137" s="166">
        <v>0</v>
      </c>
      <c r="O3137" s="166">
        <v>0</v>
      </c>
      <c r="P3137" s="166">
        <v>0</v>
      </c>
      <c r="Q3137" s="166">
        <v>0</v>
      </c>
      <c r="R3137" s="166">
        <v>0</v>
      </c>
      <c r="S3137" s="166">
        <v>0</v>
      </c>
      <c r="T3137" s="166">
        <v>0</v>
      </c>
      <c r="U3137" s="166">
        <v>0</v>
      </c>
      <c r="V3137" s="166">
        <v>0</v>
      </c>
      <c r="W3137" s="166">
        <v>0</v>
      </c>
      <c r="X3137" s="166">
        <v>0</v>
      </c>
      <c r="Y3137" s="166">
        <v>0</v>
      </c>
      <c r="Z3137" s="166">
        <v>0</v>
      </c>
      <c r="AA3137" s="166">
        <v>0</v>
      </c>
      <c r="AB3137" s="166">
        <v>0</v>
      </c>
      <c r="AC3137" s="166">
        <v>0</v>
      </c>
      <c r="AD3137" s="166">
        <v>0</v>
      </c>
      <c r="AE3137" s="166">
        <v>0</v>
      </c>
      <c r="AF3137" s="166">
        <v>0</v>
      </c>
      <c r="AG3137" s="166">
        <v>0</v>
      </c>
      <c r="AH3137" s="166">
        <v>0</v>
      </c>
      <c r="AI3137" s="166">
        <v>0</v>
      </c>
      <c r="AJ3137" s="166">
        <v>0</v>
      </c>
      <c r="AK3137" s="166">
        <v>0</v>
      </c>
      <c r="AL3137" s="166">
        <v>0</v>
      </c>
      <c r="AM3137" s="166">
        <v>0</v>
      </c>
      <c r="AN3137" s="166">
        <v>0</v>
      </c>
      <c r="AO3137" s="166">
        <v>0</v>
      </c>
      <c r="AP3137" s="166">
        <v>0</v>
      </c>
      <c r="AQ3137" s="166">
        <v>0</v>
      </c>
      <c r="AR3137" s="166">
        <v>0</v>
      </c>
      <c r="AS3137" s="166">
        <v>0</v>
      </c>
      <c r="AT3137" s="166">
        <v>0</v>
      </c>
      <c r="AU3137" s="166">
        <v>0</v>
      </c>
      <c r="AV3137" s="166">
        <v>0</v>
      </c>
      <c r="AW3137" s="166">
        <v>0</v>
      </c>
      <c r="AX3137" s="166">
        <v>0</v>
      </c>
      <c r="AY3137" s="166">
        <v>0</v>
      </c>
      <c r="AZ3137" s="166">
        <v>0</v>
      </c>
      <c r="BA3137" s="166">
        <v>0</v>
      </c>
      <c r="BB3137" s="166">
        <v>0</v>
      </c>
      <c r="BC3137" s="166">
        <v>0</v>
      </c>
      <c r="BD3137" s="166">
        <v>0</v>
      </c>
      <c r="BE3137" s="166">
        <v>0</v>
      </c>
      <c r="BF3137" s="166">
        <v>0</v>
      </c>
      <c r="BG3137" s="166">
        <v>0</v>
      </c>
      <c r="BH3137" s="166">
        <v>0</v>
      </c>
      <c r="BI3137" s="166">
        <v>0</v>
      </c>
      <c r="BJ3137" s="166">
        <v>0</v>
      </c>
      <c r="BK3137" s="166">
        <v>0</v>
      </c>
      <c r="BL3137" s="166">
        <v>0</v>
      </c>
      <c r="BM3137" s="166">
        <v>0</v>
      </c>
      <c r="BN3137" s="166">
        <v>0</v>
      </c>
      <c r="BO3137" s="166">
        <v>0</v>
      </c>
      <c r="BP3137" s="166">
        <v>0</v>
      </c>
      <c r="BQ3137" s="166">
        <v>0</v>
      </c>
      <c r="BR3137" s="166">
        <v>0</v>
      </c>
      <c r="BS3137" s="166">
        <v>0</v>
      </c>
      <c r="BT3137" s="166">
        <v>0</v>
      </c>
      <c r="BU3137" s="166">
        <v>0</v>
      </c>
      <c r="BV3137" s="166">
        <v>0</v>
      </c>
      <c r="BW3137" s="166">
        <v>0</v>
      </c>
      <c r="BX3137" s="166">
        <v>0</v>
      </c>
      <c r="BY3137" s="166">
        <v>0</v>
      </c>
      <c r="BZ3137" s="166">
        <v>0</v>
      </c>
      <c r="CA3137" s="166">
        <v>0</v>
      </c>
      <c r="CB3137" s="166">
        <v>0</v>
      </c>
      <c r="CC3137" s="166">
        <v>0</v>
      </c>
      <c r="CD3137" s="166">
        <v>0</v>
      </c>
      <c r="CE3137" s="166">
        <v>0</v>
      </c>
      <c r="CF3137" s="166">
        <v>0</v>
      </c>
      <c r="CG3137" s="166">
        <v>0</v>
      </c>
      <c r="CH3137" s="166">
        <v>0</v>
      </c>
      <c r="CI3137" s="166">
        <v>0</v>
      </c>
      <c r="CJ3137" s="166">
        <v>0</v>
      </c>
      <c r="CK3137" s="166">
        <v>0</v>
      </c>
      <c r="CL3137" s="166">
        <v>0</v>
      </c>
      <c r="CM3137" s="166">
        <v>0</v>
      </c>
      <c r="CN3137" s="166">
        <v>0</v>
      </c>
      <c r="CO3137" s="166">
        <v>0</v>
      </c>
      <c r="CP3137" s="166">
        <v>0</v>
      </c>
      <c r="CQ3137" s="166">
        <v>0</v>
      </c>
      <c r="CR3137" s="166">
        <v>0</v>
      </c>
      <c r="CS3137" s="166">
        <v>0</v>
      </c>
      <c r="CT3137" s="166">
        <v>0</v>
      </c>
      <c r="CU3137" s="166">
        <v>0</v>
      </c>
      <c r="CV3137" s="166">
        <v>0</v>
      </c>
      <c r="CW3137" s="166">
        <v>0</v>
      </c>
      <c r="CX3137" s="166">
        <v>0</v>
      </c>
      <c r="CY3137" s="166">
        <v>0</v>
      </c>
      <c r="CZ3137" s="166">
        <v>0</v>
      </c>
    </row>
    <row r="3138" spans="1:104" x14ac:dyDescent="0.2">
      <c r="A3138" s="167" t="s">
        <v>423</v>
      </c>
      <c r="B3138" s="166">
        <v>25877667.489999902</v>
      </c>
      <c r="C3138" s="166">
        <v>25877667.489999902</v>
      </c>
      <c r="D3138" s="166">
        <v>0</v>
      </c>
      <c r="E3138" s="166">
        <v>0</v>
      </c>
      <c r="F3138" s="166">
        <v>0</v>
      </c>
      <c r="G3138" s="166">
        <v>0</v>
      </c>
      <c r="H3138" s="166">
        <v>0</v>
      </c>
      <c r="I3138" s="166">
        <v>0</v>
      </c>
      <c r="J3138" s="166">
        <v>0</v>
      </c>
      <c r="K3138" s="166">
        <v>0</v>
      </c>
      <c r="L3138" s="166">
        <v>0</v>
      </c>
      <c r="M3138" s="166">
        <v>0</v>
      </c>
      <c r="N3138" s="166">
        <v>0</v>
      </c>
      <c r="O3138" s="166">
        <v>0</v>
      </c>
      <c r="P3138" s="166">
        <v>0</v>
      </c>
      <c r="Q3138" s="166">
        <v>0</v>
      </c>
      <c r="R3138" s="166">
        <v>0</v>
      </c>
      <c r="S3138" s="166">
        <v>0</v>
      </c>
      <c r="T3138" s="166">
        <v>0</v>
      </c>
      <c r="U3138" s="166">
        <v>0</v>
      </c>
      <c r="V3138" s="166">
        <v>0</v>
      </c>
      <c r="W3138" s="166">
        <v>0</v>
      </c>
      <c r="X3138" s="166">
        <v>0</v>
      </c>
      <c r="Y3138" s="166">
        <v>0</v>
      </c>
      <c r="Z3138" s="166">
        <v>0</v>
      </c>
      <c r="AA3138" s="166">
        <v>0</v>
      </c>
      <c r="AB3138" s="166">
        <v>0</v>
      </c>
      <c r="AC3138" s="166">
        <v>0</v>
      </c>
      <c r="AD3138" s="166">
        <v>0</v>
      </c>
      <c r="AE3138" s="166">
        <v>0</v>
      </c>
      <c r="AF3138" s="166">
        <v>0</v>
      </c>
      <c r="AG3138" s="166">
        <v>0</v>
      </c>
      <c r="AH3138" s="166">
        <v>0</v>
      </c>
      <c r="AI3138" s="166">
        <v>0</v>
      </c>
      <c r="AJ3138" s="166">
        <v>0</v>
      </c>
      <c r="AK3138" s="166">
        <v>0</v>
      </c>
      <c r="AL3138" s="166">
        <v>0</v>
      </c>
      <c r="AM3138" s="166">
        <v>0</v>
      </c>
      <c r="AN3138" s="166">
        <v>0</v>
      </c>
      <c r="AO3138" s="166">
        <v>0</v>
      </c>
      <c r="AP3138" s="166">
        <v>0</v>
      </c>
      <c r="AQ3138" s="166">
        <v>0</v>
      </c>
      <c r="AR3138" s="166">
        <v>0</v>
      </c>
      <c r="AS3138" s="166">
        <v>0</v>
      </c>
      <c r="AT3138" s="166">
        <v>0</v>
      </c>
      <c r="AU3138" s="166">
        <v>0</v>
      </c>
      <c r="AV3138" s="166">
        <v>0</v>
      </c>
      <c r="AW3138" s="166">
        <v>0</v>
      </c>
      <c r="AX3138" s="166">
        <v>0</v>
      </c>
      <c r="AY3138" s="166">
        <v>0</v>
      </c>
      <c r="AZ3138" s="166">
        <v>0</v>
      </c>
      <c r="BA3138" s="166">
        <v>0</v>
      </c>
      <c r="BB3138" s="166">
        <v>0</v>
      </c>
      <c r="BC3138" s="166">
        <v>0</v>
      </c>
      <c r="BD3138" s="166">
        <v>0</v>
      </c>
      <c r="BE3138" s="166">
        <v>0</v>
      </c>
      <c r="BF3138" s="166">
        <v>0</v>
      </c>
      <c r="BG3138" s="166">
        <v>0</v>
      </c>
      <c r="BH3138" s="166">
        <v>0</v>
      </c>
      <c r="BI3138" s="166">
        <v>0</v>
      </c>
      <c r="BJ3138" s="166">
        <v>0</v>
      </c>
      <c r="BK3138" s="166">
        <v>0</v>
      </c>
      <c r="BL3138" s="166">
        <v>0</v>
      </c>
      <c r="BM3138" s="166">
        <v>0</v>
      </c>
      <c r="BN3138" s="166">
        <v>0</v>
      </c>
      <c r="BO3138" s="166">
        <v>0</v>
      </c>
      <c r="BP3138" s="166">
        <v>0</v>
      </c>
      <c r="BQ3138" s="166">
        <v>0</v>
      </c>
      <c r="BR3138" s="166">
        <v>25877667.489999902</v>
      </c>
      <c r="BS3138" s="166">
        <v>25877667.489999902</v>
      </c>
      <c r="BT3138" s="168">
        <v>0</v>
      </c>
      <c r="BU3138" s="166">
        <v>0</v>
      </c>
      <c r="BV3138" s="166">
        <v>0</v>
      </c>
      <c r="BW3138" s="166">
        <v>0</v>
      </c>
      <c r="BX3138" s="166">
        <v>0</v>
      </c>
      <c r="BY3138" s="166">
        <v>0</v>
      </c>
      <c r="BZ3138" s="166">
        <v>0</v>
      </c>
      <c r="CA3138" s="166">
        <v>0</v>
      </c>
      <c r="CB3138" s="166">
        <v>0</v>
      </c>
      <c r="CC3138" s="166">
        <v>0</v>
      </c>
      <c r="CD3138" s="166">
        <v>0</v>
      </c>
      <c r="CE3138" s="166">
        <v>0</v>
      </c>
      <c r="CF3138" s="166">
        <v>0</v>
      </c>
      <c r="CG3138" s="166">
        <v>0</v>
      </c>
      <c r="CH3138" s="166">
        <v>0</v>
      </c>
      <c r="CI3138" s="166">
        <v>0</v>
      </c>
      <c r="CJ3138" s="166">
        <v>0</v>
      </c>
      <c r="CK3138" s="166">
        <v>0</v>
      </c>
      <c r="CL3138" s="166">
        <v>0</v>
      </c>
      <c r="CM3138" s="166">
        <v>0</v>
      </c>
      <c r="CN3138" s="166">
        <v>0</v>
      </c>
      <c r="CO3138" s="166">
        <v>0</v>
      </c>
      <c r="CP3138" s="166">
        <v>0</v>
      </c>
      <c r="CQ3138" s="166">
        <v>0</v>
      </c>
      <c r="CR3138" s="166">
        <v>0</v>
      </c>
      <c r="CS3138" s="166">
        <v>0</v>
      </c>
      <c r="CT3138" s="166">
        <v>0</v>
      </c>
      <c r="CU3138" s="166">
        <v>0</v>
      </c>
      <c r="CV3138" s="166">
        <v>0</v>
      </c>
      <c r="CW3138" s="166">
        <v>0</v>
      </c>
      <c r="CX3138" s="166">
        <v>0</v>
      </c>
      <c r="CY3138" s="166">
        <v>0</v>
      </c>
      <c r="CZ3138" s="166">
        <v>0</v>
      </c>
    </row>
    <row r="3139" spans="1:104" x14ac:dyDescent="0.2">
      <c r="A3139" s="167" t="s">
        <v>1184</v>
      </c>
    </row>
    <row r="3140" spans="1:104" x14ac:dyDescent="0.2">
      <c r="A3140" s="167" t="s">
        <v>1185</v>
      </c>
      <c r="B3140" s="166">
        <v>33310645.010000002</v>
      </c>
      <c r="C3140" s="166">
        <v>33310645.010000002</v>
      </c>
      <c r="D3140" s="166">
        <v>0</v>
      </c>
      <c r="E3140" s="166">
        <v>0</v>
      </c>
      <c r="F3140" s="166">
        <v>0</v>
      </c>
      <c r="G3140" s="166">
        <v>0</v>
      </c>
      <c r="H3140" s="166">
        <v>0</v>
      </c>
      <c r="I3140" s="166">
        <v>0</v>
      </c>
      <c r="J3140" s="166">
        <v>0</v>
      </c>
      <c r="K3140" s="166">
        <v>0</v>
      </c>
      <c r="L3140" s="166">
        <v>0</v>
      </c>
      <c r="M3140" s="166">
        <v>0</v>
      </c>
      <c r="N3140" s="166">
        <v>0</v>
      </c>
      <c r="O3140" s="166">
        <v>0</v>
      </c>
      <c r="P3140" s="166">
        <v>0</v>
      </c>
      <c r="Q3140" s="166">
        <v>0</v>
      </c>
      <c r="R3140" s="166">
        <v>0</v>
      </c>
      <c r="S3140" s="166">
        <v>0</v>
      </c>
      <c r="T3140" s="166">
        <v>0</v>
      </c>
      <c r="U3140" s="166">
        <v>0</v>
      </c>
      <c r="V3140" s="166">
        <v>0</v>
      </c>
      <c r="W3140" s="166">
        <v>0</v>
      </c>
      <c r="X3140" s="166">
        <v>0</v>
      </c>
      <c r="Y3140" s="166">
        <v>0</v>
      </c>
      <c r="Z3140" s="166">
        <v>0</v>
      </c>
      <c r="AA3140" s="166">
        <v>0</v>
      </c>
      <c r="AB3140" s="166">
        <v>0</v>
      </c>
      <c r="AC3140" s="166">
        <v>0</v>
      </c>
      <c r="AD3140" s="166">
        <v>0</v>
      </c>
      <c r="AE3140" s="166">
        <v>0</v>
      </c>
      <c r="AF3140" s="166">
        <v>0</v>
      </c>
      <c r="AG3140" s="166">
        <v>0</v>
      </c>
      <c r="AH3140" s="166">
        <v>0</v>
      </c>
      <c r="AI3140" s="166">
        <v>0</v>
      </c>
      <c r="AJ3140" s="166">
        <v>0</v>
      </c>
      <c r="AK3140" s="166">
        <v>0</v>
      </c>
      <c r="AL3140" s="166">
        <v>0</v>
      </c>
      <c r="AM3140" s="166">
        <v>0</v>
      </c>
      <c r="AN3140" s="166">
        <v>0</v>
      </c>
      <c r="AO3140" s="166">
        <v>0</v>
      </c>
      <c r="AP3140" s="166">
        <v>0</v>
      </c>
      <c r="AQ3140" s="166">
        <v>0</v>
      </c>
      <c r="AR3140" s="166">
        <v>0</v>
      </c>
      <c r="AS3140" s="166">
        <v>0</v>
      </c>
      <c r="AT3140" s="166">
        <v>0</v>
      </c>
      <c r="AU3140" s="166">
        <v>0</v>
      </c>
      <c r="AV3140" s="166">
        <v>0</v>
      </c>
      <c r="AW3140" s="166">
        <v>0</v>
      </c>
      <c r="AX3140" s="166">
        <v>0</v>
      </c>
      <c r="AY3140" s="166">
        <v>0</v>
      </c>
      <c r="AZ3140" s="166">
        <v>0</v>
      </c>
      <c r="BA3140" s="166">
        <v>0</v>
      </c>
      <c r="BB3140" s="166">
        <v>0</v>
      </c>
      <c r="BC3140" s="166">
        <v>0</v>
      </c>
      <c r="BD3140" s="166">
        <v>0</v>
      </c>
      <c r="BE3140" s="166">
        <v>0</v>
      </c>
      <c r="BF3140" s="166">
        <v>0</v>
      </c>
      <c r="BG3140" s="166">
        <v>0</v>
      </c>
      <c r="BH3140" s="166">
        <v>0</v>
      </c>
      <c r="BI3140" s="166">
        <v>0</v>
      </c>
      <c r="BJ3140" s="166">
        <v>0</v>
      </c>
      <c r="BK3140" s="166">
        <v>0</v>
      </c>
      <c r="BL3140" s="166">
        <v>0</v>
      </c>
      <c r="BM3140" s="166">
        <v>0</v>
      </c>
      <c r="BN3140" s="166">
        <v>0</v>
      </c>
      <c r="BO3140" s="166">
        <v>0</v>
      </c>
      <c r="BP3140" s="166">
        <v>0</v>
      </c>
      <c r="BQ3140" s="166">
        <v>0</v>
      </c>
      <c r="BR3140" s="166">
        <v>33310645.010000002</v>
      </c>
      <c r="BS3140" s="166">
        <v>33310645.010000002</v>
      </c>
      <c r="BT3140" s="168">
        <v>0</v>
      </c>
      <c r="BU3140" s="166">
        <v>0</v>
      </c>
      <c r="BV3140" s="166">
        <v>0</v>
      </c>
      <c r="BW3140" s="166">
        <v>0</v>
      </c>
      <c r="BX3140" s="166">
        <v>0</v>
      </c>
      <c r="BY3140" s="166">
        <v>0</v>
      </c>
      <c r="BZ3140" s="166">
        <v>0</v>
      </c>
      <c r="CA3140" s="166">
        <v>0</v>
      </c>
      <c r="CB3140" s="166">
        <v>0</v>
      </c>
      <c r="CC3140" s="166">
        <v>0</v>
      </c>
      <c r="CD3140" s="166">
        <v>0</v>
      </c>
      <c r="CE3140" s="166">
        <v>0</v>
      </c>
      <c r="CF3140" s="166">
        <v>0</v>
      </c>
      <c r="CG3140" s="166">
        <v>0</v>
      </c>
      <c r="CH3140" s="166">
        <v>0</v>
      </c>
      <c r="CI3140" s="166">
        <v>0</v>
      </c>
      <c r="CJ3140" s="166">
        <v>0</v>
      </c>
      <c r="CK3140" s="166">
        <v>0</v>
      </c>
      <c r="CL3140" s="166">
        <v>0</v>
      </c>
      <c r="CM3140" s="166">
        <v>0</v>
      </c>
      <c r="CN3140" s="166">
        <v>0</v>
      </c>
      <c r="CO3140" s="166">
        <v>0</v>
      </c>
      <c r="CP3140" s="166">
        <v>0</v>
      </c>
      <c r="CQ3140" s="166">
        <v>0</v>
      </c>
      <c r="CR3140" s="166">
        <v>0</v>
      </c>
      <c r="CS3140" s="166">
        <v>0</v>
      </c>
      <c r="CT3140" s="166">
        <v>0</v>
      </c>
      <c r="CU3140" s="166">
        <v>0</v>
      </c>
      <c r="CV3140" s="166">
        <v>0</v>
      </c>
      <c r="CW3140" s="166">
        <v>0</v>
      </c>
      <c r="CX3140" s="166">
        <v>0</v>
      </c>
      <c r="CY3140" s="166">
        <v>0</v>
      </c>
      <c r="CZ3140" s="166">
        <v>0</v>
      </c>
    </row>
    <row r="3141" spans="1:104" x14ac:dyDescent="0.2">
      <c r="A3141" s="167" t="s">
        <v>426</v>
      </c>
      <c r="B3141" s="166">
        <v>0</v>
      </c>
      <c r="C3141" s="166">
        <v>0</v>
      </c>
      <c r="D3141" s="166">
        <v>0</v>
      </c>
      <c r="E3141" s="166">
        <v>0</v>
      </c>
      <c r="F3141" s="166">
        <v>0</v>
      </c>
      <c r="G3141" s="166">
        <v>0</v>
      </c>
      <c r="H3141" s="166">
        <v>0</v>
      </c>
      <c r="I3141" s="166">
        <v>0</v>
      </c>
      <c r="J3141" s="166">
        <v>0</v>
      </c>
      <c r="K3141" s="166">
        <v>0</v>
      </c>
      <c r="L3141" s="166">
        <v>0</v>
      </c>
      <c r="M3141" s="166">
        <v>0</v>
      </c>
      <c r="N3141" s="166">
        <v>0</v>
      </c>
      <c r="O3141" s="166">
        <v>0</v>
      </c>
      <c r="P3141" s="166">
        <v>0</v>
      </c>
      <c r="Q3141" s="166">
        <v>0</v>
      </c>
      <c r="R3141" s="166">
        <v>0</v>
      </c>
      <c r="S3141" s="166">
        <v>0</v>
      </c>
      <c r="T3141" s="166">
        <v>0</v>
      </c>
      <c r="U3141" s="166">
        <v>0</v>
      </c>
      <c r="V3141" s="166">
        <v>0</v>
      </c>
      <c r="W3141" s="166">
        <v>0</v>
      </c>
      <c r="X3141" s="166">
        <v>0</v>
      </c>
      <c r="Y3141" s="166">
        <v>0</v>
      </c>
      <c r="Z3141" s="166">
        <v>0</v>
      </c>
      <c r="AA3141" s="166">
        <v>0</v>
      </c>
      <c r="AB3141" s="166">
        <v>0</v>
      </c>
      <c r="AC3141" s="166">
        <v>0</v>
      </c>
      <c r="AD3141" s="166">
        <v>0</v>
      </c>
      <c r="AE3141" s="166">
        <v>0</v>
      </c>
      <c r="AF3141" s="166">
        <v>0</v>
      </c>
      <c r="AG3141" s="166">
        <v>0</v>
      </c>
      <c r="AH3141" s="166">
        <v>0</v>
      </c>
      <c r="AI3141" s="166">
        <v>0</v>
      </c>
      <c r="AJ3141" s="166">
        <v>0</v>
      </c>
      <c r="AK3141" s="166">
        <v>0</v>
      </c>
      <c r="AL3141" s="166">
        <v>0</v>
      </c>
      <c r="AM3141" s="166">
        <v>0</v>
      </c>
      <c r="AN3141" s="166">
        <v>0</v>
      </c>
      <c r="AO3141" s="166">
        <v>0</v>
      </c>
      <c r="AP3141" s="166">
        <v>0</v>
      </c>
      <c r="AQ3141" s="166">
        <v>0</v>
      </c>
      <c r="AR3141" s="166">
        <v>0</v>
      </c>
      <c r="AS3141" s="166">
        <v>0</v>
      </c>
      <c r="AT3141" s="166">
        <v>0</v>
      </c>
      <c r="AU3141" s="166">
        <v>0</v>
      </c>
      <c r="AV3141" s="166">
        <v>0</v>
      </c>
      <c r="AW3141" s="166">
        <v>0</v>
      </c>
      <c r="AX3141" s="166">
        <v>0</v>
      </c>
      <c r="AY3141" s="166">
        <v>0</v>
      </c>
      <c r="AZ3141" s="166">
        <v>0</v>
      </c>
      <c r="BA3141" s="166">
        <v>0</v>
      </c>
      <c r="BB3141" s="166">
        <v>0</v>
      </c>
      <c r="BC3141" s="166">
        <v>0</v>
      </c>
      <c r="BD3141" s="166">
        <v>0</v>
      </c>
      <c r="BE3141" s="166">
        <v>0</v>
      </c>
      <c r="BF3141" s="166">
        <v>0</v>
      </c>
      <c r="BG3141" s="166">
        <v>0</v>
      </c>
      <c r="BH3141" s="166">
        <v>0</v>
      </c>
      <c r="BI3141" s="166">
        <v>0</v>
      </c>
      <c r="BJ3141" s="166">
        <v>0</v>
      </c>
      <c r="BK3141" s="166">
        <v>0</v>
      </c>
      <c r="BL3141" s="166">
        <v>0</v>
      </c>
      <c r="BM3141" s="166">
        <v>0</v>
      </c>
      <c r="BN3141" s="166">
        <v>0</v>
      </c>
      <c r="BO3141" s="166">
        <v>0</v>
      </c>
      <c r="BP3141" s="166">
        <v>0</v>
      </c>
      <c r="BQ3141" s="166">
        <v>0</v>
      </c>
      <c r="BR3141" s="166">
        <v>0</v>
      </c>
      <c r="BS3141" s="166">
        <v>0</v>
      </c>
      <c r="BT3141" s="168">
        <v>0</v>
      </c>
      <c r="BU3141" s="166">
        <v>0</v>
      </c>
      <c r="BV3141" s="166">
        <v>0</v>
      </c>
      <c r="BW3141" s="166">
        <v>0</v>
      </c>
      <c r="BX3141" s="166">
        <v>0</v>
      </c>
      <c r="BY3141" s="166">
        <v>0</v>
      </c>
      <c r="BZ3141" s="166">
        <v>0</v>
      </c>
      <c r="CA3141" s="166">
        <v>0</v>
      </c>
      <c r="CB3141" s="166">
        <v>0</v>
      </c>
      <c r="CC3141" s="166">
        <v>0</v>
      </c>
      <c r="CD3141" s="166">
        <v>0</v>
      </c>
      <c r="CE3141" s="166">
        <v>0</v>
      </c>
      <c r="CF3141" s="166">
        <v>0</v>
      </c>
      <c r="CG3141" s="166">
        <v>0</v>
      </c>
      <c r="CH3141" s="166">
        <v>0</v>
      </c>
      <c r="CI3141" s="166">
        <v>0</v>
      </c>
      <c r="CJ3141" s="166">
        <v>0</v>
      </c>
      <c r="CK3141" s="166">
        <v>0</v>
      </c>
      <c r="CL3141" s="166">
        <v>0</v>
      </c>
      <c r="CM3141" s="166">
        <v>0</v>
      </c>
      <c r="CN3141" s="166">
        <v>0</v>
      </c>
      <c r="CO3141" s="166">
        <v>0</v>
      </c>
      <c r="CP3141" s="166">
        <v>0</v>
      </c>
      <c r="CQ3141" s="166">
        <v>0</v>
      </c>
      <c r="CR3141" s="166">
        <v>0</v>
      </c>
      <c r="CS3141" s="166">
        <v>0</v>
      </c>
      <c r="CT3141" s="166">
        <v>0</v>
      </c>
      <c r="CU3141" s="166">
        <v>0</v>
      </c>
      <c r="CV3141" s="166">
        <v>0</v>
      </c>
      <c r="CW3141" s="166">
        <v>0</v>
      </c>
      <c r="CX3141" s="166">
        <v>0</v>
      </c>
      <c r="CY3141" s="166">
        <v>0</v>
      </c>
      <c r="CZ3141" s="166">
        <v>0</v>
      </c>
    </row>
    <row r="3142" spans="1:104" x14ac:dyDescent="0.2">
      <c r="A3142" s="167" t="s">
        <v>427</v>
      </c>
      <c r="B3142" s="166">
        <v>0</v>
      </c>
      <c r="C3142" s="166">
        <v>0</v>
      </c>
      <c r="D3142" s="166">
        <v>0</v>
      </c>
      <c r="E3142" s="166">
        <v>0</v>
      </c>
      <c r="F3142" s="166">
        <v>0</v>
      </c>
      <c r="G3142" s="166">
        <v>0</v>
      </c>
      <c r="H3142" s="166">
        <v>0</v>
      </c>
      <c r="I3142" s="166">
        <v>0</v>
      </c>
      <c r="J3142" s="166">
        <v>0</v>
      </c>
      <c r="K3142" s="166">
        <v>0</v>
      </c>
      <c r="L3142" s="166">
        <v>0</v>
      </c>
      <c r="M3142" s="166">
        <v>0</v>
      </c>
      <c r="N3142" s="166">
        <v>0</v>
      </c>
      <c r="O3142" s="166">
        <v>0</v>
      </c>
      <c r="P3142" s="166">
        <v>0</v>
      </c>
      <c r="Q3142" s="166">
        <v>0</v>
      </c>
      <c r="R3142" s="166">
        <v>0</v>
      </c>
      <c r="S3142" s="166">
        <v>0</v>
      </c>
      <c r="T3142" s="166">
        <v>0</v>
      </c>
      <c r="U3142" s="166">
        <v>0</v>
      </c>
      <c r="V3142" s="166">
        <v>0</v>
      </c>
      <c r="W3142" s="166">
        <v>0</v>
      </c>
      <c r="X3142" s="166">
        <v>0</v>
      </c>
      <c r="Y3142" s="166">
        <v>0</v>
      </c>
      <c r="Z3142" s="166">
        <v>0</v>
      </c>
      <c r="AA3142" s="166">
        <v>0</v>
      </c>
      <c r="AB3142" s="166">
        <v>0</v>
      </c>
      <c r="AC3142" s="166">
        <v>0</v>
      </c>
      <c r="AD3142" s="166">
        <v>0</v>
      </c>
      <c r="AE3142" s="166">
        <v>0</v>
      </c>
      <c r="AF3142" s="166">
        <v>0</v>
      </c>
      <c r="AG3142" s="166">
        <v>0</v>
      </c>
      <c r="AH3142" s="166">
        <v>0</v>
      </c>
      <c r="AI3142" s="166">
        <v>0</v>
      </c>
      <c r="AJ3142" s="166">
        <v>0</v>
      </c>
      <c r="AK3142" s="166">
        <v>0</v>
      </c>
      <c r="AL3142" s="166">
        <v>0</v>
      </c>
      <c r="AM3142" s="166">
        <v>0</v>
      </c>
      <c r="AN3142" s="166">
        <v>0</v>
      </c>
      <c r="AO3142" s="166">
        <v>0</v>
      </c>
      <c r="AP3142" s="166">
        <v>0</v>
      </c>
      <c r="AQ3142" s="166">
        <v>0</v>
      </c>
      <c r="AR3142" s="166">
        <v>0</v>
      </c>
      <c r="AS3142" s="166">
        <v>0</v>
      </c>
      <c r="AT3142" s="166">
        <v>0</v>
      </c>
      <c r="AU3142" s="166">
        <v>0</v>
      </c>
      <c r="AV3142" s="166">
        <v>0</v>
      </c>
      <c r="AW3142" s="166">
        <v>0</v>
      </c>
      <c r="AX3142" s="166">
        <v>0</v>
      </c>
      <c r="AY3142" s="166">
        <v>0</v>
      </c>
      <c r="AZ3142" s="166">
        <v>0</v>
      </c>
      <c r="BA3142" s="166">
        <v>0</v>
      </c>
      <c r="BB3142" s="166">
        <v>0</v>
      </c>
      <c r="BC3142" s="166">
        <v>0</v>
      </c>
      <c r="BD3142" s="166">
        <v>0</v>
      </c>
      <c r="BE3142" s="166">
        <v>0</v>
      </c>
      <c r="BF3142" s="166">
        <v>0</v>
      </c>
      <c r="BG3142" s="166">
        <v>0</v>
      </c>
      <c r="BH3142" s="166">
        <v>0</v>
      </c>
      <c r="BI3142" s="166">
        <v>0</v>
      </c>
      <c r="BJ3142" s="166">
        <v>0</v>
      </c>
      <c r="BK3142" s="166">
        <v>0</v>
      </c>
      <c r="BL3142" s="166">
        <v>0</v>
      </c>
      <c r="BM3142" s="166">
        <v>0</v>
      </c>
      <c r="BN3142" s="166">
        <v>0</v>
      </c>
      <c r="BO3142" s="166">
        <v>0</v>
      </c>
      <c r="BP3142" s="166">
        <v>0</v>
      </c>
      <c r="BQ3142" s="166">
        <v>0</v>
      </c>
      <c r="BR3142" s="166">
        <v>0</v>
      </c>
      <c r="BS3142" s="166">
        <v>0</v>
      </c>
      <c r="BT3142" s="168">
        <v>0</v>
      </c>
      <c r="BU3142" s="166">
        <v>0</v>
      </c>
      <c r="BV3142" s="166">
        <v>0</v>
      </c>
      <c r="BW3142" s="166">
        <v>0</v>
      </c>
      <c r="BX3142" s="166">
        <v>0</v>
      </c>
      <c r="BY3142" s="166">
        <v>0</v>
      </c>
      <c r="BZ3142" s="166">
        <v>0</v>
      </c>
      <c r="CA3142" s="166">
        <v>0</v>
      </c>
      <c r="CB3142" s="166">
        <v>0</v>
      </c>
      <c r="CC3142" s="166">
        <v>0</v>
      </c>
      <c r="CD3142" s="166">
        <v>0</v>
      </c>
      <c r="CE3142" s="166">
        <v>0</v>
      </c>
      <c r="CF3142" s="166">
        <v>0</v>
      </c>
      <c r="CG3142" s="166">
        <v>0</v>
      </c>
      <c r="CH3142" s="166">
        <v>0</v>
      </c>
      <c r="CI3142" s="166">
        <v>0</v>
      </c>
      <c r="CJ3142" s="166">
        <v>0</v>
      </c>
      <c r="CK3142" s="166">
        <v>0</v>
      </c>
      <c r="CL3142" s="166">
        <v>0</v>
      </c>
      <c r="CM3142" s="166">
        <v>0</v>
      </c>
      <c r="CN3142" s="166">
        <v>0</v>
      </c>
      <c r="CO3142" s="166">
        <v>0</v>
      </c>
      <c r="CP3142" s="166">
        <v>0</v>
      </c>
      <c r="CQ3142" s="166">
        <v>0</v>
      </c>
      <c r="CR3142" s="166">
        <v>0</v>
      </c>
      <c r="CS3142" s="166">
        <v>0</v>
      </c>
      <c r="CT3142" s="166">
        <v>0</v>
      </c>
      <c r="CU3142" s="166">
        <v>0</v>
      </c>
      <c r="CV3142" s="166">
        <v>0</v>
      </c>
      <c r="CW3142" s="166">
        <v>0</v>
      </c>
      <c r="CX3142" s="166">
        <v>0</v>
      </c>
      <c r="CY3142" s="166">
        <v>0</v>
      </c>
      <c r="CZ3142" s="166">
        <v>0</v>
      </c>
    </row>
    <row r="3143" spans="1:104" x14ac:dyDescent="0.2">
      <c r="A3143" s="167" t="s">
        <v>1186</v>
      </c>
      <c r="B3143" s="166">
        <v>33310645.010000002</v>
      </c>
      <c r="C3143" s="166">
        <v>33310645.010000002</v>
      </c>
      <c r="D3143" s="166">
        <v>0</v>
      </c>
      <c r="E3143" s="166">
        <v>0</v>
      </c>
      <c r="F3143" s="166">
        <v>0</v>
      </c>
      <c r="G3143" s="166">
        <v>0</v>
      </c>
      <c r="H3143" s="166">
        <v>0</v>
      </c>
      <c r="I3143" s="166">
        <v>0</v>
      </c>
      <c r="J3143" s="166">
        <v>0</v>
      </c>
      <c r="K3143" s="166">
        <v>0</v>
      </c>
      <c r="L3143" s="166">
        <v>0</v>
      </c>
      <c r="M3143" s="166">
        <v>0</v>
      </c>
      <c r="N3143" s="166">
        <v>0</v>
      </c>
      <c r="O3143" s="166">
        <v>0</v>
      </c>
      <c r="P3143" s="166">
        <v>0</v>
      </c>
      <c r="Q3143" s="166">
        <v>0</v>
      </c>
      <c r="R3143" s="166">
        <v>0</v>
      </c>
      <c r="S3143" s="166">
        <v>0</v>
      </c>
      <c r="T3143" s="166">
        <v>0</v>
      </c>
      <c r="U3143" s="166">
        <v>0</v>
      </c>
      <c r="V3143" s="166">
        <v>0</v>
      </c>
      <c r="W3143" s="166">
        <v>0</v>
      </c>
      <c r="X3143" s="166">
        <v>0</v>
      </c>
      <c r="Y3143" s="166">
        <v>0</v>
      </c>
      <c r="Z3143" s="166">
        <v>0</v>
      </c>
      <c r="AA3143" s="166">
        <v>0</v>
      </c>
      <c r="AB3143" s="166">
        <v>0</v>
      </c>
      <c r="AC3143" s="166">
        <v>0</v>
      </c>
      <c r="AD3143" s="166">
        <v>0</v>
      </c>
      <c r="AE3143" s="166">
        <v>0</v>
      </c>
      <c r="AF3143" s="166">
        <v>0</v>
      </c>
      <c r="AG3143" s="166">
        <v>0</v>
      </c>
      <c r="AH3143" s="166">
        <v>0</v>
      </c>
      <c r="AI3143" s="166">
        <v>0</v>
      </c>
      <c r="AJ3143" s="166">
        <v>0</v>
      </c>
      <c r="AK3143" s="166">
        <v>0</v>
      </c>
      <c r="AL3143" s="166">
        <v>0</v>
      </c>
      <c r="AM3143" s="166">
        <v>0</v>
      </c>
      <c r="AN3143" s="166">
        <v>0</v>
      </c>
      <c r="AO3143" s="166">
        <v>0</v>
      </c>
      <c r="AP3143" s="166">
        <v>0</v>
      </c>
      <c r="AQ3143" s="166">
        <v>0</v>
      </c>
      <c r="AR3143" s="166">
        <v>0</v>
      </c>
      <c r="AS3143" s="166">
        <v>0</v>
      </c>
      <c r="AT3143" s="166">
        <v>0</v>
      </c>
      <c r="AU3143" s="166">
        <v>0</v>
      </c>
      <c r="AV3143" s="166">
        <v>0</v>
      </c>
      <c r="AW3143" s="166">
        <v>0</v>
      </c>
      <c r="AX3143" s="166">
        <v>0</v>
      </c>
      <c r="AY3143" s="166">
        <v>0</v>
      </c>
      <c r="AZ3143" s="166">
        <v>0</v>
      </c>
      <c r="BA3143" s="166">
        <v>0</v>
      </c>
      <c r="BB3143" s="166">
        <v>0</v>
      </c>
      <c r="BC3143" s="166">
        <v>0</v>
      </c>
      <c r="BD3143" s="166">
        <v>0</v>
      </c>
      <c r="BE3143" s="166">
        <v>0</v>
      </c>
      <c r="BF3143" s="166">
        <v>0</v>
      </c>
      <c r="BG3143" s="166">
        <v>0</v>
      </c>
      <c r="BH3143" s="166">
        <v>0</v>
      </c>
      <c r="BI3143" s="166">
        <v>0</v>
      </c>
      <c r="BJ3143" s="166">
        <v>0</v>
      </c>
      <c r="BK3143" s="166">
        <v>0</v>
      </c>
      <c r="BL3143" s="166">
        <v>0</v>
      </c>
      <c r="BM3143" s="166">
        <v>0</v>
      </c>
      <c r="BN3143" s="166">
        <v>0</v>
      </c>
      <c r="BO3143" s="166">
        <v>0</v>
      </c>
      <c r="BP3143" s="166">
        <v>0</v>
      </c>
      <c r="BQ3143" s="166">
        <v>0</v>
      </c>
      <c r="BR3143" s="166">
        <v>33310645.010000002</v>
      </c>
      <c r="BS3143" s="166">
        <v>33310645.010000002</v>
      </c>
      <c r="BT3143" s="168">
        <v>0</v>
      </c>
      <c r="BU3143" s="166">
        <v>0</v>
      </c>
      <c r="BV3143" s="166">
        <v>0</v>
      </c>
      <c r="BW3143" s="166">
        <v>0</v>
      </c>
      <c r="BX3143" s="166">
        <v>0</v>
      </c>
      <c r="BY3143" s="166">
        <v>0</v>
      </c>
      <c r="BZ3143" s="166">
        <v>0</v>
      </c>
      <c r="CA3143" s="166">
        <v>0</v>
      </c>
      <c r="CB3143" s="166">
        <v>0</v>
      </c>
      <c r="CC3143" s="166">
        <v>0</v>
      </c>
      <c r="CD3143" s="166">
        <v>0</v>
      </c>
      <c r="CE3143" s="166">
        <v>0</v>
      </c>
      <c r="CF3143" s="166">
        <v>0</v>
      </c>
      <c r="CG3143" s="166">
        <v>0</v>
      </c>
      <c r="CH3143" s="166">
        <v>0</v>
      </c>
      <c r="CI3143" s="166">
        <v>0</v>
      </c>
      <c r="CJ3143" s="166">
        <v>0</v>
      </c>
      <c r="CK3143" s="166">
        <v>0</v>
      </c>
      <c r="CL3143" s="166">
        <v>0</v>
      </c>
      <c r="CM3143" s="166">
        <v>0</v>
      </c>
      <c r="CN3143" s="166">
        <v>0</v>
      </c>
      <c r="CO3143" s="166">
        <v>0</v>
      </c>
      <c r="CP3143" s="166">
        <v>0</v>
      </c>
      <c r="CQ3143" s="166">
        <v>0</v>
      </c>
      <c r="CR3143" s="166">
        <v>0</v>
      </c>
      <c r="CS3143" s="166">
        <v>0</v>
      </c>
      <c r="CT3143" s="166">
        <v>0</v>
      </c>
      <c r="CU3143" s="166">
        <v>0</v>
      </c>
      <c r="CV3143" s="166">
        <v>0</v>
      </c>
      <c r="CW3143" s="166">
        <v>0</v>
      </c>
      <c r="CX3143" s="166">
        <v>0</v>
      </c>
      <c r="CY3143" s="166">
        <v>0</v>
      </c>
      <c r="CZ3143" s="166">
        <v>0</v>
      </c>
    </row>
    <row r="3144" spans="1:104" x14ac:dyDescent="0.2">
      <c r="A3144" s="167" t="s">
        <v>1187</v>
      </c>
    </row>
    <row r="3145" spans="1:104" x14ac:dyDescent="0.2">
      <c r="A3145" s="167" t="s">
        <v>1188</v>
      </c>
      <c r="B3145" s="166">
        <v>0</v>
      </c>
      <c r="C3145" s="166">
        <v>0</v>
      </c>
      <c r="D3145" s="166">
        <v>0</v>
      </c>
      <c r="E3145" s="166">
        <v>0</v>
      </c>
      <c r="F3145" s="166">
        <v>0</v>
      </c>
      <c r="G3145" s="166">
        <v>0</v>
      </c>
      <c r="H3145" s="166">
        <v>0</v>
      </c>
      <c r="I3145" s="166">
        <v>0</v>
      </c>
      <c r="J3145" s="166">
        <v>0</v>
      </c>
      <c r="K3145" s="166">
        <v>0</v>
      </c>
      <c r="L3145" s="166">
        <v>0</v>
      </c>
      <c r="M3145" s="166">
        <v>0</v>
      </c>
      <c r="N3145" s="166">
        <v>0</v>
      </c>
      <c r="O3145" s="166">
        <v>0</v>
      </c>
      <c r="P3145" s="166">
        <v>0</v>
      </c>
      <c r="Q3145" s="166">
        <v>0</v>
      </c>
      <c r="R3145" s="166">
        <v>0</v>
      </c>
      <c r="S3145" s="166">
        <v>0</v>
      </c>
      <c r="T3145" s="166">
        <v>0</v>
      </c>
      <c r="U3145" s="166">
        <v>0</v>
      </c>
      <c r="V3145" s="166">
        <v>0</v>
      </c>
      <c r="W3145" s="166">
        <v>0</v>
      </c>
      <c r="X3145" s="166">
        <v>0</v>
      </c>
      <c r="Y3145" s="166">
        <v>0</v>
      </c>
      <c r="Z3145" s="166">
        <v>0</v>
      </c>
      <c r="AA3145" s="166">
        <v>0</v>
      </c>
      <c r="AB3145" s="166">
        <v>0</v>
      </c>
      <c r="AC3145" s="166">
        <v>0</v>
      </c>
      <c r="AD3145" s="166">
        <v>0</v>
      </c>
      <c r="AE3145" s="166">
        <v>0</v>
      </c>
      <c r="AF3145" s="166">
        <v>0</v>
      </c>
      <c r="AG3145" s="166">
        <v>0</v>
      </c>
      <c r="AH3145" s="166">
        <v>0</v>
      </c>
      <c r="AI3145" s="166">
        <v>0</v>
      </c>
      <c r="AJ3145" s="166">
        <v>0</v>
      </c>
      <c r="AK3145" s="166">
        <v>0</v>
      </c>
      <c r="AL3145" s="166">
        <v>0</v>
      </c>
      <c r="AM3145" s="166">
        <v>0</v>
      </c>
      <c r="AN3145" s="166">
        <v>0</v>
      </c>
      <c r="AO3145" s="166">
        <v>0</v>
      </c>
      <c r="AP3145" s="166">
        <v>0</v>
      </c>
      <c r="AQ3145" s="166">
        <v>0</v>
      </c>
      <c r="AR3145" s="166">
        <v>0</v>
      </c>
      <c r="AS3145" s="166">
        <v>0</v>
      </c>
      <c r="AT3145" s="166">
        <v>0</v>
      </c>
      <c r="AU3145" s="166">
        <v>0</v>
      </c>
      <c r="AV3145" s="166">
        <v>0</v>
      </c>
      <c r="AW3145" s="166">
        <v>0</v>
      </c>
      <c r="AX3145" s="166">
        <v>0</v>
      </c>
      <c r="AY3145" s="166">
        <v>0</v>
      </c>
      <c r="AZ3145" s="166">
        <v>0</v>
      </c>
      <c r="BA3145" s="166">
        <v>0</v>
      </c>
      <c r="BB3145" s="166">
        <v>0</v>
      </c>
      <c r="BC3145" s="166">
        <v>0</v>
      </c>
      <c r="BD3145" s="166">
        <v>0</v>
      </c>
      <c r="BE3145" s="166">
        <v>0</v>
      </c>
      <c r="BF3145" s="166">
        <v>0</v>
      </c>
      <c r="BG3145" s="166">
        <v>0</v>
      </c>
      <c r="BH3145" s="166">
        <v>0</v>
      </c>
      <c r="BI3145" s="166">
        <v>0</v>
      </c>
      <c r="BJ3145" s="166">
        <v>0</v>
      </c>
      <c r="BK3145" s="166">
        <v>0</v>
      </c>
      <c r="BL3145" s="166">
        <v>0</v>
      </c>
      <c r="BM3145" s="166">
        <v>0</v>
      </c>
      <c r="BN3145" s="166">
        <v>0</v>
      </c>
      <c r="BO3145" s="166">
        <v>0</v>
      </c>
      <c r="BP3145" s="166">
        <v>0</v>
      </c>
      <c r="BQ3145" s="166">
        <v>0</v>
      </c>
      <c r="BR3145" s="166">
        <v>0</v>
      </c>
      <c r="BS3145" s="166">
        <v>0</v>
      </c>
      <c r="BT3145" s="168">
        <v>0</v>
      </c>
      <c r="BU3145" s="166">
        <v>0</v>
      </c>
      <c r="BV3145" s="166">
        <v>0</v>
      </c>
      <c r="BW3145" s="166">
        <v>0</v>
      </c>
      <c r="BX3145" s="166">
        <v>0</v>
      </c>
      <c r="BY3145" s="166">
        <v>0</v>
      </c>
      <c r="BZ3145" s="166">
        <v>0</v>
      </c>
      <c r="CA3145" s="166">
        <v>0</v>
      </c>
      <c r="CB3145" s="166">
        <v>0</v>
      </c>
      <c r="CC3145" s="166">
        <v>0</v>
      </c>
      <c r="CD3145" s="166">
        <v>0</v>
      </c>
      <c r="CE3145" s="166">
        <v>0</v>
      </c>
      <c r="CF3145" s="166">
        <v>0</v>
      </c>
      <c r="CG3145" s="166">
        <v>0</v>
      </c>
      <c r="CH3145" s="166">
        <v>0</v>
      </c>
      <c r="CI3145" s="166">
        <v>0</v>
      </c>
      <c r="CJ3145" s="166">
        <v>0</v>
      </c>
      <c r="CK3145" s="166">
        <v>0</v>
      </c>
      <c r="CL3145" s="166">
        <v>0</v>
      </c>
      <c r="CM3145" s="166">
        <v>0</v>
      </c>
      <c r="CN3145" s="166">
        <v>0</v>
      </c>
      <c r="CO3145" s="166">
        <v>0</v>
      </c>
      <c r="CP3145" s="166">
        <v>0</v>
      </c>
      <c r="CQ3145" s="166">
        <v>0</v>
      </c>
      <c r="CR3145" s="166">
        <v>0</v>
      </c>
      <c r="CS3145" s="166">
        <v>0</v>
      </c>
      <c r="CT3145" s="166">
        <v>0</v>
      </c>
      <c r="CU3145" s="166">
        <v>0</v>
      </c>
      <c r="CV3145" s="166">
        <v>0</v>
      </c>
      <c r="CW3145" s="166">
        <v>0</v>
      </c>
      <c r="CX3145" s="166">
        <v>0</v>
      </c>
      <c r="CY3145" s="166">
        <v>0</v>
      </c>
      <c r="CZ3145" s="166">
        <v>0</v>
      </c>
    </row>
    <row r="3146" spans="1:104" x14ac:dyDescent="0.2">
      <c r="A3146" s="167" t="s">
        <v>431</v>
      </c>
      <c r="B3146" s="166">
        <v>0</v>
      </c>
      <c r="C3146" s="166">
        <v>0</v>
      </c>
      <c r="D3146" s="166">
        <v>0</v>
      </c>
      <c r="E3146" s="166">
        <v>0</v>
      </c>
      <c r="F3146" s="166">
        <v>0</v>
      </c>
      <c r="G3146" s="166">
        <v>0</v>
      </c>
      <c r="H3146" s="166">
        <v>0</v>
      </c>
      <c r="I3146" s="166">
        <v>0</v>
      </c>
      <c r="J3146" s="166">
        <v>0</v>
      </c>
      <c r="K3146" s="166">
        <v>0</v>
      </c>
      <c r="L3146" s="166">
        <v>0</v>
      </c>
      <c r="M3146" s="166">
        <v>0</v>
      </c>
      <c r="N3146" s="166">
        <v>0</v>
      </c>
      <c r="O3146" s="166">
        <v>0</v>
      </c>
      <c r="P3146" s="166">
        <v>0</v>
      </c>
      <c r="Q3146" s="166">
        <v>0</v>
      </c>
      <c r="R3146" s="166">
        <v>0</v>
      </c>
      <c r="S3146" s="166">
        <v>0</v>
      </c>
      <c r="T3146" s="166">
        <v>0</v>
      </c>
      <c r="U3146" s="166">
        <v>0</v>
      </c>
      <c r="V3146" s="166">
        <v>0</v>
      </c>
      <c r="W3146" s="166">
        <v>0</v>
      </c>
      <c r="X3146" s="166">
        <v>0</v>
      </c>
      <c r="Y3146" s="166">
        <v>0</v>
      </c>
      <c r="Z3146" s="166">
        <v>0</v>
      </c>
      <c r="AA3146" s="166">
        <v>0</v>
      </c>
      <c r="AB3146" s="166">
        <v>0</v>
      </c>
      <c r="AC3146" s="166">
        <v>0</v>
      </c>
      <c r="AD3146" s="166">
        <v>0</v>
      </c>
      <c r="AE3146" s="166">
        <v>0</v>
      </c>
      <c r="AF3146" s="166">
        <v>0</v>
      </c>
      <c r="AG3146" s="166">
        <v>0</v>
      </c>
      <c r="AH3146" s="166">
        <v>0</v>
      </c>
      <c r="AI3146" s="166">
        <v>0</v>
      </c>
      <c r="AJ3146" s="166">
        <v>0</v>
      </c>
      <c r="AK3146" s="166">
        <v>0</v>
      </c>
      <c r="AL3146" s="166">
        <v>0</v>
      </c>
      <c r="AM3146" s="166">
        <v>0</v>
      </c>
      <c r="AN3146" s="166">
        <v>0</v>
      </c>
      <c r="AO3146" s="166">
        <v>0</v>
      </c>
      <c r="AP3146" s="166">
        <v>0</v>
      </c>
      <c r="AQ3146" s="166">
        <v>0</v>
      </c>
      <c r="AR3146" s="166">
        <v>0</v>
      </c>
      <c r="AS3146" s="166">
        <v>0</v>
      </c>
      <c r="AT3146" s="166">
        <v>0</v>
      </c>
      <c r="AU3146" s="166">
        <v>0</v>
      </c>
      <c r="AV3146" s="166">
        <v>0</v>
      </c>
      <c r="AW3146" s="166">
        <v>0</v>
      </c>
      <c r="AX3146" s="166">
        <v>0</v>
      </c>
      <c r="AY3146" s="166">
        <v>0</v>
      </c>
      <c r="AZ3146" s="166">
        <v>0</v>
      </c>
      <c r="BA3146" s="166">
        <v>0</v>
      </c>
      <c r="BB3146" s="166">
        <v>0</v>
      </c>
      <c r="BC3146" s="166">
        <v>0</v>
      </c>
      <c r="BD3146" s="166">
        <v>0</v>
      </c>
      <c r="BE3146" s="166">
        <v>0</v>
      </c>
      <c r="BF3146" s="166">
        <v>0</v>
      </c>
      <c r="BG3146" s="166">
        <v>0</v>
      </c>
      <c r="BH3146" s="166">
        <v>0</v>
      </c>
      <c r="BI3146" s="166">
        <v>0</v>
      </c>
      <c r="BJ3146" s="166">
        <v>0</v>
      </c>
      <c r="BK3146" s="166">
        <v>0</v>
      </c>
      <c r="BL3146" s="166">
        <v>0</v>
      </c>
      <c r="BM3146" s="166">
        <v>0</v>
      </c>
      <c r="BN3146" s="166">
        <v>0</v>
      </c>
      <c r="BO3146" s="166">
        <v>0</v>
      </c>
      <c r="BP3146" s="166">
        <v>0</v>
      </c>
      <c r="BQ3146" s="166">
        <v>0</v>
      </c>
      <c r="BR3146" s="166">
        <v>0</v>
      </c>
      <c r="BS3146" s="166">
        <v>0</v>
      </c>
      <c r="BT3146" s="168">
        <v>0</v>
      </c>
      <c r="BU3146" s="166">
        <v>0</v>
      </c>
      <c r="BV3146" s="166">
        <v>0</v>
      </c>
      <c r="BW3146" s="166">
        <v>0</v>
      </c>
      <c r="BX3146" s="166">
        <v>0</v>
      </c>
      <c r="BY3146" s="166">
        <v>0</v>
      </c>
      <c r="BZ3146" s="166">
        <v>0</v>
      </c>
      <c r="CA3146" s="166">
        <v>0</v>
      </c>
      <c r="CB3146" s="166">
        <v>0</v>
      </c>
      <c r="CC3146" s="166">
        <v>0</v>
      </c>
      <c r="CD3146" s="166">
        <v>0</v>
      </c>
      <c r="CE3146" s="166">
        <v>0</v>
      </c>
      <c r="CF3146" s="166">
        <v>0</v>
      </c>
      <c r="CG3146" s="166">
        <v>0</v>
      </c>
      <c r="CH3146" s="166">
        <v>0</v>
      </c>
      <c r="CI3146" s="166">
        <v>0</v>
      </c>
      <c r="CJ3146" s="166">
        <v>0</v>
      </c>
      <c r="CK3146" s="166">
        <v>0</v>
      </c>
      <c r="CL3146" s="166">
        <v>0</v>
      </c>
      <c r="CM3146" s="166">
        <v>0</v>
      </c>
      <c r="CN3146" s="166">
        <v>0</v>
      </c>
      <c r="CO3146" s="166">
        <v>0</v>
      </c>
      <c r="CP3146" s="166">
        <v>0</v>
      </c>
      <c r="CQ3146" s="166">
        <v>0</v>
      </c>
      <c r="CR3146" s="166">
        <v>0</v>
      </c>
      <c r="CS3146" s="166">
        <v>0</v>
      </c>
      <c r="CT3146" s="166">
        <v>0</v>
      </c>
      <c r="CU3146" s="166">
        <v>0</v>
      </c>
      <c r="CV3146" s="166">
        <v>0</v>
      </c>
      <c r="CW3146" s="166">
        <v>0</v>
      </c>
      <c r="CX3146" s="166">
        <v>0</v>
      </c>
      <c r="CY3146" s="166">
        <v>0</v>
      </c>
      <c r="CZ3146" s="166">
        <v>0</v>
      </c>
    </row>
    <row r="3147" spans="1:104" x14ac:dyDescent="0.2">
      <c r="A3147" s="167" t="s">
        <v>432</v>
      </c>
      <c r="B3147" s="166">
        <v>0</v>
      </c>
      <c r="C3147" s="166">
        <v>0</v>
      </c>
      <c r="D3147" s="166">
        <v>0</v>
      </c>
      <c r="E3147" s="166">
        <v>0</v>
      </c>
      <c r="F3147" s="166">
        <v>0</v>
      </c>
      <c r="G3147" s="166">
        <v>0</v>
      </c>
      <c r="H3147" s="166">
        <v>0</v>
      </c>
      <c r="I3147" s="166">
        <v>0</v>
      </c>
      <c r="J3147" s="166">
        <v>0</v>
      </c>
      <c r="K3147" s="166">
        <v>0</v>
      </c>
      <c r="L3147" s="166">
        <v>0</v>
      </c>
      <c r="M3147" s="166">
        <v>0</v>
      </c>
      <c r="N3147" s="166">
        <v>0</v>
      </c>
      <c r="O3147" s="166">
        <v>0</v>
      </c>
      <c r="P3147" s="166">
        <v>0</v>
      </c>
      <c r="Q3147" s="166">
        <v>0</v>
      </c>
      <c r="R3147" s="166">
        <v>0</v>
      </c>
      <c r="S3147" s="166">
        <v>0</v>
      </c>
      <c r="T3147" s="166">
        <v>0</v>
      </c>
      <c r="U3147" s="166">
        <v>0</v>
      </c>
      <c r="V3147" s="166">
        <v>0</v>
      </c>
      <c r="W3147" s="166">
        <v>0</v>
      </c>
      <c r="X3147" s="166">
        <v>0</v>
      </c>
      <c r="Y3147" s="166">
        <v>0</v>
      </c>
      <c r="Z3147" s="166">
        <v>0</v>
      </c>
      <c r="AA3147" s="166">
        <v>0</v>
      </c>
      <c r="AB3147" s="166">
        <v>0</v>
      </c>
      <c r="AC3147" s="166">
        <v>0</v>
      </c>
      <c r="AD3147" s="166">
        <v>0</v>
      </c>
      <c r="AE3147" s="166">
        <v>0</v>
      </c>
      <c r="AF3147" s="166">
        <v>0</v>
      </c>
      <c r="AG3147" s="166">
        <v>0</v>
      </c>
      <c r="AH3147" s="166">
        <v>0</v>
      </c>
      <c r="AI3147" s="166">
        <v>0</v>
      </c>
      <c r="AJ3147" s="166">
        <v>0</v>
      </c>
      <c r="AK3147" s="166">
        <v>0</v>
      </c>
      <c r="AL3147" s="166">
        <v>0</v>
      </c>
      <c r="AM3147" s="166">
        <v>0</v>
      </c>
      <c r="AN3147" s="166">
        <v>0</v>
      </c>
      <c r="AO3147" s="166">
        <v>0</v>
      </c>
      <c r="AP3147" s="166">
        <v>0</v>
      </c>
      <c r="AQ3147" s="166">
        <v>0</v>
      </c>
      <c r="AR3147" s="166">
        <v>0</v>
      </c>
      <c r="AS3147" s="166">
        <v>0</v>
      </c>
      <c r="AT3147" s="166">
        <v>0</v>
      </c>
      <c r="AU3147" s="166">
        <v>0</v>
      </c>
      <c r="AV3147" s="166">
        <v>0</v>
      </c>
      <c r="AW3147" s="166">
        <v>0</v>
      </c>
      <c r="AX3147" s="166">
        <v>0</v>
      </c>
      <c r="AY3147" s="166">
        <v>0</v>
      </c>
      <c r="AZ3147" s="166">
        <v>0</v>
      </c>
      <c r="BA3147" s="166">
        <v>0</v>
      </c>
      <c r="BB3147" s="166">
        <v>0</v>
      </c>
      <c r="BC3147" s="166">
        <v>0</v>
      </c>
      <c r="BD3147" s="166">
        <v>0</v>
      </c>
      <c r="BE3147" s="166">
        <v>0</v>
      </c>
      <c r="BF3147" s="166">
        <v>0</v>
      </c>
      <c r="BG3147" s="166">
        <v>0</v>
      </c>
      <c r="BH3147" s="166">
        <v>0</v>
      </c>
      <c r="BI3147" s="166">
        <v>0</v>
      </c>
      <c r="BJ3147" s="166">
        <v>0</v>
      </c>
      <c r="BK3147" s="166">
        <v>0</v>
      </c>
      <c r="BL3147" s="166">
        <v>0</v>
      </c>
      <c r="BM3147" s="166">
        <v>0</v>
      </c>
      <c r="BN3147" s="166">
        <v>0</v>
      </c>
      <c r="BO3147" s="166">
        <v>0</v>
      </c>
      <c r="BP3147" s="166">
        <v>0</v>
      </c>
      <c r="BQ3147" s="166">
        <v>0</v>
      </c>
      <c r="BR3147" s="166">
        <v>0</v>
      </c>
      <c r="BS3147" s="166">
        <v>0</v>
      </c>
      <c r="BT3147" s="168">
        <v>0</v>
      </c>
      <c r="BU3147" s="166">
        <v>0</v>
      </c>
      <c r="BV3147" s="166">
        <v>0</v>
      </c>
      <c r="BW3147" s="166">
        <v>0</v>
      </c>
      <c r="BX3147" s="166">
        <v>0</v>
      </c>
      <c r="BY3147" s="166">
        <v>0</v>
      </c>
      <c r="BZ3147" s="166">
        <v>0</v>
      </c>
      <c r="CA3147" s="166">
        <v>0</v>
      </c>
      <c r="CB3147" s="166">
        <v>0</v>
      </c>
      <c r="CC3147" s="166">
        <v>0</v>
      </c>
      <c r="CD3147" s="166">
        <v>0</v>
      </c>
      <c r="CE3147" s="166">
        <v>0</v>
      </c>
      <c r="CF3147" s="166">
        <v>0</v>
      </c>
      <c r="CG3147" s="166">
        <v>0</v>
      </c>
      <c r="CH3147" s="166">
        <v>0</v>
      </c>
      <c r="CI3147" s="166">
        <v>0</v>
      </c>
      <c r="CJ3147" s="166">
        <v>0</v>
      </c>
      <c r="CK3147" s="166">
        <v>0</v>
      </c>
      <c r="CL3147" s="166">
        <v>0</v>
      </c>
      <c r="CM3147" s="166">
        <v>0</v>
      </c>
      <c r="CN3147" s="166">
        <v>0</v>
      </c>
      <c r="CO3147" s="166">
        <v>0</v>
      </c>
      <c r="CP3147" s="166">
        <v>0</v>
      </c>
      <c r="CQ3147" s="166">
        <v>0</v>
      </c>
      <c r="CR3147" s="166">
        <v>0</v>
      </c>
      <c r="CS3147" s="166">
        <v>0</v>
      </c>
      <c r="CT3147" s="166">
        <v>0</v>
      </c>
      <c r="CU3147" s="166">
        <v>0</v>
      </c>
      <c r="CV3147" s="166">
        <v>0</v>
      </c>
      <c r="CW3147" s="166">
        <v>0</v>
      </c>
      <c r="CX3147" s="166">
        <v>0</v>
      </c>
      <c r="CY3147" s="166">
        <v>0</v>
      </c>
      <c r="CZ3147" s="166">
        <v>0</v>
      </c>
    </row>
    <row r="3148" spans="1:104" x14ac:dyDescent="0.2">
      <c r="A3148" s="167" t="s">
        <v>433</v>
      </c>
      <c r="B3148" s="166">
        <v>0</v>
      </c>
      <c r="C3148" s="166">
        <v>0</v>
      </c>
      <c r="D3148" s="166">
        <v>0</v>
      </c>
      <c r="E3148" s="166">
        <v>0</v>
      </c>
      <c r="F3148" s="166">
        <v>0</v>
      </c>
      <c r="G3148" s="166">
        <v>0</v>
      </c>
      <c r="H3148" s="166">
        <v>0</v>
      </c>
      <c r="I3148" s="166">
        <v>0</v>
      </c>
      <c r="J3148" s="166">
        <v>0</v>
      </c>
      <c r="K3148" s="166">
        <v>0</v>
      </c>
      <c r="L3148" s="166">
        <v>0</v>
      </c>
      <c r="M3148" s="166">
        <v>0</v>
      </c>
      <c r="N3148" s="166">
        <v>0</v>
      </c>
      <c r="O3148" s="166">
        <v>0</v>
      </c>
      <c r="P3148" s="166">
        <v>0</v>
      </c>
      <c r="Q3148" s="166">
        <v>0</v>
      </c>
      <c r="R3148" s="166">
        <v>0</v>
      </c>
      <c r="S3148" s="166">
        <v>0</v>
      </c>
      <c r="T3148" s="166">
        <v>0</v>
      </c>
      <c r="U3148" s="166">
        <v>0</v>
      </c>
      <c r="V3148" s="166">
        <v>0</v>
      </c>
      <c r="W3148" s="166">
        <v>0</v>
      </c>
      <c r="X3148" s="166">
        <v>0</v>
      </c>
      <c r="Y3148" s="166">
        <v>0</v>
      </c>
      <c r="Z3148" s="166">
        <v>0</v>
      </c>
      <c r="AA3148" s="166">
        <v>0</v>
      </c>
      <c r="AB3148" s="166">
        <v>0</v>
      </c>
      <c r="AC3148" s="166">
        <v>0</v>
      </c>
      <c r="AD3148" s="166">
        <v>0</v>
      </c>
      <c r="AE3148" s="166">
        <v>0</v>
      </c>
      <c r="AF3148" s="166">
        <v>0</v>
      </c>
      <c r="AG3148" s="166">
        <v>0</v>
      </c>
      <c r="AH3148" s="166">
        <v>0</v>
      </c>
      <c r="AI3148" s="166">
        <v>0</v>
      </c>
      <c r="AJ3148" s="166">
        <v>0</v>
      </c>
      <c r="AK3148" s="166">
        <v>0</v>
      </c>
      <c r="AL3148" s="166">
        <v>0</v>
      </c>
      <c r="AM3148" s="166">
        <v>0</v>
      </c>
      <c r="AN3148" s="166">
        <v>0</v>
      </c>
      <c r="AO3148" s="166">
        <v>0</v>
      </c>
      <c r="AP3148" s="166">
        <v>0</v>
      </c>
      <c r="AQ3148" s="166">
        <v>0</v>
      </c>
      <c r="AR3148" s="166">
        <v>0</v>
      </c>
      <c r="AS3148" s="166">
        <v>0</v>
      </c>
      <c r="AT3148" s="166">
        <v>0</v>
      </c>
      <c r="AU3148" s="166">
        <v>0</v>
      </c>
      <c r="AV3148" s="166">
        <v>0</v>
      </c>
      <c r="AW3148" s="166">
        <v>0</v>
      </c>
      <c r="AX3148" s="166">
        <v>0</v>
      </c>
      <c r="AY3148" s="166">
        <v>0</v>
      </c>
      <c r="AZ3148" s="166">
        <v>0</v>
      </c>
      <c r="BA3148" s="166">
        <v>0</v>
      </c>
      <c r="BB3148" s="166">
        <v>0</v>
      </c>
      <c r="BC3148" s="166">
        <v>0</v>
      </c>
      <c r="BD3148" s="166">
        <v>0</v>
      </c>
      <c r="BE3148" s="166">
        <v>0</v>
      </c>
      <c r="BF3148" s="166">
        <v>0</v>
      </c>
      <c r="BG3148" s="166">
        <v>0</v>
      </c>
      <c r="BH3148" s="166">
        <v>0</v>
      </c>
      <c r="BI3148" s="166">
        <v>0</v>
      </c>
      <c r="BJ3148" s="166">
        <v>0</v>
      </c>
      <c r="BK3148" s="166">
        <v>0</v>
      </c>
      <c r="BL3148" s="166">
        <v>0</v>
      </c>
      <c r="BM3148" s="166">
        <v>0</v>
      </c>
      <c r="BN3148" s="166">
        <v>0</v>
      </c>
      <c r="BO3148" s="166">
        <v>0</v>
      </c>
      <c r="BP3148" s="166">
        <v>0</v>
      </c>
      <c r="BQ3148" s="166">
        <v>0</v>
      </c>
      <c r="BR3148" s="166">
        <v>0</v>
      </c>
      <c r="BS3148" s="166">
        <v>0</v>
      </c>
      <c r="BT3148" s="168">
        <v>0</v>
      </c>
      <c r="BU3148" s="166">
        <v>0</v>
      </c>
      <c r="BV3148" s="166">
        <v>0</v>
      </c>
      <c r="BW3148" s="166">
        <v>0</v>
      </c>
      <c r="BX3148" s="166">
        <v>0</v>
      </c>
      <c r="BY3148" s="166">
        <v>0</v>
      </c>
      <c r="BZ3148" s="166">
        <v>0</v>
      </c>
      <c r="CA3148" s="166">
        <v>0</v>
      </c>
      <c r="CB3148" s="166">
        <v>0</v>
      </c>
      <c r="CC3148" s="166">
        <v>0</v>
      </c>
      <c r="CD3148" s="166">
        <v>0</v>
      </c>
      <c r="CE3148" s="166">
        <v>0</v>
      </c>
      <c r="CF3148" s="166">
        <v>0</v>
      </c>
      <c r="CG3148" s="166">
        <v>0</v>
      </c>
      <c r="CH3148" s="166">
        <v>0</v>
      </c>
      <c r="CI3148" s="166">
        <v>0</v>
      </c>
      <c r="CJ3148" s="166">
        <v>0</v>
      </c>
      <c r="CK3148" s="166">
        <v>0</v>
      </c>
      <c r="CL3148" s="166">
        <v>0</v>
      </c>
      <c r="CM3148" s="166">
        <v>0</v>
      </c>
      <c r="CN3148" s="166">
        <v>0</v>
      </c>
      <c r="CO3148" s="166">
        <v>0</v>
      </c>
      <c r="CP3148" s="166">
        <v>0</v>
      </c>
      <c r="CQ3148" s="166">
        <v>0</v>
      </c>
      <c r="CR3148" s="166">
        <v>0</v>
      </c>
      <c r="CS3148" s="166">
        <v>0</v>
      </c>
      <c r="CT3148" s="166">
        <v>0</v>
      </c>
      <c r="CU3148" s="166">
        <v>0</v>
      </c>
      <c r="CV3148" s="166">
        <v>0</v>
      </c>
      <c r="CW3148" s="166">
        <v>0</v>
      </c>
      <c r="CX3148" s="166">
        <v>0</v>
      </c>
      <c r="CY3148" s="166">
        <v>0</v>
      </c>
      <c r="CZ3148" s="166">
        <v>0</v>
      </c>
    </row>
    <row r="3149" spans="1:104" x14ac:dyDescent="0.2">
      <c r="A3149" s="167" t="s">
        <v>434</v>
      </c>
    </row>
    <row r="3150" spans="1:104" x14ac:dyDescent="0.2">
      <c r="A3150" s="167" t="s">
        <v>1189</v>
      </c>
      <c r="B3150" s="166">
        <v>7412057</v>
      </c>
      <c r="C3150" s="166">
        <v>7412057</v>
      </c>
      <c r="D3150" s="166">
        <v>0</v>
      </c>
      <c r="E3150" s="166">
        <v>0</v>
      </c>
      <c r="F3150" s="166">
        <v>0</v>
      </c>
      <c r="G3150" s="166">
        <v>0</v>
      </c>
      <c r="H3150" s="166">
        <v>0</v>
      </c>
      <c r="I3150" s="166">
        <v>0</v>
      </c>
      <c r="J3150" s="166">
        <v>0</v>
      </c>
      <c r="K3150" s="166">
        <v>0</v>
      </c>
      <c r="L3150" s="166">
        <v>0</v>
      </c>
      <c r="M3150" s="166">
        <v>0</v>
      </c>
      <c r="N3150" s="166">
        <v>0</v>
      </c>
      <c r="O3150" s="166">
        <v>0</v>
      </c>
      <c r="P3150" s="166">
        <v>0</v>
      </c>
      <c r="Q3150" s="166">
        <v>0</v>
      </c>
      <c r="R3150" s="166">
        <v>0</v>
      </c>
      <c r="S3150" s="166">
        <v>0</v>
      </c>
      <c r="T3150" s="166">
        <v>0</v>
      </c>
      <c r="U3150" s="166">
        <v>0</v>
      </c>
      <c r="V3150" s="166">
        <v>0</v>
      </c>
      <c r="W3150" s="166">
        <v>0</v>
      </c>
      <c r="X3150" s="166">
        <v>0</v>
      </c>
      <c r="Y3150" s="166">
        <v>0</v>
      </c>
      <c r="Z3150" s="166">
        <v>0</v>
      </c>
      <c r="AA3150" s="166">
        <v>0</v>
      </c>
      <c r="AB3150" s="166">
        <v>0</v>
      </c>
      <c r="AC3150" s="166">
        <v>0</v>
      </c>
      <c r="AD3150" s="166">
        <v>0</v>
      </c>
      <c r="AE3150" s="166">
        <v>0</v>
      </c>
      <c r="AF3150" s="166">
        <v>0</v>
      </c>
      <c r="AG3150" s="166">
        <v>0</v>
      </c>
      <c r="AH3150" s="166">
        <v>0</v>
      </c>
      <c r="AI3150" s="166">
        <v>0</v>
      </c>
      <c r="AJ3150" s="166">
        <v>0</v>
      </c>
      <c r="AK3150" s="166">
        <v>0</v>
      </c>
      <c r="AL3150" s="166">
        <v>0</v>
      </c>
      <c r="AM3150" s="166">
        <v>0</v>
      </c>
      <c r="AN3150" s="166">
        <v>0</v>
      </c>
      <c r="AO3150" s="166">
        <v>0</v>
      </c>
      <c r="AP3150" s="166">
        <v>0</v>
      </c>
      <c r="AQ3150" s="166">
        <v>0</v>
      </c>
      <c r="AR3150" s="166">
        <v>0</v>
      </c>
      <c r="AS3150" s="166">
        <v>0</v>
      </c>
      <c r="AT3150" s="166">
        <v>0</v>
      </c>
      <c r="AU3150" s="166">
        <v>0</v>
      </c>
      <c r="AV3150" s="166">
        <v>0</v>
      </c>
      <c r="AW3150" s="166">
        <v>0</v>
      </c>
      <c r="AX3150" s="166">
        <v>0</v>
      </c>
      <c r="AY3150" s="166">
        <v>0</v>
      </c>
      <c r="AZ3150" s="166">
        <v>0</v>
      </c>
      <c r="BA3150" s="166">
        <v>0</v>
      </c>
      <c r="BB3150" s="166">
        <v>0</v>
      </c>
      <c r="BC3150" s="166">
        <v>0</v>
      </c>
      <c r="BD3150" s="166">
        <v>0</v>
      </c>
      <c r="BE3150" s="166">
        <v>0</v>
      </c>
      <c r="BF3150" s="166">
        <v>0</v>
      </c>
      <c r="BG3150" s="166">
        <v>0</v>
      </c>
      <c r="BH3150" s="166">
        <v>0</v>
      </c>
      <c r="BI3150" s="166">
        <v>0</v>
      </c>
      <c r="BJ3150" s="166">
        <v>0</v>
      </c>
      <c r="BK3150" s="166">
        <v>0</v>
      </c>
      <c r="BL3150" s="166">
        <v>0</v>
      </c>
      <c r="BM3150" s="166">
        <v>0</v>
      </c>
      <c r="BN3150" s="166">
        <v>0</v>
      </c>
      <c r="BO3150" s="166">
        <v>0</v>
      </c>
      <c r="BP3150" s="166">
        <v>0</v>
      </c>
      <c r="BQ3150" s="166">
        <v>0</v>
      </c>
      <c r="BR3150" s="166">
        <v>7412057</v>
      </c>
      <c r="BS3150" s="166">
        <v>7412057</v>
      </c>
      <c r="BT3150" s="168">
        <v>0</v>
      </c>
      <c r="BU3150" s="166">
        <v>0</v>
      </c>
      <c r="BV3150" s="166">
        <v>0</v>
      </c>
      <c r="BW3150" s="166">
        <v>0</v>
      </c>
      <c r="BX3150" s="166">
        <v>0</v>
      </c>
      <c r="BY3150" s="166">
        <v>0</v>
      </c>
      <c r="BZ3150" s="166">
        <v>0</v>
      </c>
      <c r="CA3150" s="166">
        <v>0</v>
      </c>
      <c r="CB3150" s="166">
        <v>0</v>
      </c>
      <c r="CC3150" s="166">
        <v>0</v>
      </c>
      <c r="CD3150" s="166">
        <v>0</v>
      </c>
      <c r="CE3150" s="166">
        <v>0</v>
      </c>
      <c r="CF3150" s="166">
        <v>0</v>
      </c>
      <c r="CG3150" s="166">
        <v>0</v>
      </c>
      <c r="CH3150" s="166">
        <v>0</v>
      </c>
      <c r="CI3150" s="166">
        <v>0</v>
      </c>
      <c r="CJ3150" s="166">
        <v>0</v>
      </c>
      <c r="CK3150" s="166">
        <v>0</v>
      </c>
      <c r="CL3150" s="166">
        <v>0</v>
      </c>
      <c r="CM3150" s="166">
        <v>0</v>
      </c>
      <c r="CN3150" s="166">
        <v>0</v>
      </c>
      <c r="CO3150" s="166">
        <v>0</v>
      </c>
      <c r="CP3150" s="166">
        <v>0</v>
      </c>
      <c r="CQ3150" s="166">
        <v>0</v>
      </c>
      <c r="CR3150" s="166">
        <v>0</v>
      </c>
      <c r="CS3150" s="166">
        <v>0</v>
      </c>
      <c r="CT3150" s="166">
        <v>0</v>
      </c>
      <c r="CU3150" s="166">
        <v>0</v>
      </c>
      <c r="CV3150" s="166">
        <v>0</v>
      </c>
      <c r="CW3150" s="166">
        <v>0</v>
      </c>
      <c r="CX3150" s="166">
        <v>0</v>
      </c>
      <c r="CY3150" s="166">
        <v>0</v>
      </c>
      <c r="CZ3150" s="166">
        <v>0</v>
      </c>
    </row>
    <row r="3151" spans="1:104" x14ac:dyDescent="0.2">
      <c r="A3151" s="167" t="s">
        <v>1190</v>
      </c>
    </row>
    <row r="3152" spans="1:104" x14ac:dyDescent="0.2">
      <c r="A3152" s="167" t="s">
        <v>1191</v>
      </c>
      <c r="B3152" s="166">
        <v>46778159.3166316</v>
      </c>
      <c r="C3152" s="166">
        <v>46778159.3166316</v>
      </c>
      <c r="D3152" s="166">
        <v>0</v>
      </c>
      <c r="E3152" s="166">
        <v>0</v>
      </c>
      <c r="F3152" s="166">
        <v>0</v>
      </c>
      <c r="G3152" s="166">
        <v>0</v>
      </c>
      <c r="H3152" s="166">
        <v>0</v>
      </c>
      <c r="I3152" s="166">
        <v>0</v>
      </c>
      <c r="J3152" s="166">
        <v>0</v>
      </c>
      <c r="K3152" s="166">
        <v>0</v>
      </c>
      <c r="L3152" s="166">
        <v>0</v>
      </c>
      <c r="M3152" s="166">
        <v>0</v>
      </c>
      <c r="N3152" s="166">
        <v>0</v>
      </c>
      <c r="O3152" s="166">
        <v>0</v>
      </c>
      <c r="P3152" s="166">
        <v>0</v>
      </c>
      <c r="Q3152" s="166">
        <v>0</v>
      </c>
      <c r="R3152" s="166">
        <v>0</v>
      </c>
      <c r="S3152" s="166">
        <v>0</v>
      </c>
      <c r="T3152" s="166">
        <v>0</v>
      </c>
      <c r="U3152" s="166">
        <v>0</v>
      </c>
      <c r="V3152" s="166">
        <v>0</v>
      </c>
      <c r="W3152" s="166">
        <v>0</v>
      </c>
      <c r="X3152" s="166">
        <v>0</v>
      </c>
      <c r="Y3152" s="166">
        <v>0</v>
      </c>
      <c r="Z3152" s="166">
        <v>0</v>
      </c>
      <c r="AA3152" s="166">
        <v>0</v>
      </c>
      <c r="AB3152" s="166">
        <v>0</v>
      </c>
      <c r="AC3152" s="166">
        <v>0</v>
      </c>
      <c r="AD3152" s="166">
        <v>0</v>
      </c>
      <c r="AE3152" s="166">
        <v>0</v>
      </c>
      <c r="AF3152" s="166">
        <v>0</v>
      </c>
      <c r="AG3152" s="166">
        <v>0</v>
      </c>
      <c r="AH3152" s="166">
        <v>0</v>
      </c>
      <c r="AI3152" s="166">
        <v>0</v>
      </c>
      <c r="AJ3152" s="166">
        <v>0</v>
      </c>
      <c r="AK3152" s="166">
        <v>0</v>
      </c>
      <c r="AL3152" s="166">
        <v>0</v>
      </c>
      <c r="AM3152" s="166">
        <v>0</v>
      </c>
      <c r="AN3152" s="166">
        <v>0</v>
      </c>
      <c r="AO3152" s="166">
        <v>0</v>
      </c>
      <c r="AP3152" s="166">
        <v>0</v>
      </c>
      <c r="AQ3152" s="166">
        <v>0</v>
      </c>
      <c r="AR3152" s="166">
        <v>0</v>
      </c>
      <c r="AS3152" s="166">
        <v>0</v>
      </c>
      <c r="AT3152" s="166">
        <v>0</v>
      </c>
      <c r="AU3152" s="166">
        <v>0</v>
      </c>
      <c r="AV3152" s="166">
        <v>0</v>
      </c>
      <c r="AW3152" s="166">
        <v>0</v>
      </c>
      <c r="AX3152" s="166">
        <v>0</v>
      </c>
      <c r="AY3152" s="166">
        <v>0</v>
      </c>
      <c r="AZ3152" s="166">
        <v>0</v>
      </c>
      <c r="BA3152" s="166">
        <v>0</v>
      </c>
      <c r="BB3152" s="166">
        <v>0</v>
      </c>
      <c r="BC3152" s="166">
        <v>0</v>
      </c>
      <c r="BD3152" s="166">
        <v>0</v>
      </c>
      <c r="BE3152" s="166">
        <v>0</v>
      </c>
      <c r="BF3152" s="166">
        <v>0</v>
      </c>
      <c r="BG3152" s="166">
        <v>0</v>
      </c>
      <c r="BH3152" s="166">
        <v>0</v>
      </c>
      <c r="BI3152" s="166">
        <v>0</v>
      </c>
      <c r="BJ3152" s="166">
        <v>0</v>
      </c>
      <c r="BK3152" s="166">
        <v>0</v>
      </c>
      <c r="BL3152" s="166">
        <v>0</v>
      </c>
      <c r="BM3152" s="166">
        <v>0</v>
      </c>
      <c r="BN3152" s="166">
        <v>0</v>
      </c>
      <c r="BO3152" s="166">
        <v>0</v>
      </c>
      <c r="BP3152" s="166">
        <v>0</v>
      </c>
      <c r="BQ3152" s="166">
        <v>0</v>
      </c>
      <c r="BR3152" s="166">
        <v>46778159.3166316</v>
      </c>
      <c r="BS3152" s="166">
        <v>46778159.3166316</v>
      </c>
      <c r="BT3152" s="168">
        <v>0</v>
      </c>
      <c r="BU3152" s="166">
        <v>0</v>
      </c>
      <c r="BV3152" s="166">
        <v>0</v>
      </c>
      <c r="BW3152" s="166">
        <v>0</v>
      </c>
      <c r="BX3152" s="166">
        <v>0</v>
      </c>
      <c r="BY3152" s="166">
        <v>0</v>
      </c>
      <c r="BZ3152" s="166">
        <v>0</v>
      </c>
      <c r="CA3152" s="166">
        <v>0</v>
      </c>
      <c r="CB3152" s="166">
        <v>0</v>
      </c>
      <c r="CC3152" s="166">
        <v>0</v>
      </c>
      <c r="CD3152" s="166">
        <v>0</v>
      </c>
      <c r="CE3152" s="166">
        <v>0</v>
      </c>
      <c r="CF3152" s="166">
        <v>0</v>
      </c>
      <c r="CG3152" s="166">
        <v>0</v>
      </c>
      <c r="CH3152" s="166">
        <v>0</v>
      </c>
      <c r="CI3152" s="166">
        <v>0</v>
      </c>
      <c r="CJ3152" s="166">
        <v>0</v>
      </c>
      <c r="CK3152" s="166">
        <v>0</v>
      </c>
      <c r="CL3152" s="166">
        <v>0</v>
      </c>
      <c r="CM3152" s="166">
        <v>0</v>
      </c>
      <c r="CN3152" s="166">
        <v>0</v>
      </c>
      <c r="CO3152" s="166">
        <v>0</v>
      </c>
      <c r="CP3152" s="166">
        <v>0</v>
      </c>
      <c r="CQ3152" s="166">
        <v>0</v>
      </c>
      <c r="CR3152" s="166">
        <v>0</v>
      </c>
      <c r="CS3152" s="166">
        <v>0</v>
      </c>
      <c r="CT3152" s="166">
        <v>0</v>
      </c>
      <c r="CU3152" s="166">
        <v>0</v>
      </c>
      <c r="CV3152" s="166">
        <v>0</v>
      </c>
      <c r="CW3152" s="166">
        <v>0</v>
      </c>
      <c r="CX3152" s="166">
        <v>0</v>
      </c>
      <c r="CY3152" s="166">
        <v>0</v>
      </c>
      <c r="CZ3152" s="166">
        <v>0</v>
      </c>
    </row>
    <row r="3153" spans="1:104" x14ac:dyDescent="0.2">
      <c r="A3153" s="167" t="s">
        <v>1192</v>
      </c>
      <c r="B3153" s="166">
        <v>0</v>
      </c>
      <c r="C3153" s="166">
        <v>0</v>
      </c>
      <c r="D3153" s="166">
        <v>0</v>
      </c>
      <c r="E3153" s="166">
        <v>0</v>
      </c>
      <c r="F3153" s="166">
        <v>0</v>
      </c>
      <c r="G3153" s="166">
        <v>0</v>
      </c>
      <c r="H3153" s="166">
        <v>0</v>
      </c>
      <c r="I3153" s="166">
        <v>0</v>
      </c>
      <c r="J3153" s="166">
        <v>0</v>
      </c>
      <c r="K3153" s="166">
        <v>0</v>
      </c>
      <c r="L3153" s="166">
        <v>0</v>
      </c>
      <c r="M3153" s="166">
        <v>0</v>
      </c>
      <c r="N3153" s="166">
        <v>0</v>
      </c>
      <c r="O3153" s="166">
        <v>0</v>
      </c>
      <c r="P3153" s="166">
        <v>0</v>
      </c>
      <c r="Q3153" s="166">
        <v>0</v>
      </c>
      <c r="R3153" s="166">
        <v>0</v>
      </c>
      <c r="S3153" s="166">
        <v>0</v>
      </c>
      <c r="T3153" s="166">
        <v>0</v>
      </c>
      <c r="U3153" s="166">
        <v>0</v>
      </c>
      <c r="V3153" s="166">
        <v>0</v>
      </c>
      <c r="W3153" s="166">
        <v>0</v>
      </c>
      <c r="X3153" s="166">
        <v>0</v>
      </c>
      <c r="Y3153" s="166">
        <v>0</v>
      </c>
      <c r="Z3153" s="166">
        <v>0</v>
      </c>
      <c r="AA3153" s="166">
        <v>0</v>
      </c>
      <c r="AB3153" s="166">
        <v>0</v>
      </c>
      <c r="AC3153" s="166">
        <v>0</v>
      </c>
      <c r="AD3153" s="166">
        <v>0</v>
      </c>
      <c r="AE3153" s="166">
        <v>0</v>
      </c>
      <c r="AF3153" s="166">
        <v>0</v>
      </c>
      <c r="AG3153" s="166">
        <v>0</v>
      </c>
      <c r="AH3153" s="166">
        <v>0</v>
      </c>
      <c r="AI3153" s="166">
        <v>0</v>
      </c>
      <c r="AJ3153" s="166">
        <v>0</v>
      </c>
      <c r="AK3153" s="166">
        <v>0</v>
      </c>
      <c r="AL3153" s="166">
        <v>0</v>
      </c>
      <c r="AM3153" s="166">
        <v>0</v>
      </c>
      <c r="AN3153" s="166">
        <v>0</v>
      </c>
      <c r="AO3153" s="166">
        <v>0</v>
      </c>
      <c r="AP3153" s="166">
        <v>0</v>
      </c>
      <c r="AQ3153" s="166">
        <v>0</v>
      </c>
      <c r="AR3153" s="166">
        <v>0</v>
      </c>
      <c r="AS3153" s="166">
        <v>0</v>
      </c>
      <c r="AT3153" s="166">
        <v>0</v>
      </c>
      <c r="AU3153" s="166">
        <v>0</v>
      </c>
      <c r="AV3153" s="166">
        <v>0</v>
      </c>
      <c r="AW3153" s="166">
        <v>0</v>
      </c>
      <c r="AX3153" s="166">
        <v>0</v>
      </c>
      <c r="AY3153" s="166">
        <v>0</v>
      </c>
      <c r="AZ3153" s="166">
        <v>0</v>
      </c>
      <c r="BA3153" s="166">
        <v>0</v>
      </c>
      <c r="BB3153" s="166">
        <v>0</v>
      </c>
      <c r="BC3153" s="166">
        <v>0</v>
      </c>
      <c r="BD3153" s="166">
        <v>0</v>
      </c>
      <c r="BE3153" s="166">
        <v>0</v>
      </c>
      <c r="BF3153" s="166">
        <v>0</v>
      </c>
      <c r="BG3153" s="166">
        <v>0</v>
      </c>
      <c r="BH3153" s="166">
        <v>0</v>
      </c>
      <c r="BI3153" s="166">
        <v>0</v>
      </c>
      <c r="BJ3153" s="166">
        <v>0</v>
      </c>
      <c r="BK3153" s="166">
        <v>0</v>
      </c>
      <c r="BL3153" s="166">
        <v>0</v>
      </c>
      <c r="BM3153" s="166">
        <v>0</v>
      </c>
      <c r="BN3153" s="166">
        <v>0</v>
      </c>
      <c r="BO3153" s="166">
        <v>0</v>
      </c>
      <c r="BP3153" s="166">
        <v>0</v>
      </c>
      <c r="BQ3153" s="166">
        <v>0</v>
      </c>
      <c r="BR3153" s="166">
        <v>0</v>
      </c>
      <c r="BS3153" s="166">
        <v>0</v>
      </c>
      <c r="BT3153" s="168">
        <v>0</v>
      </c>
      <c r="BU3153" s="166">
        <v>0</v>
      </c>
      <c r="BV3153" s="166">
        <v>0</v>
      </c>
      <c r="BW3153" s="166">
        <v>0</v>
      </c>
      <c r="BX3153" s="166">
        <v>0</v>
      </c>
      <c r="BY3153" s="166">
        <v>0</v>
      </c>
      <c r="BZ3153" s="166">
        <v>0</v>
      </c>
      <c r="CA3153" s="166">
        <v>0</v>
      </c>
      <c r="CB3153" s="166">
        <v>0</v>
      </c>
      <c r="CC3153" s="166">
        <v>0</v>
      </c>
      <c r="CD3153" s="166">
        <v>0</v>
      </c>
      <c r="CE3153" s="166">
        <v>0</v>
      </c>
      <c r="CF3153" s="166">
        <v>0</v>
      </c>
      <c r="CG3153" s="166">
        <v>0</v>
      </c>
      <c r="CH3153" s="166">
        <v>0</v>
      </c>
      <c r="CI3153" s="166">
        <v>0</v>
      </c>
      <c r="CJ3153" s="166">
        <v>0</v>
      </c>
      <c r="CK3153" s="166">
        <v>0</v>
      </c>
      <c r="CL3153" s="166">
        <v>0</v>
      </c>
      <c r="CM3153" s="166">
        <v>0</v>
      </c>
      <c r="CN3153" s="166">
        <v>0</v>
      </c>
      <c r="CO3153" s="166">
        <v>0</v>
      </c>
      <c r="CP3153" s="166">
        <v>0</v>
      </c>
      <c r="CQ3153" s="166">
        <v>0</v>
      </c>
      <c r="CR3153" s="166">
        <v>0</v>
      </c>
      <c r="CS3153" s="166">
        <v>0</v>
      </c>
      <c r="CT3153" s="166">
        <v>0</v>
      </c>
      <c r="CU3153" s="166">
        <v>0</v>
      </c>
      <c r="CV3153" s="166">
        <v>0</v>
      </c>
      <c r="CW3153" s="166">
        <v>0</v>
      </c>
      <c r="CX3153" s="166">
        <v>0</v>
      </c>
      <c r="CY3153" s="166">
        <v>0</v>
      </c>
      <c r="CZ3153" s="166">
        <v>0</v>
      </c>
    </row>
    <row r="3154" spans="1:104" x14ac:dyDescent="0.2">
      <c r="A3154" s="167" t="s">
        <v>1193</v>
      </c>
      <c r="B3154" s="166">
        <v>46778159.3166316</v>
      </c>
      <c r="C3154" s="166">
        <v>46778159.3166316</v>
      </c>
      <c r="D3154" s="166">
        <v>0</v>
      </c>
      <c r="E3154" s="166">
        <v>0</v>
      </c>
      <c r="F3154" s="166">
        <v>0</v>
      </c>
      <c r="G3154" s="166">
        <v>0</v>
      </c>
      <c r="H3154" s="166">
        <v>0</v>
      </c>
      <c r="I3154" s="166">
        <v>0</v>
      </c>
      <c r="J3154" s="166">
        <v>0</v>
      </c>
      <c r="K3154" s="166">
        <v>0</v>
      </c>
      <c r="L3154" s="166">
        <v>0</v>
      </c>
      <c r="M3154" s="166">
        <v>0</v>
      </c>
      <c r="N3154" s="166">
        <v>0</v>
      </c>
      <c r="O3154" s="166">
        <v>0</v>
      </c>
      <c r="P3154" s="166">
        <v>0</v>
      </c>
      <c r="Q3154" s="166">
        <v>0</v>
      </c>
      <c r="R3154" s="166">
        <v>0</v>
      </c>
      <c r="S3154" s="166">
        <v>0</v>
      </c>
      <c r="T3154" s="166">
        <v>0</v>
      </c>
      <c r="U3154" s="166">
        <v>0</v>
      </c>
      <c r="V3154" s="166">
        <v>0</v>
      </c>
      <c r="W3154" s="166">
        <v>0</v>
      </c>
      <c r="X3154" s="166">
        <v>0</v>
      </c>
      <c r="Y3154" s="166">
        <v>0</v>
      </c>
      <c r="Z3154" s="166">
        <v>0</v>
      </c>
      <c r="AA3154" s="166">
        <v>0</v>
      </c>
      <c r="AB3154" s="166">
        <v>0</v>
      </c>
      <c r="AC3154" s="166">
        <v>0</v>
      </c>
      <c r="AD3154" s="166">
        <v>0</v>
      </c>
      <c r="AE3154" s="166">
        <v>0</v>
      </c>
      <c r="AF3154" s="166">
        <v>0</v>
      </c>
      <c r="AG3154" s="166">
        <v>0</v>
      </c>
      <c r="AH3154" s="166">
        <v>0</v>
      </c>
      <c r="AI3154" s="166">
        <v>0</v>
      </c>
      <c r="AJ3154" s="166">
        <v>0</v>
      </c>
      <c r="AK3154" s="166">
        <v>0</v>
      </c>
      <c r="AL3154" s="166">
        <v>0</v>
      </c>
      <c r="AM3154" s="166">
        <v>0</v>
      </c>
      <c r="AN3154" s="166">
        <v>0</v>
      </c>
      <c r="AO3154" s="166">
        <v>0</v>
      </c>
      <c r="AP3154" s="166">
        <v>0</v>
      </c>
      <c r="AQ3154" s="166">
        <v>0</v>
      </c>
      <c r="AR3154" s="166">
        <v>0</v>
      </c>
      <c r="AS3154" s="166">
        <v>0</v>
      </c>
      <c r="AT3154" s="166">
        <v>0</v>
      </c>
      <c r="AU3154" s="166">
        <v>0</v>
      </c>
      <c r="AV3154" s="166">
        <v>0</v>
      </c>
      <c r="AW3154" s="166">
        <v>0</v>
      </c>
      <c r="AX3154" s="166">
        <v>0</v>
      </c>
      <c r="AY3154" s="166">
        <v>0</v>
      </c>
      <c r="AZ3154" s="166">
        <v>0</v>
      </c>
      <c r="BA3154" s="166">
        <v>0</v>
      </c>
      <c r="BB3154" s="166">
        <v>0</v>
      </c>
      <c r="BC3154" s="166">
        <v>0</v>
      </c>
      <c r="BD3154" s="166">
        <v>0</v>
      </c>
      <c r="BE3154" s="166">
        <v>0</v>
      </c>
      <c r="BF3154" s="166">
        <v>0</v>
      </c>
      <c r="BG3154" s="166">
        <v>0</v>
      </c>
      <c r="BH3154" s="166">
        <v>0</v>
      </c>
      <c r="BI3154" s="166">
        <v>0</v>
      </c>
      <c r="BJ3154" s="166">
        <v>0</v>
      </c>
      <c r="BK3154" s="166">
        <v>0</v>
      </c>
      <c r="BL3154" s="166">
        <v>0</v>
      </c>
      <c r="BM3154" s="166">
        <v>0</v>
      </c>
      <c r="BN3154" s="166">
        <v>0</v>
      </c>
      <c r="BO3154" s="166">
        <v>0</v>
      </c>
      <c r="BP3154" s="166">
        <v>0</v>
      </c>
      <c r="BQ3154" s="166">
        <v>0</v>
      </c>
      <c r="BR3154" s="166">
        <v>46778159.3166316</v>
      </c>
      <c r="BS3154" s="166">
        <v>46778159.3166316</v>
      </c>
      <c r="BT3154" s="168">
        <v>0</v>
      </c>
      <c r="BU3154" s="166">
        <v>0</v>
      </c>
      <c r="BV3154" s="166">
        <v>0</v>
      </c>
      <c r="BW3154" s="166">
        <v>0</v>
      </c>
      <c r="BX3154" s="166">
        <v>0</v>
      </c>
      <c r="BY3154" s="166">
        <v>0</v>
      </c>
      <c r="BZ3154" s="166">
        <v>0</v>
      </c>
      <c r="CA3154" s="166">
        <v>0</v>
      </c>
      <c r="CB3154" s="166">
        <v>0</v>
      </c>
      <c r="CC3154" s="166">
        <v>0</v>
      </c>
      <c r="CD3154" s="166">
        <v>0</v>
      </c>
      <c r="CE3154" s="166">
        <v>0</v>
      </c>
      <c r="CF3154" s="166">
        <v>0</v>
      </c>
      <c r="CG3154" s="166">
        <v>0</v>
      </c>
      <c r="CH3154" s="166">
        <v>0</v>
      </c>
      <c r="CI3154" s="166">
        <v>0</v>
      </c>
      <c r="CJ3154" s="166">
        <v>0</v>
      </c>
      <c r="CK3154" s="166">
        <v>0</v>
      </c>
      <c r="CL3154" s="166">
        <v>0</v>
      </c>
      <c r="CM3154" s="166">
        <v>0</v>
      </c>
      <c r="CN3154" s="166">
        <v>0</v>
      </c>
      <c r="CO3154" s="166">
        <v>0</v>
      </c>
      <c r="CP3154" s="166">
        <v>0</v>
      </c>
      <c r="CQ3154" s="166">
        <v>0</v>
      </c>
      <c r="CR3154" s="166">
        <v>0</v>
      </c>
      <c r="CS3154" s="166">
        <v>0</v>
      </c>
      <c r="CT3154" s="166">
        <v>0</v>
      </c>
      <c r="CU3154" s="166">
        <v>0</v>
      </c>
      <c r="CV3154" s="166">
        <v>0</v>
      </c>
      <c r="CW3154" s="166">
        <v>0</v>
      </c>
      <c r="CX3154" s="166">
        <v>0</v>
      </c>
      <c r="CY3154" s="166">
        <v>0</v>
      </c>
      <c r="CZ3154" s="166">
        <v>0</v>
      </c>
    </row>
    <row r="3155" spans="1:104" x14ac:dyDescent="0.2">
      <c r="A3155" s="167" t="s">
        <v>1194</v>
      </c>
    </row>
    <row r="3156" spans="1:104" x14ac:dyDescent="0.2">
      <c r="A3156" s="167" t="s">
        <v>441</v>
      </c>
      <c r="B3156" s="166">
        <v>0</v>
      </c>
      <c r="C3156" s="166">
        <v>0</v>
      </c>
      <c r="D3156" s="166">
        <v>0</v>
      </c>
      <c r="E3156" s="166">
        <v>0</v>
      </c>
      <c r="F3156" s="166">
        <v>0</v>
      </c>
      <c r="G3156" s="166">
        <v>0</v>
      </c>
      <c r="H3156" s="166">
        <v>0</v>
      </c>
      <c r="I3156" s="166">
        <v>0</v>
      </c>
      <c r="J3156" s="166">
        <v>0</v>
      </c>
      <c r="K3156" s="166">
        <v>0</v>
      </c>
      <c r="L3156" s="166">
        <v>0</v>
      </c>
      <c r="M3156" s="166">
        <v>0</v>
      </c>
      <c r="N3156" s="166">
        <v>0</v>
      </c>
      <c r="O3156" s="166">
        <v>0</v>
      </c>
      <c r="P3156" s="166">
        <v>0</v>
      </c>
      <c r="Q3156" s="166">
        <v>0</v>
      </c>
      <c r="R3156" s="166">
        <v>0</v>
      </c>
      <c r="S3156" s="166">
        <v>0</v>
      </c>
      <c r="T3156" s="166">
        <v>0</v>
      </c>
      <c r="U3156" s="166">
        <v>0</v>
      </c>
      <c r="V3156" s="166">
        <v>0</v>
      </c>
      <c r="W3156" s="166">
        <v>0</v>
      </c>
      <c r="X3156" s="166">
        <v>0</v>
      </c>
      <c r="Y3156" s="166">
        <v>0</v>
      </c>
      <c r="Z3156" s="166">
        <v>0</v>
      </c>
      <c r="AA3156" s="166">
        <v>0</v>
      </c>
      <c r="AB3156" s="166">
        <v>0</v>
      </c>
      <c r="AC3156" s="166">
        <v>0</v>
      </c>
      <c r="AD3156" s="166">
        <v>0</v>
      </c>
      <c r="AE3156" s="166">
        <v>0</v>
      </c>
      <c r="AF3156" s="166">
        <v>0</v>
      </c>
      <c r="AG3156" s="166">
        <v>0</v>
      </c>
      <c r="AH3156" s="166">
        <v>0</v>
      </c>
      <c r="AI3156" s="166">
        <v>0</v>
      </c>
      <c r="AJ3156" s="166">
        <v>0</v>
      </c>
      <c r="AK3156" s="166">
        <v>0</v>
      </c>
      <c r="AL3156" s="166">
        <v>0</v>
      </c>
      <c r="AM3156" s="166">
        <v>0</v>
      </c>
      <c r="AN3156" s="166">
        <v>0</v>
      </c>
      <c r="AO3156" s="166">
        <v>0</v>
      </c>
      <c r="AP3156" s="166">
        <v>0</v>
      </c>
      <c r="AQ3156" s="166">
        <v>0</v>
      </c>
      <c r="AR3156" s="166">
        <v>0</v>
      </c>
      <c r="AS3156" s="166">
        <v>0</v>
      </c>
      <c r="AT3156" s="166">
        <v>0</v>
      </c>
      <c r="AU3156" s="166">
        <v>0</v>
      </c>
      <c r="AV3156" s="166">
        <v>0</v>
      </c>
      <c r="AW3156" s="166">
        <v>0</v>
      </c>
      <c r="AX3156" s="166">
        <v>0</v>
      </c>
      <c r="AY3156" s="166">
        <v>0</v>
      </c>
      <c r="AZ3156" s="166">
        <v>0</v>
      </c>
      <c r="BA3156" s="166">
        <v>0</v>
      </c>
      <c r="BB3156" s="166">
        <v>0</v>
      </c>
      <c r="BC3156" s="166">
        <v>0</v>
      </c>
      <c r="BD3156" s="166">
        <v>0</v>
      </c>
      <c r="BE3156" s="166">
        <v>0</v>
      </c>
      <c r="BF3156" s="166">
        <v>0</v>
      </c>
      <c r="BG3156" s="166">
        <v>0</v>
      </c>
      <c r="BH3156" s="166">
        <v>0</v>
      </c>
      <c r="BI3156" s="166">
        <v>0</v>
      </c>
      <c r="BJ3156" s="166">
        <v>0</v>
      </c>
      <c r="BK3156" s="166">
        <v>0</v>
      </c>
      <c r="BL3156" s="166">
        <v>0</v>
      </c>
      <c r="BM3156" s="166">
        <v>0</v>
      </c>
      <c r="BN3156" s="166">
        <v>0</v>
      </c>
      <c r="BO3156" s="166">
        <v>0</v>
      </c>
      <c r="BP3156" s="166">
        <v>0</v>
      </c>
      <c r="BQ3156" s="166">
        <v>0</v>
      </c>
      <c r="BR3156" s="166">
        <v>0</v>
      </c>
      <c r="BS3156" s="166">
        <v>0</v>
      </c>
      <c r="BT3156" s="168">
        <v>0</v>
      </c>
      <c r="BU3156" s="166">
        <v>0</v>
      </c>
      <c r="BV3156" s="166">
        <v>0</v>
      </c>
      <c r="BW3156" s="166">
        <v>0</v>
      </c>
      <c r="BX3156" s="166">
        <v>0</v>
      </c>
      <c r="BY3156" s="166">
        <v>0</v>
      </c>
      <c r="BZ3156" s="166">
        <v>0</v>
      </c>
      <c r="CA3156" s="166">
        <v>0</v>
      </c>
      <c r="CB3156" s="166">
        <v>0</v>
      </c>
      <c r="CC3156" s="166">
        <v>0</v>
      </c>
      <c r="CD3156" s="166">
        <v>0</v>
      </c>
      <c r="CE3156" s="166">
        <v>0</v>
      </c>
      <c r="CF3156" s="166">
        <v>0</v>
      </c>
      <c r="CG3156" s="166">
        <v>0</v>
      </c>
      <c r="CH3156" s="166">
        <v>0</v>
      </c>
      <c r="CI3156" s="166">
        <v>0</v>
      </c>
      <c r="CJ3156" s="166">
        <v>0</v>
      </c>
      <c r="CK3156" s="166">
        <v>0</v>
      </c>
      <c r="CL3156" s="166">
        <v>0</v>
      </c>
      <c r="CM3156" s="166">
        <v>0</v>
      </c>
      <c r="CN3156" s="166">
        <v>0</v>
      </c>
      <c r="CO3156" s="166">
        <v>0</v>
      </c>
      <c r="CP3156" s="166">
        <v>0</v>
      </c>
      <c r="CQ3156" s="166">
        <v>0</v>
      </c>
      <c r="CR3156" s="166">
        <v>0</v>
      </c>
      <c r="CS3156" s="166">
        <v>0</v>
      </c>
      <c r="CT3156" s="166">
        <v>0</v>
      </c>
      <c r="CU3156" s="166">
        <v>0</v>
      </c>
      <c r="CV3156" s="166">
        <v>0</v>
      </c>
      <c r="CW3156" s="166">
        <v>0</v>
      </c>
      <c r="CX3156" s="166">
        <v>0</v>
      </c>
      <c r="CY3156" s="166">
        <v>0</v>
      </c>
      <c r="CZ3156" s="166">
        <v>0</v>
      </c>
    </row>
    <row r="3157" spans="1:104" x14ac:dyDescent="0.2">
      <c r="A3157" s="167" t="s">
        <v>442</v>
      </c>
    </row>
    <row r="3158" spans="1:104" x14ac:dyDescent="0.2">
      <c r="A3158" s="167" t="s">
        <v>1195</v>
      </c>
      <c r="B3158" s="166">
        <v>-810433.88</v>
      </c>
      <c r="C3158" s="166">
        <v>-810433.88</v>
      </c>
      <c r="D3158" s="166">
        <v>0</v>
      </c>
      <c r="E3158" s="166">
        <v>0</v>
      </c>
      <c r="F3158" s="166">
        <v>0</v>
      </c>
      <c r="G3158" s="166">
        <v>0</v>
      </c>
      <c r="H3158" s="166">
        <v>0</v>
      </c>
      <c r="I3158" s="166">
        <v>0</v>
      </c>
      <c r="J3158" s="166">
        <v>0</v>
      </c>
      <c r="K3158" s="166">
        <v>0</v>
      </c>
      <c r="L3158" s="166">
        <v>0</v>
      </c>
      <c r="M3158" s="166">
        <v>0</v>
      </c>
      <c r="N3158" s="166">
        <v>0</v>
      </c>
      <c r="O3158" s="166">
        <v>0</v>
      </c>
      <c r="P3158" s="166">
        <v>0</v>
      </c>
      <c r="Q3158" s="166">
        <v>0</v>
      </c>
      <c r="R3158" s="166">
        <v>0</v>
      </c>
      <c r="S3158" s="166">
        <v>0</v>
      </c>
      <c r="T3158" s="166">
        <v>0</v>
      </c>
      <c r="U3158" s="166">
        <v>0</v>
      </c>
      <c r="V3158" s="166">
        <v>0</v>
      </c>
      <c r="W3158" s="166">
        <v>0</v>
      </c>
      <c r="X3158" s="166">
        <v>0</v>
      </c>
      <c r="Y3158" s="166">
        <v>0</v>
      </c>
      <c r="Z3158" s="166">
        <v>0</v>
      </c>
      <c r="AA3158" s="166">
        <v>0</v>
      </c>
      <c r="AB3158" s="166">
        <v>0</v>
      </c>
      <c r="AC3158" s="166">
        <v>0</v>
      </c>
      <c r="AD3158" s="166">
        <v>0</v>
      </c>
      <c r="AE3158" s="166">
        <v>0</v>
      </c>
      <c r="AF3158" s="166">
        <v>0</v>
      </c>
      <c r="AG3158" s="166">
        <v>0</v>
      </c>
      <c r="AH3158" s="166">
        <v>0</v>
      </c>
      <c r="AI3158" s="166">
        <v>0</v>
      </c>
      <c r="AJ3158" s="166">
        <v>0</v>
      </c>
      <c r="AK3158" s="166">
        <v>0</v>
      </c>
      <c r="AL3158" s="166">
        <v>0</v>
      </c>
      <c r="AM3158" s="166">
        <v>0</v>
      </c>
      <c r="AN3158" s="166">
        <v>0</v>
      </c>
      <c r="AO3158" s="166">
        <v>0</v>
      </c>
      <c r="AP3158" s="166">
        <v>0</v>
      </c>
      <c r="AQ3158" s="166">
        <v>0</v>
      </c>
      <c r="AR3158" s="166">
        <v>0</v>
      </c>
      <c r="AS3158" s="166">
        <v>0</v>
      </c>
      <c r="AT3158" s="166">
        <v>0</v>
      </c>
      <c r="AU3158" s="166">
        <v>0</v>
      </c>
      <c r="AV3158" s="166">
        <v>0</v>
      </c>
      <c r="AW3158" s="166">
        <v>0</v>
      </c>
      <c r="AX3158" s="166">
        <v>0</v>
      </c>
      <c r="AY3158" s="166">
        <v>0</v>
      </c>
      <c r="AZ3158" s="166">
        <v>0</v>
      </c>
      <c r="BA3158" s="166">
        <v>0</v>
      </c>
      <c r="BB3158" s="166">
        <v>0</v>
      </c>
      <c r="BC3158" s="166">
        <v>0</v>
      </c>
      <c r="BD3158" s="166">
        <v>0</v>
      </c>
      <c r="BE3158" s="166">
        <v>0</v>
      </c>
      <c r="BF3158" s="166">
        <v>0</v>
      </c>
      <c r="BG3158" s="166">
        <v>0</v>
      </c>
      <c r="BH3158" s="166">
        <v>0</v>
      </c>
      <c r="BI3158" s="166">
        <v>0</v>
      </c>
      <c r="BJ3158" s="166">
        <v>0</v>
      </c>
      <c r="BK3158" s="166">
        <v>0</v>
      </c>
      <c r="BL3158" s="166">
        <v>0</v>
      </c>
      <c r="BM3158" s="166">
        <v>0</v>
      </c>
      <c r="BN3158" s="166">
        <v>0</v>
      </c>
      <c r="BO3158" s="166">
        <v>0</v>
      </c>
      <c r="BP3158" s="166">
        <v>0</v>
      </c>
      <c r="BQ3158" s="166">
        <v>0</v>
      </c>
      <c r="BR3158" s="166">
        <v>-810433.88</v>
      </c>
      <c r="BS3158" s="166">
        <v>-810433.88</v>
      </c>
      <c r="BT3158" s="168">
        <v>0</v>
      </c>
      <c r="BU3158" s="166">
        <v>0</v>
      </c>
      <c r="BV3158" s="166">
        <v>0</v>
      </c>
      <c r="BW3158" s="166">
        <v>0</v>
      </c>
      <c r="BX3158" s="166">
        <v>0</v>
      </c>
      <c r="BY3158" s="166">
        <v>0</v>
      </c>
      <c r="BZ3158" s="166">
        <v>0</v>
      </c>
      <c r="CA3158" s="166">
        <v>0</v>
      </c>
      <c r="CB3158" s="166">
        <v>0</v>
      </c>
      <c r="CC3158" s="166">
        <v>0</v>
      </c>
      <c r="CD3158" s="166">
        <v>0</v>
      </c>
      <c r="CE3158" s="166">
        <v>0</v>
      </c>
      <c r="CF3158" s="166">
        <v>0</v>
      </c>
      <c r="CG3158" s="166">
        <v>0</v>
      </c>
      <c r="CH3158" s="166">
        <v>0</v>
      </c>
      <c r="CI3158" s="166">
        <v>0</v>
      </c>
      <c r="CJ3158" s="166">
        <v>0</v>
      </c>
      <c r="CK3158" s="166">
        <v>0</v>
      </c>
      <c r="CL3158" s="166">
        <v>0</v>
      </c>
      <c r="CM3158" s="166">
        <v>0</v>
      </c>
      <c r="CN3158" s="166">
        <v>0</v>
      </c>
      <c r="CO3158" s="166">
        <v>0</v>
      </c>
      <c r="CP3158" s="166">
        <v>0</v>
      </c>
      <c r="CQ3158" s="166">
        <v>0</v>
      </c>
      <c r="CR3158" s="166">
        <v>0</v>
      </c>
      <c r="CS3158" s="166">
        <v>0</v>
      </c>
      <c r="CT3158" s="166">
        <v>0</v>
      </c>
      <c r="CU3158" s="166">
        <v>0</v>
      </c>
      <c r="CV3158" s="166">
        <v>0</v>
      </c>
      <c r="CW3158" s="166">
        <v>0</v>
      </c>
      <c r="CX3158" s="166">
        <v>0</v>
      </c>
      <c r="CY3158" s="166">
        <v>0</v>
      </c>
      <c r="CZ3158" s="166">
        <v>0</v>
      </c>
    </row>
    <row r="3159" spans="1:104" x14ac:dyDescent="0.2">
      <c r="A3159" s="167" t="s">
        <v>1196</v>
      </c>
      <c r="B3159" s="166">
        <v>0</v>
      </c>
      <c r="C3159" s="166">
        <v>0</v>
      </c>
      <c r="D3159" s="166">
        <v>0</v>
      </c>
      <c r="E3159" s="166">
        <v>0</v>
      </c>
      <c r="F3159" s="166">
        <v>0</v>
      </c>
      <c r="G3159" s="166">
        <v>0</v>
      </c>
      <c r="H3159" s="166">
        <v>0</v>
      </c>
      <c r="I3159" s="166">
        <v>0</v>
      </c>
      <c r="J3159" s="166">
        <v>0</v>
      </c>
      <c r="K3159" s="166">
        <v>0</v>
      </c>
      <c r="L3159" s="166">
        <v>0</v>
      </c>
      <c r="M3159" s="166">
        <v>0</v>
      </c>
      <c r="N3159" s="166">
        <v>0</v>
      </c>
      <c r="O3159" s="166">
        <v>0</v>
      </c>
      <c r="P3159" s="166">
        <v>0</v>
      </c>
      <c r="Q3159" s="166">
        <v>0</v>
      </c>
      <c r="R3159" s="166">
        <v>0</v>
      </c>
      <c r="S3159" s="166">
        <v>0</v>
      </c>
      <c r="T3159" s="166">
        <v>0</v>
      </c>
      <c r="U3159" s="166">
        <v>0</v>
      </c>
      <c r="V3159" s="166">
        <v>0</v>
      </c>
      <c r="W3159" s="166">
        <v>0</v>
      </c>
      <c r="X3159" s="166">
        <v>0</v>
      </c>
      <c r="Y3159" s="166">
        <v>0</v>
      </c>
      <c r="Z3159" s="166">
        <v>0</v>
      </c>
      <c r="AA3159" s="166">
        <v>0</v>
      </c>
      <c r="AB3159" s="166">
        <v>0</v>
      </c>
      <c r="AC3159" s="166">
        <v>0</v>
      </c>
      <c r="AD3159" s="166">
        <v>0</v>
      </c>
      <c r="AE3159" s="166">
        <v>0</v>
      </c>
      <c r="AF3159" s="166">
        <v>0</v>
      </c>
      <c r="AG3159" s="166">
        <v>0</v>
      </c>
      <c r="AH3159" s="166">
        <v>0</v>
      </c>
      <c r="AI3159" s="166">
        <v>0</v>
      </c>
      <c r="AJ3159" s="166">
        <v>0</v>
      </c>
      <c r="AK3159" s="166">
        <v>0</v>
      </c>
      <c r="AL3159" s="166">
        <v>0</v>
      </c>
      <c r="AM3159" s="166">
        <v>0</v>
      </c>
      <c r="AN3159" s="166">
        <v>0</v>
      </c>
      <c r="AO3159" s="166">
        <v>0</v>
      </c>
      <c r="AP3159" s="166">
        <v>0</v>
      </c>
      <c r="AQ3159" s="166">
        <v>0</v>
      </c>
      <c r="AR3159" s="166">
        <v>0</v>
      </c>
      <c r="AS3159" s="166">
        <v>0</v>
      </c>
      <c r="AT3159" s="166">
        <v>0</v>
      </c>
      <c r="AU3159" s="166">
        <v>0</v>
      </c>
      <c r="AV3159" s="166">
        <v>0</v>
      </c>
      <c r="AW3159" s="166">
        <v>0</v>
      </c>
      <c r="AX3159" s="166">
        <v>0</v>
      </c>
      <c r="AY3159" s="166">
        <v>0</v>
      </c>
      <c r="AZ3159" s="166">
        <v>0</v>
      </c>
      <c r="BA3159" s="166">
        <v>0</v>
      </c>
      <c r="BB3159" s="166">
        <v>0</v>
      </c>
      <c r="BC3159" s="166">
        <v>0</v>
      </c>
      <c r="BD3159" s="166">
        <v>0</v>
      </c>
      <c r="BE3159" s="166">
        <v>0</v>
      </c>
      <c r="BF3159" s="166">
        <v>0</v>
      </c>
      <c r="BG3159" s="166">
        <v>0</v>
      </c>
      <c r="BH3159" s="166">
        <v>0</v>
      </c>
      <c r="BI3159" s="166">
        <v>0</v>
      </c>
      <c r="BJ3159" s="166">
        <v>0</v>
      </c>
      <c r="BK3159" s="166">
        <v>0</v>
      </c>
      <c r="BL3159" s="166">
        <v>0</v>
      </c>
      <c r="BM3159" s="166">
        <v>0</v>
      </c>
      <c r="BN3159" s="166">
        <v>0</v>
      </c>
      <c r="BO3159" s="166">
        <v>0</v>
      </c>
      <c r="BP3159" s="166">
        <v>0</v>
      </c>
      <c r="BQ3159" s="166">
        <v>0</v>
      </c>
      <c r="BR3159" s="166">
        <v>0</v>
      </c>
      <c r="BS3159" s="166">
        <v>0</v>
      </c>
      <c r="BT3159" s="168">
        <v>0</v>
      </c>
      <c r="BU3159" s="166">
        <v>0</v>
      </c>
      <c r="BV3159" s="166">
        <v>0</v>
      </c>
      <c r="BW3159" s="166">
        <v>0</v>
      </c>
      <c r="BX3159" s="166">
        <v>0</v>
      </c>
      <c r="BY3159" s="166">
        <v>0</v>
      </c>
      <c r="BZ3159" s="166">
        <v>0</v>
      </c>
      <c r="CA3159" s="166">
        <v>0</v>
      </c>
      <c r="CB3159" s="166">
        <v>0</v>
      </c>
      <c r="CC3159" s="166">
        <v>0</v>
      </c>
      <c r="CD3159" s="166">
        <v>0</v>
      </c>
      <c r="CE3159" s="166">
        <v>0</v>
      </c>
      <c r="CF3159" s="166">
        <v>0</v>
      </c>
      <c r="CG3159" s="166">
        <v>0</v>
      </c>
      <c r="CH3159" s="166">
        <v>0</v>
      </c>
      <c r="CI3159" s="166">
        <v>0</v>
      </c>
      <c r="CJ3159" s="166">
        <v>0</v>
      </c>
      <c r="CK3159" s="166">
        <v>0</v>
      </c>
      <c r="CL3159" s="166">
        <v>0</v>
      </c>
      <c r="CM3159" s="166">
        <v>0</v>
      </c>
      <c r="CN3159" s="166">
        <v>0</v>
      </c>
      <c r="CO3159" s="166">
        <v>0</v>
      </c>
      <c r="CP3159" s="166">
        <v>0</v>
      </c>
      <c r="CQ3159" s="166">
        <v>0</v>
      </c>
      <c r="CR3159" s="166">
        <v>0</v>
      </c>
      <c r="CS3159" s="166">
        <v>0</v>
      </c>
      <c r="CT3159" s="166">
        <v>0</v>
      </c>
      <c r="CU3159" s="166">
        <v>0</v>
      </c>
      <c r="CV3159" s="166">
        <v>0</v>
      </c>
      <c r="CW3159" s="166">
        <v>0</v>
      </c>
      <c r="CX3159" s="166">
        <v>0</v>
      </c>
      <c r="CY3159" s="166">
        <v>0</v>
      </c>
      <c r="CZ3159" s="166">
        <v>0</v>
      </c>
    </row>
    <row r="3160" spans="1:104" x14ac:dyDescent="0.2">
      <c r="A3160" s="167" t="s">
        <v>445</v>
      </c>
      <c r="B3160" s="166">
        <v>0</v>
      </c>
      <c r="C3160" s="166">
        <v>0</v>
      </c>
      <c r="D3160" s="166">
        <v>0</v>
      </c>
      <c r="E3160" s="166">
        <v>0</v>
      </c>
      <c r="F3160" s="166">
        <v>0</v>
      </c>
      <c r="G3160" s="166">
        <v>0</v>
      </c>
      <c r="H3160" s="166">
        <v>0</v>
      </c>
      <c r="I3160" s="166">
        <v>0</v>
      </c>
      <c r="J3160" s="166">
        <v>0</v>
      </c>
      <c r="K3160" s="166">
        <v>0</v>
      </c>
      <c r="L3160" s="166">
        <v>0</v>
      </c>
      <c r="M3160" s="166">
        <v>0</v>
      </c>
      <c r="N3160" s="166">
        <v>0</v>
      </c>
      <c r="O3160" s="166">
        <v>0</v>
      </c>
      <c r="P3160" s="166">
        <v>0</v>
      </c>
      <c r="Q3160" s="166">
        <v>0</v>
      </c>
      <c r="R3160" s="166">
        <v>0</v>
      </c>
      <c r="S3160" s="166">
        <v>0</v>
      </c>
      <c r="T3160" s="166">
        <v>0</v>
      </c>
      <c r="U3160" s="166">
        <v>0</v>
      </c>
      <c r="V3160" s="166">
        <v>0</v>
      </c>
      <c r="W3160" s="166">
        <v>0</v>
      </c>
      <c r="X3160" s="166">
        <v>0</v>
      </c>
      <c r="Y3160" s="166">
        <v>0</v>
      </c>
      <c r="Z3160" s="166">
        <v>0</v>
      </c>
      <c r="AA3160" s="166">
        <v>0</v>
      </c>
      <c r="AB3160" s="166">
        <v>0</v>
      </c>
      <c r="AC3160" s="166">
        <v>0</v>
      </c>
      <c r="AD3160" s="166">
        <v>0</v>
      </c>
      <c r="AE3160" s="166">
        <v>0</v>
      </c>
      <c r="AF3160" s="166">
        <v>0</v>
      </c>
      <c r="AG3160" s="166">
        <v>0</v>
      </c>
      <c r="AH3160" s="166">
        <v>0</v>
      </c>
      <c r="AI3160" s="166">
        <v>0</v>
      </c>
      <c r="AJ3160" s="166">
        <v>0</v>
      </c>
      <c r="AK3160" s="166">
        <v>0</v>
      </c>
      <c r="AL3160" s="166">
        <v>0</v>
      </c>
      <c r="AM3160" s="166">
        <v>0</v>
      </c>
      <c r="AN3160" s="166">
        <v>0</v>
      </c>
      <c r="AO3160" s="166">
        <v>0</v>
      </c>
      <c r="AP3160" s="166">
        <v>0</v>
      </c>
      <c r="AQ3160" s="166">
        <v>0</v>
      </c>
      <c r="AR3160" s="166">
        <v>0</v>
      </c>
      <c r="AS3160" s="166">
        <v>0</v>
      </c>
      <c r="AT3160" s="166">
        <v>0</v>
      </c>
      <c r="AU3160" s="166">
        <v>0</v>
      </c>
      <c r="AV3160" s="166">
        <v>0</v>
      </c>
      <c r="AW3160" s="166">
        <v>0</v>
      </c>
      <c r="AX3160" s="166">
        <v>-4028134.7740020598</v>
      </c>
      <c r="AY3160" s="166">
        <v>0</v>
      </c>
      <c r="AZ3160" s="166">
        <v>0</v>
      </c>
      <c r="BA3160" s="166">
        <v>0</v>
      </c>
      <c r="BB3160" s="166">
        <v>0</v>
      </c>
      <c r="BC3160" s="166">
        <v>0</v>
      </c>
      <c r="BD3160" s="166">
        <v>0</v>
      </c>
      <c r="BE3160" s="166">
        <v>0</v>
      </c>
      <c r="BF3160" s="166">
        <v>0</v>
      </c>
      <c r="BG3160" s="166">
        <v>0</v>
      </c>
      <c r="BH3160" s="166">
        <v>0</v>
      </c>
      <c r="BI3160" s="166">
        <v>0</v>
      </c>
      <c r="BJ3160" s="166">
        <v>0</v>
      </c>
      <c r="BK3160" s="166">
        <v>0</v>
      </c>
      <c r="BL3160" s="166">
        <v>0</v>
      </c>
      <c r="BM3160" s="166">
        <v>0</v>
      </c>
      <c r="BN3160" s="166">
        <v>0</v>
      </c>
      <c r="BO3160" s="166">
        <v>-4028134.7740020598</v>
      </c>
      <c r="BP3160" s="166">
        <v>0</v>
      </c>
      <c r="BQ3160" s="166">
        <v>0</v>
      </c>
      <c r="BR3160" s="166">
        <v>0</v>
      </c>
      <c r="BS3160" s="166">
        <v>-4028134.7740020598</v>
      </c>
      <c r="BT3160" s="168">
        <v>0</v>
      </c>
      <c r="BU3160" s="166">
        <v>0</v>
      </c>
      <c r="BV3160" s="166">
        <v>0</v>
      </c>
      <c r="BW3160" s="166">
        <v>0</v>
      </c>
      <c r="BX3160" s="166">
        <v>0</v>
      </c>
      <c r="BY3160" s="166">
        <v>0</v>
      </c>
      <c r="BZ3160" s="166">
        <v>0</v>
      </c>
      <c r="CA3160" s="166">
        <v>0</v>
      </c>
      <c r="CB3160" s="166">
        <v>0</v>
      </c>
      <c r="CC3160" s="166">
        <v>0</v>
      </c>
      <c r="CD3160" s="166">
        <v>0</v>
      </c>
      <c r="CE3160" s="166">
        <v>0</v>
      </c>
      <c r="CF3160" s="166">
        <v>0</v>
      </c>
      <c r="CG3160" s="166">
        <v>0</v>
      </c>
      <c r="CH3160" s="166">
        <v>0</v>
      </c>
      <c r="CI3160" s="166">
        <v>0</v>
      </c>
      <c r="CJ3160" s="166">
        <v>0</v>
      </c>
      <c r="CK3160" s="166">
        <v>0</v>
      </c>
      <c r="CL3160" s="166">
        <v>0</v>
      </c>
      <c r="CM3160" s="166">
        <v>0</v>
      </c>
      <c r="CN3160" s="166">
        <v>0</v>
      </c>
      <c r="CO3160" s="166">
        <v>0</v>
      </c>
      <c r="CP3160" s="166">
        <v>0</v>
      </c>
      <c r="CQ3160" s="166">
        <v>0</v>
      </c>
      <c r="CR3160" s="166">
        <v>0</v>
      </c>
      <c r="CS3160" s="166">
        <v>0</v>
      </c>
      <c r="CT3160" s="166">
        <v>0</v>
      </c>
      <c r="CU3160" s="166">
        <v>0</v>
      </c>
      <c r="CV3160" s="166">
        <v>0</v>
      </c>
      <c r="CW3160" s="166">
        <v>0</v>
      </c>
      <c r="CX3160" s="166">
        <v>0</v>
      </c>
      <c r="CY3160" s="166">
        <v>0</v>
      </c>
      <c r="CZ3160" s="166">
        <v>0</v>
      </c>
    </row>
    <row r="3161" spans="1:104" x14ac:dyDescent="0.2">
      <c r="A3161" s="167" t="s">
        <v>1197</v>
      </c>
      <c r="B3161" s="166">
        <v>-810433.88</v>
      </c>
      <c r="C3161" s="166">
        <v>-810433.88</v>
      </c>
      <c r="D3161" s="166">
        <v>0</v>
      </c>
      <c r="E3161" s="166">
        <v>0</v>
      </c>
      <c r="F3161" s="166">
        <v>0</v>
      </c>
      <c r="G3161" s="166">
        <v>0</v>
      </c>
      <c r="H3161" s="166">
        <v>0</v>
      </c>
      <c r="I3161" s="166">
        <v>0</v>
      </c>
      <c r="J3161" s="166">
        <v>0</v>
      </c>
      <c r="K3161" s="166">
        <v>0</v>
      </c>
      <c r="L3161" s="166">
        <v>0</v>
      </c>
      <c r="M3161" s="166">
        <v>0</v>
      </c>
      <c r="N3161" s="166">
        <v>0</v>
      </c>
      <c r="O3161" s="166">
        <v>0</v>
      </c>
      <c r="P3161" s="166">
        <v>0</v>
      </c>
      <c r="Q3161" s="166">
        <v>0</v>
      </c>
      <c r="R3161" s="166">
        <v>0</v>
      </c>
      <c r="S3161" s="166">
        <v>0</v>
      </c>
      <c r="T3161" s="166">
        <v>0</v>
      </c>
      <c r="U3161" s="166">
        <v>0</v>
      </c>
      <c r="V3161" s="166">
        <v>0</v>
      </c>
      <c r="W3161" s="166">
        <v>0</v>
      </c>
      <c r="X3161" s="166">
        <v>0</v>
      </c>
      <c r="Y3161" s="166">
        <v>0</v>
      </c>
      <c r="Z3161" s="166">
        <v>0</v>
      </c>
      <c r="AA3161" s="166">
        <v>0</v>
      </c>
      <c r="AB3161" s="166">
        <v>0</v>
      </c>
      <c r="AC3161" s="166">
        <v>0</v>
      </c>
      <c r="AD3161" s="166">
        <v>0</v>
      </c>
      <c r="AE3161" s="166">
        <v>0</v>
      </c>
      <c r="AF3161" s="166">
        <v>0</v>
      </c>
      <c r="AG3161" s="166">
        <v>0</v>
      </c>
      <c r="AH3161" s="166">
        <v>0</v>
      </c>
      <c r="AI3161" s="166">
        <v>0</v>
      </c>
      <c r="AJ3161" s="166">
        <v>0</v>
      </c>
      <c r="AK3161" s="166">
        <v>0</v>
      </c>
      <c r="AL3161" s="166">
        <v>0</v>
      </c>
      <c r="AM3161" s="166">
        <v>0</v>
      </c>
      <c r="AN3161" s="166">
        <v>0</v>
      </c>
      <c r="AO3161" s="166">
        <v>0</v>
      </c>
      <c r="AP3161" s="166">
        <v>0</v>
      </c>
      <c r="AQ3161" s="166">
        <v>0</v>
      </c>
      <c r="AR3161" s="166">
        <v>0</v>
      </c>
      <c r="AS3161" s="166">
        <v>0</v>
      </c>
      <c r="AT3161" s="166">
        <v>0</v>
      </c>
      <c r="AU3161" s="166">
        <v>0</v>
      </c>
      <c r="AV3161" s="166">
        <v>0</v>
      </c>
      <c r="AW3161" s="166">
        <v>0</v>
      </c>
      <c r="AX3161" s="166">
        <v>-4028134.7740020598</v>
      </c>
      <c r="AY3161" s="166">
        <v>0</v>
      </c>
      <c r="AZ3161" s="166">
        <v>0</v>
      </c>
      <c r="BA3161" s="166">
        <v>0</v>
      </c>
      <c r="BB3161" s="166">
        <v>0</v>
      </c>
      <c r="BC3161" s="166">
        <v>0</v>
      </c>
      <c r="BD3161" s="166">
        <v>0</v>
      </c>
      <c r="BE3161" s="166">
        <v>0</v>
      </c>
      <c r="BF3161" s="166">
        <v>0</v>
      </c>
      <c r="BG3161" s="166">
        <v>0</v>
      </c>
      <c r="BH3161" s="166">
        <v>0</v>
      </c>
      <c r="BI3161" s="166">
        <v>0</v>
      </c>
      <c r="BJ3161" s="166">
        <v>0</v>
      </c>
      <c r="BK3161" s="166">
        <v>0</v>
      </c>
      <c r="BL3161" s="166">
        <v>0</v>
      </c>
      <c r="BM3161" s="166">
        <v>0</v>
      </c>
      <c r="BN3161" s="166">
        <v>0</v>
      </c>
      <c r="BO3161" s="166">
        <v>-4028134.7740020598</v>
      </c>
      <c r="BP3161" s="166">
        <v>0</v>
      </c>
      <c r="BQ3161" s="166">
        <v>0</v>
      </c>
      <c r="BR3161" s="166">
        <v>-810433.88</v>
      </c>
      <c r="BS3161" s="166">
        <v>-4838568.6540020602</v>
      </c>
      <c r="BT3161" s="168">
        <v>0</v>
      </c>
      <c r="BU3161" s="166">
        <v>0</v>
      </c>
      <c r="BV3161" s="166">
        <v>0</v>
      </c>
      <c r="BW3161" s="166">
        <v>0</v>
      </c>
      <c r="BX3161" s="166">
        <v>0</v>
      </c>
      <c r="BY3161" s="166">
        <v>0</v>
      </c>
      <c r="BZ3161" s="166">
        <v>0</v>
      </c>
      <c r="CA3161" s="166">
        <v>0</v>
      </c>
      <c r="CB3161" s="166">
        <v>0</v>
      </c>
      <c r="CC3161" s="166">
        <v>0</v>
      </c>
      <c r="CD3161" s="166">
        <v>0</v>
      </c>
      <c r="CE3161" s="166">
        <v>0</v>
      </c>
      <c r="CF3161" s="166">
        <v>0</v>
      </c>
      <c r="CG3161" s="166">
        <v>0</v>
      </c>
      <c r="CH3161" s="166">
        <v>0</v>
      </c>
      <c r="CI3161" s="166">
        <v>0</v>
      </c>
      <c r="CJ3161" s="166">
        <v>0</v>
      </c>
      <c r="CK3161" s="166">
        <v>0</v>
      </c>
      <c r="CL3161" s="166">
        <v>0</v>
      </c>
      <c r="CM3161" s="166">
        <v>0</v>
      </c>
      <c r="CN3161" s="166">
        <v>0</v>
      </c>
      <c r="CO3161" s="166">
        <v>0</v>
      </c>
      <c r="CP3161" s="166">
        <v>0</v>
      </c>
      <c r="CQ3161" s="166">
        <v>0</v>
      </c>
      <c r="CR3161" s="166">
        <v>0</v>
      </c>
      <c r="CS3161" s="166">
        <v>0</v>
      </c>
      <c r="CT3161" s="166">
        <v>0</v>
      </c>
      <c r="CU3161" s="166">
        <v>0</v>
      </c>
      <c r="CV3161" s="166">
        <v>0</v>
      </c>
      <c r="CW3161" s="166">
        <v>0</v>
      </c>
      <c r="CX3161" s="166">
        <v>0</v>
      </c>
      <c r="CY3161" s="166">
        <v>0</v>
      </c>
      <c r="CZ3161" s="166">
        <v>0</v>
      </c>
    </row>
    <row r="3162" spans="1:104" x14ac:dyDescent="0.2">
      <c r="A3162" s="167" t="s">
        <v>447</v>
      </c>
    </row>
    <row r="3163" spans="1:104" x14ac:dyDescent="0.2">
      <c r="A3163" s="167" t="s">
        <v>1198</v>
      </c>
      <c r="B3163" s="166">
        <v>-2238653.0299999998</v>
      </c>
      <c r="C3163" s="166">
        <v>-2238653.0299999998</v>
      </c>
      <c r="D3163" s="166">
        <v>0</v>
      </c>
      <c r="E3163" s="166">
        <v>0</v>
      </c>
      <c r="F3163" s="166">
        <v>0</v>
      </c>
      <c r="G3163" s="166">
        <v>0</v>
      </c>
      <c r="H3163" s="166">
        <v>0</v>
      </c>
      <c r="I3163" s="166">
        <v>0</v>
      </c>
      <c r="J3163" s="166">
        <v>0</v>
      </c>
      <c r="K3163" s="166">
        <v>0</v>
      </c>
      <c r="L3163" s="166">
        <v>0</v>
      </c>
      <c r="M3163" s="166">
        <v>0</v>
      </c>
      <c r="N3163" s="166">
        <v>0</v>
      </c>
      <c r="O3163" s="166">
        <v>0</v>
      </c>
      <c r="P3163" s="166">
        <v>0</v>
      </c>
      <c r="Q3163" s="166">
        <v>0</v>
      </c>
      <c r="R3163" s="166">
        <v>0</v>
      </c>
      <c r="S3163" s="166">
        <v>0</v>
      </c>
      <c r="T3163" s="166">
        <v>0</v>
      </c>
      <c r="U3163" s="166">
        <v>0</v>
      </c>
      <c r="V3163" s="166">
        <v>0</v>
      </c>
      <c r="W3163" s="166">
        <v>0</v>
      </c>
      <c r="X3163" s="166">
        <v>0</v>
      </c>
      <c r="Y3163" s="166">
        <v>0</v>
      </c>
      <c r="Z3163" s="166">
        <v>0</v>
      </c>
      <c r="AA3163" s="166">
        <v>0</v>
      </c>
      <c r="AB3163" s="166">
        <v>0</v>
      </c>
      <c r="AC3163" s="166">
        <v>0</v>
      </c>
      <c r="AD3163" s="166">
        <v>0</v>
      </c>
      <c r="AE3163" s="166">
        <v>0</v>
      </c>
      <c r="AF3163" s="166">
        <v>0</v>
      </c>
      <c r="AG3163" s="166">
        <v>0</v>
      </c>
      <c r="AH3163" s="166">
        <v>0</v>
      </c>
      <c r="AI3163" s="166">
        <v>0</v>
      </c>
      <c r="AJ3163" s="166">
        <v>0</v>
      </c>
      <c r="AK3163" s="166">
        <v>0</v>
      </c>
      <c r="AL3163" s="166">
        <v>0</v>
      </c>
      <c r="AM3163" s="166">
        <v>0</v>
      </c>
      <c r="AN3163" s="166">
        <v>0</v>
      </c>
      <c r="AO3163" s="166">
        <v>0</v>
      </c>
      <c r="AP3163" s="166">
        <v>0</v>
      </c>
      <c r="AQ3163" s="166">
        <v>0</v>
      </c>
      <c r="AR3163" s="166">
        <v>0</v>
      </c>
      <c r="AS3163" s="166">
        <v>0</v>
      </c>
      <c r="AT3163" s="166">
        <v>0</v>
      </c>
      <c r="AU3163" s="166">
        <v>0</v>
      </c>
      <c r="AV3163" s="166">
        <v>0</v>
      </c>
      <c r="AW3163" s="166">
        <v>0</v>
      </c>
      <c r="AX3163" s="166">
        <v>0</v>
      </c>
      <c r="AY3163" s="166">
        <v>0</v>
      </c>
      <c r="AZ3163" s="166">
        <v>0</v>
      </c>
      <c r="BA3163" s="166">
        <v>0</v>
      </c>
      <c r="BB3163" s="166">
        <v>0</v>
      </c>
      <c r="BC3163" s="166">
        <v>0</v>
      </c>
      <c r="BD3163" s="166">
        <v>0</v>
      </c>
      <c r="BE3163" s="166">
        <v>0</v>
      </c>
      <c r="BF3163" s="166">
        <v>0</v>
      </c>
      <c r="BG3163" s="166">
        <v>0</v>
      </c>
      <c r="BH3163" s="166">
        <v>0</v>
      </c>
      <c r="BI3163" s="166">
        <v>0</v>
      </c>
      <c r="BJ3163" s="166">
        <v>0</v>
      </c>
      <c r="BK3163" s="166">
        <v>0</v>
      </c>
      <c r="BL3163" s="166">
        <v>0</v>
      </c>
      <c r="BM3163" s="166">
        <v>0</v>
      </c>
      <c r="BN3163" s="166">
        <v>0</v>
      </c>
      <c r="BO3163" s="166">
        <v>0</v>
      </c>
      <c r="BP3163" s="166">
        <v>0</v>
      </c>
      <c r="BQ3163" s="166">
        <v>0</v>
      </c>
      <c r="BR3163" s="166">
        <v>-2238653.0299999998</v>
      </c>
      <c r="BS3163" s="166">
        <v>-2238653.0299999998</v>
      </c>
      <c r="BT3163" s="168">
        <v>0</v>
      </c>
      <c r="BU3163" s="166">
        <v>0</v>
      </c>
      <c r="BV3163" s="166">
        <v>0</v>
      </c>
      <c r="BW3163" s="166">
        <v>0</v>
      </c>
      <c r="BX3163" s="166">
        <v>0</v>
      </c>
      <c r="BY3163" s="166">
        <v>0</v>
      </c>
      <c r="BZ3163" s="166">
        <v>0</v>
      </c>
      <c r="CA3163" s="166">
        <v>0</v>
      </c>
      <c r="CB3163" s="166">
        <v>0</v>
      </c>
      <c r="CC3163" s="166">
        <v>0</v>
      </c>
      <c r="CD3163" s="166">
        <v>0</v>
      </c>
      <c r="CE3163" s="166">
        <v>0</v>
      </c>
      <c r="CF3163" s="166">
        <v>0</v>
      </c>
      <c r="CG3163" s="166">
        <v>0</v>
      </c>
      <c r="CH3163" s="166">
        <v>0</v>
      </c>
      <c r="CI3163" s="166">
        <v>0</v>
      </c>
      <c r="CJ3163" s="166">
        <v>0</v>
      </c>
      <c r="CK3163" s="166">
        <v>0</v>
      </c>
      <c r="CL3163" s="166">
        <v>0</v>
      </c>
      <c r="CM3163" s="166">
        <v>0</v>
      </c>
      <c r="CN3163" s="166">
        <v>0</v>
      </c>
      <c r="CO3163" s="166">
        <v>0</v>
      </c>
      <c r="CP3163" s="166">
        <v>0</v>
      </c>
      <c r="CQ3163" s="166">
        <v>0</v>
      </c>
      <c r="CR3163" s="166">
        <v>0</v>
      </c>
      <c r="CS3163" s="166">
        <v>0</v>
      </c>
      <c r="CT3163" s="166">
        <v>0</v>
      </c>
      <c r="CU3163" s="166">
        <v>0</v>
      </c>
      <c r="CV3163" s="166">
        <v>0</v>
      </c>
      <c r="CW3163" s="166">
        <v>0</v>
      </c>
      <c r="CX3163" s="166">
        <v>0</v>
      </c>
      <c r="CY3163" s="166">
        <v>0</v>
      </c>
      <c r="CZ3163" s="166">
        <v>0</v>
      </c>
    </row>
    <row r="3164" spans="1:104" x14ac:dyDescent="0.2">
      <c r="A3164" s="167" t="s">
        <v>449</v>
      </c>
    </row>
    <row r="3165" spans="1:104" x14ac:dyDescent="0.2">
      <c r="A3165" s="167" t="s">
        <v>1199</v>
      </c>
      <c r="B3165" s="166">
        <v>-17633403.179999899</v>
      </c>
      <c r="C3165" s="166">
        <v>-17633403.179999899</v>
      </c>
      <c r="D3165" s="166">
        <v>0</v>
      </c>
      <c r="E3165" s="166">
        <v>0</v>
      </c>
      <c r="F3165" s="166">
        <v>0</v>
      </c>
      <c r="G3165" s="166">
        <v>0</v>
      </c>
      <c r="H3165" s="166">
        <v>0</v>
      </c>
      <c r="I3165" s="166">
        <v>0</v>
      </c>
      <c r="J3165" s="166">
        <v>0</v>
      </c>
      <c r="K3165" s="166">
        <v>0</v>
      </c>
      <c r="L3165" s="166">
        <v>0</v>
      </c>
      <c r="M3165" s="166">
        <v>0</v>
      </c>
      <c r="N3165" s="166">
        <v>0</v>
      </c>
      <c r="O3165" s="166">
        <v>0</v>
      </c>
      <c r="P3165" s="166">
        <v>0</v>
      </c>
      <c r="Q3165" s="166">
        <v>0</v>
      </c>
      <c r="R3165" s="166">
        <v>0</v>
      </c>
      <c r="S3165" s="166">
        <v>0</v>
      </c>
      <c r="T3165" s="166">
        <v>0</v>
      </c>
      <c r="U3165" s="166">
        <v>0</v>
      </c>
      <c r="V3165" s="166">
        <v>0</v>
      </c>
      <c r="W3165" s="166">
        <v>0</v>
      </c>
      <c r="X3165" s="166">
        <v>0</v>
      </c>
      <c r="Y3165" s="166">
        <v>0</v>
      </c>
      <c r="Z3165" s="166">
        <v>0</v>
      </c>
      <c r="AA3165" s="166">
        <v>0</v>
      </c>
      <c r="AB3165" s="166">
        <v>0</v>
      </c>
      <c r="AC3165" s="166">
        <v>0</v>
      </c>
      <c r="AD3165" s="166">
        <v>0</v>
      </c>
      <c r="AE3165" s="166">
        <v>0</v>
      </c>
      <c r="AF3165" s="166">
        <v>0</v>
      </c>
      <c r="AG3165" s="166">
        <v>0</v>
      </c>
      <c r="AH3165" s="166">
        <v>0</v>
      </c>
      <c r="AI3165" s="166">
        <v>0</v>
      </c>
      <c r="AJ3165" s="166">
        <v>0</v>
      </c>
      <c r="AK3165" s="166">
        <v>0</v>
      </c>
      <c r="AL3165" s="166">
        <v>0</v>
      </c>
      <c r="AM3165" s="166">
        <v>0</v>
      </c>
      <c r="AN3165" s="166">
        <v>0</v>
      </c>
      <c r="AO3165" s="166">
        <v>0</v>
      </c>
      <c r="AP3165" s="166">
        <v>0</v>
      </c>
      <c r="AQ3165" s="166">
        <v>0</v>
      </c>
      <c r="AR3165" s="166">
        <v>0</v>
      </c>
      <c r="AS3165" s="166">
        <v>0</v>
      </c>
      <c r="AT3165" s="166">
        <v>0</v>
      </c>
      <c r="AU3165" s="166">
        <v>0</v>
      </c>
      <c r="AV3165" s="166">
        <v>0</v>
      </c>
      <c r="AW3165" s="166">
        <v>0</v>
      </c>
      <c r="AX3165" s="166">
        <v>0</v>
      </c>
      <c r="AY3165" s="166">
        <v>0</v>
      </c>
      <c r="AZ3165" s="166">
        <v>0</v>
      </c>
      <c r="BA3165" s="166">
        <v>0</v>
      </c>
      <c r="BB3165" s="166">
        <v>0</v>
      </c>
      <c r="BC3165" s="166">
        <v>0</v>
      </c>
      <c r="BD3165" s="166">
        <v>0</v>
      </c>
      <c r="BE3165" s="166">
        <v>0</v>
      </c>
      <c r="BF3165" s="166">
        <v>0</v>
      </c>
      <c r="BG3165" s="166">
        <v>0</v>
      </c>
      <c r="BH3165" s="166">
        <v>0</v>
      </c>
      <c r="BI3165" s="166">
        <v>0</v>
      </c>
      <c r="BJ3165" s="166">
        <v>0</v>
      </c>
      <c r="BK3165" s="166">
        <v>0</v>
      </c>
      <c r="BL3165" s="166">
        <v>0</v>
      </c>
      <c r="BM3165" s="166">
        <v>0</v>
      </c>
      <c r="BN3165" s="166">
        <v>0</v>
      </c>
      <c r="BO3165" s="166">
        <v>0</v>
      </c>
      <c r="BP3165" s="166">
        <v>0</v>
      </c>
      <c r="BQ3165" s="166">
        <v>0</v>
      </c>
      <c r="BR3165" s="166">
        <v>-17633403.179999899</v>
      </c>
      <c r="BS3165" s="166">
        <v>-17633403.179999899</v>
      </c>
      <c r="BT3165" s="168">
        <v>0</v>
      </c>
      <c r="BU3165" s="166">
        <v>0</v>
      </c>
      <c r="BV3165" s="166">
        <v>0</v>
      </c>
      <c r="BW3165" s="166">
        <v>0</v>
      </c>
      <c r="BX3165" s="166">
        <v>0</v>
      </c>
      <c r="BY3165" s="166">
        <v>0</v>
      </c>
      <c r="BZ3165" s="166">
        <v>0</v>
      </c>
      <c r="CA3165" s="166">
        <v>0</v>
      </c>
      <c r="CB3165" s="166">
        <v>0</v>
      </c>
      <c r="CC3165" s="166">
        <v>0</v>
      </c>
      <c r="CD3165" s="166">
        <v>0</v>
      </c>
      <c r="CE3165" s="166">
        <v>0</v>
      </c>
      <c r="CF3165" s="166">
        <v>0</v>
      </c>
      <c r="CG3165" s="166">
        <v>0</v>
      </c>
      <c r="CH3165" s="166">
        <v>0</v>
      </c>
      <c r="CI3165" s="166">
        <v>0</v>
      </c>
      <c r="CJ3165" s="166">
        <v>0</v>
      </c>
      <c r="CK3165" s="166">
        <v>0</v>
      </c>
      <c r="CL3165" s="166">
        <v>0</v>
      </c>
      <c r="CM3165" s="166">
        <v>0</v>
      </c>
      <c r="CN3165" s="166">
        <v>0</v>
      </c>
      <c r="CO3165" s="166">
        <v>0</v>
      </c>
      <c r="CP3165" s="166">
        <v>0</v>
      </c>
      <c r="CQ3165" s="166">
        <v>0</v>
      </c>
      <c r="CR3165" s="166">
        <v>0</v>
      </c>
      <c r="CS3165" s="166">
        <v>0</v>
      </c>
      <c r="CT3165" s="166">
        <v>0</v>
      </c>
      <c r="CU3165" s="166">
        <v>0</v>
      </c>
      <c r="CV3165" s="166">
        <v>0</v>
      </c>
      <c r="CW3165" s="166">
        <v>0</v>
      </c>
      <c r="CX3165" s="166">
        <v>0</v>
      </c>
      <c r="CY3165" s="166">
        <v>0</v>
      </c>
      <c r="CZ3165" s="166">
        <v>0</v>
      </c>
    </row>
    <row r="3166" spans="1:104" x14ac:dyDescent="0.2">
      <c r="A3166" s="167" t="s">
        <v>451</v>
      </c>
    </row>
    <row r="3167" spans="1:104" x14ac:dyDescent="0.2">
      <c r="A3167" s="167" t="s">
        <v>1200</v>
      </c>
      <c r="B3167" s="166">
        <v>24790644.890000001</v>
      </c>
      <c r="C3167" s="166">
        <v>24790644.890000001</v>
      </c>
      <c r="D3167" s="166">
        <v>0</v>
      </c>
      <c r="E3167" s="166">
        <v>0</v>
      </c>
      <c r="F3167" s="166">
        <v>0</v>
      </c>
      <c r="G3167" s="166">
        <v>0</v>
      </c>
      <c r="H3167" s="166">
        <v>0</v>
      </c>
      <c r="I3167" s="166">
        <v>0</v>
      </c>
      <c r="J3167" s="166">
        <v>0</v>
      </c>
      <c r="K3167" s="166">
        <v>0</v>
      </c>
      <c r="L3167" s="166">
        <v>0</v>
      </c>
      <c r="M3167" s="166">
        <v>0</v>
      </c>
      <c r="N3167" s="166">
        <v>0</v>
      </c>
      <c r="O3167" s="166">
        <v>0</v>
      </c>
      <c r="P3167" s="166">
        <v>0</v>
      </c>
      <c r="Q3167" s="166">
        <v>0</v>
      </c>
      <c r="R3167" s="166">
        <v>0</v>
      </c>
      <c r="S3167" s="166">
        <v>0</v>
      </c>
      <c r="T3167" s="166">
        <v>0</v>
      </c>
      <c r="U3167" s="166">
        <v>0</v>
      </c>
      <c r="V3167" s="166">
        <v>0</v>
      </c>
      <c r="W3167" s="166">
        <v>0</v>
      </c>
      <c r="X3167" s="166">
        <v>0</v>
      </c>
      <c r="Y3167" s="166">
        <v>0</v>
      </c>
      <c r="Z3167" s="166">
        <v>0</v>
      </c>
      <c r="AA3167" s="166">
        <v>0</v>
      </c>
      <c r="AB3167" s="166">
        <v>0</v>
      </c>
      <c r="AC3167" s="166">
        <v>0</v>
      </c>
      <c r="AD3167" s="166">
        <v>0</v>
      </c>
      <c r="AE3167" s="166">
        <v>0</v>
      </c>
      <c r="AF3167" s="166">
        <v>0</v>
      </c>
      <c r="AG3167" s="166">
        <v>0</v>
      </c>
      <c r="AH3167" s="166">
        <v>0</v>
      </c>
      <c r="AI3167" s="166">
        <v>0</v>
      </c>
      <c r="AJ3167" s="166">
        <v>0</v>
      </c>
      <c r="AK3167" s="166">
        <v>0</v>
      </c>
      <c r="AL3167" s="166">
        <v>0</v>
      </c>
      <c r="AM3167" s="166">
        <v>0</v>
      </c>
      <c r="AN3167" s="166">
        <v>0</v>
      </c>
      <c r="AO3167" s="166">
        <v>0</v>
      </c>
      <c r="AP3167" s="166">
        <v>0</v>
      </c>
      <c r="AQ3167" s="166">
        <v>0</v>
      </c>
      <c r="AR3167" s="166">
        <v>0</v>
      </c>
      <c r="AS3167" s="166">
        <v>0</v>
      </c>
      <c r="AT3167" s="166">
        <v>0</v>
      </c>
      <c r="AU3167" s="166">
        <v>0</v>
      </c>
      <c r="AV3167" s="166">
        <v>0</v>
      </c>
      <c r="AW3167" s="166">
        <v>0</v>
      </c>
      <c r="AX3167" s="166">
        <v>0</v>
      </c>
      <c r="AY3167" s="166">
        <v>0</v>
      </c>
      <c r="AZ3167" s="166">
        <v>0</v>
      </c>
      <c r="BA3167" s="166">
        <v>0</v>
      </c>
      <c r="BB3167" s="166">
        <v>0</v>
      </c>
      <c r="BC3167" s="166">
        <v>0</v>
      </c>
      <c r="BD3167" s="166">
        <v>0</v>
      </c>
      <c r="BE3167" s="166">
        <v>0</v>
      </c>
      <c r="BF3167" s="166">
        <v>0</v>
      </c>
      <c r="BG3167" s="166">
        <v>0</v>
      </c>
      <c r="BH3167" s="166">
        <v>0</v>
      </c>
      <c r="BI3167" s="166">
        <v>0</v>
      </c>
      <c r="BJ3167" s="166">
        <v>0</v>
      </c>
      <c r="BK3167" s="166">
        <v>0</v>
      </c>
      <c r="BL3167" s="166">
        <v>0</v>
      </c>
      <c r="BM3167" s="166">
        <v>0</v>
      </c>
      <c r="BN3167" s="166">
        <v>0</v>
      </c>
      <c r="BO3167" s="166">
        <v>0</v>
      </c>
      <c r="BP3167" s="166">
        <v>0</v>
      </c>
      <c r="BQ3167" s="166">
        <v>0</v>
      </c>
      <c r="BR3167" s="166">
        <v>24790644.890000001</v>
      </c>
      <c r="BS3167" s="166">
        <v>24790644.890000001</v>
      </c>
      <c r="BT3167" s="168">
        <v>0</v>
      </c>
      <c r="BU3167" s="166">
        <v>0</v>
      </c>
      <c r="BV3167" s="166">
        <v>0</v>
      </c>
      <c r="BW3167" s="166">
        <v>0</v>
      </c>
      <c r="BX3167" s="166">
        <v>0</v>
      </c>
      <c r="BY3167" s="166">
        <v>0</v>
      </c>
      <c r="BZ3167" s="166">
        <v>0</v>
      </c>
      <c r="CA3167" s="166">
        <v>0</v>
      </c>
      <c r="CB3167" s="166">
        <v>0</v>
      </c>
      <c r="CC3167" s="166">
        <v>0</v>
      </c>
      <c r="CD3167" s="166">
        <v>0</v>
      </c>
      <c r="CE3167" s="166">
        <v>0</v>
      </c>
      <c r="CF3167" s="166">
        <v>0</v>
      </c>
      <c r="CG3167" s="166">
        <v>0</v>
      </c>
      <c r="CH3167" s="166">
        <v>0</v>
      </c>
      <c r="CI3167" s="166">
        <v>0</v>
      </c>
      <c r="CJ3167" s="166">
        <v>0</v>
      </c>
      <c r="CK3167" s="166">
        <v>0</v>
      </c>
      <c r="CL3167" s="166">
        <v>0</v>
      </c>
      <c r="CM3167" s="166">
        <v>0</v>
      </c>
      <c r="CN3167" s="166">
        <v>0</v>
      </c>
      <c r="CO3167" s="166">
        <v>0</v>
      </c>
      <c r="CP3167" s="166">
        <v>0</v>
      </c>
      <c r="CQ3167" s="166">
        <v>0</v>
      </c>
      <c r="CR3167" s="166">
        <v>0</v>
      </c>
      <c r="CS3167" s="166">
        <v>0</v>
      </c>
      <c r="CT3167" s="166">
        <v>0</v>
      </c>
      <c r="CU3167" s="166">
        <v>0</v>
      </c>
      <c r="CV3167" s="166">
        <v>0</v>
      </c>
      <c r="CW3167" s="166">
        <v>0</v>
      </c>
      <c r="CX3167" s="166">
        <v>0</v>
      </c>
      <c r="CY3167" s="166">
        <v>0</v>
      </c>
      <c r="CZ3167" s="166">
        <v>0</v>
      </c>
    </row>
    <row r="3168" spans="1:104" x14ac:dyDescent="0.2">
      <c r="A3168" s="167" t="s">
        <v>453</v>
      </c>
    </row>
    <row r="3169" spans="1:104" x14ac:dyDescent="0.2">
      <c r="A3169" s="167" t="s">
        <v>1201</v>
      </c>
      <c r="B3169" s="166">
        <v>13385.219999999899</v>
      </c>
      <c r="C3169" s="166">
        <v>13385.219999999899</v>
      </c>
      <c r="D3169" s="166">
        <v>0</v>
      </c>
      <c r="E3169" s="166">
        <v>0</v>
      </c>
      <c r="F3169" s="166">
        <v>0</v>
      </c>
      <c r="G3169" s="166">
        <v>0</v>
      </c>
      <c r="H3169" s="166">
        <v>0</v>
      </c>
      <c r="I3169" s="166">
        <v>0</v>
      </c>
      <c r="J3169" s="166">
        <v>0</v>
      </c>
      <c r="K3169" s="166">
        <v>0</v>
      </c>
      <c r="L3169" s="166">
        <v>0</v>
      </c>
      <c r="M3169" s="166">
        <v>0</v>
      </c>
      <c r="N3169" s="166">
        <v>0</v>
      </c>
      <c r="O3169" s="166">
        <v>0</v>
      </c>
      <c r="P3169" s="166">
        <v>0</v>
      </c>
      <c r="Q3169" s="166">
        <v>0</v>
      </c>
      <c r="R3169" s="166">
        <v>0</v>
      </c>
      <c r="S3169" s="166">
        <v>0</v>
      </c>
      <c r="T3169" s="166">
        <v>0</v>
      </c>
      <c r="U3169" s="166">
        <v>0</v>
      </c>
      <c r="V3169" s="166">
        <v>0</v>
      </c>
      <c r="W3169" s="166">
        <v>0</v>
      </c>
      <c r="X3169" s="166">
        <v>0</v>
      </c>
      <c r="Y3169" s="166">
        <v>0</v>
      </c>
      <c r="Z3169" s="166">
        <v>0</v>
      </c>
      <c r="AA3169" s="166">
        <v>0</v>
      </c>
      <c r="AB3169" s="166">
        <v>0</v>
      </c>
      <c r="AC3169" s="166">
        <v>0</v>
      </c>
      <c r="AD3169" s="166">
        <v>0</v>
      </c>
      <c r="AE3169" s="166">
        <v>0</v>
      </c>
      <c r="AF3169" s="166">
        <v>0</v>
      </c>
      <c r="AG3169" s="166">
        <v>0</v>
      </c>
      <c r="AH3169" s="166">
        <v>0</v>
      </c>
      <c r="AI3169" s="166">
        <v>0</v>
      </c>
      <c r="AJ3169" s="166">
        <v>0</v>
      </c>
      <c r="AK3169" s="166">
        <v>0</v>
      </c>
      <c r="AL3169" s="166">
        <v>0</v>
      </c>
      <c r="AM3169" s="166">
        <v>0</v>
      </c>
      <c r="AN3169" s="166">
        <v>0</v>
      </c>
      <c r="AO3169" s="166">
        <v>0</v>
      </c>
      <c r="AP3169" s="166">
        <v>0</v>
      </c>
      <c r="AQ3169" s="166">
        <v>0</v>
      </c>
      <c r="AR3169" s="166">
        <v>0</v>
      </c>
      <c r="AS3169" s="166">
        <v>0</v>
      </c>
      <c r="AT3169" s="166">
        <v>0</v>
      </c>
      <c r="AU3169" s="166">
        <v>0</v>
      </c>
      <c r="AV3169" s="166">
        <v>0</v>
      </c>
      <c r="AW3169" s="166">
        <v>0</v>
      </c>
      <c r="AX3169" s="166">
        <v>0</v>
      </c>
      <c r="AY3169" s="166">
        <v>0</v>
      </c>
      <c r="AZ3169" s="166">
        <v>0</v>
      </c>
      <c r="BA3169" s="166">
        <v>0</v>
      </c>
      <c r="BB3169" s="166">
        <v>0</v>
      </c>
      <c r="BC3169" s="166">
        <v>0</v>
      </c>
      <c r="BD3169" s="166">
        <v>0</v>
      </c>
      <c r="BE3169" s="166">
        <v>0</v>
      </c>
      <c r="BF3169" s="166">
        <v>0</v>
      </c>
      <c r="BG3169" s="166">
        <v>0</v>
      </c>
      <c r="BH3169" s="166">
        <v>0</v>
      </c>
      <c r="BI3169" s="166">
        <v>0</v>
      </c>
      <c r="BJ3169" s="166">
        <v>0</v>
      </c>
      <c r="BK3169" s="166">
        <v>0</v>
      </c>
      <c r="BL3169" s="166">
        <v>0</v>
      </c>
      <c r="BM3169" s="166">
        <v>0</v>
      </c>
      <c r="BN3169" s="166">
        <v>0</v>
      </c>
      <c r="BO3169" s="166">
        <v>0</v>
      </c>
      <c r="BP3169" s="166">
        <v>0</v>
      </c>
      <c r="BQ3169" s="166">
        <v>0</v>
      </c>
      <c r="BR3169" s="166">
        <v>13385.219999999899</v>
      </c>
      <c r="BS3169" s="166">
        <v>13385.219999999899</v>
      </c>
      <c r="BT3169" s="168">
        <v>0</v>
      </c>
      <c r="BU3169" s="166">
        <v>0</v>
      </c>
      <c r="BV3169" s="166">
        <v>0</v>
      </c>
      <c r="BW3169" s="166">
        <v>0</v>
      </c>
      <c r="BX3169" s="166">
        <v>0</v>
      </c>
      <c r="BY3169" s="166">
        <v>0</v>
      </c>
      <c r="BZ3169" s="166">
        <v>0</v>
      </c>
      <c r="CA3169" s="166">
        <v>0</v>
      </c>
      <c r="CB3169" s="166">
        <v>0</v>
      </c>
      <c r="CC3169" s="166">
        <v>0</v>
      </c>
      <c r="CD3169" s="166">
        <v>0</v>
      </c>
      <c r="CE3169" s="166">
        <v>0</v>
      </c>
      <c r="CF3169" s="166">
        <v>0</v>
      </c>
      <c r="CG3169" s="166">
        <v>0</v>
      </c>
      <c r="CH3169" s="166">
        <v>0</v>
      </c>
      <c r="CI3169" s="166">
        <v>0</v>
      </c>
      <c r="CJ3169" s="166">
        <v>0</v>
      </c>
      <c r="CK3169" s="166">
        <v>0</v>
      </c>
      <c r="CL3169" s="166">
        <v>0</v>
      </c>
      <c r="CM3169" s="166">
        <v>0</v>
      </c>
      <c r="CN3169" s="166">
        <v>0</v>
      </c>
      <c r="CO3169" s="166">
        <v>0</v>
      </c>
      <c r="CP3169" s="166">
        <v>0</v>
      </c>
      <c r="CQ3169" s="166">
        <v>0</v>
      </c>
      <c r="CR3169" s="166">
        <v>0</v>
      </c>
      <c r="CS3169" s="166">
        <v>0</v>
      </c>
      <c r="CT3169" s="166">
        <v>0</v>
      </c>
      <c r="CU3169" s="166">
        <v>0</v>
      </c>
      <c r="CV3169" s="166">
        <v>0</v>
      </c>
      <c r="CW3169" s="166">
        <v>0</v>
      </c>
      <c r="CX3169" s="166">
        <v>0</v>
      </c>
      <c r="CY3169" s="166">
        <v>0</v>
      </c>
      <c r="CZ3169" s="166">
        <v>0</v>
      </c>
    </row>
    <row r="3170" spans="1:104" x14ac:dyDescent="0.2">
      <c r="A3170" s="167" t="s">
        <v>1202</v>
      </c>
      <c r="B3170" s="166">
        <v>210742544.42063099</v>
      </c>
      <c r="C3170" s="166">
        <v>210742544.42063099</v>
      </c>
      <c r="D3170" s="166">
        <v>0</v>
      </c>
      <c r="E3170" s="166">
        <v>0</v>
      </c>
      <c r="F3170" s="166">
        <v>0</v>
      </c>
      <c r="G3170" s="166">
        <v>0</v>
      </c>
      <c r="H3170" s="166">
        <v>0</v>
      </c>
      <c r="I3170" s="166">
        <v>0</v>
      </c>
      <c r="J3170" s="166">
        <v>0</v>
      </c>
      <c r="K3170" s="166">
        <v>0</v>
      </c>
      <c r="L3170" s="166">
        <v>0</v>
      </c>
      <c r="M3170" s="166">
        <v>0</v>
      </c>
      <c r="N3170" s="166">
        <v>0</v>
      </c>
      <c r="O3170" s="166">
        <v>0</v>
      </c>
      <c r="P3170" s="166">
        <v>0</v>
      </c>
      <c r="Q3170" s="166">
        <v>0</v>
      </c>
      <c r="R3170" s="166">
        <v>0</v>
      </c>
      <c r="S3170" s="166">
        <v>0</v>
      </c>
      <c r="T3170" s="166">
        <v>0</v>
      </c>
      <c r="U3170" s="166">
        <v>0</v>
      </c>
      <c r="V3170" s="166">
        <v>0</v>
      </c>
      <c r="W3170" s="166">
        <v>0</v>
      </c>
      <c r="X3170" s="166">
        <v>0</v>
      </c>
      <c r="Y3170" s="166">
        <v>0</v>
      </c>
      <c r="Z3170" s="166">
        <v>0</v>
      </c>
      <c r="AA3170" s="166">
        <v>0</v>
      </c>
      <c r="AB3170" s="166">
        <v>0</v>
      </c>
      <c r="AC3170" s="166">
        <v>0</v>
      </c>
      <c r="AD3170" s="166">
        <v>0</v>
      </c>
      <c r="AE3170" s="166">
        <v>0</v>
      </c>
      <c r="AF3170" s="166">
        <v>0</v>
      </c>
      <c r="AG3170" s="166">
        <v>0</v>
      </c>
      <c r="AH3170" s="166">
        <v>0</v>
      </c>
      <c r="AI3170" s="166">
        <v>0</v>
      </c>
      <c r="AJ3170" s="166">
        <v>0</v>
      </c>
      <c r="AK3170" s="166">
        <v>0</v>
      </c>
      <c r="AL3170" s="166">
        <v>0</v>
      </c>
      <c r="AM3170" s="166">
        <v>0</v>
      </c>
      <c r="AN3170" s="166">
        <v>0</v>
      </c>
      <c r="AO3170" s="166">
        <v>0</v>
      </c>
      <c r="AP3170" s="166">
        <v>0</v>
      </c>
      <c r="AQ3170" s="166">
        <v>0</v>
      </c>
      <c r="AR3170" s="166">
        <v>0</v>
      </c>
      <c r="AS3170" s="166">
        <v>0</v>
      </c>
      <c r="AT3170" s="166">
        <v>0</v>
      </c>
      <c r="AU3170" s="166">
        <v>0</v>
      </c>
      <c r="AV3170" s="166">
        <v>0</v>
      </c>
      <c r="AW3170" s="166">
        <v>0</v>
      </c>
      <c r="AX3170" s="166">
        <v>-4028134.7740020598</v>
      </c>
      <c r="AY3170" s="166">
        <v>0</v>
      </c>
      <c r="AZ3170" s="166">
        <v>0</v>
      </c>
      <c r="BA3170" s="166">
        <v>0</v>
      </c>
      <c r="BB3170" s="166">
        <v>0</v>
      </c>
      <c r="BC3170" s="166">
        <v>0</v>
      </c>
      <c r="BD3170" s="166">
        <v>0</v>
      </c>
      <c r="BE3170" s="166">
        <v>0</v>
      </c>
      <c r="BF3170" s="166">
        <v>0</v>
      </c>
      <c r="BG3170" s="166">
        <v>0</v>
      </c>
      <c r="BH3170" s="166">
        <v>0</v>
      </c>
      <c r="BI3170" s="166">
        <v>0</v>
      </c>
      <c r="BJ3170" s="166">
        <v>0</v>
      </c>
      <c r="BK3170" s="166">
        <v>0</v>
      </c>
      <c r="BL3170" s="166">
        <v>0</v>
      </c>
      <c r="BM3170" s="166">
        <v>0</v>
      </c>
      <c r="BN3170" s="166">
        <v>0</v>
      </c>
      <c r="BO3170" s="166">
        <v>-4028134.7740020598</v>
      </c>
      <c r="BP3170" s="166">
        <v>0</v>
      </c>
      <c r="BQ3170" s="166">
        <v>0</v>
      </c>
      <c r="BR3170" s="166">
        <v>210742544.42063099</v>
      </c>
      <c r="BS3170" s="166">
        <v>206714409.64662901</v>
      </c>
      <c r="BT3170" s="168">
        <v>0</v>
      </c>
      <c r="BU3170" s="166">
        <v>0</v>
      </c>
      <c r="BV3170" s="166">
        <v>0</v>
      </c>
      <c r="BW3170" s="166">
        <v>0</v>
      </c>
      <c r="BX3170" s="166">
        <v>0</v>
      </c>
      <c r="BY3170" s="166">
        <v>0</v>
      </c>
      <c r="BZ3170" s="166">
        <v>0</v>
      </c>
      <c r="CA3170" s="166">
        <v>0</v>
      </c>
      <c r="CB3170" s="166">
        <v>0</v>
      </c>
      <c r="CC3170" s="166">
        <v>0</v>
      </c>
      <c r="CD3170" s="166">
        <v>0</v>
      </c>
      <c r="CE3170" s="166">
        <v>0</v>
      </c>
      <c r="CF3170" s="166">
        <v>0</v>
      </c>
      <c r="CG3170" s="166">
        <v>0</v>
      </c>
      <c r="CH3170" s="166">
        <v>0</v>
      </c>
      <c r="CI3170" s="166">
        <v>0</v>
      </c>
      <c r="CJ3170" s="166">
        <v>0</v>
      </c>
      <c r="CK3170" s="166">
        <v>0</v>
      </c>
      <c r="CL3170" s="166">
        <v>0</v>
      </c>
      <c r="CM3170" s="166">
        <v>0</v>
      </c>
      <c r="CN3170" s="166">
        <v>0</v>
      </c>
      <c r="CO3170" s="166">
        <v>0</v>
      </c>
      <c r="CP3170" s="166">
        <v>0</v>
      </c>
      <c r="CQ3170" s="166">
        <v>0</v>
      </c>
      <c r="CR3170" s="166">
        <v>0</v>
      </c>
      <c r="CS3170" s="166">
        <v>0</v>
      </c>
      <c r="CT3170" s="166">
        <v>0</v>
      </c>
      <c r="CU3170" s="166">
        <v>0</v>
      </c>
      <c r="CV3170" s="166">
        <v>0</v>
      </c>
      <c r="CW3170" s="166">
        <v>0</v>
      </c>
      <c r="CX3170" s="166">
        <v>0</v>
      </c>
      <c r="CY3170" s="166">
        <v>0</v>
      </c>
      <c r="CZ3170" s="166">
        <v>0</v>
      </c>
    </row>
    <row r="3171" spans="1:104" x14ac:dyDescent="0.2">
      <c r="A3171" s="167" t="s">
        <v>455</v>
      </c>
    </row>
    <row r="3172" spans="1:104" x14ac:dyDescent="0.2">
      <c r="A3172" s="167" t="s">
        <v>1204</v>
      </c>
      <c r="B3172" s="166">
        <v>0</v>
      </c>
      <c r="C3172" s="166">
        <v>0</v>
      </c>
      <c r="D3172" s="166">
        <v>0</v>
      </c>
      <c r="E3172" s="166">
        <v>0</v>
      </c>
      <c r="F3172" s="166">
        <v>0</v>
      </c>
      <c r="G3172" s="166">
        <v>0</v>
      </c>
      <c r="H3172" s="166">
        <v>0</v>
      </c>
      <c r="I3172" s="166">
        <v>0</v>
      </c>
      <c r="J3172" s="166">
        <v>0</v>
      </c>
      <c r="K3172" s="166">
        <v>0</v>
      </c>
      <c r="L3172" s="166">
        <v>0</v>
      </c>
      <c r="M3172" s="166">
        <v>0</v>
      </c>
      <c r="N3172" s="166">
        <v>0</v>
      </c>
      <c r="O3172" s="166">
        <v>0</v>
      </c>
      <c r="P3172" s="166">
        <v>0</v>
      </c>
      <c r="Q3172" s="166">
        <v>0</v>
      </c>
      <c r="R3172" s="166">
        <v>0</v>
      </c>
      <c r="S3172" s="166">
        <v>0</v>
      </c>
      <c r="T3172" s="166">
        <v>0</v>
      </c>
      <c r="U3172" s="166">
        <v>0</v>
      </c>
      <c r="V3172" s="166">
        <v>0</v>
      </c>
      <c r="W3172" s="166">
        <v>0</v>
      </c>
      <c r="X3172" s="166">
        <v>0</v>
      </c>
      <c r="Y3172" s="166">
        <v>0</v>
      </c>
      <c r="Z3172" s="166">
        <v>0</v>
      </c>
      <c r="AA3172" s="166">
        <v>0</v>
      </c>
      <c r="AB3172" s="166">
        <v>0</v>
      </c>
      <c r="AC3172" s="166">
        <v>0</v>
      </c>
      <c r="AD3172" s="166">
        <v>0</v>
      </c>
      <c r="AE3172" s="166">
        <v>0</v>
      </c>
      <c r="AF3172" s="166">
        <v>0</v>
      </c>
      <c r="AG3172" s="166">
        <v>0</v>
      </c>
      <c r="AH3172" s="166">
        <v>0</v>
      </c>
      <c r="AI3172" s="166">
        <v>0</v>
      </c>
      <c r="AJ3172" s="166">
        <v>0</v>
      </c>
      <c r="AK3172" s="166">
        <v>0</v>
      </c>
      <c r="AL3172" s="166">
        <v>0</v>
      </c>
      <c r="AM3172" s="166">
        <v>0</v>
      </c>
      <c r="AN3172" s="166">
        <v>0</v>
      </c>
      <c r="AO3172" s="166">
        <v>0</v>
      </c>
      <c r="AP3172" s="166">
        <v>0</v>
      </c>
      <c r="AQ3172" s="166">
        <v>0</v>
      </c>
      <c r="AR3172" s="166">
        <v>0</v>
      </c>
      <c r="AS3172" s="166">
        <v>0</v>
      </c>
      <c r="AT3172" s="166">
        <v>0</v>
      </c>
      <c r="AU3172" s="166">
        <v>0</v>
      </c>
      <c r="AV3172" s="166">
        <v>0</v>
      </c>
      <c r="AW3172" s="166">
        <v>0</v>
      </c>
      <c r="AX3172" s="166">
        <v>0</v>
      </c>
      <c r="AY3172" s="166">
        <v>0</v>
      </c>
      <c r="AZ3172" s="166">
        <v>0</v>
      </c>
      <c r="BA3172" s="166">
        <v>0</v>
      </c>
      <c r="BB3172" s="166">
        <v>0</v>
      </c>
      <c r="BC3172" s="166">
        <v>0</v>
      </c>
      <c r="BD3172" s="166">
        <v>0</v>
      </c>
      <c r="BE3172" s="166">
        <v>0</v>
      </c>
      <c r="BF3172" s="166">
        <v>0</v>
      </c>
      <c r="BG3172" s="166">
        <v>0</v>
      </c>
      <c r="BH3172" s="166">
        <v>0</v>
      </c>
      <c r="BI3172" s="166">
        <v>0</v>
      </c>
      <c r="BJ3172" s="166">
        <v>0</v>
      </c>
      <c r="BK3172" s="166">
        <v>0</v>
      </c>
      <c r="BL3172" s="166">
        <v>0</v>
      </c>
      <c r="BM3172" s="166">
        <v>0</v>
      </c>
      <c r="BN3172" s="166">
        <v>0</v>
      </c>
      <c r="BO3172" s="166">
        <v>0</v>
      </c>
      <c r="BP3172" s="166">
        <v>0</v>
      </c>
      <c r="BQ3172" s="166">
        <v>0</v>
      </c>
      <c r="BR3172" s="166">
        <v>0</v>
      </c>
      <c r="BS3172" s="166">
        <v>0</v>
      </c>
      <c r="BT3172" s="168">
        <v>0</v>
      </c>
      <c r="BU3172" s="166">
        <v>0</v>
      </c>
      <c r="BV3172" s="166">
        <v>0</v>
      </c>
      <c r="BW3172" s="166">
        <v>0</v>
      </c>
      <c r="BX3172" s="166">
        <v>0</v>
      </c>
      <c r="BY3172" s="166">
        <v>0</v>
      </c>
      <c r="BZ3172" s="166">
        <v>0</v>
      </c>
      <c r="CA3172" s="166">
        <v>0</v>
      </c>
      <c r="CB3172" s="166">
        <v>0</v>
      </c>
      <c r="CC3172" s="166">
        <v>0</v>
      </c>
      <c r="CD3172" s="166">
        <v>0</v>
      </c>
      <c r="CE3172" s="166">
        <v>0</v>
      </c>
      <c r="CF3172" s="166">
        <v>0</v>
      </c>
      <c r="CG3172" s="166">
        <v>0</v>
      </c>
      <c r="CH3172" s="166">
        <v>0</v>
      </c>
      <c r="CI3172" s="166">
        <v>0</v>
      </c>
      <c r="CJ3172" s="166">
        <v>0</v>
      </c>
      <c r="CK3172" s="166">
        <v>0</v>
      </c>
      <c r="CL3172" s="166">
        <v>0</v>
      </c>
      <c r="CM3172" s="166">
        <v>0</v>
      </c>
      <c r="CN3172" s="166">
        <v>0</v>
      </c>
      <c r="CO3172" s="166">
        <v>0</v>
      </c>
      <c r="CP3172" s="166">
        <v>0</v>
      </c>
      <c r="CQ3172" s="166">
        <v>0</v>
      </c>
      <c r="CR3172" s="166">
        <v>0</v>
      </c>
      <c r="CS3172" s="166">
        <v>0</v>
      </c>
      <c r="CT3172" s="166">
        <v>0</v>
      </c>
      <c r="CU3172" s="166">
        <v>0</v>
      </c>
      <c r="CV3172" s="166">
        <v>0</v>
      </c>
      <c r="CW3172" s="166">
        <v>0</v>
      </c>
      <c r="CX3172" s="166">
        <v>0</v>
      </c>
      <c r="CY3172" s="166">
        <v>0</v>
      </c>
      <c r="CZ3172" s="166">
        <v>0</v>
      </c>
    </row>
    <row r="3173" spans="1:104" x14ac:dyDescent="0.2">
      <c r="A3173" s="167" t="s">
        <v>457</v>
      </c>
    </row>
    <row r="3174" spans="1:104" x14ac:dyDescent="0.2">
      <c r="A3174" s="170" t="s">
        <v>458</v>
      </c>
      <c r="B3174" s="166">
        <v>755667356.65463102</v>
      </c>
      <c r="C3174" s="166">
        <v>755667356.65463102</v>
      </c>
      <c r="D3174" s="166">
        <v>0</v>
      </c>
      <c r="E3174" s="166">
        <v>0</v>
      </c>
      <c r="F3174" s="166">
        <v>0</v>
      </c>
      <c r="G3174" s="166">
        <v>0</v>
      </c>
      <c r="H3174" s="166">
        <v>0</v>
      </c>
      <c r="I3174" s="166">
        <v>0</v>
      </c>
      <c r="J3174" s="166">
        <v>0</v>
      </c>
      <c r="K3174" s="166">
        <v>0</v>
      </c>
      <c r="L3174" s="166">
        <v>0</v>
      </c>
      <c r="M3174" s="166">
        <v>0</v>
      </c>
      <c r="N3174" s="166">
        <v>0</v>
      </c>
      <c r="O3174" s="166">
        <v>0</v>
      </c>
      <c r="P3174" s="166">
        <v>0</v>
      </c>
      <c r="Q3174" s="166">
        <v>0</v>
      </c>
      <c r="R3174" s="166">
        <v>0</v>
      </c>
      <c r="S3174" s="166">
        <v>0</v>
      </c>
      <c r="T3174" s="166">
        <v>0</v>
      </c>
      <c r="U3174" s="166">
        <v>0</v>
      </c>
      <c r="V3174" s="166">
        <v>0</v>
      </c>
      <c r="W3174" s="166">
        <v>0</v>
      </c>
      <c r="X3174" s="166">
        <v>0</v>
      </c>
      <c r="Y3174" s="166">
        <v>0</v>
      </c>
      <c r="Z3174" s="166">
        <v>0</v>
      </c>
      <c r="AA3174" s="166">
        <v>0</v>
      </c>
      <c r="AB3174" s="166">
        <v>0</v>
      </c>
      <c r="AC3174" s="166">
        <v>0</v>
      </c>
      <c r="AD3174" s="166">
        <v>0</v>
      </c>
      <c r="AE3174" s="166">
        <v>0</v>
      </c>
      <c r="AF3174" s="166">
        <v>0</v>
      </c>
      <c r="AG3174" s="166">
        <v>0</v>
      </c>
      <c r="AH3174" s="166">
        <v>0</v>
      </c>
      <c r="AI3174" s="166">
        <v>0</v>
      </c>
      <c r="AJ3174" s="166">
        <v>0</v>
      </c>
      <c r="AK3174" s="166">
        <v>0</v>
      </c>
      <c r="AL3174" s="166">
        <v>0</v>
      </c>
      <c r="AM3174" s="166">
        <v>0</v>
      </c>
      <c r="AN3174" s="166">
        <v>0</v>
      </c>
      <c r="AO3174" s="166">
        <v>0</v>
      </c>
      <c r="AP3174" s="166">
        <v>0</v>
      </c>
      <c r="AQ3174" s="166">
        <v>0</v>
      </c>
      <c r="AR3174" s="166">
        <v>0</v>
      </c>
      <c r="AS3174" s="166">
        <v>0</v>
      </c>
      <c r="AT3174" s="166">
        <v>0</v>
      </c>
      <c r="AU3174" s="166">
        <v>0</v>
      </c>
      <c r="AV3174" s="166">
        <v>0</v>
      </c>
      <c r="AW3174" s="166">
        <v>0</v>
      </c>
      <c r="AX3174" s="166">
        <v>-4028134.7740020598</v>
      </c>
      <c r="AY3174" s="166">
        <v>0</v>
      </c>
      <c r="AZ3174" s="166">
        <v>0</v>
      </c>
      <c r="BA3174" s="166">
        <v>0</v>
      </c>
      <c r="BB3174" s="166">
        <v>0</v>
      </c>
      <c r="BC3174" s="166">
        <v>0</v>
      </c>
      <c r="BD3174" s="166">
        <v>0</v>
      </c>
      <c r="BE3174" s="166">
        <v>0</v>
      </c>
      <c r="BF3174" s="166">
        <v>0</v>
      </c>
      <c r="BG3174" s="166">
        <v>0</v>
      </c>
      <c r="BH3174" s="166">
        <v>0</v>
      </c>
      <c r="BI3174" s="166">
        <v>0</v>
      </c>
      <c r="BJ3174" s="166">
        <v>0</v>
      </c>
      <c r="BK3174" s="166">
        <v>0</v>
      </c>
      <c r="BL3174" s="166">
        <v>0</v>
      </c>
      <c r="BM3174" s="166">
        <v>0</v>
      </c>
      <c r="BN3174" s="166">
        <v>0</v>
      </c>
      <c r="BO3174" s="166">
        <v>-4028134.7740020598</v>
      </c>
      <c r="BP3174" s="166">
        <v>0</v>
      </c>
      <c r="BQ3174" s="166">
        <v>0</v>
      </c>
      <c r="BR3174" s="166">
        <v>755667356.65463102</v>
      </c>
      <c r="BS3174" s="166">
        <v>751639221.88062894</v>
      </c>
      <c r="BT3174" s="168">
        <v>0</v>
      </c>
      <c r="BU3174" s="166">
        <v>0</v>
      </c>
      <c r="BV3174" s="166">
        <v>0</v>
      </c>
      <c r="BW3174" s="166">
        <v>0</v>
      </c>
      <c r="BX3174" s="166">
        <v>0</v>
      </c>
      <c r="BY3174" s="166">
        <v>0</v>
      </c>
      <c r="BZ3174" s="166">
        <v>0</v>
      </c>
      <c r="CA3174" s="166">
        <v>0</v>
      </c>
      <c r="CB3174" s="166">
        <v>0</v>
      </c>
      <c r="CC3174" s="166">
        <v>0</v>
      </c>
      <c r="CD3174" s="166">
        <v>0</v>
      </c>
      <c r="CE3174" s="166">
        <v>0</v>
      </c>
      <c r="CF3174" s="166">
        <v>0</v>
      </c>
      <c r="CG3174" s="166">
        <v>0</v>
      </c>
      <c r="CH3174" s="166">
        <v>0</v>
      </c>
      <c r="CI3174" s="166">
        <v>0</v>
      </c>
      <c r="CJ3174" s="166">
        <v>0</v>
      </c>
      <c r="CK3174" s="166">
        <v>0</v>
      </c>
      <c r="CL3174" s="166">
        <v>0</v>
      </c>
      <c r="CM3174" s="166">
        <v>0</v>
      </c>
      <c r="CN3174" s="166">
        <v>0</v>
      </c>
      <c r="CO3174" s="166">
        <v>0</v>
      </c>
      <c r="CP3174" s="166">
        <v>0</v>
      </c>
      <c r="CQ3174" s="166">
        <v>0</v>
      </c>
      <c r="CR3174" s="166">
        <v>0</v>
      </c>
      <c r="CS3174" s="166">
        <v>0</v>
      </c>
      <c r="CT3174" s="166">
        <v>0</v>
      </c>
      <c r="CU3174" s="166">
        <v>0</v>
      </c>
      <c r="CV3174" s="166">
        <v>0</v>
      </c>
      <c r="CW3174" s="166">
        <v>0</v>
      </c>
      <c r="CX3174" s="166">
        <v>0</v>
      </c>
      <c r="CY3174" s="166">
        <v>0</v>
      </c>
      <c r="CZ3174" s="166">
        <v>0</v>
      </c>
    </row>
    <row r="3175" spans="1:104" x14ac:dyDescent="0.2">
      <c r="A3175" s="167" t="s">
        <v>459</v>
      </c>
    </row>
    <row r="3176" spans="1:104" x14ac:dyDescent="0.2">
      <c r="A3176" s="170" t="s">
        <v>460</v>
      </c>
    </row>
    <row r="3177" spans="1:104" x14ac:dyDescent="0.2">
      <c r="A3177" s="167" t="s">
        <v>461</v>
      </c>
      <c r="B3177" s="166">
        <v>17663846.509999901</v>
      </c>
      <c r="C3177" s="166">
        <v>17663846.509999901</v>
      </c>
      <c r="D3177" s="166">
        <v>0</v>
      </c>
      <c r="E3177" s="166">
        <v>0</v>
      </c>
      <c r="F3177" s="166">
        <v>0</v>
      </c>
      <c r="G3177" s="166">
        <v>0</v>
      </c>
      <c r="H3177" s="166">
        <v>0</v>
      </c>
      <c r="I3177" s="166">
        <v>0</v>
      </c>
      <c r="J3177" s="166">
        <v>0</v>
      </c>
      <c r="K3177" s="166">
        <v>0</v>
      </c>
      <c r="L3177" s="166">
        <v>0</v>
      </c>
      <c r="M3177" s="166">
        <v>0</v>
      </c>
      <c r="N3177" s="166">
        <v>0</v>
      </c>
      <c r="O3177" s="166">
        <v>0</v>
      </c>
      <c r="P3177" s="166">
        <v>0</v>
      </c>
      <c r="Q3177" s="166">
        <v>0</v>
      </c>
      <c r="R3177" s="166">
        <v>-17663846.509999901</v>
      </c>
      <c r="S3177" s="166">
        <v>0</v>
      </c>
      <c r="T3177" s="166">
        <v>0</v>
      </c>
      <c r="U3177" s="166">
        <v>0</v>
      </c>
      <c r="V3177" s="166">
        <v>0</v>
      </c>
      <c r="W3177" s="166">
        <v>0</v>
      </c>
      <c r="X3177" s="166">
        <v>0</v>
      </c>
      <c r="Y3177" s="166">
        <v>0</v>
      </c>
      <c r="Z3177" s="166">
        <v>0</v>
      </c>
      <c r="AA3177" s="166">
        <v>0</v>
      </c>
      <c r="AB3177" s="166">
        <v>0</v>
      </c>
      <c r="AC3177" s="166">
        <v>0</v>
      </c>
      <c r="AD3177" s="166">
        <v>0</v>
      </c>
      <c r="AE3177" s="166">
        <v>0</v>
      </c>
      <c r="AF3177" s="166">
        <v>0</v>
      </c>
      <c r="AG3177" s="166">
        <v>0</v>
      </c>
      <c r="AH3177" s="166">
        <v>0</v>
      </c>
      <c r="AI3177" s="166">
        <v>0</v>
      </c>
      <c r="AJ3177" s="166">
        <v>0</v>
      </c>
      <c r="AK3177" s="166">
        <v>0</v>
      </c>
      <c r="AL3177" s="166">
        <v>0</v>
      </c>
      <c r="AM3177" s="166">
        <v>0</v>
      </c>
      <c r="AN3177" s="166">
        <v>0</v>
      </c>
      <c r="AO3177" s="166">
        <v>0</v>
      </c>
      <c r="AP3177" s="166">
        <v>0</v>
      </c>
      <c r="AQ3177" s="166">
        <v>0</v>
      </c>
      <c r="AR3177" s="166">
        <v>0</v>
      </c>
      <c r="AS3177" s="166">
        <v>0</v>
      </c>
      <c r="AT3177" s="166">
        <v>0</v>
      </c>
      <c r="AU3177" s="166">
        <v>0</v>
      </c>
      <c r="AV3177" s="166">
        <v>0</v>
      </c>
      <c r="AW3177" s="166">
        <v>0</v>
      </c>
      <c r="AX3177" s="166">
        <v>0</v>
      </c>
      <c r="AY3177" s="166">
        <v>0</v>
      </c>
      <c r="AZ3177" s="166">
        <v>0</v>
      </c>
      <c r="BA3177" s="166">
        <v>0</v>
      </c>
      <c r="BB3177" s="166">
        <v>0</v>
      </c>
      <c r="BC3177" s="166">
        <v>0</v>
      </c>
      <c r="BD3177" s="166">
        <v>0</v>
      </c>
      <c r="BE3177" s="166">
        <v>0</v>
      </c>
      <c r="BF3177" s="166">
        <v>0</v>
      </c>
      <c r="BG3177" s="166">
        <v>-17663846.509999901</v>
      </c>
      <c r="BH3177" s="166">
        <v>0</v>
      </c>
      <c r="BI3177" s="166">
        <v>0</v>
      </c>
      <c r="BJ3177" s="166">
        <v>0</v>
      </c>
      <c r="BK3177" s="166">
        <v>0</v>
      </c>
      <c r="BL3177" s="166">
        <v>0</v>
      </c>
      <c r="BM3177" s="166">
        <v>0</v>
      </c>
      <c r="BN3177" s="166">
        <v>0</v>
      </c>
      <c r="BO3177" s="166">
        <v>0</v>
      </c>
      <c r="BP3177" s="166">
        <v>0</v>
      </c>
      <c r="BQ3177" s="166">
        <v>0</v>
      </c>
      <c r="BR3177" s="166">
        <v>17663846.509999901</v>
      </c>
      <c r="BS3177" s="166">
        <v>0</v>
      </c>
      <c r="BT3177" s="168">
        <v>0</v>
      </c>
      <c r="BU3177" s="166">
        <v>0</v>
      </c>
      <c r="BV3177" s="166">
        <v>0</v>
      </c>
      <c r="BW3177" s="166">
        <v>0</v>
      </c>
      <c r="BX3177" s="166">
        <v>0</v>
      </c>
      <c r="BY3177" s="166">
        <v>0</v>
      </c>
      <c r="BZ3177" s="166">
        <v>0</v>
      </c>
      <c r="CA3177" s="166">
        <v>0</v>
      </c>
      <c r="CB3177" s="166">
        <v>0</v>
      </c>
      <c r="CC3177" s="166">
        <v>0</v>
      </c>
      <c r="CD3177" s="166">
        <v>0</v>
      </c>
      <c r="CE3177" s="166">
        <v>0</v>
      </c>
      <c r="CF3177" s="166">
        <v>0</v>
      </c>
      <c r="CG3177" s="166">
        <v>0</v>
      </c>
      <c r="CH3177" s="166">
        <v>0</v>
      </c>
      <c r="CI3177" s="166">
        <v>0</v>
      </c>
      <c r="CJ3177" s="166">
        <v>0</v>
      </c>
      <c r="CK3177" s="166">
        <v>0</v>
      </c>
      <c r="CL3177" s="166">
        <v>0</v>
      </c>
      <c r="CM3177" s="166">
        <v>0</v>
      </c>
      <c r="CN3177" s="166">
        <v>0</v>
      </c>
      <c r="CO3177" s="166">
        <v>0</v>
      </c>
      <c r="CP3177" s="166">
        <v>0</v>
      </c>
      <c r="CQ3177" s="166">
        <v>0</v>
      </c>
      <c r="CR3177" s="166">
        <v>0</v>
      </c>
      <c r="CS3177" s="166">
        <v>0</v>
      </c>
      <c r="CT3177" s="166">
        <v>0</v>
      </c>
      <c r="CU3177" s="166">
        <v>0</v>
      </c>
      <c r="CV3177" s="166">
        <v>0</v>
      </c>
      <c r="CW3177" s="166">
        <v>0</v>
      </c>
      <c r="CX3177" s="166">
        <v>0</v>
      </c>
      <c r="CY3177" s="166">
        <v>0</v>
      </c>
      <c r="CZ3177" s="166">
        <v>0</v>
      </c>
    </row>
    <row r="3178" spans="1:104" x14ac:dyDescent="0.2">
      <c r="A3178" s="167" t="s">
        <v>462</v>
      </c>
    </row>
    <row r="3179" spans="1:104" x14ac:dyDescent="0.2">
      <c r="A3179" s="167" t="s">
        <v>463</v>
      </c>
      <c r="B3179" s="166">
        <v>3943629.58</v>
      </c>
      <c r="C3179" s="166">
        <v>3943629.58</v>
      </c>
      <c r="D3179" s="166">
        <v>0</v>
      </c>
      <c r="E3179" s="166">
        <v>0</v>
      </c>
      <c r="F3179" s="166">
        <v>0</v>
      </c>
      <c r="G3179" s="166">
        <v>0</v>
      </c>
      <c r="H3179" s="166">
        <v>0</v>
      </c>
      <c r="I3179" s="166">
        <v>0</v>
      </c>
      <c r="J3179" s="166">
        <v>0</v>
      </c>
      <c r="K3179" s="166">
        <v>0</v>
      </c>
      <c r="L3179" s="166">
        <v>0</v>
      </c>
      <c r="M3179" s="166">
        <v>0</v>
      </c>
      <c r="N3179" s="166">
        <v>0</v>
      </c>
      <c r="O3179" s="166">
        <v>0</v>
      </c>
      <c r="P3179" s="166">
        <v>0</v>
      </c>
      <c r="Q3179" s="166">
        <v>0</v>
      </c>
      <c r="R3179" s="166">
        <v>0</v>
      </c>
      <c r="S3179" s="166">
        <v>0</v>
      </c>
      <c r="T3179" s="166">
        <v>0</v>
      </c>
      <c r="U3179" s="166">
        <v>-3943629.58</v>
      </c>
      <c r="V3179" s="166">
        <v>0</v>
      </c>
      <c r="W3179" s="166">
        <v>0</v>
      </c>
      <c r="X3179" s="166">
        <v>0</v>
      </c>
      <c r="Y3179" s="166">
        <v>0</v>
      </c>
      <c r="Z3179" s="166">
        <v>0</v>
      </c>
      <c r="AA3179" s="166">
        <v>0</v>
      </c>
      <c r="AB3179" s="166">
        <v>0</v>
      </c>
      <c r="AC3179" s="166">
        <v>0</v>
      </c>
      <c r="AD3179" s="166">
        <v>0</v>
      </c>
      <c r="AE3179" s="166">
        <v>0</v>
      </c>
      <c r="AF3179" s="166">
        <v>0</v>
      </c>
      <c r="AG3179" s="166">
        <v>0</v>
      </c>
      <c r="AH3179" s="166">
        <v>0</v>
      </c>
      <c r="AI3179" s="166">
        <v>0</v>
      </c>
      <c r="AJ3179" s="166">
        <v>0</v>
      </c>
      <c r="AK3179" s="166">
        <v>0</v>
      </c>
      <c r="AL3179" s="166">
        <v>0</v>
      </c>
      <c r="AM3179" s="166">
        <v>0</v>
      </c>
      <c r="AN3179" s="166">
        <v>0</v>
      </c>
      <c r="AO3179" s="166">
        <v>0</v>
      </c>
      <c r="AP3179" s="166">
        <v>0</v>
      </c>
      <c r="AQ3179" s="166">
        <v>0</v>
      </c>
      <c r="AR3179" s="166">
        <v>0</v>
      </c>
      <c r="AS3179" s="166">
        <v>0</v>
      </c>
      <c r="AT3179" s="166">
        <v>0</v>
      </c>
      <c r="AU3179" s="166">
        <v>0</v>
      </c>
      <c r="AV3179" s="166">
        <v>0</v>
      </c>
      <c r="AW3179" s="166">
        <v>0</v>
      </c>
      <c r="AX3179" s="166">
        <v>0</v>
      </c>
      <c r="AY3179" s="166">
        <v>0</v>
      </c>
      <c r="AZ3179" s="166">
        <v>0</v>
      </c>
      <c r="BA3179" s="166">
        <v>0</v>
      </c>
      <c r="BB3179" s="166">
        <v>0</v>
      </c>
      <c r="BC3179" s="166">
        <v>0</v>
      </c>
      <c r="BD3179" s="166">
        <v>0</v>
      </c>
      <c r="BE3179" s="166">
        <v>0</v>
      </c>
      <c r="BF3179" s="166">
        <v>0</v>
      </c>
      <c r="BG3179" s="166">
        <v>0</v>
      </c>
      <c r="BH3179" s="166">
        <v>0</v>
      </c>
      <c r="BI3179" s="166">
        <v>-3943629.58</v>
      </c>
      <c r="BJ3179" s="166">
        <v>0</v>
      </c>
      <c r="BK3179" s="166">
        <v>0</v>
      </c>
      <c r="BL3179" s="166">
        <v>0</v>
      </c>
      <c r="BM3179" s="166">
        <v>0</v>
      </c>
      <c r="BN3179" s="166">
        <v>0</v>
      </c>
      <c r="BO3179" s="166">
        <v>0</v>
      </c>
      <c r="BP3179" s="166">
        <v>0</v>
      </c>
      <c r="BQ3179" s="166">
        <v>0</v>
      </c>
      <c r="BR3179" s="166">
        <v>3943629.58</v>
      </c>
      <c r="BS3179" s="166">
        <v>0</v>
      </c>
      <c r="BT3179" s="168">
        <v>0</v>
      </c>
      <c r="BU3179" s="166">
        <v>0</v>
      </c>
      <c r="BV3179" s="166">
        <v>0</v>
      </c>
      <c r="BW3179" s="166">
        <v>0</v>
      </c>
      <c r="BX3179" s="166">
        <v>0</v>
      </c>
      <c r="BY3179" s="166">
        <v>0</v>
      </c>
      <c r="BZ3179" s="166">
        <v>0</v>
      </c>
      <c r="CA3179" s="166">
        <v>0</v>
      </c>
      <c r="CB3179" s="166">
        <v>0</v>
      </c>
      <c r="CC3179" s="166">
        <v>0</v>
      </c>
      <c r="CD3179" s="166">
        <v>0</v>
      </c>
      <c r="CE3179" s="166">
        <v>0</v>
      </c>
      <c r="CF3179" s="166">
        <v>0</v>
      </c>
      <c r="CG3179" s="166">
        <v>0</v>
      </c>
      <c r="CH3179" s="166">
        <v>0</v>
      </c>
      <c r="CI3179" s="166">
        <v>0</v>
      </c>
      <c r="CJ3179" s="166">
        <v>0</v>
      </c>
      <c r="CK3179" s="166">
        <v>0</v>
      </c>
      <c r="CL3179" s="166">
        <v>0</v>
      </c>
      <c r="CM3179" s="166">
        <v>0</v>
      </c>
      <c r="CN3179" s="166">
        <v>0</v>
      </c>
      <c r="CO3179" s="166">
        <v>0</v>
      </c>
      <c r="CP3179" s="166">
        <v>0</v>
      </c>
      <c r="CQ3179" s="166">
        <v>0</v>
      </c>
      <c r="CR3179" s="166">
        <v>0</v>
      </c>
      <c r="CS3179" s="166">
        <v>0</v>
      </c>
      <c r="CT3179" s="166">
        <v>0</v>
      </c>
      <c r="CU3179" s="166">
        <v>0</v>
      </c>
      <c r="CV3179" s="166">
        <v>0</v>
      </c>
      <c r="CW3179" s="166">
        <v>0</v>
      </c>
      <c r="CX3179" s="166">
        <v>0</v>
      </c>
      <c r="CY3179" s="166">
        <v>0</v>
      </c>
      <c r="CZ3179" s="166">
        <v>0</v>
      </c>
    </row>
    <row r="3180" spans="1:104" x14ac:dyDescent="0.2">
      <c r="A3180" s="167" t="s">
        <v>464</v>
      </c>
      <c r="B3180" s="166">
        <v>7836290.7599999998</v>
      </c>
      <c r="C3180" s="166">
        <v>7836290.7599999998</v>
      </c>
      <c r="D3180" s="166">
        <v>0</v>
      </c>
      <c r="E3180" s="166">
        <v>0</v>
      </c>
      <c r="F3180" s="166">
        <v>0</v>
      </c>
      <c r="G3180" s="166">
        <v>0</v>
      </c>
      <c r="H3180" s="166">
        <v>0</v>
      </c>
      <c r="I3180" s="166">
        <v>0</v>
      </c>
      <c r="J3180" s="166">
        <v>0</v>
      </c>
      <c r="K3180" s="166">
        <v>0</v>
      </c>
      <c r="L3180" s="166">
        <v>0</v>
      </c>
      <c r="M3180" s="166">
        <v>0</v>
      </c>
      <c r="N3180" s="166">
        <v>0</v>
      </c>
      <c r="O3180" s="166">
        <v>0</v>
      </c>
      <c r="P3180" s="166">
        <v>0</v>
      </c>
      <c r="Q3180" s="166">
        <v>0</v>
      </c>
      <c r="R3180" s="166">
        <v>0</v>
      </c>
      <c r="S3180" s="166">
        <v>0</v>
      </c>
      <c r="T3180" s="166">
        <v>0</v>
      </c>
      <c r="U3180" s="166">
        <v>-7836290.7599999998</v>
      </c>
      <c r="V3180" s="166">
        <v>0</v>
      </c>
      <c r="W3180" s="166">
        <v>0</v>
      </c>
      <c r="X3180" s="166">
        <v>0</v>
      </c>
      <c r="Y3180" s="166">
        <v>0</v>
      </c>
      <c r="Z3180" s="166">
        <v>0</v>
      </c>
      <c r="AA3180" s="166">
        <v>0</v>
      </c>
      <c r="AB3180" s="166">
        <v>0</v>
      </c>
      <c r="AC3180" s="166">
        <v>0</v>
      </c>
      <c r="AD3180" s="166">
        <v>0</v>
      </c>
      <c r="AE3180" s="166">
        <v>0</v>
      </c>
      <c r="AF3180" s="166">
        <v>0</v>
      </c>
      <c r="AG3180" s="166">
        <v>0</v>
      </c>
      <c r="AH3180" s="166">
        <v>0</v>
      </c>
      <c r="AI3180" s="166">
        <v>0</v>
      </c>
      <c r="AJ3180" s="166">
        <v>0</v>
      </c>
      <c r="AK3180" s="166">
        <v>0</v>
      </c>
      <c r="AL3180" s="166">
        <v>0</v>
      </c>
      <c r="AM3180" s="166">
        <v>0</v>
      </c>
      <c r="AN3180" s="166">
        <v>0</v>
      </c>
      <c r="AO3180" s="166">
        <v>0</v>
      </c>
      <c r="AP3180" s="166">
        <v>0</v>
      </c>
      <c r="AQ3180" s="166">
        <v>0</v>
      </c>
      <c r="AR3180" s="166">
        <v>0</v>
      </c>
      <c r="AS3180" s="166">
        <v>0</v>
      </c>
      <c r="AT3180" s="166">
        <v>0</v>
      </c>
      <c r="AU3180" s="166">
        <v>0</v>
      </c>
      <c r="AV3180" s="166">
        <v>0</v>
      </c>
      <c r="AW3180" s="166">
        <v>0</v>
      </c>
      <c r="AX3180" s="166">
        <v>0</v>
      </c>
      <c r="AY3180" s="166">
        <v>0</v>
      </c>
      <c r="AZ3180" s="166">
        <v>0</v>
      </c>
      <c r="BA3180" s="166">
        <v>0</v>
      </c>
      <c r="BB3180" s="166">
        <v>0</v>
      </c>
      <c r="BC3180" s="166">
        <v>0</v>
      </c>
      <c r="BD3180" s="166">
        <v>0</v>
      </c>
      <c r="BE3180" s="166">
        <v>0</v>
      </c>
      <c r="BF3180" s="166">
        <v>0</v>
      </c>
      <c r="BG3180" s="166">
        <v>0</v>
      </c>
      <c r="BH3180" s="166">
        <v>0</v>
      </c>
      <c r="BI3180" s="166">
        <v>-7836290.7599999998</v>
      </c>
      <c r="BJ3180" s="166">
        <v>0</v>
      </c>
      <c r="BK3180" s="166">
        <v>0</v>
      </c>
      <c r="BL3180" s="166">
        <v>0</v>
      </c>
      <c r="BM3180" s="166">
        <v>0</v>
      </c>
      <c r="BN3180" s="166">
        <v>0</v>
      </c>
      <c r="BO3180" s="166">
        <v>0</v>
      </c>
      <c r="BP3180" s="166">
        <v>0</v>
      </c>
      <c r="BQ3180" s="166">
        <v>0</v>
      </c>
      <c r="BR3180" s="166">
        <v>7836290.7599999998</v>
      </c>
      <c r="BS3180" s="166">
        <v>0</v>
      </c>
      <c r="BT3180" s="168">
        <v>0</v>
      </c>
      <c r="BU3180" s="166">
        <v>0</v>
      </c>
      <c r="BV3180" s="166">
        <v>0</v>
      </c>
      <c r="BW3180" s="166">
        <v>0</v>
      </c>
      <c r="BX3180" s="166">
        <v>0</v>
      </c>
      <c r="BY3180" s="166">
        <v>0</v>
      </c>
      <c r="BZ3180" s="166">
        <v>0</v>
      </c>
      <c r="CA3180" s="166">
        <v>0</v>
      </c>
      <c r="CB3180" s="166">
        <v>0</v>
      </c>
      <c r="CC3180" s="166">
        <v>0</v>
      </c>
      <c r="CD3180" s="166">
        <v>0</v>
      </c>
      <c r="CE3180" s="166">
        <v>0</v>
      </c>
      <c r="CF3180" s="166">
        <v>0</v>
      </c>
      <c r="CG3180" s="166">
        <v>0</v>
      </c>
      <c r="CH3180" s="166">
        <v>0</v>
      </c>
      <c r="CI3180" s="166">
        <v>0</v>
      </c>
      <c r="CJ3180" s="166">
        <v>0</v>
      </c>
      <c r="CK3180" s="166">
        <v>0</v>
      </c>
      <c r="CL3180" s="166">
        <v>0</v>
      </c>
      <c r="CM3180" s="166">
        <v>0</v>
      </c>
      <c r="CN3180" s="166">
        <v>0</v>
      </c>
      <c r="CO3180" s="166">
        <v>0</v>
      </c>
      <c r="CP3180" s="166">
        <v>0</v>
      </c>
      <c r="CQ3180" s="166">
        <v>0</v>
      </c>
      <c r="CR3180" s="166">
        <v>0</v>
      </c>
      <c r="CS3180" s="166">
        <v>0</v>
      </c>
      <c r="CT3180" s="166">
        <v>0</v>
      </c>
      <c r="CU3180" s="166">
        <v>0</v>
      </c>
      <c r="CV3180" s="166">
        <v>0</v>
      </c>
      <c r="CW3180" s="166">
        <v>0</v>
      </c>
      <c r="CX3180" s="166">
        <v>0</v>
      </c>
      <c r="CY3180" s="166">
        <v>0</v>
      </c>
      <c r="CZ3180" s="166">
        <v>0</v>
      </c>
    </row>
    <row r="3181" spans="1:104" x14ac:dyDescent="0.2">
      <c r="A3181" s="167" t="s">
        <v>465</v>
      </c>
      <c r="B3181" s="166">
        <v>0</v>
      </c>
      <c r="C3181" s="166">
        <v>0</v>
      </c>
      <c r="D3181" s="166">
        <v>0</v>
      </c>
      <c r="E3181" s="166">
        <v>0</v>
      </c>
      <c r="F3181" s="166">
        <v>0</v>
      </c>
      <c r="G3181" s="166">
        <v>0</v>
      </c>
      <c r="H3181" s="166">
        <v>0</v>
      </c>
      <c r="I3181" s="166">
        <v>0</v>
      </c>
      <c r="J3181" s="166">
        <v>0</v>
      </c>
      <c r="K3181" s="166">
        <v>0</v>
      </c>
      <c r="L3181" s="166">
        <v>0</v>
      </c>
      <c r="M3181" s="166">
        <v>0</v>
      </c>
      <c r="N3181" s="166">
        <v>0</v>
      </c>
      <c r="O3181" s="166">
        <v>0</v>
      </c>
      <c r="P3181" s="166">
        <v>0</v>
      </c>
      <c r="Q3181" s="166">
        <v>0</v>
      </c>
      <c r="R3181" s="166">
        <v>0</v>
      </c>
      <c r="S3181" s="166">
        <v>0</v>
      </c>
      <c r="T3181" s="166">
        <v>0</v>
      </c>
      <c r="U3181" s="166">
        <v>0</v>
      </c>
      <c r="V3181" s="166">
        <v>0</v>
      </c>
      <c r="W3181" s="166">
        <v>0</v>
      </c>
      <c r="X3181" s="166">
        <v>0</v>
      </c>
      <c r="Y3181" s="166">
        <v>0</v>
      </c>
      <c r="Z3181" s="166">
        <v>0</v>
      </c>
      <c r="AA3181" s="166">
        <v>0</v>
      </c>
      <c r="AB3181" s="166">
        <v>0</v>
      </c>
      <c r="AC3181" s="166">
        <v>0</v>
      </c>
      <c r="AD3181" s="166">
        <v>0</v>
      </c>
      <c r="AE3181" s="166">
        <v>0</v>
      </c>
      <c r="AF3181" s="166">
        <v>0</v>
      </c>
      <c r="AG3181" s="166">
        <v>0</v>
      </c>
      <c r="AH3181" s="166">
        <v>0</v>
      </c>
      <c r="AI3181" s="166">
        <v>0</v>
      </c>
      <c r="AJ3181" s="166">
        <v>0</v>
      </c>
      <c r="AK3181" s="166">
        <v>0</v>
      </c>
      <c r="AL3181" s="166">
        <v>0</v>
      </c>
      <c r="AM3181" s="166">
        <v>0</v>
      </c>
      <c r="AN3181" s="166">
        <v>0</v>
      </c>
      <c r="AO3181" s="166">
        <v>0</v>
      </c>
      <c r="AP3181" s="166">
        <v>0</v>
      </c>
      <c r="AQ3181" s="166">
        <v>0</v>
      </c>
      <c r="AR3181" s="166">
        <v>0</v>
      </c>
      <c r="AS3181" s="166">
        <v>0</v>
      </c>
      <c r="AT3181" s="166">
        <v>0</v>
      </c>
      <c r="AU3181" s="166">
        <v>0</v>
      </c>
      <c r="AV3181" s="166">
        <v>0</v>
      </c>
      <c r="AW3181" s="166">
        <v>0</v>
      </c>
      <c r="AX3181" s="166">
        <v>0</v>
      </c>
      <c r="AY3181" s="166">
        <v>0</v>
      </c>
      <c r="AZ3181" s="166">
        <v>0</v>
      </c>
      <c r="BA3181" s="166">
        <v>0</v>
      </c>
      <c r="BB3181" s="166">
        <v>0</v>
      </c>
      <c r="BC3181" s="166">
        <v>0</v>
      </c>
      <c r="BD3181" s="166">
        <v>0</v>
      </c>
      <c r="BE3181" s="166">
        <v>0</v>
      </c>
      <c r="BF3181" s="166">
        <v>0</v>
      </c>
      <c r="BG3181" s="166">
        <v>0</v>
      </c>
      <c r="BH3181" s="166">
        <v>0</v>
      </c>
      <c r="BI3181" s="166">
        <v>0</v>
      </c>
      <c r="BJ3181" s="166">
        <v>0</v>
      </c>
      <c r="BK3181" s="166">
        <v>0</v>
      </c>
      <c r="BL3181" s="166">
        <v>0</v>
      </c>
      <c r="BM3181" s="166">
        <v>0</v>
      </c>
      <c r="BN3181" s="166">
        <v>0</v>
      </c>
      <c r="BO3181" s="166">
        <v>0</v>
      </c>
      <c r="BP3181" s="166">
        <v>0</v>
      </c>
      <c r="BQ3181" s="166">
        <v>0</v>
      </c>
      <c r="BR3181" s="166">
        <v>0</v>
      </c>
      <c r="BS3181" s="166">
        <v>0</v>
      </c>
      <c r="BT3181" s="168">
        <v>0</v>
      </c>
      <c r="BU3181" s="166">
        <v>0</v>
      </c>
      <c r="BV3181" s="166">
        <v>0</v>
      </c>
      <c r="BW3181" s="166">
        <v>0</v>
      </c>
      <c r="BX3181" s="166">
        <v>0</v>
      </c>
      <c r="BY3181" s="166">
        <v>0</v>
      </c>
      <c r="BZ3181" s="166">
        <v>0</v>
      </c>
      <c r="CA3181" s="166">
        <v>0</v>
      </c>
      <c r="CB3181" s="166">
        <v>0</v>
      </c>
      <c r="CC3181" s="166">
        <v>0</v>
      </c>
      <c r="CD3181" s="166">
        <v>0</v>
      </c>
      <c r="CE3181" s="166">
        <v>0</v>
      </c>
      <c r="CF3181" s="166">
        <v>0</v>
      </c>
      <c r="CG3181" s="166">
        <v>0</v>
      </c>
      <c r="CH3181" s="166">
        <v>0</v>
      </c>
      <c r="CI3181" s="166">
        <v>0</v>
      </c>
      <c r="CJ3181" s="166">
        <v>0</v>
      </c>
      <c r="CK3181" s="166">
        <v>0</v>
      </c>
      <c r="CL3181" s="166">
        <v>0</v>
      </c>
      <c r="CM3181" s="166">
        <v>0</v>
      </c>
      <c r="CN3181" s="166">
        <v>0</v>
      </c>
      <c r="CO3181" s="166">
        <v>0</v>
      </c>
      <c r="CP3181" s="166">
        <v>0</v>
      </c>
      <c r="CQ3181" s="166">
        <v>0</v>
      </c>
      <c r="CR3181" s="166">
        <v>0</v>
      </c>
      <c r="CS3181" s="166">
        <v>0</v>
      </c>
      <c r="CT3181" s="166">
        <v>0</v>
      </c>
      <c r="CU3181" s="166">
        <v>0</v>
      </c>
      <c r="CV3181" s="166">
        <v>0</v>
      </c>
      <c r="CW3181" s="166">
        <v>0</v>
      </c>
      <c r="CX3181" s="166">
        <v>0</v>
      </c>
      <c r="CY3181" s="166">
        <v>0</v>
      </c>
      <c r="CZ3181" s="166">
        <v>0</v>
      </c>
    </row>
    <row r="3182" spans="1:104" x14ac:dyDescent="0.2">
      <c r="A3182" s="167" t="s">
        <v>466</v>
      </c>
      <c r="B3182" s="166">
        <v>0</v>
      </c>
      <c r="C3182" s="166">
        <v>0</v>
      </c>
      <c r="D3182" s="166">
        <v>0</v>
      </c>
      <c r="E3182" s="166">
        <v>0</v>
      </c>
      <c r="F3182" s="166">
        <v>0</v>
      </c>
      <c r="G3182" s="166">
        <v>0</v>
      </c>
      <c r="H3182" s="166">
        <v>0</v>
      </c>
      <c r="I3182" s="166">
        <v>0</v>
      </c>
      <c r="J3182" s="166">
        <v>0</v>
      </c>
      <c r="K3182" s="166">
        <v>0</v>
      </c>
      <c r="L3182" s="166">
        <v>0</v>
      </c>
      <c r="M3182" s="166">
        <v>0</v>
      </c>
      <c r="N3182" s="166">
        <v>0</v>
      </c>
      <c r="O3182" s="166">
        <v>0</v>
      </c>
      <c r="P3182" s="166">
        <v>0</v>
      </c>
      <c r="Q3182" s="166">
        <v>0</v>
      </c>
      <c r="R3182" s="166">
        <v>0</v>
      </c>
      <c r="S3182" s="166">
        <v>0</v>
      </c>
      <c r="T3182" s="166">
        <v>0</v>
      </c>
      <c r="U3182" s="166">
        <v>0</v>
      </c>
      <c r="V3182" s="166">
        <v>0</v>
      </c>
      <c r="W3182" s="166">
        <v>0</v>
      </c>
      <c r="X3182" s="166">
        <v>0</v>
      </c>
      <c r="Y3182" s="166">
        <v>0</v>
      </c>
      <c r="Z3182" s="166">
        <v>0</v>
      </c>
      <c r="AA3182" s="166">
        <v>0</v>
      </c>
      <c r="AB3182" s="166">
        <v>0</v>
      </c>
      <c r="AC3182" s="166">
        <v>0</v>
      </c>
      <c r="AD3182" s="166">
        <v>0</v>
      </c>
      <c r="AE3182" s="166">
        <v>0</v>
      </c>
      <c r="AF3182" s="166">
        <v>0</v>
      </c>
      <c r="AG3182" s="166">
        <v>0</v>
      </c>
      <c r="AH3182" s="166">
        <v>0</v>
      </c>
      <c r="AI3182" s="166">
        <v>0</v>
      </c>
      <c r="AJ3182" s="166">
        <v>0</v>
      </c>
      <c r="AK3182" s="166">
        <v>0</v>
      </c>
      <c r="AL3182" s="166">
        <v>0</v>
      </c>
      <c r="AM3182" s="166">
        <v>0</v>
      </c>
      <c r="AN3182" s="166">
        <v>0</v>
      </c>
      <c r="AO3182" s="166">
        <v>0</v>
      </c>
      <c r="AP3182" s="166">
        <v>0</v>
      </c>
      <c r="AQ3182" s="166">
        <v>0</v>
      </c>
      <c r="AR3182" s="166">
        <v>0</v>
      </c>
      <c r="AS3182" s="166">
        <v>0</v>
      </c>
      <c r="AT3182" s="166">
        <v>0</v>
      </c>
      <c r="AU3182" s="166">
        <v>0</v>
      </c>
      <c r="AV3182" s="166">
        <v>0</v>
      </c>
      <c r="AW3182" s="166">
        <v>0</v>
      </c>
      <c r="AX3182" s="166">
        <v>0</v>
      </c>
      <c r="AY3182" s="166">
        <v>0</v>
      </c>
      <c r="AZ3182" s="166">
        <v>0</v>
      </c>
      <c r="BA3182" s="166">
        <v>0</v>
      </c>
      <c r="BB3182" s="166">
        <v>0</v>
      </c>
      <c r="BC3182" s="166">
        <v>0</v>
      </c>
      <c r="BD3182" s="166">
        <v>0</v>
      </c>
      <c r="BE3182" s="166">
        <v>0</v>
      </c>
      <c r="BF3182" s="166">
        <v>0</v>
      </c>
      <c r="BG3182" s="166">
        <v>0</v>
      </c>
      <c r="BH3182" s="166">
        <v>0</v>
      </c>
      <c r="BI3182" s="166">
        <v>0</v>
      </c>
      <c r="BJ3182" s="166">
        <v>0</v>
      </c>
      <c r="BK3182" s="166">
        <v>0</v>
      </c>
      <c r="BL3182" s="166">
        <v>0</v>
      </c>
      <c r="BM3182" s="166">
        <v>0</v>
      </c>
      <c r="BN3182" s="166">
        <v>0</v>
      </c>
      <c r="BO3182" s="166">
        <v>0</v>
      </c>
      <c r="BP3182" s="166">
        <v>0</v>
      </c>
      <c r="BQ3182" s="166">
        <v>0</v>
      </c>
      <c r="BR3182" s="166">
        <v>0</v>
      </c>
      <c r="BS3182" s="166">
        <v>0</v>
      </c>
      <c r="BT3182" s="168">
        <v>0</v>
      </c>
      <c r="BU3182" s="166">
        <v>0</v>
      </c>
      <c r="BV3182" s="166">
        <v>0</v>
      </c>
      <c r="BW3182" s="166">
        <v>0</v>
      </c>
      <c r="BX3182" s="166">
        <v>0</v>
      </c>
      <c r="BY3182" s="166">
        <v>0</v>
      </c>
      <c r="BZ3182" s="166">
        <v>0</v>
      </c>
      <c r="CA3182" s="166">
        <v>0</v>
      </c>
      <c r="CB3182" s="166">
        <v>0</v>
      </c>
      <c r="CC3182" s="166">
        <v>0</v>
      </c>
      <c r="CD3182" s="166">
        <v>0</v>
      </c>
      <c r="CE3182" s="166">
        <v>0</v>
      </c>
      <c r="CF3182" s="166">
        <v>0</v>
      </c>
      <c r="CG3182" s="166">
        <v>0</v>
      </c>
      <c r="CH3182" s="166">
        <v>0</v>
      </c>
      <c r="CI3182" s="166">
        <v>0</v>
      </c>
      <c r="CJ3182" s="166">
        <v>0</v>
      </c>
      <c r="CK3182" s="166">
        <v>0</v>
      </c>
      <c r="CL3182" s="166">
        <v>0</v>
      </c>
      <c r="CM3182" s="166">
        <v>0</v>
      </c>
      <c r="CN3182" s="166">
        <v>0</v>
      </c>
      <c r="CO3182" s="166">
        <v>0</v>
      </c>
      <c r="CP3182" s="166">
        <v>0</v>
      </c>
      <c r="CQ3182" s="166">
        <v>0</v>
      </c>
      <c r="CR3182" s="166">
        <v>0</v>
      </c>
      <c r="CS3182" s="166">
        <v>0</v>
      </c>
      <c r="CT3182" s="166">
        <v>0</v>
      </c>
      <c r="CU3182" s="166">
        <v>0</v>
      </c>
      <c r="CV3182" s="166">
        <v>0</v>
      </c>
      <c r="CW3182" s="166">
        <v>0</v>
      </c>
      <c r="CX3182" s="166">
        <v>0</v>
      </c>
      <c r="CY3182" s="166">
        <v>0</v>
      </c>
      <c r="CZ3182" s="166">
        <v>0</v>
      </c>
    </row>
    <row r="3183" spans="1:104" x14ac:dyDescent="0.2">
      <c r="A3183" s="170" t="s">
        <v>467</v>
      </c>
      <c r="B3183" s="166">
        <v>11779920.34</v>
      </c>
      <c r="C3183" s="166">
        <v>11779920.34</v>
      </c>
      <c r="D3183" s="166">
        <v>0</v>
      </c>
      <c r="E3183" s="166">
        <v>0</v>
      </c>
      <c r="F3183" s="166">
        <v>0</v>
      </c>
      <c r="G3183" s="166">
        <v>0</v>
      </c>
      <c r="H3183" s="166">
        <v>0</v>
      </c>
      <c r="I3183" s="166">
        <v>0</v>
      </c>
      <c r="J3183" s="166">
        <v>0</v>
      </c>
      <c r="K3183" s="166">
        <v>0</v>
      </c>
      <c r="L3183" s="166">
        <v>0</v>
      </c>
      <c r="M3183" s="166">
        <v>0</v>
      </c>
      <c r="N3183" s="166">
        <v>0</v>
      </c>
      <c r="O3183" s="166">
        <v>0</v>
      </c>
      <c r="P3183" s="166">
        <v>0</v>
      </c>
      <c r="Q3183" s="166">
        <v>0</v>
      </c>
      <c r="R3183" s="166">
        <v>0</v>
      </c>
      <c r="S3183" s="166">
        <v>0</v>
      </c>
      <c r="T3183" s="166">
        <v>0</v>
      </c>
      <c r="U3183" s="166">
        <v>-11779920.34</v>
      </c>
      <c r="V3183" s="166">
        <v>0</v>
      </c>
      <c r="W3183" s="166">
        <v>0</v>
      </c>
      <c r="X3183" s="166">
        <v>0</v>
      </c>
      <c r="Y3183" s="166">
        <v>0</v>
      </c>
      <c r="Z3183" s="166">
        <v>0</v>
      </c>
      <c r="AA3183" s="166">
        <v>0</v>
      </c>
      <c r="AB3183" s="166">
        <v>0</v>
      </c>
      <c r="AC3183" s="166">
        <v>0</v>
      </c>
      <c r="AD3183" s="166">
        <v>0</v>
      </c>
      <c r="AE3183" s="166">
        <v>0</v>
      </c>
      <c r="AF3183" s="166">
        <v>0</v>
      </c>
      <c r="AG3183" s="166">
        <v>0</v>
      </c>
      <c r="AH3183" s="166">
        <v>0</v>
      </c>
      <c r="AI3183" s="166">
        <v>0</v>
      </c>
      <c r="AJ3183" s="166">
        <v>0</v>
      </c>
      <c r="AK3183" s="166">
        <v>0</v>
      </c>
      <c r="AL3183" s="166">
        <v>0</v>
      </c>
      <c r="AM3183" s="166">
        <v>0</v>
      </c>
      <c r="AN3183" s="166">
        <v>0</v>
      </c>
      <c r="AO3183" s="166">
        <v>0</v>
      </c>
      <c r="AP3183" s="166">
        <v>0</v>
      </c>
      <c r="AQ3183" s="166">
        <v>0</v>
      </c>
      <c r="AR3183" s="166">
        <v>0</v>
      </c>
      <c r="AS3183" s="166">
        <v>0</v>
      </c>
      <c r="AT3183" s="166">
        <v>0</v>
      </c>
      <c r="AU3183" s="166">
        <v>0</v>
      </c>
      <c r="AV3183" s="166">
        <v>0</v>
      </c>
      <c r="AW3183" s="166">
        <v>0</v>
      </c>
      <c r="AX3183" s="166">
        <v>0</v>
      </c>
      <c r="AY3183" s="166">
        <v>0</v>
      </c>
      <c r="AZ3183" s="166">
        <v>0</v>
      </c>
      <c r="BA3183" s="166">
        <v>0</v>
      </c>
      <c r="BB3183" s="166">
        <v>0</v>
      </c>
      <c r="BC3183" s="166">
        <v>0</v>
      </c>
      <c r="BD3183" s="166">
        <v>0</v>
      </c>
      <c r="BE3183" s="166">
        <v>0</v>
      </c>
      <c r="BF3183" s="166">
        <v>0</v>
      </c>
      <c r="BG3183" s="166">
        <v>0</v>
      </c>
      <c r="BH3183" s="166">
        <v>0</v>
      </c>
      <c r="BI3183" s="166">
        <v>-11779920.34</v>
      </c>
      <c r="BJ3183" s="166">
        <v>0</v>
      </c>
      <c r="BK3183" s="166">
        <v>0</v>
      </c>
      <c r="BL3183" s="166">
        <v>0</v>
      </c>
      <c r="BM3183" s="166">
        <v>0</v>
      </c>
      <c r="BN3183" s="166">
        <v>0</v>
      </c>
      <c r="BO3183" s="166">
        <v>0</v>
      </c>
      <c r="BP3183" s="166">
        <v>0</v>
      </c>
      <c r="BQ3183" s="166">
        <v>0</v>
      </c>
      <c r="BR3183" s="166">
        <v>995853667.92526305</v>
      </c>
      <c r="BS3183" s="166">
        <v>0</v>
      </c>
      <c r="BT3183" s="168">
        <v>0</v>
      </c>
      <c r="BU3183" s="166">
        <v>0</v>
      </c>
      <c r="BV3183" s="166">
        <v>0</v>
      </c>
      <c r="BW3183" s="166">
        <v>0</v>
      </c>
      <c r="BX3183" s="166">
        <v>0</v>
      </c>
      <c r="BY3183" s="166">
        <v>0</v>
      </c>
      <c r="BZ3183" s="166">
        <v>0</v>
      </c>
      <c r="CA3183" s="166">
        <v>0</v>
      </c>
      <c r="CB3183" s="166">
        <v>0</v>
      </c>
      <c r="CC3183" s="166">
        <v>0</v>
      </c>
      <c r="CD3183" s="166">
        <v>0</v>
      </c>
      <c r="CE3183" s="166">
        <v>0</v>
      </c>
      <c r="CF3183" s="166">
        <v>0</v>
      </c>
      <c r="CG3183" s="166">
        <v>0</v>
      </c>
      <c r="CH3183" s="166">
        <v>0</v>
      </c>
      <c r="CI3183" s="166">
        <v>0</v>
      </c>
      <c r="CJ3183" s="166">
        <v>0</v>
      </c>
      <c r="CK3183" s="166">
        <v>0</v>
      </c>
      <c r="CL3183" s="166">
        <v>0</v>
      </c>
      <c r="CM3183" s="166">
        <v>0</v>
      </c>
      <c r="CN3183" s="166">
        <v>0</v>
      </c>
      <c r="CO3183" s="166">
        <v>0</v>
      </c>
      <c r="CP3183" s="166">
        <v>0</v>
      </c>
      <c r="CQ3183" s="166">
        <v>0</v>
      </c>
      <c r="CR3183" s="166">
        <v>0</v>
      </c>
      <c r="CS3183" s="166">
        <v>0</v>
      </c>
      <c r="CT3183" s="166">
        <v>0</v>
      </c>
      <c r="CU3183" s="166">
        <v>0</v>
      </c>
      <c r="CV3183" s="166">
        <v>0</v>
      </c>
      <c r="CW3183" s="166">
        <v>0</v>
      </c>
      <c r="CX3183" s="166">
        <v>0</v>
      </c>
      <c r="CY3183" s="166">
        <v>0</v>
      </c>
      <c r="CZ3183" s="166">
        <v>0</v>
      </c>
    </row>
    <row r="3184" spans="1:104" x14ac:dyDescent="0.2">
      <c r="A3184" s="167" t="s">
        <v>468</v>
      </c>
    </row>
    <row r="3185" spans="1:104" x14ac:dyDescent="0.2">
      <c r="A3185" s="167" t="s">
        <v>469</v>
      </c>
      <c r="B3185" s="166">
        <v>8836452.8399999999</v>
      </c>
      <c r="C3185" s="166">
        <v>8836452.8399999999</v>
      </c>
      <c r="D3185" s="166">
        <v>0</v>
      </c>
      <c r="E3185" s="166">
        <v>0</v>
      </c>
      <c r="F3185" s="166">
        <v>0</v>
      </c>
      <c r="G3185" s="166">
        <v>0</v>
      </c>
      <c r="H3185" s="166">
        <v>0</v>
      </c>
      <c r="I3185" s="166">
        <v>0</v>
      </c>
      <c r="J3185" s="166">
        <v>0</v>
      </c>
      <c r="K3185" s="166">
        <v>0</v>
      </c>
      <c r="L3185" s="166">
        <v>0</v>
      </c>
      <c r="M3185" s="166">
        <v>0</v>
      </c>
      <c r="N3185" s="166">
        <v>0</v>
      </c>
      <c r="O3185" s="166">
        <v>0</v>
      </c>
      <c r="P3185" s="166">
        <v>0</v>
      </c>
      <c r="Q3185" s="166">
        <v>0</v>
      </c>
      <c r="R3185" s="166">
        <v>0</v>
      </c>
      <c r="S3185" s="166">
        <v>0</v>
      </c>
      <c r="T3185" s="166">
        <v>0</v>
      </c>
      <c r="U3185" s="166">
        <v>0</v>
      </c>
      <c r="V3185" s="166">
        <v>0</v>
      </c>
      <c r="W3185" s="166">
        <v>0</v>
      </c>
      <c r="X3185" s="166">
        <v>0</v>
      </c>
      <c r="Y3185" s="166">
        <v>0</v>
      </c>
      <c r="Z3185" s="166">
        <v>0</v>
      </c>
      <c r="AA3185" s="166">
        <v>0</v>
      </c>
      <c r="AB3185" s="166">
        <v>0</v>
      </c>
      <c r="AC3185" s="166">
        <v>0</v>
      </c>
      <c r="AD3185" s="166">
        <v>0</v>
      </c>
      <c r="AE3185" s="166">
        <v>0</v>
      </c>
      <c r="AF3185" s="166">
        <v>0</v>
      </c>
      <c r="AG3185" s="166">
        <v>0</v>
      </c>
      <c r="AH3185" s="166">
        <v>0</v>
      </c>
      <c r="AI3185" s="166">
        <v>0</v>
      </c>
      <c r="AJ3185" s="166">
        <v>0</v>
      </c>
      <c r="AK3185" s="166">
        <v>0</v>
      </c>
      <c r="AL3185" s="166">
        <v>0</v>
      </c>
      <c r="AM3185" s="166">
        <v>0</v>
      </c>
      <c r="AN3185" s="166">
        <v>0</v>
      </c>
      <c r="AO3185" s="166">
        <v>0</v>
      </c>
      <c r="AP3185" s="166">
        <v>0</v>
      </c>
      <c r="AQ3185" s="166">
        <v>0</v>
      </c>
      <c r="AR3185" s="166">
        <v>0</v>
      </c>
      <c r="AS3185" s="166">
        <v>0</v>
      </c>
      <c r="AT3185" s="166">
        <v>0</v>
      </c>
      <c r="AU3185" s="166">
        <v>0</v>
      </c>
      <c r="AV3185" s="166">
        <v>0</v>
      </c>
      <c r="AW3185" s="166">
        <v>0</v>
      </c>
      <c r="AX3185" s="166">
        <v>0</v>
      </c>
      <c r="AY3185" s="166">
        <v>-8836452.8399999999</v>
      </c>
      <c r="AZ3185" s="166">
        <v>0</v>
      </c>
      <c r="BA3185" s="166">
        <v>0</v>
      </c>
      <c r="BB3185" s="166">
        <v>0</v>
      </c>
      <c r="BC3185" s="166">
        <v>0</v>
      </c>
      <c r="BD3185" s="166">
        <v>0</v>
      </c>
      <c r="BE3185" s="166">
        <v>0</v>
      </c>
      <c r="BF3185" s="166">
        <v>0</v>
      </c>
      <c r="BG3185" s="166">
        <v>0</v>
      </c>
      <c r="BH3185" s="166">
        <v>0</v>
      </c>
      <c r="BI3185" s="166">
        <v>0</v>
      </c>
      <c r="BJ3185" s="166">
        <v>0</v>
      </c>
      <c r="BK3185" s="166">
        <v>0</v>
      </c>
      <c r="BL3185" s="166">
        <v>0</v>
      </c>
      <c r="BM3185" s="166">
        <v>0</v>
      </c>
      <c r="BN3185" s="166">
        <v>0</v>
      </c>
      <c r="BO3185" s="166">
        <v>0</v>
      </c>
      <c r="BP3185" s="166">
        <v>-8836452.8399999999</v>
      </c>
      <c r="BQ3185" s="166">
        <v>0</v>
      </c>
      <c r="BR3185" s="166">
        <v>8836452.8399999999</v>
      </c>
      <c r="BS3185" s="166">
        <v>0</v>
      </c>
      <c r="BT3185" s="168">
        <v>0</v>
      </c>
      <c r="BU3185" s="166">
        <v>0</v>
      </c>
      <c r="BV3185" s="166">
        <v>0</v>
      </c>
      <c r="BW3185" s="166">
        <v>0</v>
      </c>
      <c r="BX3185" s="166">
        <v>0</v>
      </c>
      <c r="BY3185" s="166">
        <v>0</v>
      </c>
      <c r="BZ3185" s="166">
        <v>0</v>
      </c>
      <c r="CA3185" s="166">
        <v>0</v>
      </c>
      <c r="CB3185" s="166">
        <v>0</v>
      </c>
      <c r="CC3185" s="166">
        <v>0</v>
      </c>
      <c r="CD3185" s="166">
        <v>0</v>
      </c>
      <c r="CE3185" s="166">
        <v>0</v>
      </c>
      <c r="CF3185" s="166">
        <v>0</v>
      </c>
      <c r="CG3185" s="166">
        <v>0</v>
      </c>
      <c r="CH3185" s="166">
        <v>0</v>
      </c>
      <c r="CI3185" s="166">
        <v>0</v>
      </c>
      <c r="CJ3185" s="166">
        <v>0</v>
      </c>
      <c r="CK3185" s="166">
        <v>0</v>
      </c>
      <c r="CL3185" s="166">
        <v>0</v>
      </c>
      <c r="CM3185" s="166">
        <v>0</v>
      </c>
      <c r="CN3185" s="166">
        <v>0</v>
      </c>
      <c r="CO3185" s="166">
        <v>0</v>
      </c>
      <c r="CP3185" s="166">
        <v>0</v>
      </c>
      <c r="CQ3185" s="166">
        <v>0</v>
      </c>
      <c r="CR3185" s="166">
        <v>0</v>
      </c>
      <c r="CS3185" s="166">
        <v>0</v>
      </c>
      <c r="CT3185" s="166">
        <v>0</v>
      </c>
      <c r="CU3185" s="166">
        <v>0</v>
      </c>
      <c r="CV3185" s="166">
        <v>0</v>
      </c>
      <c r="CW3185" s="166">
        <v>0</v>
      </c>
      <c r="CX3185" s="166">
        <v>0</v>
      </c>
      <c r="CY3185" s="166">
        <v>0</v>
      </c>
      <c r="CZ3185" s="166">
        <v>0</v>
      </c>
    </row>
    <row r="3186" spans="1:104" x14ac:dyDescent="0.2">
      <c r="A3186" s="167" t="s">
        <v>470</v>
      </c>
      <c r="B3186" s="166">
        <v>50648786.280000001</v>
      </c>
      <c r="C3186" s="166">
        <v>50648786.280000001</v>
      </c>
      <c r="D3186" s="166">
        <v>0</v>
      </c>
      <c r="E3186" s="166">
        <v>0</v>
      </c>
      <c r="F3186" s="166">
        <v>0</v>
      </c>
      <c r="G3186" s="166">
        <v>0</v>
      </c>
      <c r="H3186" s="166">
        <v>0</v>
      </c>
      <c r="I3186" s="166">
        <v>0</v>
      </c>
      <c r="J3186" s="166">
        <v>0</v>
      </c>
      <c r="K3186" s="166">
        <v>0</v>
      </c>
      <c r="L3186" s="166">
        <v>0</v>
      </c>
      <c r="M3186" s="166">
        <v>0</v>
      </c>
      <c r="N3186" s="166">
        <v>0</v>
      </c>
      <c r="O3186" s="166">
        <v>0</v>
      </c>
      <c r="P3186" s="166">
        <v>0</v>
      </c>
      <c r="Q3186" s="166">
        <v>0</v>
      </c>
      <c r="R3186" s="166">
        <v>0</v>
      </c>
      <c r="S3186" s="166">
        <v>0</v>
      </c>
      <c r="T3186" s="166">
        <v>0</v>
      </c>
      <c r="U3186" s="166">
        <v>0</v>
      </c>
      <c r="V3186" s="166">
        <v>0</v>
      </c>
      <c r="W3186" s="166">
        <v>0</v>
      </c>
      <c r="X3186" s="166">
        <v>0</v>
      </c>
      <c r="Y3186" s="166">
        <v>0</v>
      </c>
      <c r="Z3186" s="166">
        <v>0</v>
      </c>
      <c r="AA3186" s="166">
        <v>0</v>
      </c>
      <c r="AB3186" s="166">
        <v>0</v>
      </c>
      <c r="AC3186" s="166">
        <v>0</v>
      </c>
      <c r="AD3186" s="166">
        <v>0</v>
      </c>
      <c r="AE3186" s="166">
        <v>0</v>
      </c>
      <c r="AF3186" s="166">
        <v>0</v>
      </c>
      <c r="AG3186" s="166">
        <v>0</v>
      </c>
      <c r="AH3186" s="166">
        <v>0</v>
      </c>
      <c r="AI3186" s="166">
        <v>0</v>
      </c>
      <c r="AJ3186" s="166">
        <v>0</v>
      </c>
      <c r="AK3186" s="166">
        <v>0</v>
      </c>
      <c r="AL3186" s="166">
        <v>0</v>
      </c>
      <c r="AM3186" s="166">
        <v>0</v>
      </c>
      <c r="AN3186" s="166">
        <v>0</v>
      </c>
      <c r="AO3186" s="166">
        <v>0</v>
      </c>
      <c r="AP3186" s="166">
        <v>0</v>
      </c>
      <c r="AQ3186" s="166">
        <v>0</v>
      </c>
      <c r="AR3186" s="166">
        <v>0</v>
      </c>
      <c r="AS3186" s="166">
        <v>0</v>
      </c>
      <c r="AT3186" s="166">
        <v>0</v>
      </c>
      <c r="AU3186" s="166">
        <v>0</v>
      </c>
      <c r="AV3186" s="166">
        <v>0</v>
      </c>
      <c r="AW3186" s="166">
        <v>0</v>
      </c>
      <c r="AX3186" s="166">
        <v>0</v>
      </c>
      <c r="AY3186" s="166">
        <v>-50648786.280000001</v>
      </c>
      <c r="AZ3186" s="166">
        <v>0</v>
      </c>
      <c r="BA3186" s="166">
        <v>0</v>
      </c>
      <c r="BB3186" s="166">
        <v>0</v>
      </c>
      <c r="BC3186" s="166">
        <v>0</v>
      </c>
      <c r="BD3186" s="166">
        <v>0</v>
      </c>
      <c r="BE3186" s="166">
        <v>0</v>
      </c>
      <c r="BF3186" s="166">
        <v>0</v>
      </c>
      <c r="BG3186" s="166">
        <v>0</v>
      </c>
      <c r="BH3186" s="166">
        <v>0</v>
      </c>
      <c r="BI3186" s="166">
        <v>0</v>
      </c>
      <c r="BJ3186" s="166">
        <v>0</v>
      </c>
      <c r="BK3186" s="166">
        <v>0</v>
      </c>
      <c r="BL3186" s="166">
        <v>0</v>
      </c>
      <c r="BM3186" s="166">
        <v>0</v>
      </c>
      <c r="BN3186" s="166">
        <v>0</v>
      </c>
      <c r="BO3186" s="166">
        <v>0</v>
      </c>
      <c r="BP3186" s="166">
        <v>-50648786.280000001</v>
      </c>
      <c r="BQ3186" s="166">
        <v>0</v>
      </c>
      <c r="BR3186" s="166">
        <v>50648786.280000001</v>
      </c>
      <c r="BS3186" s="166">
        <v>0</v>
      </c>
      <c r="BT3186" s="168">
        <v>0</v>
      </c>
      <c r="BU3186" s="166">
        <v>0</v>
      </c>
      <c r="BV3186" s="166">
        <v>0</v>
      </c>
      <c r="BW3186" s="166">
        <v>0</v>
      </c>
      <c r="BX3186" s="166">
        <v>0</v>
      </c>
      <c r="BY3186" s="166">
        <v>0</v>
      </c>
      <c r="BZ3186" s="166">
        <v>0</v>
      </c>
      <c r="CA3186" s="166">
        <v>0</v>
      </c>
      <c r="CB3186" s="166">
        <v>0</v>
      </c>
      <c r="CC3186" s="166">
        <v>0</v>
      </c>
      <c r="CD3186" s="166">
        <v>0</v>
      </c>
      <c r="CE3186" s="166">
        <v>0</v>
      </c>
      <c r="CF3186" s="166">
        <v>0</v>
      </c>
      <c r="CG3186" s="166">
        <v>0</v>
      </c>
      <c r="CH3186" s="166">
        <v>0</v>
      </c>
      <c r="CI3186" s="166">
        <v>0</v>
      </c>
      <c r="CJ3186" s="166">
        <v>0</v>
      </c>
      <c r="CK3186" s="166">
        <v>0</v>
      </c>
      <c r="CL3186" s="166">
        <v>0</v>
      </c>
      <c r="CM3186" s="166">
        <v>0</v>
      </c>
      <c r="CN3186" s="166">
        <v>0</v>
      </c>
      <c r="CO3186" s="166">
        <v>0</v>
      </c>
      <c r="CP3186" s="166">
        <v>0</v>
      </c>
      <c r="CQ3186" s="166">
        <v>0</v>
      </c>
      <c r="CR3186" s="166">
        <v>0</v>
      </c>
      <c r="CS3186" s="166">
        <v>0</v>
      </c>
      <c r="CT3186" s="166">
        <v>0</v>
      </c>
      <c r="CU3186" s="166">
        <v>0</v>
      </c>
      <c r="CV3186" s="166">
        <v>0</v>
      </c>
      <c r="CW3186" s="166">
        <v>0</v>
      </c>
      <c r="CX3186" s="166">
        <v>0</v>
      </c>
      <c r="CY3186" s="166">
        <v>0</v>
      </c>
      <c r="CZ3186" s="166">
        <v>0</v>
      </c>
    </row>
    <row r="3187" spans="1:104" x14ac:dyDescent="0.2">
      <c r="A3187" s="170" t="s">
        <v>471</v>
      </c>
      <c r="B3187" s="166">
        <v>59485239.119999997</v>
      </c>
      <c r="C3187" s="166">
        <v>59485239.119999997</v>
      </c>
      <c r="D3187" s="166">
        <v>0</v>
      </c>
      <c r="E3187" s="166">
        <v>0</v>
      </c>
      <c r="F3187" s="166">
        <v>0</v>
      </c>
      <c r="G3187" s="166">
        <v>0</v>
      </c>
      <c r="H3187" s="166">
        <v>0</v>
      </c>
      <c r="I3187" s="166">
        <v>0</v>
      </c>
      <c r="J3187" s="166">
        <v>0</v>
      </c>
      <c r="K3187" s="166">
        <v>0</v>
      </c>
      <c r="L3187" s="166">
        <v>0</v>
      </c>
      <c r="M3187" s="166">
        <v>0</v>
      </c>
      <c r="N3187" s="166">
        <v>0</v>
      </c>
      <c r="O3187" s="166">
        <v>0</v>
      </c>
      <c r="P3187" s="166">
        <v>0</v>
      </c>
      <c r="Q3187" s="166">
        <v>0</v>
      </c>
      <c r="R3187" s="166">
        <v>0</v>
      </c>
      <c r="S3187" s="166">
        <v>0</v>
      </c>
      <c r="T3187" s="166">
        <v>0</v>
      </c>
      <c r="U3187" s="166">
        <v>0</v>
      </c>
      <c r="V3187" s="166">
        <v>0</v>
      </c>
      <c r="W3187" s="166">
        <v>0</v>
      </c>
      <c r="X3187" s="166">
        <v>0</v>
      </c>
      <c r="Y3187" s="166">
        <v>0</v>
      </c>
      <c r="Z3187" s="166">
        <v>0</v>
      </c>
      <c r="AA3187" s="166">
        <v>0</v>
      </c>
      <c r="AB3187" s="166">
        <v>0</v>
      </c>
      <c r="AC3187" s="166">
        <v>0</v>
      </c>
      <c r="AD3187" s="166">
        <v>0</v>
      </c>
      <c r="AE3187" s="166">
        <v>0</v>
      </c>
      <c r="AF3187" s="166">
        <v>0</v>
      </c>
      <c r="AG3187" s="166">
        <v>0</v>
      </c>
      <c r="AH3187" s="166">
        <v>0</v>
      </c>
      <c r="AI3187" s="166">
        <v>0</v>
      </c>
      <c r="AJ3187" s="166">
        <v>0</v>
      </c>
      <c r="AK3187" s="166">
        <v>0</v>
      </c>
      <c r="AL3187" s="166">
        <v>0</v>
      </c>
      <c r="AM3187" s="166">
        <v>0</v>
      </c>
      <c r="AN3187" s="166">
        <v>0</v>
      </c>
      <c r="AO3187" s="166">
        <v>0</v>
      </c>
      <c r="AP3187" s="166">
        <v>0</v>
      </c>
      <c r="AQ3187" s="166">
        <v>0</v>
      </c>
      <c r="AR3187" s="166">
        <v>0</v>
      </c>
      <c r="AS3187" s="166">
        <v>0</v>
      </c>
      <c r="AT3187" s="166">
        <v>0</v>
      </c>
      <c r="AU3187" s="166">
        <v>0</v>
      </c>
      <c r="AV3187" s="166">
        <v>0</v>
      </c>
      <c r="AW3187" s="166">
        <v>0</v>
      </c>
      <c r="AX3187" s="166">
        <v>0</v>
      </c>
      <c r="AY3187" s="166">
        <v>-59485239.119999997</v>
      </c>
      <c r="AZ3187" s="166">
        <v>0</v>
      </c>
      <c r="BA3187" s="166">
        <v>0</v>
      </c>
      <c r="BB3187" s="166">
        <v>0</v>
      </c>
      <c r="BC3187" s="166">
        <v>0</v>
      </c>
      <c r="BD3187" s="166">
        <v>0</v>
      </c>
      <c r="BE3187" s="166">
        <v>0</v>
      </c>
      <c r="BF3187" s="166">
        <v>0</v>
      </c>
      <c r="BG3187" s="166">
        <v>0</v>
      </c>
      <c r="BH3187" s="166">
        <v>0</v>
      </c>
      <c r="BI3187" s="166">
        <v>0</v>
      </c>
      <c r="BJ3187" s="166">
        <v>0</v>
      </c>
      <c r="BK3187" s="166">
        <v>0</v>
      </c>
      <c r="BL3187" s="166">
        <v>0</v>
      </c>
      <c r="BM3187" s="166">
        <v>0</v>
      </c>
      <c r="BN3187" s="166">
        <v>0</v>
      </c>
      <c r="BO3187" s="166">
        <v>0</v>
      </c>
      <c r="BP3187" s="166">
        <v>-59485239.119999997</v>
      </c>
      <c r="BQ3187" s="166">
        <v>0</v>
      </c>
      <c r="BR3187" s="166">
        <v>59485239.119999997</v>
      </c>
      <c r="BS3187" s="166">
        <v>0</v>
      </c>
      <c r="BT3187" s="168">
        <v>0</v>
      </c>
      <c r="BU3187" s="166">
        <v>0</v>
      </c>
      <c r="BV3187" s="166">
        <v>0</v>
      </c>
      <c r="BW3187" s="166">
        <v>0</v>
      </c>
      <c r="BX3187" s="166">
        <v>0</v>
      </c>
      <c r="BY3187" s="166">
        <v>0</v>
      </c>
      <c r="BZ3187" s="166">
        <v>0</v>
      </c>
      <c r="CA3187" s="166">
        <v>0</v>
      </c>
      <c r="CB3187" s="166">
        <v>0</v>
      </c>
      <c r="CC3187" s="166">
        <v>0</v>
      </c>
      <c r="CD3187" s="166">
        <v>0</v>
      </c>
      <c r="CE3187" s="166">
        <v>0</v>
      </c>
      <c r="CF3187" s="166">
        <v>0</v>
      </c>
      <c r="CG3187" s="166">
        <v>0</v>
      </c>
      <c r="CH3187" s="166">
        <v>0</v>
      </c>
      <c r="CI3187" s="166">
        <v>0</v>
      </c>
      <c r="CJ3187" s="166">
        <v>0</v>
      </c>
      <c r="CK3187" s="166">
        <v>0</v>
      </c>
      <c r="CL3187" s="166">
        <v>0</v>
      </c>
      <c r="CM3187" s="166">
        <v>0</v>
      </c>
      <c r="CN3187" s="166">
        <v>0</v>
      </c>
      <c r="CO3187" s="166">
        <v>0</v>
      </c>
      <c r="CP3187" s="166">
        <v>0</v>
      </c>
      <c r="CQ3187" s="166">
        <v>0</v>
      </c>
      <c r="CR3187" s="166">
        <v>0</v>
      </c>
      <c r="CS3187" s="166">
        <v>0</v>
      </c>
      <c r="CT3187" s="166">
        <v>0</v>
      </c>
      <c r="CU3187" s="166">
        <v>0</v>
      </c>
      <c r="CV3187" s="166">
        <v>0</v>
      </c>
      <c r="CW3187" s="166">
        <v>0</v>
      </c>
      <c r="CX3187" s="166">
        <v>0</v>
      </c>
      <c r="CY3187" s="166">
        <v>0</v>
      </c>
      <c r="CZ3187" s="166">
        <v>0</v>
      </c>
    </row>
    <row r="3188" spans="1:104" x14ac:dyDescent="0.2">
      <c r="A3188" s="167" t="s">
        <v>472</v>
      </c>
    </row>
    <row r="3189" spans="1:104" x14ac:dyDescent="0.2">
      <c r="A3189" s="170" t="s">
        <v>473</v>
      </c>
      <c r="B3189" s="166">
        <v>844596362.62463105</v>
      </c>
      <c r="C3189" s="166">
        <v>844596362.62463105</v>
      </c>
      <c r="D3189" s="166">
        <v>0</v>
      </c>
      <c r="E3189" s="166">
        <v>0</v>
      </c>
      <c r="F3189" s="166">
        <v>0</v>
      </c>
      <c r="G3189" s="166">
        <v>0</v>
      </c>
      <c r="H3189" s="166">
        <v>0</v>
      </c>
      <c r="I3189" s="166">
        <v>0</v>
      </c>
      <c r="J3189" s="166">
        <v>0</v>
      </c>
      <c r="K3189" s="166">
        <v>0</v>
      </c>
      <c r="L3189" s="166">
        <v>0</v>
      </c>
      <c r="M3189" s="166">
        <v>0</v>
      </c>
      <c r="N3189" s="166">
        <v>0</v>
      </c>
      <c r="O3189" s="166">
        <v>0</v>
      </c>
      <c r="P3189" s="166">
        <v>0</v>
      </c>
      <c r="Q3189" s="166">
        <v>0</v>
      </c>
      <c r="R3189" s="166">
        <v>-17663846.509999901</v>
      </c>
      <c r="S3189" s="166">
        <v>0</v>
      </c>
      <c r="T3189" s="166">
        <v>0</v>
      </c>
      <c r="U3189" s="166">
        <v>-11779920.34</v>
      </c>
      <c r="V3189" s="166">
        <v>0</v>
      </c>
      <c r="W3189" s="166">
        <v>0</v>
      </c>
      <c r="X3189" s="166">
        <v>0</v>
      </c>
      <c r="Y3189" s="166">
        <v>0</v>
      </c>
      <c r="Z3189" s="166">
        <v>0</v>
      </c>
      <c r="AA3189" s="166">
        <v>0</v>
      </c>
      <c r="AB3189" s="166">
        <v>0</v>
      </c>
      <c r="AC3189" s="166">
        <v>0</v>
      </c>
      <c r="AD3189" s="166">
        <v>0</v>
      </c>
      <c r="AE3189" s="166">
        <v>0</v>
      </c>
      <c r="AF3189" s="166">
        <v>0</v>
      </c>
      <c r="AG3189" s="166">
        <v>0</v>
      </c>
      <c r="AH3189" s="166">
        <v>0</v>
      </c>
      <c r="AI3189" s="166">
        <v>0</v>
      </c>
      <c r="AJ3189" s="166">
        <v>0</v>
      </c>
      <c r="AK3189" s="166">
        <v>0</v>
      </c>
      <c r="AL3189" s="166">
        <v>0</v>
      </c>
      <c r="AM3189" s="166">
        <v>0</v>
      </c>
      <c r="AN3189" s="166">
        <v>0</v>
      </c>
      <c r="AO3189" s="166">
        <v>0</v>
      </c>
      <c r="AP3189" s="166">
        <v>0</v>
      </c>
      <c r="AQ3189" s="166">
        <v>0</v>
      </c>
      <c r="AR3189" s="166">
        <v>0</v>
      </c>
      <c r="AS3189" s="166">
        <v>0</v>
      </c>
      <c r="AT3189" s="166">
        <v>0</v>
      </c>
      <c r="AU3189" s="166">
        <v>0</v>
      </c>
      <c r="AV3189" s="166">
        <v>0</v>
      </c>
      <c r="AW3189" s="166">
        <v>0</v>
      </c>
      <c r="AX3189" s="166">
        <v>-4028134.7740020598</v>
      </c>
      <c r="AY3189" s="166">
        <v>-59485239.119999997</v>
      </c>
      <c r="AZ3189" s="166">
        <v>0</v>
      </c>
      <c r="BA3189" s="166">
        <v>0</v>
      </c>
      <c r="BB3189" s="166">
        <v>0</v>
      </c>
      <c r="BC3189" s="166">
        <v>0</v>
      </c>
      <c r="BD3189" s="166">
        <v>0</v>
      </c>
      <c r="BE3189" s="166">
        <v>0</v>
      </c>
      <c r="BF3189" s="166">
        <v>0</v>
      </c>
      <c r="BG3189" s="166">
        <v>-17663846.509999901</v>
      </c>
      <c r="BH3189" s="166">
        <v>0</v>
      </c>
      <c r="BI3189" s="166">
        <v>-11779920.34</v>
      </c>
      <c r="BJ3189" s="166">
        <v>0</v>
      </c>
      <c r="BK3189" s="166">
        <v>0</v>
      </c>
      <c r="BL3189" s="166">
        <v>0</v>
      </c>
      <c r="BM3189" s="166">
        <v>0</v>
      </c>
      <c r="BN3189" s="166">
        <v>0</v>
      </c>
      <c r="BO3189" s="166">
        <v>-4028134.7740020598</v>
      </c>
      <c r="BP3189" s="166">
        <v>-59485239.119999997</v>
      </c>
      <c r="BQ3189" s="166">
        <v>0</v>
      </c>
      <c r="BR3189" s="166">
        <v>844596362.62463105</v>
      </c>
      <c r="BS3189" s="166">
        <v>751639221.88062894</v>
      </c>
      <c r="BT3189" s="168">
        <v>0</v>
      </c>
      <c r="BU3189" s="166">
        <v>0</v>
      </c>
      <c r="BV3189" s="166">
        <v>0</v>
      </c>
      <c r="BW3189" s="166">
        <v>0</v>
      </c>
      <c r="BX3189" s="166">
        <v>0</v>
      </c>
      <c r="BY3189" s="166">
        <v>0</v>
      </c>
      <c r="BZ3189" s="166">
        <v>0</v>
      </c>
      <c r="CA3189" s="166">
        <v>0</v>
      </c>
      <c r="CB3189" s="166">
        <v>0</v>
      </c>
      <c r="CC3189" s="166">
        <v>0</v>
      </c>
      <c r="CD3189" s="166">
        <v>0</v>
      </c>
      <c r="CE3189" s="166">
        <v>0</v>
      </c>
      <c r="CF3189" s="166">
        <v>0</v>
      </c>
      <c r="CG3189" s="166">
        <v>0</v>
      </c>
      <c r="CH3189" s="166">
        <v>0</v>
      </c>
      <c r="CI3189" s="166">
        <v>0</v>
      </c>
      <c r="CJ3189" s="166">
        <v>0</v>
      </c>
      <c r="CK3189" s="166">
        <v>0</v>
      </c>
      <c r="CL3189" s="166">
        <v>0</v>
      </c>
      <c r="CM3189" s="166">
        <v>0</v>
      </c>
      <c r="CN3189" s="166">
        <v>0</v>
      </c>
      <c r="CO3189" s="166">
        <v>0</v>
      </c>
      <c r="CP3189" s="166">
        <v>0</v>
      </c>
      <c r="CQ3189" s="166">
        <v>0</v>
      </c>
      <c r="CR3189" s="166">
        <v>0</v>
      </c>
      <c r="CS3189" s="166">
        <v>0</v>
      </c>
      <c r="CT3189" s="166">
        <v>0</v>
      </c>
      <c r="CU3189" s="166">
        <v>0</v>
      </c>
      <c r="CV3189" s="166">
        <v>0</v>
      </c>
      <c r="CW3189" s="166">
        <v>0</v>
      </c>
      <c r="CX3189" s="166">
        <v>0</v>
      </c>
      <c r="CY3189" s="166">
        <v>0</v>
      </c>
      <c r="CZ3189" s="166">
        <v>0</v>
      </c>
    </row>
    <row r="3190" spans="1:104" x14ac:dyDescent="0.2">
      <c r="A3190" s="167" t="s">
        <v>474</v>
      </c>
    </row>
    <row r="3191" spans="1:104" x14ac:dyDescent="0.2">
      <c r="A3191" s="170" t="s">
        <v>475</v>
      </c>
    </row>
    <row r="3192" spans="1:104" x14ac:dyDescent="0.2">
      <c r="A3192" s="167" t="s">
        <v>476</v>
      </c>
      <c r="B3192" s="166">
        <v>0</v>
      </c>
      <c r="C3192" s="166">
        <v>0</v>
      </c>
      <c r="D3192" s="166">
        <v>0</v>
      </c>
      <c r="E3192" s="166">
        <v>0</v>
      </c>
      <c r="F3192" s="166">
        <v>0</v>
      </c>
      <c r="G3192" s="166">
        <v>0</v>
      </c>
      <c r="H3192" s="166">
        <v>0</v>
      </c>
      <c r="I3192" s="166">
        <v>0</v>
      </c>
      <c r="J3192" s="166">
        <v>5.88</v>
      </c>
      <c r="K3192" s="166">
        <v>0</v>
      </c>
      <c r="L3192" s="166">
        <v>0</v>
      </c>
      <c r="M3192" s="166">
        <v>0</v>
      </c>
      <c r="N3192" s="166">
        <v>0</v>
      </c>
      <c r="O3192" s="166">
        <v>0</v>
      </c>
      <c r="P3192" s="166">
        <v>0</v>
      </c>
      <c r="Q3192" s="166">
        <v>0</v>
      </c>
      <c r="R3192" s="166">
        <v>0</v>
      </c>
      <c r="S3192" s="166">
        <v>0</v>
      </c>
      <c r="T3192" s="166">
        <v>0</v>
      </c>
      <c r="U3192" s="166">
        <v>0</v>
      </c>
      <c r="V3192" s="166">
        <v>0</v>
      </c>
      <c r="W3192" s="166">
        <v>0</v>
      </c>
      <c r="X3192" s="166">
        <v>0</v>
      </c>
      <c r="Y3192" s="166">
        <v>0</v>
      </c>
      <c r="Z3192" s="166">
        <v>0</v>
      </c>
      <c r="AA3192" s="166">
        <v>0</v>
      </c>
      <c r="AB3192" s="166">
        <v>0</v>
      </c>
      <c r="AC3192" s="166">
        <v>0</v>
      </c>
      <c r="AD3192" s="166">
        <v>0</v>
      </c>
      <c r="AE3192" s="166">
        <v>0</v>
      </c>
      <c r="AF3192" s="166">
        <v>0</v>
      </c>
      <c r="AG3192" s="166">
        <v>0</v>
      </c>
      <c r="AH3192" s="166">
        <v>0</v>
      </c>
      <c r="AI3192" s="166">
        <v>0</v>
      </c>
      <c r="AJ3192" s="166">
        <v>0</v>
      </c>
      <c r="AK3192" s="166">
        <v>0</v>
      </c>
      <c r="AL3192" s="166">
        <v>0</v>
      </c>
      <c r="AM3192" s="166">
        <v>0</v>
      </c>
      <c r="AN3192" s="166">
        <v>0</v>
      </c>
      <c r="AO3192" s="166">
        <v>0</v>
      </c>
      <c r="AP3192" s="166">
        <v>0</v>
      </c>
      <c r="AQ3192" s="166">
        <v>0</v>
      </c>
      <c r="AR3192" s="166">
        <v>0</v>
      </c>
      <c r="AS3192" s="166">
        <v>0</v>
      </c>
      <c r="AT3192" s="166">
        <v>0</v>
      </c>
      <c r="AU3192" s="166">
        <v>0</v>
      </c>
      <c r="AV3192" s="166">
        <v>0</v>
      </c>
      <c r="AW3192" s="166">
        <v>0</v>
      </c>
      <c r="AX3192" s="166">
        <v>0</v>
      </c>
      <c r="AY3192" s="166">
        <v>0</v>
      </c>
      <c r="AZ3192" s="166">
        <v>0</v>
      </c>
      <c r="BA3192" s="166">
        <v>0</v>
      </c>
      <c r="BB3192" s="166">
        <v>0</v>
      </c>
      <c r="BC3192" s="166">
        <v>0</v>
      </c>
      <c r="BD3192" s="166">
        <v>0</v>
      </c>
      <c r="BE3192" s="166">
        <v>5.88</v>
      </c>
      <c r="BF3192" s="166">
        <v>0</v>
      </c>
      <c r="BG3192" s="166">
        <v>0</v>
      </c>
      <c r="BH3192" s="166">
        <v>0</v>
      </c>
      <c r="BI3192" s="166">
        <v>0</v>
      </c>
      <c r="BJ3192" s="166">
        <v>0</v>
      </c>
      <c r="BK3192" s="166">
        <v>0</v>
      </c>
      <c r="BL3192" s="166">
        <v>0</v>
      </c>
      <c r="BM3192" s="166">
        <v>0</v>
      </c>
      <c r="BN3192" s="166">
        <v>0</v>
      </c>
      <c r="BO3192" s="166">
        <v>0</v>
      </c>
      <c r="BP3192" s="166">
        <v>0</v>
      </c>
      <c r="BQ3192" s="166">
        <v>0</v>
      </c>
      <c r="BR3192" s="166">
        <v>0</v>
      </c>
      <c r="BS3192" s="166">
        <v>5.88</v>
      </c>
      <c r="BT3192" s="168">
        <v>0</v>
      </c>
      <c r="BU3192" s="166">
        <v>0</v>
      </c>
      <c r="BV3192" s="166">
        <v>0</v>
      </c>
      <c r="BW3192" s="166">
        <v>0</v>
      </c>
      <c r="BX3192" s="166">
        <v>0</v>
      </c>
      <c r="BY3192" s="166">
        <v>0</v>
      </c>
      <c r="BZ3192" s="166">
        <v>0</v>
      </c>
      <c r="CA3192" s="166">
        <v>0</v>
      </c>
      <c r="CB3192" s="166">
        <v>0</v>
      </c>
      <c r="CC3192" s="166">
        <v>0</v>
      </c>
      <c r="CD3192" s="166">
        <v>0</v>
      </c>
      <c r="CE3192" s="166">
        <v>0</v>
      </c>
      <c r="CF3192" s="166">
        <v>0</v>
      </c>
      <c r="CG3192" s="166">
        <v>0</v>
      </c>
      <c r="CH3192" s="166">
        <v>0</v>
      </c>
      <c r="CI3192" s="166">
        <v>0</v>
      </c>
      <c r="CJ3192" s="166">
        <v>0</v>
      </c>
      <c r="CK3192" s="166">
        <v>0</v>
      </c>
      <c r="CL3192" s="166">
        <v>0</v>
      </c>
      <c r="CM3192" s="166">
        <v>0</v>
      </c>
      <c r="CN3192" s="166">
        <v>0</v>
      </c>
      <c r="CO3192" s="166">
        <v>0</v>
      </c>
      <c r="CP3192" s="166">
        <v>0</v>
      </c>
      <c r="CQ3192" s="166">
        <v>0</v>
      </c>
      <c r="CR3192" s="166">
        <v>0</v>
      </c>
      <c r="CS3192" s="166">
        <v>0</v>
      </c>
      <c r="CT3192" s="166">
        <v>0</v>
      </c>
      <c r="CU3192" s="166">
        <v>0</v>
      </c>
      <c r="CV3192" s="166">
        <v>0</v>
      </c>
      <c r="CW3192" s="166">
        <v>0</v>
      </c>
      <c r="CX3192" s="166">
        <v>0</v>
      </c>
      <c r="CY3192" s="166">
        <v>0</v>
      </c>
      <c r="CZ3192" s="166">
        <v>0</v>
      </c>
    </row>
    <row r="3193" spans="1:104" x14ac:dyDescent="0.2">
      <c r="A3193" s="167" t="s">
        <v>477</v>
      </c>
      <c r="B3193" s="166">
        <v>0</v>
      </c>
      <c r="C3193" s="166">
        <v>0</v>
      </c>
      <c r="D3193" s="166">
        <v>0</v>
      </c>
      <c r="E3193" s="166">
        <v>0</v>
      </c>
      <c r="F3193" s="166">
        <v>0</v>
      </c>
      <c r="G3193" s="166">
        <v>0</v>
      </c>
      <c r="H3193" s="166">
        <v>0</v>
      </c>
      <c r="I3193" s="166">
        <v>0</v>
      </c>
      <c r="J3193" s="166">
        <v>0</v>
      </c>
      <c r="K3193" s="166">
        <v>0</v>
      </c>
      <c r="L3193" s="166">
        <v>0</v>
      </c>
      <c r="M3193" s="166">
        <v>0</v>
      </c>
      <c r="N3193" s="166">
        <v>0</v>
      </c>
      <c r="O3193" s="166">
        <v>0</v>
      </c>
      <c r="P3193" s="166">
        <v>0</v>
      </c>
      <c r="Q3193" s="166">
        <v>0</v>
      </c>
      <c r="R3193" s="166">
        <v>0</v>
      </c>
      <c r="S3193" s="166">
        <v>0</v>
      </c>
      <c r="T3193" s="166">
        <v>0</v>
      </c>
      <c r="U3193" s="166">
        <v>0</v>
      </c>
      <c r="V3193" s="166">
        <v>0</v>
      </c>
      <c r="W3193" s="166">
        <v>0</v>
      </c>
      <c r="X3193" s="166">
        <v>0</v>
      </c>
      <c r="Y3193" s="166">
        <v>0</v>
      </c>
      <c r="Z3193" s="166">
        <v>0</v>
      </c>
      <c r="AA3193" s="166">
        <v>0</v>
      </c>
      <c r="AB3193" s="166">
        <v>0</v>
      </c>
      <c r="AC3193" s="166">
        <v>0</v>
      </c>
      <c r="AD3193" s="166">
        <v>0</v>
      </c>
      <c r="AE3193" s="166">
        <v>0</v>
      </c>
      <c r="AF3193" s="166">
        <v>0</v>
      </c>
      <c r="AG3193" s="166">
        <v>0</v>
      </c>
      <c r="AH3193" s="166">
        <v>0</v>
      </c>
      <c r="AI3193" s="166">
        <v>0</v>
      </c>
      <c r="AJ3193" s="166">
        <v>0</v>
      </c>
      <c r="AK3193" s="166">
        <v>0</v>
      </c>
      <c r="AL3193" s="166">
        <v>0</v>
      </c>
      <c r="AM3193" s="166">
        <v>0</v>
      </c>
      <c r="AN3193" s="166">
        <v>0</v>
      </c>
      <c r="AO3193" s="166">
        <v>0</v>
      </c>
      <c r="AP3193" s="166">
        <v>0</v>
      </c>
      <c r="AQ3193" s="166">
        <v>0</v>
      </c>
      <c r="AR3193" s="166">
        <v>-3269290.32</v>
      </c>
      <c r="AS3193" s="166">
        <v>0</v>
      </c>
      <c r="AT3193" s="166">
        <v>0</v>
      </c>
      <c r="AU3193" s="166">
        <v>0</v>
      </c>
      <c r="AV3193" s="166">
        <v>0</v>
      </c>
      <c r="AW3193" s="166">
        <v>0</v>
      </c>
      <c r="AX3193" s="166">
        <v>0</v>
      </c>
      <c r="AY3193" s="166">
        <v>0</v>
      </c>
      <c r="AZ3193" s="166">
        <v>0</v>
      </c>
      <c r="BA3193" s="166">
        <v>0</v>
      </c>
      <c r="BB3193" s="166">
        <v>0</v>
      </c>
      <c r="BC3193" s="166">
        <v>0</v>
      </c>
      <c r="BD3193" s="166">
        <v>0</v>
      </c>
      <c r="BE3193" s="166">
        <v>0</v>
      </c>
      <c r="BF3193" s="166">
        <v>0</v>
      </c>
      <c r="BG3193" s="166">
        <v>0</v>
      </c>
      <c r="BH3193" s="166">
        <v>0</v>
      </c>
      <c r="BI3193" s="166">
        <v>0</v>
      </c>
      <c r="BJ3193" s="166">
        <v>0</v>
      </c>
      <c r="BK3193" s="166">
        <v>0</v>
      </c>
      <c r="BL3193" s="166">
        <v>0</v>
      </c>
      <c r="BM3193" s="166">
        <v>0</v>
      </c>
      <c r="BN3193" s="166">
        <v>-3269290.32</v>
      </c>
      <c r="BO3193" s="166">
        <v>0</v>
      </c>
      <c r="BP3193" s="166">
        <v>0</v>
      </c>
      <c r="BQ3193" s="166">
        <v>0</v>
      </c>
      <c r="BR3193" s="166">
        <v>0</v>
      </c>
      <c r="BS3193" s="166">
        <v>-3269290.32</v>
      </c>
      <c r="BT3193" s="168">
        <v>0</v>
      </c>
      <c r="BU3193" s="166">
        <v>0</v>
      </c>
      <c r="BV3193" s="166">
        <v>0</v>
      </c>
      <c r="BW3193" s="166">
        <v>0</v>
      </c>
      <c r="BX3193" s="166">
        <v>0</v>
      </c>
      <c r="BY3193" s="166">
        <v>0</v>
      </c>
      <c r="BZ3193" s="166">
        <v>0</v>
      </c>
      <c r="CA3193" s="166">
        <v>0</v>
      </c>
      <c r="CB3193" s="166">
        <v>0</v>
      </c>
      <c r="CC3193" s="166">
        <v>0</v>
      </c>
      <c r="CD3193" s="166">
        <v>0</v>
      </c>
      <c r="CE3193" s="166">
        <v>0</v>
      </c>
      <c r="CF3193" s="166">
        <v>0</v>
      </c>
      <c r="CG3193" s="166">
        <v>0</v>
      </c>
      <c r="CH3193" s="166">
        <v>0</v>
      </c>
      <c r="CI3193" s="166">
        <v>0</v>
      </c>
      <c r="CJ3193" s="166">
        <v>0</v>
      </c>
      <c r="CK3193" s="166">
        <v>0</v>
      </c>
      <c r="CL3193" s="166">
        <v>0</v>
      </c>
      <c r="CM3193" s="166">
        <v>0</v>
      </c>
      <c r="CN3193" s="166">
        <v>0</v>
      </c>
      <c r="CO3193" s="166">
        <v>0</v>
      </c>
      <c r="CP3193" s="166">
        <v>0</v>
      </c>
      <c r="CQ3193" s="166">
        <v>0</v>
      </c>
      <c r="CR3193" s="166">
        <v>0</v>
      </c>
      <c r="CS3193" s="166">
        <v>0</v>
      </c>
      <c r="CT3193" s="166">
        <v>0</v>
      </c>
      <c r="CU3193" s="166">
        <v>0</v>
      </c>
      <c r="CV3193" s="166">
        <v>0</v>
      </c>
      <c r="CW3193" s="166">
        <v>0</v>
      </c>
      <c r="CX3193" s="166">
        <v>0</v>
      </c>
      <c r="CY3193" s="166">
        <v>0</v>
      </c>
      <c r="CZ3193" s="166">
        <v>0</v>
      </c>
    </row>
    <row r="3194" spans="1:104" x14ac:dyDescent="0.2">
      <c r="A3194" s="167" t="s">
        <v>478</v>
      </c>
      <c r="B3194" s="166">
        <v>0</v>
      </c>
      <c r="C3194" s="166">
        <v>0</v>
      </c>
      <c r="D3194" s="166">
        <v>0</v>
      </c>
      <c r="E3194" s="166">
        <v>0</v>
      </c>
      <c r="F3194" s="166">
        <v>0</v>
      </c>
      <c r="G3194" s="166">
        <v>0</v>
      </c>
      <c r="H3194" s="166">
        <v>0</v>
      </c>
      <c r="I3194" s="166">
        <v>0</v>
      </c>
      <c r="J3194" s="166">
        <v>0</v>
      </c>
      <c r="K3194" s="166">
        <v>0</v>
      </c>
      <c r="L3194" s="166">
        <v>0</v>
      </c>
      <c r="M3194" s="166">
        <v>0</v>
      </c>
      <c r="N3194" s="166">
        <v>0</v>
      </c>
      <c r="O3194" s="166">
        <v>0</v>
      </c>
      <c r="P3194" s="166">
        <v>0</v>
      </c>
      <c r="Q3194" s="166">
        <v>0</v>
      </c>
      <c r="R3194" s="166">
        <v>0</v>
      </c>
      <c r="S3194" s="166">
        <v>0</v>
      </c>
      <c r="T3194" s="166">
        <v>0</v>
      </c>
      <c r="U3194" s="166">
        <v>0</v>
      </c>
      <c r="V3194" s="166">
        <v>0</v>
      </c>
      <c r="W3194" s="166">
        <v>0</v>
      </c>
      <c r="X3194" s="166">
        <v>0</v>
      </c>
      <c r="Y3194" s="166">
        <v>0</v>
      </c>
      <c r="Z3194" s="166">
        <v>0</v>
      </c>
      <c r="AA3194" s="166">
        <v>0</v>
      </c>
      <c r="AB3194" s="166">
        <v>0</v>
      </c>
      <c r="AC3194" s="166">
        <v>0</v>
      </c>
      <c r="AD3194" s="166">
        <v>0</v>
      </c>
      <c r="AE3194" s="166">
        <v>0</v>
      </c>
      <c r="AF3194" s="166">
        <v>0</v>
      </c>
      <c r="AG3194" s="166">
        <v>0</v>
      </c>
      <c r="AH3194" s="166">
        <v>0</v>
      </c>
      <c r="AI3194" s="166">
        <v>0</v>
      </c>
      <c r="AJ3194" s="166">
        <v>0</v>
      </c>
      <c r="AK3194" s="166">
        <v>0</v>
      </c>
      <c r="AL3194" s="166">
        <v>0</v>
      </c>
      <c r="AM3194" s="166">
        <v>0</v>
      </c>
      <c r="AN3194" s="166">
        <v>0</v>
      </c>
      <c r="AO3194" s="166">
        <v>0</v>
      </c>
      <c r="AP3194" s="166">
        <v>0</v>
      </c>
      <c r="AQ3194" s="166">
        <v>0</v>
      </c>
      <c r="AR3194" s="166">
        <v>0</v>
      </c>
      <c r="AS3194" s="166">
        <v>0</v>
      </c>
      <c r="AT3194" s="166">
        <v>0</v>
      </c>
      <c r="AU3194" s="166">
        <v>0</v>
      </c>
      <c r="AV3194" s="166">
        <v>0</v>
      </c>
      <c r="AW3194" s="166">
        <v>0</v>
      </c>
      <c r="AX3194" s="166">
        <v>0</v>
      </c>
      <c r="AY3194" s="166">
        <v>0</v>
      </c>
      <c r="AZ3194" s="166">
        <v>0</v>
      </c>
      <c r="BA3194" s="166">
        <v>0</v>
      </c>
      <c r="BB3194" s="166">
        <v>0</v>
      </c>
      <c r="BC3194" s="166">
        <v>0</v>
      </c>
      <c r="BD3194" s="166">
        <v>0</v>
      </c>
      <c r="BE3194" s="166">
        <v>0</v>
      </c>
      <c r="BF3194" s="166">
        <v>0</v>
      </c>
      <c r="BG3194" s="166">
        <v>0</v>
      </c>
      <c r="BH3194" s="166">
        <v>0</v>
      </c>
      <c r="BI3194" s="166">
        <v>0</v>
      </c>
      <c r="BJ3194" s="166">
        <v>0</v>
      </c>
      <c r="BK3194" s="166">
        <v>0</v>
      </c>
      <c r="BL3194" s="166">
        <v>0</v>
      </c>
      <c r="BM3194" s="166">
        <v>0</v>
      </c>
      <c r="BN3194" s="166">
        <v>0</v>
      </c>
      <c r="BO3194" s="166">
        <v>0</v>
      </c>
      <c r="BP3194" s="166">
        <v>0</v>
      </c>
      <c r="BQ3194" s="166">
        <v>0</v>
      </c>
      <c r="BR3194" s="166">
        <v>0</v>
      </c>
      <c r="BS3194" s="166">
        <v>0</v>
      </c>
      <c r="BT3194" s="168">
        <v>0</v>
      </c>
      <c r="BU3194" s="166">
        <v>0</v>
      </c>
      <c r="BV3194" s="166">
        <v>0</v>
      </c>
      <c r="BW3194" s="166">
        <v>0</v>
      </c>
      <c r="BX3194" s="166">
        <v>0</v>
      </c>
      <c r="BY3194" s="166">
        <v>0</v>
      </c>
      <c r="BZ3194" s="166">
        <v>0</v>
      </c>
      <c r="CA3194" s="166">
        <v>0</v>
      </c>
      <c r="CB3194" s="166">
        <v>0</v>
      </c>
      <c r="CC3194" s="166">
        <v>0</v>
      </c>
      <c r="CD3194" s="166">
        <v>0</v>
      </c>
      <c r="CE3194" s="166">
        <v>0</v>
      </c>
      <c r="CF3194" s="166">
        <v>0</v>
      </c>
      <c r="CG3194" s="166">
        <v>0</v>
      </c>
      <c r="CH3194" s="166">
        <v>0</v>
      </c>
      <c r="CI3194" s="166">
        <v>0</v>
      </c>
      <c r="CJ3194" s="166">
        <v>0</v>
      </c>
      <c r="CK3194" s="166">
        <v>0</v>
      </c>
      <c r="CL3194" s="166">
        <v>0</v>
      </c>
      <c r="CM3194" s="166">
        <v>0</v>
      </c>
      <c r="CN3194" s="166">
        <v>0</v>
      </c>
      <c r="CO3194" s="166">
        <v>0</v>
      </c>
      <c r="CP3194" s="166">
        <v>0</v>
      </c>
      <c r="CQ3194" s="166">
        <v>0</v>
      </c>
      <c r="CR3194" s="166">
        <v>0</v>
      </c>
      <c r="CS3194" s="166">
        <v>0</v>
      </c>
      <c r="CT3194" s="166">
        <v>0</v>
      </c>
      <c r="CU3194" s="166">
        <v>0</v>
      </c>
      <c r="CV3194" s="166">
        <v>0</v>
      </c>
      <c r="CW3194" s="166">
        <v>0</v>
      </c>
      <c r="CX3194" s="166">
        <v>0</v>
      </c>
      <c r="CY3194" s="166">
        <v>0</v>
      </c>
      <c r="CZ3194" s="166">
        <v>0</v>
      </c>
    </row>
    <row r="3195" spans="1:104" x14ac:dyDescent="0.2">
      <c r="A3195" s="167" t="s">
        <v>479</v>
      </c>
      <c r="B3195" s="166">
        <v>0</v>
      </c>
      <c r="C3195" s="166">
        <v>0</v>
      </c>
      <c r="D3195" s="166">
        <v>0</v>
      </c>
      <c r="E3195" s="166">
        <v>0</v>
      </c>
      <c r="F3195" s="166">
        <v>0</v>
      </c>
      <c r="G3195" s="166">
        <v>0</v>
      </c>
      <c r="H3195" s="166">
        <v>0</v>
      </c>
      <c r="I3195" s="166">
        <v>0</v>
      </c>
      <c r="J3195" s="166">
        <v>0</v>
      </c>
      <c r="K3195" s="166">
        <v>0</v>
      </c>
      <c r="L3195" s="166">
        <v>0</v>
      </c>
      <c r="M3195" s="166">
        <v>0</v>
      </c>
      <c r="N3195" s="166">
        <v>0</v>
      </c>
      <c r="O3195" s="166">
        <v>0</v>
      </c>
      <c r="P3195" s="166">
        <v>0</v>
      </c>
      <c r="Q3195" s="166">
        <v>0</v>
      </c>
      <c r="R3195" s="166">
        <v>0</v>
      </c>
      <c r="S3195" s="166">
        <v>0</v>
      </c>
      <c r="T3195" s="166">
        <v>0</v>
      </c>
      <c r="U3195" s="166">
        <v>0</v>
      </c>
      <c r="V3195" s="166">
        <v>0</v>
      </c>
      <c r="W3195" s="166">
        <v>0</v>
      </c>
      <c r="X3195" s="166">
        <v>0</v>
      </c>
      <c r="Y3195" s="166">
        <v>0</v>
      </c>
      <c r="Z3195" s="166">
        <v>0</v>
      </c>
      <c r="AA3195" s="166">
        <v>0</v>
      </c>
      <c r="AB3195" s="166">
        <v>0</v>
      </c>
      <c r="AC3195" s="166">
        <v>0</v>
      </c>
      <c r="AD3195" s="166">
        <v>0</v>
      </c>
      <c r="AE3195" s="166">
        <v>0</v>
      </c>
      <c r="AF3195" s="166">
        <v>0</v>
      </c>
      <c r="AG3195" s="166">
        <v>0</v>
      </c>
      <c r="AH3195" s="166">
        <v>0</v>
      </c>
      <c r="AI3195" s="166">
        <v>0</v>
      </c>
      <c r="AJ3195" s="166">
        <v>0</v>
      </c>
      <c r="AK3195" s="166">
        <v>0</v>
      </c>
      <c r="AL3195" s="166">
        <v>0</v>
      </c>
      <c r="AM3195" s="166">
        <v>0</v>
      </c>
      <c r="AN3195" s="166">
        <v>0</v>
      </c>
      <c r="AO3195" s="166">
        <v>0</v>
      </c>
      <c r="AP3195" s="166">
        <v>0</v>
      </c>
      <c r="AQ3195" s="166">
        <v>0</v>
      </c>
      <c r="AR3195" s="166">
        <v>0</v>
      </c>
      <c r="AS3195" s="166">
        <v>0</v>
      </c>
      <c r="AT3195" s="166">
        <v>0</v>
      </c>
      <c r="AU3195" s="166">
        <v>0</v>
      </c>
      <c r="AV3195" s="166">
        <v>0</v>
      </c>
      <c r="AW3195" s="166">
        <v>0</v>
      </c>
      <c r="AX3195" s="166">
        <v>0</v>
      </c>
      <c r="AY3195" s="166">
        <v>0</v>
      </c>
      <c r="AZ3195" s="166">
        <v>0</v>
      </c>
      <c r="BA3195" s="166">
        <v>0</v>
      </c>
      <c r="BB3195" s="166">
        <v>0</v>
      </c>
      <c r="BC3195" s="166">
        <v>0</v>
      </c>
      <c r="BD3195" s="166">
        <v>0</v>
      </c>
      <c r="BE3195" s="166">
        <v>0</v>
      </c>
      <c r="BF3195" s="166">
        <v>0</v>
      </c>
      <c r="BG3195" s="166">
        <v>0</v>
      </c>
      <c r="BH3195" s="166">
        <v>0</v>
      </c>
      <c r="BI3195" s="166">
        <v>0</v>
      </c>
      <c r="BJ3195" s="166">
        <v>0</v>
      </c>
      <c r="BK3195" s="166">
        <v>0</v>
      </c>
      <c r="BL3195" s="166">
        <v>0</v>
      </c>
      <c r="BM3195" s="166">
        <v>0</v>
      </c>
      <c r="BN3195" s="166">
        <v>0</v>
      </c>
      <c r="BO3195" s="166">
        <v>0</v>
      </c>
      <c r="BP3195" s="166">
        <v>0</v>
      </c>
      <c r="BQ3195" s="166">
        <v>0</v>
      </c>
      <c r="BR3195" s="166">
        <v>0</v>
      </c>
      <c r="BS3195" s="166">
        <v>0</v>
      </c>
      <c r="BT3195" s="168">
        <v>0</v>
      </c>
      <c r="BU3195" s="166">
        <v>0</v>
      </c>
      <c r="BV3195" s="166">
        <v>0</v>
      </c>
      <c r="BW3195" s="166">
        <v>0</v>
      </c>
      <c r="BX3195" s="166">
        <v>0</v>
      </c>
      <c r="BY3195" s="166">
        <v>0</v>
      </c>
      <c r="BZ3195" s="166">
        <v>0</v>
      </c>
      <c r="CA3195" s="166">
        <v>0</v>
      </c>
      <c r="CB3195" s="166">
        <v>0</v>
      </c>
      <c r="CC3195" s="166">
        <v>0</v>
      </c>
      <c r="CD3195" s="166">
        <v>0</v>
      </c>
      <c r="CE3195" s="166">
        <v>0</v>
      </c>
      <c r="CF3195" s="166">
        <v>0</v>
      </c>
      <c r="CG3195" s="166">
        <v>0</v>
      </c>
      <c r="CH3195" s="166">
        <v>0</v>
      </c>
      <c r="CI3195" s="166">
        <v>0</v>
      </c>
      <c r="CJ3195" s="166">
        <v>0</v>
      </c>
      <c r="CK3195" s="166">
        <v>0</v>
      </c>
      <c r="CL3195" s="166">
        <v>0</v>
      </c>
      <c r="CM3195" s="166">
        <v>0</v>
      </c>
      <c r="CN3195" s="166">
        <v>0</v>
      </c>
      <c r="CO3195" s="166">
        <v>0</v>
      </c>
      <c r="CP3195" s="166">
        <v>0</v>
      </c>
      <c r="CQ3195" s="166">
        <v>0</v>
      </c>
      <c r="CR3195" s="166">
        <v>0</v>
      </c>
      <c r="CS3195" s="166">
        <v>0</v>
      </c>
      <c r="CT3195" s="166">
        <v>0</v>
      </c>
      <c r="CU3195" s="166">
        <v>0</v>
      </c>
      <c r="CV3195" s="166">
        <v>0</v>
      </c>
      <c r="CW3195" s="166">
        <v>0</v>
      </c>
      <c r="CX3195" s="166">
        <v>0</v>
      </c>
      <c r="CY3195" s="166">
        <v>0</v>
      </c>
      <c r="CZ3195" s="166">
        <v>0</v>
      </c>
    </row>
    <row r="3196" spans="1:104" x14ac:dyDescent="0.2">
      <c r="A3196" s="167" t="s">
        <v>480</v>
      </c>
      <c r="B3196" s="166">
        <v>0</v>
      </c>
      <c r="C3196" s="166">
        <v>0</v>
      </c>
      <c r="D3196" s="166">
        <v>0</v>
      </c>
      <c r="E3196" s="166">
        <v>0</v>
      </c>
      <c r="F3196" s="166">
        <v>0</v>
      </c>
      <c r="G3196" s="166">
        <v>0</v>
      </c>
      <c r="H3196" s="166">
        <v>0</v>
      </c>
      <c r="I3196" s="166">
        <v>0</v>
      </c>
      <c r="J3196" s="166">
        <v>0</v>
      </c>
      <c r="K3196" s="166">
        <v>0</v>
      </c>
      <c r="L3196" s="166">
        <v>0</v>
      </c>
      <c r="M3196" s="166">
        <v>0</v>
      </c>
      <c r="N3196" s="166">
        <v>0</v>
      </c>
      <c r="O3196" s="166">
        <v>0</v>
      </c>
      <c r="P3196" s="166">
        <v>0</v>
      </c>
      <c r="Q3196" s="166">
        <v>0</v>
      </c>
      <c r="R3196" s="166">
        <v>0</v>
      </c>
      <c r="S3196" s="166">
        <v>0</v>
      </c>
      <c r="T3196" s="166">
        <v>0</v>
      </c>
      <c r="U3196" s="166">
        <v>0</v>
      </c>
      <c r="V3196" s="166">
        <v>0</v>
      </c>
      <c r="W3196" s="166">
        <v>0</v>
      </c>
      <c r="X3196" s="166">
        <v>0</v>
      </c>
      <c r="Y3196" s="166">
        <v>0</v>
      </c>
      <c r="Z3196" s="166">
        <v>0</v>
      </c>
      <c r="AA3196" s="166">
        <v>0</v>
      </c>
      <c r="AB3196" s="166">
        <v>0</v>
      </c>
      <c r="AC3196" s="166">
        <v>0</v>
      </c>
      <c r="AD3196" s="166">
        <v>0</v>
      </c>
      <c r="AE3196" s="166">
        <v>0</v>
      </c>
      <c r="AF3196" s="166">
        <v>0</v>
      </c>
      <c r="AG3196" s="166">
        <v>0</v>
      </c>
      <c r="AH3196" s="166">
        <v>0</v>
      </c>
      <c r="AI3196" s="166">
        <v>0</v>
      </c>
      <c r="AJ3196" s="166">
        <v>0</v>
      </c>
      <c r="AK3196" s="166">
        <v>0</v>
      </c>
      <c r="AL3196" s="166">
        <v>0</v>
      </c>
      <c r="AM3196" s="166">
        <v>0</v>
      </c>
      <c r="AN3196" s="166">
        <v>0</v>
      </c>
      <c r="AO3196" s="166">
        <v>0</v>
      </c>
      <c r="AP3196" s="166">
        <v>0</v>
      </c>
      <c r="AQ3196" s="166">
        <v>0</v>
      </c>
      <c r="AR3196" s="166">
        <v>0</v>
      </c>
      <c r="AS3196" s="166">
        <v>0</v>
      </c>
      <c r="AT3196" s="166">
        <v>0</v>
      </c>
      <c r="AU3196" s="166">
        <v>0</v>
      </c>
      <c r="AV3196" s="166">
        <v>0</v>
      </c>
      <c r="AW3196" s="166">
        <v>0</v>
      </c>
      <c r="AX3196" s="166">
        <v>0</v>
      </c>
      <c r="AY3196" s="166">
        <v>0</v>
      </c>
      <c r="AZ3196" s="166">
        <v>0</v>
      </c>
      <c r="BA3196" s="166">
        <v>0</v>
      </c>
      <c r="BB3196" s="166">
        <v>0</v>
      </c>
      <c r="BC3196" s="166">
        <v>0</v>
      </c>
      <c r="BD3196" s="166">
        <v>0</v>
      </c>
      <c r="BE3196" s="166">
        <v>0</v>
      </c>
      <c r="BF3196" s="166">
        <v>0</v>
      </c>
      <c r="BG3196" s="166">
        <v>0</v>
      </c>
      <c r="BH3196" s="166">
        <v>0</v>
      </c>
      <c r="BI3196" s="166">
        <v>0</v>
      </c>
      <c r="BJ3196" s="166">
        <v>0</v>
      </c>
      <c r="BK3196" s="166">
        <v>0</v>
      </c>
      <c r="BL3196" s="166">
        <v>0</v>
      </c>
      <c r="BM3196" s="166">
        <v>0</v>
      </c>
      <c r="BN3196" s="166">
        <v>0</v>
      </c>
      <c r="BO3196" s="166">
        <v>0</v>
      </c>
      <c r="BP3196" s="166">
        <v>0</v>
      </c>
      <c r="BQ3196" s="166">
        <v>0</v>
      </c>
      <c r="BR3196" s="166">
        <v>0</v>
      </c>
      <c r="BS3196" s="166">
        <v>0</v>
      </c>
      <c r="BT3196" s="168">
        <v>0</v>
      </c>
      <c r="BU3196" s="166">
        <v>0</v>
      </c>
      <c r="BV3196" s="166">
        <v>0</v>
      </c>
      <c r="BW3196" s="166">
        <v>0</v>
      </c>
      <c r="BX3196" s="166">
        <v>0</v>
      </c>
      <c r="BY3196" s="166">
        <v>0</v>
      </c>
      <c r="BZ3196" s="166">
        <v>0</v>
      </c>
      <c r="CA3196" s="166">
        <v>0</v>
      </c>
      <c r="CB3196" s="166">
        <v>0</v>
      </c>
      <c r="CC3196" s="166">
        <v>0</v>
      </c>
      <c r="CD3196" s="166">
        <v>0</v>
      </c>
      <c r="CE3196" s="166">
        <v>0</v>
      </c>
      <c r="CF3196" s="166">
        <v>0</v>
      </c>
      <c r="CG3196" s="166">
        <v>0</v>
      </c>
      <c r="CH3196" s="166">
        <v>0</v>
      </c>
      <c r="CI3196" s="166">
        <v>0</v>
      </c>
      <c r="CJ3196" s="166">
        <v>0</v>
      </c>
      <c r="CK3196" s="166">
        <v>0</v>
      </c>
      <c r="CL3196" s="166">
        <v>0</v>
      </c>
      <c r="CM3196" s="166">
        <v>0</v>
      </c>
      <c r="CN3196" s="166">
        <v>0</v>
      </c>
      <c r="CO3196" s="166">
        <v>0</v>
      </c>
      <c r="CP3196" s="166">
        <v>0</v>
      </c>
      <c r="CQ3196" s="166">
        <v>0</v>
      </c>
      <c r="CR3196" s="166">
        <v>0</v>
      </c>
      <c r="CS3196" s="166">
        <v>0</v>
      </c>
      <c r="CT3196" s="166">
        <v>0</v>
      </c>
      <c r="CU3196" s="166">
        <v>0</v>
      </c>
      <c r="CV3196" s="166">
        <v>0</v>
      </c>
      <c r="CW3196" s="166">
        <v>0</v>
      </c>
      <c r="CX3196" s="166">
        <v>0</v>
      </c>
      <c r="CY3196" s="166">
        <v>0</v>
      </c>
      <c r="CZ3196" s="166">
        <v>0</v>
      </c>
    </row>
    <row r="3197" spans="1:104" x14ac:dyDescent="0.2">
      <c r="A3197" s="167" t="s">
        <v>481</v>
      </c>
      <c r="B3197" s="166">
        <v>0</v>
      </c>
      <c r="C3197" s="166">
        <v>0</v>
      </c>
      <c r="D3197" s="166">
        <v>0</v>
      </c>
      <c r="E3197" s="166">
        <v>0</v>
      </c>
      <c r="F3197" s="166">
        <v>0</v>
      </c>
      <c r="G3197" s="166">
        <v>0</v>
      </c>
      <c r="H3197" s="166">
        <v>0</v>
      </c>
      <c r="I3197" s="166">
        <v>0</v>
      </c>
      <c r="J3197" s="166">
        <v>0</v>
      </c>
      <c r="K3197" s="166">
        <v>0</v>
      </c>
      <c r="L3197" s="166">
        <v>0</v>
      </c>
      <c r="M3197" s="166">
        <v>0</v>
      </c>
      <c r="N3197" s="166">
        <v>0</v>
      </c>
      <c r="O3197" s="166">
        <v>0</v>
      </c>
      <c r="P3197" s="166">
        <v>0</v>
      </c>
      <c r="Q3197" s="166">
        <v>0</v>
      </c>
      <c r="R3197" s="166">
        <v>0</v>
      </c>
      <c r="S3197" s="166">
        <v>0</v>
      </c>
      <c r="T3197" s="166">
        <v>0</v>
      </c>
      <c r="U3197" s="166">
        <v>0</v>
      </c>
      <c r="V3197" s="166">
        <v>0</v>
      </c>
      <c r="W3197" s="166">
        <v>0</v>
      </c>
      <c r="X3197" s="166">
        <v>0</v>
      </c>
      <c r="Y3197" s="166">
        <v>0</v>
      </c>
      <c r="Z3197" s="166">
        <v>0</v>
      </c>
      <c r="AA3197" s="166">
        <v>0</v>
      </c>
      <c r="AB3197" s="166">
        <v>0</v>
      </c>
      <c r="AC3197" s="166">
        <v>0</v>
      </c>
      <c r="AD3197" s="166">
        <v>0</v>
      </c>
      <c r="AE3197" s="166">
        <v>0</v>
      </c>
      <c r="AF3197" s="166">
        <v>0</v>
      </c>
      <c r="AG3197" s="166">
        <v>0</v>
      </c>
      <c r="AH3197" s="166">
        <v>0</v>
      </c>
      <c r="AI3197" s="166">
        <v>0</v>
      </c>
      <c r="AJ3197" s="166">
        <v>0</v>
      </c>
      <c r="AK3197" s="166">
        <v>0</v>
      </c>
      <c r="AL3197" s="166">
        <v>0</v>
      </c>
      <c r="AM3197" s="166">
        <v>0</v>
      </c>
      <c r="AN3197" s="166">
        <v>0</v>
      </c>
      <c r="AO3197" s="166">
        <v>0</v>
      </c>
      <c r="AP3197" s="166">
        <v>0</v>
      </c>
      <c r="AQ3197" s="166">
        <v>0</v>
      </c>
      <c r="AR3197" s="166">
        <v>0</v>
      </c>
      <c r="AS3197" s="166">
        <v>0</v>
      </c>
      <c r="AT3197" s="166">
        <v>0</v>
      </c>
      <c r="AU3197" s="166">
        <v>0</v>
      </c>
      <c r="AV3197" s="166">
        <v>0</v>
      </c>
      <c r="AW3197" s="166">
        <v>0</v>
      </c>
      <c r="AX3197" s="166">
        <v>0</v>
      </c>
      <c r="AY3197" s="166">
        <v>0</v>
      </c>
      <c r="AZ3197" s="166">
        <v>0</v>
      </c>
      <c r="BA3197" s="166">
        <v>0</v>
      </c>
      <c r="BB3197" s="166">
        <v>0</v>
      </c>
      <c r="BC3197" s="166">
        <v>0</v>
      </c>
      <c r="BD3197" s="166">
        <v>0</v>
      </c>
      <c r="BE3197" s="166">
        <v>0</v>
      </c>
      <c r="BF3197" s="166">
        <v>0</v>
      </c>
      <c r="BG3197" s="166">
        <v>0</v>
      </c>
      <c r="BH3197" s="166">
        <v>0</v>
      </c>
      <c r="BI3197" s="166">
        <v>0</v>
      </c>
      <c r="BJ3197" s="166">
        <v>0</v>
      </c>
      <c r="BK3197" s="166">
        <v>0</v>
      </c>
      <c r="BL3197" s="166">
        <v>0</v>
      </c>
      <c r="BM3197" s="166">
        <v>0</v>
      </c>
      <c r="BN3197" s="166">
        <v>0</v>
      </c>
      <c r="BO3197" s="166">
        <v>0</v>
      </c>
      <c r="BP3197" s="166">
        <v>0</v>
      </c>
      <c r="BQ3197" s="166">
        <v>0</v>
      </c>
      <c r="BR3197" s="166">
        <v>0</v>
      </c>
      <c r="BS3197" s="166">
        <v>0</v>
      </c>
      <c r="BT3197" s="168">
        <v>0</v>
      </c>
      <c r="BU3197" s="166">
        <v>0</v>
      </c>
      <c r="BV3197" s="166">
        <v>0</v>
      </c>
      <c r="BW3197" s="166">
        <v>0</v>
      </c>
      <c r="BX3197" s="166">
        <v>0</v>
      </c>
      <c r="BY3197" s="166">
        <v>0</v>
      </c>
      <c r="BZ3197" s="166">
        <v>0</v>
      </c>
      <c r="CA3197" s="166">
        <v>0</v>
      </c>
      <c r="CB3197" s="166">
        <v>0</v>
      </c>
      <c r="CC3197" s="166">
        <v>0</v>
      </c>
      <c r="CD3197" s="166">
        <v>0</v>
      </c>
      <c r="CE3197" s="166">
        <v>0</v>
      </c>
      <c r="CF3197" s="166">
        <v>0</v>
      </c>
      <c r="CG3197" s="166">
        <v>0</v>
      </c>
      <c r="CH3197" s="166">
        <v>0</v>
      </c>
      <c r="CI3197" s="166">
        <v>0</v>
      </c>
      <c r="CJ3197" s="166">
        <v>0</v>
      </c>
      <c r="CK3197" s="166">
        <v>0</v>
      </c>
      <c r="CL3197" s="166">
        <v>0</v>
      </c>
      <c r="CM3197" s="166">
        <v>0</v>
      </c>
      <c r="CN3197" s="166">
        <v>0</v>
      </c>
      <c r="CO3197" s="166">
        <v>0</v>
      </c>
      <c r="CP3197" s="166">
        <v>0</v>
      </c>
      <c r="CQ3197" s="166">
        <v>0</v>
      </c>
      <c r="CR3197" s="166">
        <v>0</v>
      </c>
      <c r="CS3197" s="166">
        <v>0</v>
      </c>
      <c r="CT3197" s="166">
        <v>0</v>
      </c>
      <c r="CU3197" s="166">
        <v>0</v>
      </c>
      <c r="CV3197" s="166">
        <v>0</v>
      </c>
      <c r="CW3197" s="166">
        <v>0</v>
      </c>
      <c r="CX3197" s="166">
        <v>0</v>
      </c>
      <c r="CY3197" s="166">
        <v>0</v>
      </c>
      <c r="CZ3197" s="166">
        <v>0</v>
      </c>
    </row>
    <row r="3198" spans="1:104" x14ac:dyDescent="0.2">
      <c r="A3198" s="167" t="s">
        <v>482</v>
      </c>
      <c r="B3198" s="166">
        <v>0</v>
      </c>
      <c r="C3198" s="166">
        <v>0</v>
      </c>
      <c r="D3198" s="166">
        <v>0</v>
      </c>
      <c r="E3198" s="166">
        <v>0</v>
      </c>
      <c r="F3198" s="166">
        <v>0</v>
      </c>
      <c r="G3198" s="166">
        <v>0</v>
      </c>
      <c r="H3198" s="166">
        <v>0</v>
      </c>
      <c r="I3198" s="166">
        <v>0</v>
      </c>
      <c r="J3198" s="166">
        <v>0</v>
      </c>
      <c r="K3198" s="166">
        <v>0</v>
      </c>
      <c r="L3198" s="166">
        <v>0</v>
      </c>
      <c r="M3198" s="166">
        <v>0</v>
      </c>
      <c r="N3198" s="166">
        <v>0</v>
      </c>
      <c r="O3198" s="166">
        <v>0</v>
      </c>
      <c r="P3198" s="166">
        <v>0</v>
      </c>
      <c r="Q3198" s="166">
        <v>0</v>
      </c>
      <c r="R3198" s="166">
        <v>0</v>
      </c>
      <c r="S3198" s="166">
        <v>0</v>
      </c>
      <c r="T3198" s="166">
        <v>0</v>
      </c>
      <c r="U3198" s="166">
        <v>0</v>
      </c>
      <c r="V3198" s="166">
        <v>0</v>
      </c>
      <c r="W3198" s="166">
        <v>0</v>
      </c>
      <c r="X3198" s="166">
        <v>0</v>
      </c>
      <c r="Y3198" s="166">
        <v>0</v>
      </c>
      <c r="Z3198" s="166">
        <v>0</v>
      </c>
      <c r="AA3198" s="166">
        <v>0</v>
      </c>
      <c r="AB3198" s="166">
        <v>0</v>
      </c>
      <c r="AC3198" s="166">
        <v>0</v>
      </c>
      <c r="AD3198" s="166">
        <v>0</v>
      </c>
      <c r="AE3198" s="166">
        <v>0</v>
      </c>
      <c r="AF3198" s="166">
        <v>0</v>
      </c>
      <c r="AG3198" s="166">
        <v>0</v>
      </c>
      <c r="AH3198" s="166">
        <v>0</v>
      </c>
      <c r="AI3198" s="166">
        <v>0</v>
      </c>
      <c r="AJ3198" s="166">
        <v>0</v>
      </c>
      <c r="AK3198" s="166">
        <v>0</v>
      </c>
      <c r="AL3198" s="166">
        <v>0</v>
      </c>
      <c r="AM3198" s="166">
        <v>0</v>
      </c>
      <c r="AN3198" s="166">
        <v>0</v>
      </c>
      <c r="AO3198" s="166">
        <v>0</v>
      </c>
      <c r="AP3198" s="166">
        <v>0</v>
      </c>
      <c r="AQ3198" s="166">
        <v>0</v>
      </c>
      <c r="AR3198" s="166">
        <v>0</v>
      </c>
      <c r="AS3198" s="166">
        <v>0</v>
      </c>
      <c r="AT3198" s="166">
        <v>0</v>
      </c>
      <c r="AU3198" s="166">
        <v>0</v>
      </c>
      <c r="AV3198" s="166">
        <v>0</v>
      </c>
      <c r="AW3198" s="166">
        <v>0</v>
      </c>
      <c r="AX3198" s="166">
        <v>0</v>
      </c>
      <c r="AY3198" s="166">
        <v>0</v>
      </c>
      <c r="AZ3198" s="166">
        <v>0</v>
      </c>
      <c r="BA3198" s="166">
        <v>0</v>
      </c>
      <c r="BB3198" s="166">
        <v>0</v>
      </c>
      <c r="BC3198" s="166">
        <v>0</v>
      </c>
      <c r="BD3198" s="166">
        <v>0</v>
      </c>
      <c r="BE3198" s="166">
        <v>0</v>
      </c>
      <c r="BF3198" s="166">
        <v>0</v>
      </c>
      <c r="BG3198" s="166">
        <v>0</v>
      </c>
      <c r="BH3198" s="166">
        <v>0</v>
      </c>
      <c r="BI3198" s="166">
        <v>0</v>
      </c>
      <c r="BJ3198" s="166">
        <v>0</v>
      </c>
      <c r="BK3198" s="166">
        <v>0</v>
      </c>
      <c r="BL3198" s="166">
        <v>0</v>
      </c>
      <c r="BM3198" s="166">
        <v>0</v>
      </c>
      <c r="BN3198" s="166">
        <v>0</v>
      </c>
      <c r="BO3198" s="166">
        <v>0</v>
      </c>
      <c r="BP3198" s="166">
        <v>0</v>
      </c>
      <c r="BQ3198" s="166">
        <v>0</v>
      </c>
      <c r="BR3198" s="166">
        <v>0</v>
      </c>
      <c r="BS3198" s="166">
        <v>0</v>
      </c>
      <c r="BT3198" s="168">
        <v>0</v>
      </c>
      <c r="BU3198" s="166">
        <v>0</v>
      </c>
      <c r="BV3198" s="166">
        <v>0</v>
      </c>
      <c r="BW3198" s="166">
        <v>0</v>
      </c>
      <c r="BX3198" s="166">
        <v>0</v>
      </c>
      <c r="BY3198" s="166">
        <v>0</v>
      </c>
      <c r="BZ3198" s="166">
        <v>0</v>
      </c>
      <c r="CA3198" s="166">
        <v>0</v>
      </c>
      <c r="CB3198" s="166">
        <v>0</v>
      </c>
      <c r="CC3198" s="166">
        <v>0</v>
      </c>
      <c r="CD3198" s="166">
        <v>0</v>
      </c>
      <c r="CE3198" s="166">
        <v>0</v>
      </c>
      <c r="CF3198" s="166">
        <v>0</v>
      </c>
      <c r="CG3198" s="166">
        <v>0</v>
      </c>
      <c r="CH3198" s="166">
        <v>0</v>
      </c>
      <c r="CI3198" s="166">
        <v>0</v>
      </c>
      <c r="CJ3198" s="166">
        <v>0</v>
      </c>
      <c r="CK3198" s="166">
        <v>0</v>
      </c>
      <c r="CL3198" s="166">
        <v>0</v>
      </c>
      <c r="CM3198" s="166">
        <v>0</v>
      </c>
      <c r="CN3198" s="166">
        <v>0</v>
      </c>
      <c r="CO3198" s="166">
        <v>0</v>
      </c>
      <c r="CP3198" s="166">
        <v>0</v>
      </c>
      <c r="CQ3198" s="166">
        <v>0</v>
      </c>
      <c r="CR3198" s="166">
        <v>0</v>
      </c>
      <c r="CS3198" s="166">
        <v>0</v>
      </c>
      <c r="CT3198" s="166">
        <v>0</v>
      </c>
      <c r="CU3198" s="166">
        <v>0</v>
      </c>
      <c r="CV3198" s="166">
        <v>0</v>
      </c>
      <c r="CW3198" s="166">
        <v>0</v>
      </c>
      <c r="CX3198" s="166">
        <v>0</v>
      </c>
      <c r="CY3198" s="166">
        <v>0</v>
      </c>
      <c r="CZ3198" s="166">
        <v>0</v>
      </c>
    </row>
    <row r="3199" spans="1:104" x14ac:dyDescent="0.2">
      <c r="A3199" s="170" t="s">
        <v>483</v>
      </c>
      <c r="B3199" s="166">
        <v>0</v>
      </c>
      <c r="C3199" s="166">
        <v>0</v>
      </c>
      <c r="D3199" s="166">
        <v>0</v>
      </c>
      <c r="E3199" s="166">
        <v>0</v>
      </c>
      <c r="F3199" s="166">
        <v>0</v>
      </c>
      <c r="G3199" s="166">
        <v>0</v>
      </c>
      <c r="H3199" s="166">
        <v>0</v>
      </c>
      <c r="I3199" s="166">
        <v>0</v>
      </c>
      <c r="J3199" s="166">
        <v>5.88</v>
      </c>
      <c r="K3199" s="166">
        <v>0</v>
      </c>
      <c r="L3199" s="166">
        <v>0</v>
      </c>
      <c r="M3199" s="166">
        <v>0</v>
      </c>
      <c r="N3199" s="166">
        <v>0</v>
      </c>
      <c r="O3199" s="166">
        <v>0</v>
      </c>
      <c r="P3199" s="166">
        <v>0</v>
      </c>
      <c r="Q3199" s="166">
        <v>0</v>
      </c>
      <c r="R3199" s="166">
        <v>0</v>
      </c>
      <c r="S3199" s="166">
        <v>0</v>
      </c>
      <c r="T3199" s="166">
        <v>0</v>
      </c>
      <c r="U3199" s="166">
        <v>0</v>
      </c>
      <c r="V3199" s="166">
        <v>0</v>
      </c>
      <c r="W3199" s="166">
        <v>0</v>
      </c>
      <c r="X3199" s="166">
        <v>0</v>
      </c>
      <c r="Y3199" s="166">
        <v>0</v>
      </c>
      <c r="Z3199" s="166">
        <v>0</v>
      </c>
      <c r="AA3199" s="166">
        <v>0</v>
      </c>
      <c r="AB3199" s="166">
        <v>0</v>
      </c>
      <c r="AC3199" s="166">
        <v>0</v>
      </c>
      <c r="AD3199" s="166">
        <v>0</v>
      </c>
      <c r="AE3199" s="166">
        <v>0</v>
      </c>
      <c r="AF3199" s="166">
        <v>0</v>
      </c>
      <c r="AG3199" s="166">
        <v>0</v>
      </c>
      <c r="AH3199" s="166">
        <v>0</v>
      </c>
      <c r="AI3199" s="166">
        <v>0</v>
      </c>
      <c r="AJ3199" s="166">
        <v>0</v>
      </c>
      <c r="AK3199" s="166">
        <v>0</v>
      </c>
      <c r="AL3199" s="166">
        <v>0</v>
      </c>
      <c r="AM3199" s="166">
        <v>0</v>
      </c>
      <c r="AN3199" s="166">
        <v>0</v>
      </c>
      <c r="AO3199" s="166">
        <v>0</v>
      </c>
      <c r="AP3199" s="166">
        <v>0</v>
      </c>
      <c r="AQ3199" s="166">
        <v>0</v>
      </c>
      <c r="AR3199" s="166">
        <v>-3269290.32</v>
      </c>
      <c r="AS3199" s="166">
        <v>0</v>
      </c>
      <c r="AT3199" s="166">
        <v>0</v>
      </c>
      <c r="AU3199" s="166">
        <v>0</v>
      </c>
      <c r="AV3199" s="166">
        <v>0</v>
      </c>
      <c r="AW3199" s="166">
        <v>0</v>
      </c>
      <c r="AX3199" s="166">
        <v>0</v>
      </c>
      <c r="AY3199" s="166">
        <v>0</v>
      </c>
      <c r="AZ3199" s="166">
        <v>0</v>
      </c>
      <c r="BA3199" s="166">
        <v>0</v>
      </c>
      <c r="BB3199" s="166">
        <v>0</v>
      </c>
      <c r="BC3199" s="166">
        <v>0</v>
      </c>
      <c r="BD3199" s="166">
        <v>0</v>
      </c>
      <c r="BE3199" s="166">
        <v>5.88</v>
      </c>
      <c r="BF3199" s="166">
        <v>0</v>
      </c>
      <c r="BG3199" s="166">
        <v>0</v>
      </c>
      <c r="BH3199" s="166">
        <v>0</v>
      </c>
      <c r="BI3199" s="166">
        <v>0</v>
      </c>
      <c r="BJ3199" s="166">
        <v>0</v>
      </c>
      <c r="BK3199" s="166">
        <v>0</v>
      </c>
      <c r="BL3199" s="166">
        <v>0</v>
      </c>
      <c r="BM3199" s="166">
        <v>0</v>
      </c>
      <c r="BN3199" s="166">
        <v>-3269290.32</v>
      </c>
      <c r="BO3199" s="166">
        <v>0</v>
      </c>
      <c r="BP3199" s="166">
        <v>0</v>
      </c>
      <c r="BQ3199" s="166">
        <v>0</v>
      </c>
      <c r="BR3199" s="166">
        <v>0</v>
      </c>
      <c r="BS3199" s="166">
        <v>-3269284.44</v>
      </c>
      <c r="BT3199" s="168">
        <v>0</v>
      </c>
      <c r="BU3199" s="166">
        <v>0</v>
      </c>
      <c r="BV3199" s="166">
        <v>0</v>
      </c>
      <c r="BW3199" s="166">
        <v>0</v>
      </c>
      <c r="BX3199" s="166">
        <v>0</v>
      </c>
      <c r="BY3199" s="166">
        <v>0</v>
      </c>
      <c r="BZ3199" s="166">
        <v>0</v>
      </c>
      <c r="CA3199" s="166">
        <v>0</v>
      </c>
      <c r="CB3199" s="166">
        <v>0</v>
      </c>
      <c r="CC3199" s="166">
        <v>0</v>
      </c>
      <c r="CD3199" s="166">
        <v>0</v>
      </c>
      <c r="CE3199" s="166">
        <v>0</v>
      </c>
      <c r="CF3199" s="166">
        <v>0</v>
      </c>
      <c r="CG3199" s="166">
        <v>0</v>
      </c>
      <c r="CH3199" s="166">
        <v>0</v>
      </c>
      <c r="CI3199" s="166">
        <v>0</v>
      </c>
      <c r="CJ3199" s="166">
        <v>0</v>
      </c>
      <c r="CK3199" s="166">
        <v>0</v>
      </c>
      <c r="CL3199" s="166">
        <v>0</v>
      </c>
      <c r="CM3199" s="166">
        <v>0</v>
      </c>
      <c r="CN3199" s="166">
        <v>0</v>
      </c>
      <c r="CO3199" s="166">
        <v>0</v>
      </c>
      <c r="CP3199" s="166">
        <v>0</v>
      </c>
      <c r="CQ3199" s="166">
        <v>0</v>
      </c>
      <c r="CR3199" s="166">
        <v>0</v>
      </c>
      <c r="CS3199" s="166">
        <v>0</v>
      </c>
      <c r="CT3199" s="166">
        <v>0</v>
      </c>
      <c r="CU3199" s="166">
        <v>0</v>
      </c>
      <c r="CV3199" s="166">
        <v>0</v>
      </c>
      <c r="CW3199" s="166">
        <v>0</v>
      </c>
      <c r="CX3199" s="166">
        <v>0</v>
      </c>
      <c r="CY3199" s="166">
        <v>0</v>
      </c>
      <c r="CZ3199" s="166">
        <v>0</v>
      </c>
    </row>
    <row r="3200" spans="1:104" x14ac:dyDescent="0.2">
      <c r="A3200" s="167" t="s">
        <v>484</v>
      </c>
    </row>
    <row r="3201" spans="1:104" x14ac:dyDescent="0.2">
      <c r="A3201" s="170" t="s">
        <v>485</v>
      </c>
      <c r="B3201" s="166">
        <v>844596362.62463105</v>
      </c>
      <c r="C3201" s="166">
        <v>844596362.62463105</v>
      </c>
      <c r="D3201" s="166">
        <v>0</v>
      </c>
      <c r="E3201" s="166">
        <v>0</v>
      </c>
      <c r="F3201" s="166">
        <v>0</v>
      </c>
      <c r="G3201" s="166">
        <v>0</v>
      </c>
      <c r="H3201" s="166">
        <v>0</v>
      </c>
      <c r="I3201" s="166">
        <v>0</v>
      </c>
      <c r="J3201" s="166">
        <v>5.88</v>
      </c>
      <c r="K3201" s="166">
        <v>0</v>
      </c>
      <c r="L3201" s="166">
        <v>0</v>
      </c>
      <c r="M3201" s="166">
        <v>0</v>
      </c>
      <c r="N3201" s="166">
        <v>0</v>
      </c>
      <c r="O3201" s="166">
        <v>0</v>
      </c>
      <c r="P3201" s="166">
        <v>0</v>
      </c>
      <c r="Q3201" s="166">
        <v>0</v>
      </c>
      <c r="R3201" s="166">
        <v>-17663846.509999901</v>
      </c>
      <c r="S3201" s="166">
        <v>0</v>
      </c>
      <c r="T3201" s="166">
        <v>0</v>
      </c>
      <c r="U3201" s="166">
        <v>-11779920.34</v>
      </c>
      <c r="V3201" s="166">
        <v>0</v>
      </c>
      <c r="W3201" s="166">
        <v>0</v>
      </c>
      <c r="X3201" s="166">
        <v>0</v>
      </c>
      <c r="Y3201" s="166">
        <v>0</v>
      </c>
      <c r="Z3201" s="166">
        <v>0</v>
      </c>
      <c r="AA3201" s="166">
        <v>0</v>
      </c>
      <c r="AB3201" s="166">
        <v>0</v>
      </c>
      <c r="AC3201" s="166">
        <v>0</v>
      </c>
      <c r="AD3201" s="166">
        <v>0</v>
      </c>
      <c r="AE3201" s="166">
        <v>0</v>
      </c>
      <c r="AF3201" s="166">
        <v>0</v>
      </c>
      <c r="AG3201" s="166">
        <v>0</v>
      </c>
      <c r="AH3201" s="166">
        <v>0</v>
      </c>
      <c r="AI3201" s="166">
        <v>0</v>
      </c>
      <c r="AJ3201" s="166">
        <v>0</v>
      </c>
      <c r="AK3201" s="166">
        <v>0</v>
      </c>
      <c r="AL3201" s="166">
        <v>0</v>
      </c>
      <c r="AM3201" s="166">
        <v>0</v>
      </c>
      <c r="AN3201" s="166">
        <v>0</v>
      </c>
      <c r="AO3201" s="166">
        <v>0</v>
      </c>
      <c r="AP3201" s="166">
        <v>0</v>
      </c>
      <c r="AQ3201" s="166">
        <v>0</v>
      </c>
      <c r="AR3201" s="166">
        <v>-3269290.32</v>
      </c>
      <c r="AS3201" s="166">
        <v>0</v>
      </c>
      <c r="AT3201" s="166">
        <v>0</v>
      </c>
      <c r="AU3201" s="166">
        <v>0</v>
      </c>
      <c r="AV3201" s="166">
        <v>0</v>
      </c>
      <c r="AW3201" s="166">
        <v>0</v>
      </c>
      <c r="AX3201" s="166">
        <v>-4028134.7740020598</v>
      </c>
      <c r="AY3201" s="166">
        <v>-59485239.119999997</v>
      </c>
      <c r="AZ3201" s="166">
        <v>0</v>
      </c>
      <c r="BA3201" s="166">
        <v>0</v>
      </c>
      <c r="BB3201" s="166">
        <v>0</v>
      </c>
      <c r="BC3201" s="166">
        <v>0</v>
      </c>
      <c r="BD3201" s="166">
        <v>0</v>
      </c>
      <c r="BE3201" s="166">
        <v>5.88</v>
      </c>
      <c r="BF3201" s="166">
        <v>0</v>
      </c>
      <c r="BG3201" s="166">
        <v>-17663846.509999901</v>
      </c>
      <c r="BH3201" s="166">
        <v>0</v>
      </c>
      <c r="BI3201" s="166">
        <v>-11779920.34</v>
      </c>
      <c r="BJ3201" s="166">
        <v>0</v>
      </c>
      <c r="BK3201" s="166">
        <v>0</v>
      </c>
      <c r="BL3201" s="166">
        <v>0</v>
      </c>
      <c r="BM3201" s="166">
        <v>0</v>
      </c>
      <c r="BN3201" s="166">
        <v>-3269290.32</v>
      </c>
      <c r="BO3201" s="166">
        <v>-4028134.7740020598</v>
      </c>
      <c r="BP3201" s="166">
        <v>-59485239.119999997</v>
      </c>
      <c r="BQ3201" s="166">
        <v>0</v>
      </c>
      <c r="BR3201" s="166">
        <v>844596362.62463105</v>
      </c>
      <c r="BS3201" s="166">
        <v>748369937.44062901</v>
      </c>
      <c r="BT3201" s="168">
        <v>0</v>
      </c>
      <c r="BU3201" s="166">
        <v>0</v>
      </c>
      <c r="BV3201" s="166">
        <v>0</v>
      </c>
      <c r="BW3201" s="166">
        <v>0</v>
      </c>
      <c r="BX3201" s="166">
        <v>0</v>
      </c>
      <c r="BY3201" s="166">
        <v>0</v>
      </c>
      <c r="BZ3201" s="166">
        <v>0</v>
      </c>
      <c r="CA3201" s="166">
        <v>0</v>
      </c>
      <c r="CB3201" s="166">
        <v>0</v>
      </c>
      <c r="CC3201" s="166">
        <v>0</v>
      </c>
      <c r="CD3201" s="166">
        <v>0</v>
      </c>
      <c r="CE3201" s="166">
        <v>0</v>
      </c>
      <c r="CF3201" s="166">
        <v>0</v>
      </c>
      <c r="CG3201" s="166">
        <v>0</v>
      </c>
      <c r="CH3201" s="166">
        <v>0</v>
      </c>
      <c r="CI3201" s="166">
        <v>0</v>
      </c>
      <c r="CJ3201" s="166">
        <v>0</v>
      </c>
      <c r="CK3201" s="166">
        <v>0</v>
      </c>
      <c r="CL3201" s="166">
        <v>0</v>
      </c>
      <c r="CM3201" s="166">
        <v>0</v>
      </c>
      <c r="CN3201" s="166">
        <v>0</v>
      </c>
      <c r="CO3201" s="166">
        <v>0</v>
      </c>
      <c r="CP3201" s="166">
        <v>0</v>
      </c>
      <c r="CQ3201" s="166">
        <v>0</v>
      </c>
      <c r="CR3201" s="166">
        <v>0</v>
      </c>
      <c r="CS3201" s="166">
        <v>0</v>
      </c>
      <c r="CT3201" s="166">
        <v>0</v>
      </c>
      <c r="CU3201" s="166">
        <v>0</v>
      </c>
      <c r="CV3201" s="166">
        <v>0</v>
      </c>
      <c r="CW3201" s="166">
        <v>0</v>
      </c>
      <c r="CX3201" s="166">
        <v>0</v>
      </c>
      <c r="CY3201" s="166">
        <v>0</v>
      </c>
      <c r="CZ3201" s="166">
        <v>0</v>
      </c>
    </row>
    <row r="3202" spans="1:104" x14ac:dyDescent="0.2">
      <c r="A3202" s="167" t="s">
        <v>486</v>
      </c>
    </row>
    <row r="3203" spans="1:104" x14ac:dyDescent="0.2">
      <c r="A3203" s="170" t="s">
        <v>487</v>
      </c>
    </row>
    <row r="3204" spans="1:104" x14ac:dyDescent="0.2">
      <c r="A3204" s="170" t="s">
        <v>488</v>
      </c>
    </row>
    <row r="3205" spans="1:104" x14ac:dyDescent="0.2">
      <c r="A3205" s="167" t="s">
        <v>489</v>
      </c>
      <c r="B3205" s="166">
        <v>-3.72324393538292E-9</v>
      </c>
      <c r="C3205" s="166">
        <v>-3.72324393538292E-9</v>
      </c>
      <c r="D3205" s="166">
        <v>0</v>
      </c>
      <c r="E3205" s="166">
        <v>0</v>
      </c>
      <c r="F3205" s="166">
        <v>0</v>
      </c>
      <c r="G3205" s="166">
        <v>3.72324393538292E-9</v>
      </c>
      <c r="H3205" s="166">
        <v>0</v>
      </c>
      <c r="I3205" s="166">
        <v>0</v>
      </c>
      <c r="J3205" s="166">
        <v>0</v>
      </c>
      <c r="K3205" s="166">
        <v>0</v>
      </c>
      <c r="L3205" s="166">
        <v>0</v>
      </c>
      <c r="M3205" s="166">
        <v>0</v>
      </c>
      <c r="N3205" s="166">
        <v>0</v>
      </c>
      <c r="O3205" s="166">
        <v>0</v>
      </c>
      <c r="P3205" s="166">
        <v>0</v>
      </c>
      <c r="Q3205" s="166">
        <v>0</v>
      </c>
      <c r="R3205" s="166">
        <v>0</v>
      </c>
      <c r="S3205" s="166">
        <v>0</v>
      </c>
      <c r="T3205" s="166">
        <v>0</v>
      </c>
      <c r="U3205" s="166">
        <v>0</v>
      </c>
      <c r="V3205" s="166">
        <v>0</v>
      </c>
      <c r="W3205" s="166">
        <v>0</v>
      </c>
      <c r="X3205" s="166">
        <v>0</v>
      </c>
      <c r="Y3205" s="166">
        <v>0</v>
      </c>
      <c r="Z3205" s="166">
        <v>0</v>
      </c>
      <c r="AA3205" s="166">
        <v>0</v>
      </c>
      <c r="AB3205" s="166">
        <v>0</v>
      </c>
      <c r="AC3205" s="166">
        <v>0</v>
      </c>
      <c r="AD3205" s="166">
        <v>0</v>
      </c>
      <c r="AE3205" s="166">
        <v>0</v>
      </c>
      <c r="AF3205" s="166">
        <v>0</v>
      </c>
      <c r="AG3205" s="166">
        <v>0</v>
      </c>
      <c r="AH3205" s="166">
        <v>0</v>
      </c>
      <c r="AI3205" s="166">
        <v>0</v>
      </c>
      <c r="AJ3205" s="166">
        <v>0</v>
      </c>
      <c r="AK3205" s="166">
        <v>0</v>
      </c>
      <c r="AL3205" s="166">
        <v>0</v>
      </c>
      <c r="AM3205" s="166">
        <v>0</v>
      </c>
      <c r="AN3205" s="166">
        <v>0</v>
      </c>
      <c r="AO3205" s="166">
        <v>0</v>
      </c>
      <c r="AP3205" s="166">
        <v>0</v>
      </c>
      <c r="AQ3205" s="166">
        <v>0</v>
      </c>
      <c r="AR3205" s="166">
        <v>0</v>
      </c>
      <c r="AS3205" s="166">
        <v>0</v>
      </c>
      <c r="AT3205" s="166">
        <v>0</v>
      </c>
      <c r="AU3205" s="166">
        <v>0</v>
      </c>
      <c r="AV3205" s="166">
        <v>0</v>
      </c>
      <c r="AW3205" s="166">
        <v>0</v>
      </c>
      <c r="AX3205" s="166">
        <v>0</v>
      </c>
      <c r="AY3205" s="166">
        <v>0</v>
      </c>
      <c r="AZ3205" s="166">
        <v>0</v>
      </c>
      <c r="BA3205" s="166">
        <v>0</v>
      </c>
      <c r="BB3205" s="166">
        <v>0</v>
      </c>
      <c r="BC3205" s="166">
        <v>0</v>
      </c>
      <c r="BD3205" s="166">
        <v>3.72324393538292E-9</v>
      </c>
      <c r="BE3205" s="166">
        <v>0</v>
      </c>
      <c r="BF3205" s="166">
        <v>0</v>
      </c>
      <c r="BG3205" s="166">
        <v>0</v>
      </c>
      <c r="BH3205" s="166">
        <v>0</v>
      </c>
      <c r="BI3205" s="166">
        <v>0</v>
      </c>
      <c r="BJ3205" s="166">
        <v>0</v>
      </c>
      <c r="BK3205" s="166">
        <v>0</v>
      </c>
      <c r="BL3205" s="166">
        <v>0</v>
      </c>
      <c r="BM3205" s="166">
        <v>0</v>
      </c>
      <c r="BN3205" s="166">
        <v>0</v>
      </c>
      <c r="BO3205" s="166">
        <v>0</v>
      </c>
      <c r="BP3205" s="166">
        <v>0</v>
      </c>
      <c r="BQ3205" s="166">
        <v>0</v>
      </c>
      <c r="BR3205" s="166">
        <v>-3.72324393538292E-9</v>
      </c>
      <c r="BS3205" s="166">
        <v>0</v>
      </c>
      <c r="BT3205" s="168">
        <v>0</v>
      </c>
      <c r="BU3205" s="166">
        <v>0</v>
      </c>
      <c r="BV3205" s="166">
        <v>0</v>
      </c>
      <c r="BW3205" s="166">
        <v>0</v>
      </c>
      <c r="BX3205" s="166">
        <v>0</v>
      </c>
      <c r="BY3205" s="166">
        <v>0</v>
      </c>
      <c r="BZ3205" s="166">
        <v>0</v>
      </c>
      <c r="CA3205" s="166">
        <v>0</v>
      </c>
      <c r="CB3205" s="166">
        <v>0</v>
      </c>
      <c r="CC3205" s="166">
        <v>0</v>
      </c>
      <c r="CD3205" s="166">
        <v>0</v>
      </c>
      <c r="CE3205" s="166">
        <v>0</v>
      </c>
      <c r="CF3205" s="166">
        <v>0</v>
      </c>
      <c r="CG3205" s="166">
        <v>0</v>
      </c>
      <c r="CH3205" s="166">
        <v>0</v>
      </c>
      <c r="CI3205" s="166">
        <v>0</v>
      </c>
      <c r="CJ3205" s="166">
        <v>0</v>
      </c>
      <c r="CK3205" s="166">
        <v>0</v>
      </c>
      <c r="CL3205" s="166">
        <v>0</v>
      </c>
      <c r="CM3205" s="166">
        <v>0</v>
      </c>
      <c r="CN3205" s="166">
        <v>0</v>
      </c>
      <c r="CO3205" s="166">
        <v>0</v>
      </c>
      <c r="CP3205" s="166">
        <v>0</v>
      </c>
      <c r="CQ3205" s="166">
        <v>0</v>
      </c>
      <c r="CR3205" s="166">
        <v>0</v>
      </c>
      <c r="CS3205" s="166">
        <v>0</v>
      </c>
      <c r="CT3205" s="166">
        <v>0</v>
      </c>
      <c r="CU3205" s="166">
        <v>0</v>
      </c>
      <c r="CV3205" s="166">
        <v>0</v>
      </c>
      <c r="CW3205" s="166">
        <v>0</v>
      </c>
      <c r="CX3205" s="166">
        <v>0</v>
      </c>
      <c r="CY3205" s="166">
        <v>0</v>
      </c>
      <c r="CZ3205" s="166">
        <v>0</v>
      </c>
    </row>
    <row r="3206" spans="1:104" x14ac:dyDescent="0.2">
      <c r="A3206" s="167" t="s">
        <v>1205</v>
      </c>
      <c r="B3206" s="166">
        <v>0</v>
      </c>
      <c r="C3206" s="166">
        <v>0</v>
      </c>
      <c r="D3206" s="166">
        <v>0</v>
      </c>
      <c r="E3206" s="166">
        <v>0</v>
      </c>
      <c r="F3206" s="166">
        <v>0</v>
      </c>
      <c r="G3206" s="166">
        <v>0</v>
      </c>
      <c r="H3206" s="166">
        <v>0</v>
      </c>
      <c r="I3206" s="166">
        <v>0</v>
      </c>
      <c r="J3206" s="166">
        <v>0</v>
      </c>
      <c r="K3206" s="166">
        <v>0</v>
      </c>
      <c r="L3206" s="166">
        <v>0</v>
      </c>
      <c r="M3206" s="166">
        <v>0</v>
      </c>
      <c r="N3206" s="166">
        <v>0</v>
      </c>
      <c r="O3206" s="166">
        <v>0</v>
      </c>
      <c r="P3206" s="166">
        <v>0</v>
      </c>
      <c r="Q3206" s="166">
        <v>0</v>
      </c>
      <c r="R3206" s="166">
        <v>0</v>
      </c>
      <c r="S3206" s="166">
        <v>0</v>
      </c>
      <c r="T3206" s="166">
        <v>0</v>
      </c>
      <c r="U3206" s="166">
        <v>0</v>
      </c>
      <c r="V3206" s="166">
        <v>0</v>
      </c>
      <c r="W3206" s="166">
        <v>0</v>
      </c>
      <c r="X3206" s="166">
        <v>0</v>
      </c>
      <c r="Y3206" s="166">
        <v>0</v>
      </c>
      <c r="Z3206" s="166">
        <v>0</v>
      </c>
      <c r="AA3206" s="166">
        <v>0</v>
      </c>
      <c r="AB3206" s="166">
        <v>0</v>
      </c>
      <c r="AC3206" s="166">
        <v>0</v>
      </c>
      <c r="AD3206" s="166">
        <v>0</v>
      </c>
      <c r="AE3206" s="166">
        <v>0</v>
      </c>
      <c r="AF3206" s="166">
        <v>0</v>
      </c>
      <c r="AG3206" s="166">
        <v>0</v>
      </c>
      <c r="AH3206" s="166">
        <v>0</v>
      </c>
      <c r="AI3206" s="166">
        <v>0</v>
      </c>
      <c r="AJ3206" s="166">
        <v>0</v>
      </c>
      <c r="AK3206" s="166">
        <v>0</v>
      </c>
      <c r="AL3206" s="166">
        <v>0</v>
      </c>
      <c r="AM3206" s="166">
        <v>0</v>
      </c>
      <c r="AN3206" s="166">
        <v>0</v>
      </c>
      <c r="AO3206" s="166">
        <v>0</v>
      </c>
      <c r="AP3206" s="166">
        <v>0</v>
      </c>
      <c r="AQ3206" s="166">
        <v>0</v>
      </c>
      <c r="AR3206" s="166">
        <v>0</v>
      </c>
      <c r="AS3206" s="166">
        <v>0</v>
      </c>
      <c r="AT3206" s="166">
        <v>0</v>
      </c>
      <c r="AU3206" s="166">
        <v>0</v>
      </c>
      <c r="AV3206" s="166">
        <v>0</v>
      </c>
      <c r="AW3206" s="166">
        <v>0</v>
      </c>
      <c r="AX3206" s="166">
        <v>0</v>
      </c>
      <c r="AY3206" s="166">
        <v>0</v>
      </c>
      <c r="AZ3206" s="166">
        <v>0</v>
      </c>
      <c r="BA3206" s="166">
        <v>0</v>
      </c>
      <c r="BB3206" s="166">
        <v>0</v>
      </c>
      <c r="BC3206" s="166">
        <v>0</v>
      </c>
      <c r="BD3206" s="166">
        <v>0</v>
      </c>
      <c r="BE3206" s="166">
        <v>0</v>
      </c>
      <c r="BF3206" s="166">
        <v>0</v>
      </c>
      <c r="BG3206" s="166">
        <v>0</v>
      </c>
      <c r="BH3206" s="166">
        <v>0</v>
      </c>
      <c r="BI3206" s="166">
        <v>0</v>
      </c>
      <c r="BJ3206" s="166">
        <v>0</v>
      </c>
      <c r="BK3206" s="166">
        <v>0</v>
      </c>
      <c r="BL3206" s="166">
        <v>0</v>
      </c>
      <c r="BM3206" s="166">
        <v>0</v>
      </c>
      <c r="BN3206" s="166">
        <v>0</v>
      </c>
      <c r="BO3206" s="166">
        <v>0</v>
      </c>
      <c r="BP3206" s="166">
        <v>0</v>
      </c>
      <c r="BQ3206" s="166">
        <v>0</v>
      </c>
      <c r="BR3206" s="166">
        <v>0</v>
      </c>
      <c r="BS3206" s="166">
        <v>0</v>
      </c>
      <c r="BT3206" s="168">
        <v>0.93681563000000001</v>
      </c>
      <c r="BU3206" s="166">
        <v>0</v>
      </c>
      <c r="BV3206" s="166">
        <v>0</v>
      </c>
      <c r="BW3206" s="166">
        <v>0</v>
      </c>
      <c r="BX3206" s="166">
        <v>0</v>
      </c>
      <c r="BY3206" s="166">
        <v>0</v>
      </c>
      <c r="BZ3206" s="166">
        <v>0</v>
      </c>
      <c r="CA3206" s="166">
        <v>0</v>
      </c>
      <c r="CB3206" s="166">
        <v>0</v>
      </c>
      <c r="CC3206" s="166">
        <v>0</v>
      </c>
      <c r="CD3206" s="166">
        <v>0</v>
      </c>
      <c r="CE3206" s="166">
        <v>0</v>
      </c>
      <c r="CF3206" s="166">
        <v>0</v>
      </c>
      <c r="CG3206" s="166">
        <v>0</v>
      </c>
      <c r="CH3206" s="166">
        <v>0</v>
      </c>
      <c r="CI3206" s="166">
        <v>0</v>
      </c>
      <c r="CJ3206" s="166">
        <v>0</v>
      </c>
      <c r="CK3206" s="166">
        <v>0</v>
      </c>
      <c r="CL3206" s="166">
        <v>0</v>
      </c>
      <c r="CM3206" s="166">
        <v>0</v>
      </c>
      <c r="CN3206" s="166">
        <v>0</v>
      </c>
      <c r="CO3206" s="166">
        <v>0</v>
      </c>
      <c r="CP3206" s="166">
        <v>0</v>
      </c>
      <c r="CQ3206" s="166">
        <v>0</v>
      </c>
      <c r="CR3206" s="166">
        <v>0</v>
      </c>
      <c r="CS3206" s="166">
        <v>0</v>
      </c>
      <c r="CT3206" s="166">
        <v>0</v>
      </c>
      <c r="CU3206" s="166">
        <v>0</v>
      </c>
      <c r="CV3206" s="166">
        <v>0</v>
      </c>
      <c r="CW3206" s="166">
        <v>0</v>
      </c>
      <c r="CX3206" s="166">
        <v>0</v>
      </c>
      <c r="CY3206" s="166">
        <v>0</v>
      </c>
      <c r="CZ3206" s="166">
        <v>0</v>
      </c>
    </row>
    <row r="3207" spans="1:104" x14ac:dyDescent="0.2">
      <c r="A3207" s="167" t="s">
        <v>491</v>
      </c>
      <c r="B3207" s="166">
        <v>-3.72324393538292E-9</v>
      </c>
      <c r="C3207" s="166">
        <v>-3.72324393538292E-9</v>
      </c>
      <c r="D3207" s="166">
        <v>0</v>
      </c>
      <c r="E3207" s="166">
        <v>0</v>
      </c>
      <c r="F3207" s="166">
        <v>0</v>
      </c>
      <c r="G3207" s="166">
        <v>3.72324393538292E-9</v>
      </c>
      <c r="H3207" s="166">
        <v>0</v>
      </c>
      <c r="I3207" s="166">
        <v>0</v>
      </c>
      <c r="J3207" s="166">
        <v>0</v>
      </c>
      <c r="K3207" s="166">
        <v>0</v>
      </c>
      <c r="L3207" s="166">
        <v>0</v>
      </c>
      <c r="M3207" s="166">
        <v>0</v>
      </c>
      <c r="N3207" s="166">
        <v>0</v>
      </c>
      <c r="O3207" s="166">
        <v>0</v>
      </c>
      <c r="P3207" s="166">
        <v>0</v>
      </c>
      <c r="Q3207" s="166">
        <v>0</v>
      </c>
      <c r="R3207" s="166">
        <v>0</v>
      </c>
      <c r="S3207" s="166">
        <v>0</v>
      </c>
      <c r="T3207" s="166">
        <v>0</v>
      </c>
      <c r="U3207" s="166">
        <v>0</v>
      </c>
      <c r="V3207" s="166">
        <v>0</v>
      </c>
      <c r="W3207" s="166">
        <v>0</v>
      </c>
      <c r="X3207" s="166">
        <v>0</v>
      </c>
      <c r="Y3207" s="166">
        <v>0</v>
      </c>
      <c r="Z3207" s="166">
        <v>0</v>
      </c>
      <c r="AA3207" s="166">
        <v>0</v>
      </c>
      <c r="AB3207" s="166">
        <v>0</v>
      </c>
      <c r="AC3207" s="166">
        <v>0</v>
      </c>
      <c r="AD3207" s="166">
        <v>0</v>
      </c>
      <c r="AE3207" s="166">
        <v>0</v>
      </c>
      <c r="AF3207" s="166">
        <v>0</v>
      </c>
      <c r="AG3207" s="166">
        <v>0</v>
      </c>
      <c r="AH3207" s="166">
        <v>0</v>
      </c>
      <c r="AI3207" s="166">
        <v>0</v>
      </c>
      <c r="AJ3207" s="166">
        <v>0</v>
      </c>
      <c r="AK3207" s="166">
        <v>0</v>
      </c>
      <c r="AL3207" s="166">
        <v>0</v>
      </c>
      <c r="AM3207" s="166">
        <v>0</v>
      </c>
      <c r="AN3207" s="166">
        <v>0</v>
      </c>
      <c r="AO3207" s="166">
        <v>0</v>
      </c>
      <c r="AP3207" s="166">
        <v>0</v>
      </c>
      <c r="AQ3207" s="166">
        <v>0</v>
      </c>
      <c r="AR3207" s="166">
        <v>0</v>
      </c>
      <c r="AS3207" s="166">
        <v>0</v>
      </c>
      <c r="AT3207" s="166">
        <v>0</v>
      </c>
      <c r="AU3207" s="166">
        <v>0</v>
      </c>
      <c r="AV3207" s="166">
        <v>0</v>
      </c>
      <c r="AW3207" s="166">
        <v>0</v>
      </c>
      <c r="AX3207" s="166">
        <v>0</v>
      </c>
      <c r="AY3207" s="166">
        <v>0</v>
      </c>
      <c r="AZ3207" s="166">
        <v>0</v>
      </c>
      <c r="BA3207" s="166">
        <v>0</v>
      </c>
      <c r="BB3207" s="166">
        <v>0</v>
      </c>
      <c r="BC3207" s="166">
        <v>0</v>
      </c>
      <c r="BD3207" s="166">
        <v>3.72324393538292E-9</v>
      </c>
      <c r="BE3207" s="166">
        <v>0</v>
      </c>
      <c r="BF3207" s="166">
        <v>0</v>
      </c>
      <c r="BG3207" s="166">
        <v>0</v>
      </c>
      <c r="BH3207" s="166">
        <v>0</v>
      </c>
      <c r="BI3207" s="166">
        <v>0</v>
      </c>
      <c r="BJ3207" s="166">
        <v>0</v>
      </c>
      <c r="BK3207" s="166">
        <v>0</v>
      </c>
      <c r="BL3207" s="166">
        <v>0</v>
      </c>
      <c r="BM3207" s="166">
        <v>0</v>
      </c>
      <c r="BN3207" s="166">
        <v>0</v>
      </c>
      <c r="BO3207" s="166">
        <v>0</v>
      </c>
      <c r="BP3207" s="166">
        <v>0</v>
      </c>
      <c r="BQ3207" s="166">
        <v>0</v>
      </c>
      <c r="BR3207" s="166">
        <v>-3.72324393538292E-9</v>
      </c>
      <c r="BS3207" s="166">
        <v>0</v>
      </c>
      <c r="BT3207" s="166">
        <v>0</v>
      </c>
      <c r="BU3207" s="166">
        <v>0</v>
      </c>
      <c r="BV3207" s="166">
        <v>0</v>
      </c>
      <c r="BW3207" s="166">
        <v>0</v>
      </c>
      <c r="BX3207" s="166">
        <v>0</v>
      </c>
      <c r="BY3207" s="166">
        <v>0</v>
      </c>
      <c r="BZ3207" s="166">
        <v>0</v>
      </c>
      <c r="CA3207" s="166">
        <v>0</v>
      </c>
      <c r="CB3207" s="166">
        <v>0</v>
      </c>
      <c r="CC3207" s="166">
        <v>0</v>
      </c>
      <c r="CD3207" s="166">
        <v>0</v>
      </c>
      <c r="CE3207" s="166">
        <v>0</v>
      </c>
      <c r="CF3207" s="166">
        <v>0</v>
      </c>
      <c r="CG3207" s="166">
        <v>0</v>
      </c>
      <c r="CH3207" s="166">
        <v>0</v>
      </c>
      <c r="CI3207" s="166">
        <v>0</v>
      </c>
      <c r="CJ3207" s="166">
        <v>0</v>
      </c>
      <c r="CK3207" s="166">
        <v>0</v>
      </c>
      <c r="CL3207" s="166">
        <v>0</v>
      </c>
      <c r="CM3207" s="166">
        <v>0</v>
      </c>
      <c r="CN3207" s="166">
        <v>0</v>
      </c>
      <c r="CO3207" s="166">
        <v>0</v>
      </c>
      <c r="CP3207" s="166">
        <v>0</v>
      </c>
      <c r="CQ3207" s="166">
        <v>0</v>
      </c>
      <c r="CR3207" s="166">
        <v>0</v>
      </c>
      <c r="CS3207" s="166">
        <v>0</v>
      </c>
      <c r="CT3207" s="166">
        <v>0</v>
      </c>
      <c r="CU3207" s="166">
        <v>0</v>
      </c>
      <c r="CV3207" s="166">
        <v>0</v>
      </c>
      <c r="CW3207" s="166">
        <v>0</v>
      </c>
      <c r="CX3207" s="166">
        <v>0</v>
      </c>
      <c r="CY3207" s="166">
        <v>0</v>
      </c>
      <c r="CZ3207" s="166">
        <v>0</v>
      </c>
    </row>
    <row r="3208" spans="1:104" x14ac:dyDescent="0.2">
      <c r="A3208" s="167" t="s">
        <v>492</v>
      </c>
    </row>
    <row r="3209" spans="1:104" x14ac:dyDescent="0.2">
      <c r="A3209" s="170" t="s">
        <v>493</v>
      </c>
    </row>
    <row r="3210" spans="1:104" x14ac:dyDescent="0.2">
      <c r="A3210" s="167" t="s">
        <v>494</v>
      </c>
      <c r="B3210" s="166">
        <v>5569823.1558568897</v>
      </c>
      <c r="C3210" s="166">
        <v>5569823.1558568897</v>
      </c>
      <c r="D3210" s="166">
        <v>0</v>
      </c>
      <c r="E3210" s="166">
        <v>0</v>
      </c>
      <c r="F3210" s="166">
        <v>0</v>
      </c>
      <c r="G3210" s="166">
        <v>0</v>
      </c>
      <c r="H3210" s="166">
        <v>0</v>
      </c>
      <c r="I3210" s="166">
        <v>0</v>
      </c>
      <c r="J3210" s="166">
        <v>0</v>
      </c>
      <c r="K3210" s="166">
        <v>0</v>
      </c>
      <c r="L3210" s="166">
        <v>0</v>
      </c>
      <c r="M3210" s="166">
        <v>0</v>
      </c>
      <c r="N3210" s="166">
        <v>0</v>
      </c>
      <c r="O3210" s="166">
        <v>0</v>
      </c>
      <c r="P3210" s="166">
        <v>0</v>
      </c>
      <c r="Q3210" s="166">
        <v>0</v>
      </c>
      <c r="R3210" s="166">
        <v>0</v>
      </c>
      <c r="S3210" s="166">
        <v>0</v>
      </c>
      <c r="T3210" s="166">
        <v>0</v>
      </c>
      <c r="U3210" s="166">
        <v>0</v>
      </c>
      <c r="V3210" s="166">
        <v>0</v>
      </c>
      <c r="W3210" s="166">
        <v>0</v>
      </c>
      <c r="X3210" s="166">
        <v>0</v>
      </c>
      <c r="Y3210" s="166">
        <v>0</v>
      </c>
      <c r="Z3210" s="166">
        <v>0</v>
      </c>
      <c r="AA3210" s="166">
        <v>0</v>
      </c>
      <c r="AB3210" s="166">
        <v>-5569823.1558568897</v>
      </c>
      <c r="AC3210" s="166">
        <v>0</v>
      </c>
      <c r="AD3210" s="166">
        <v>0</v>
      </c>
      <c r="AE3210" s="166">
        <v>0</v>
      </c>
      <c r="AF3210" s="166">
        <v>0</v>
      </c>
      <c r="AG3210" s="166">
        <v>0</v>
      </c>
      <c r="AH3210" s="166">
        <v>0</v>
      </c>
      <c r="AI3210" s="166">
        <v>0</v>
      </c>
      <c r="AJ3210" s="166">
        <v>0</v>
      </c>
      <c r="AK3210" s="166">
        <v>0</v>
      </c>
      <c r="AL3210" s="166">
        <v>0</v>
      </c>
      <c r="AM3210" s="166">
        <v>0</v>
      </c>
      <c r="AN3210" s="166">
        <v>0</v>
      </c>
      <c r="AO3210" s="166">
        <v>0</v>
      </c>
      <c r="AP3210" s="166">
        <v>0</v>
      </c>
      <c r="AQ3210" s="166">
        <v>0</v>
      </c>
      <c r="AR3210" s="166">
        <v>0</v>
      </c>
      <c r="AS3210" s="166">
        <v>0</v>
      </c>
      <c r="AT3210" s="166">
        <v>0</v>
      </c>
      <c r="AU3210" s="166">
        <v>0</v>
      </c>
      <c r="AV3210" s="166">
        <v>0</v>
      </c>
      <c r="AW3210" s="166">
        <v>0</v>
      </c>
      <c r="AX3210" s="166">
        <v>0</v>
      </c>
      <c r="AY3210" s="166">
        <v>0</v>
      </c>
      <c r="AZ3210" s="166">
        <v>0</v>
      </c>
      <c r="BA3210" s="166">
        <v>0</v>
      </c>
      <c r="BB3210" s="166">
        <v>0</v>
      </c>
      <c r="BC3210" s="166">
        <v>0</v>
      </c>
      <c r="BD3210" s="166">
        <v>0</v>
      </c>
      <c r="BE3210" s="166">
        <v>0</v>
      </c>
      <c r="BF3210" s="166">
        <v>0</v>
      </c>
      <c r="BG3210" s="166">
        <v>0</v>
      </c>
      <c r="BH3210" s="166">
        <v>0</v>
      </c>
      <c r="BI3210" s="166">
        <v>0</v>
      </c>
      <c r="BJ3210" s="166">
        <v>-5569823.1558568897</v>
      </c>
      <c r="BK3210" s="166">
        <v>0</v>
      </c>
      <c r="BL3210" s="166">
        <v>0</v>
      </c>
      <c r="BM3210" s="166">
        <v>0</v>
      </c>
      <c r="BN3210" s="166">
        <v>0</v>
      </c>
      <c r="BO3210" s="166">
        <v>0</v>
      </c>
      <c r="BP3210" s="166">
        <v>0</v>
      </c>
      <c r="BQ3210" s="166">
        <v>0</v>
      </c>
      <c r="BR3210" s="166">
        <v>5569823.1558568897</v>
      </c>
      <c r="BS3210" s="166">
        <v>0</v>
      </c>
      <c r="BT3210" s="168">
        <v>0</v>
      </c>
      <c r="BU3210" s="166">
        <v>0</v>
      </c>
      <c r="BV3210" s="166">
        <v>0</v>
      </c>
      <c r="BW3210" s="166">
        <v>0</v>
      </c>
      <c r="BX3210" s="166">
        <v>0</v>
      </c>
      <c r="BY3210" s="166">
        <v>0</v>
      </c>
      <c r="BZ3210" s="166">
        <v>0</v>
      </c>
      <c r="CA3210" s="166">
        <v>0</v>
      </c>
      <c r="CB3210" s="166">
        <v>0</v>
      </c>
      <c r="CC3210" s="166">
        <v>0</v>
      </c>
      <c r="CD3210" s="166">
        <v>0</v>
      </c>
      <c r="CE3210" s="166">
        <v>0</v>
      </c>
      <c r="CF3210" s="166">
        <v>0</v>
      </c>
      <c r="CG3210" s="166">
        <v>0</v>
      </c>
      <c r="CH3210" s="166">
        <v>0</v>
      </c>
      <c r="CI3210" s="166">
        <v>0</v>
      </c>
      <c r="CJ3210" s="166">
        <v>0</v>
      </c>
      <c r="CK3210" s="166">
        <v>0</v>
      </c>
      <c r="CL3210" s="166">
        <v>0</v>
      </c>
      <c r="CM3210" s="166">
        <v>0</v>
      </c>
      <c r="CN3210" s="166">
        <v>0</v>
      </c>
      <c r="CO3210" s="166">
        <v>0</v>
      </c>
      <c r="CP3210" s="166">
        <v>0</v>
      </c>
      <c r="CQ3210" s="166">
        <v>0</v>
      </c>
      <c r="CR3210" s="166">
        <v>0</v>
      </c>
      <c r="CS3210" s="166">
        <v>0</v>
      </c>
      <c r="CT3210" s="166">
        <v>0</v>
      </c>
      <c r="CU3210" s="166">
        <v>0</v>
      </c>
      <c r="CV3210" s="166">
        <v>0</v>
      </c>
      <c r="CW3210" s="166">
        <v>0</v>
      </c>
      <c r="CX3210" s="166">
        <v>0</v>
      </c>
      <c r="CY3210" s="166">
        <v>0</v>
      </c>
      <c r="CZ3210" s="166">
        <v>0</v>
      </c>
    </row>
    <row r="3211" spans="1:104" x14ac:dyDescent="0.2">
      <c r="A3211" s="167" t="s">
        <v>1206</v>
      </c>
      <c r="B3211" s="166">
        <v>1591157220.1189599</v>
      </c>
      <c r="C3211" s="166">
        <v>1591157220.1189599</v>
      </c>
      <c r="D3211" s="166">
        <v>0</v>
      </c>
      <c r="E3211" s="166">
        <v>0</v>
      </c>
      <c r="F3211" s="166">
        <v>0</v>
      </c>
      <c r="G3211" s="166">
        <v>0</v>
      </c>
      <c r="H3211" s="166">
        <v>0</v>
      </c>
      <c r="I3211" s="166">
        <v>0</v>
      </c>
      <c r="J3211" s="166">
        <v>0</v>
      </c>
      <c r="K3211" s="166">
        <v>0</v>
      </c>
      <c r="L3211" s="166">
        <v>0</v>
      </c>
      <c r="M3211" s="166">
        <v>0</v>
      </c>
      <c r="N3211" s="166">
        <v>0</v>
      </c>
      <c r="O3211" s="166">
        <v>0</v>
      </c>
      <c r="P3211" s="166">
        <v>0</v>
      </c>
      <c r="Q3211" s="166">
        <v>0</v>
      </c>
      <c r="R3211" s="166">
        <v>0</v>
      </c>
      <c r="S3211" s="166">
        <v>0</v>
      </c>
      <c r="T3211" s="166">
        <v>0</v>
      </c>
      <c r="U3211" s="166">
        <v>0</v>
      </c>
      <c r="V3211" s="166">
        <v>0</v>
      </c>
      <c r="W3211" s="166">
        <v>0</v>
      </c>
      <c r="X3211" s="166">
        <v>0</v>
      </c>
      <c r="Y3211" s="166">
        <v>0</v>
      </c>
      <c r="Z3211" s="166">
        <v>0</v>
      </c>
      <c r="AA3211" s="166">
        <v>0</v>
      </c>
      <c r="AB3211" s="166">
        <v>-1591157220.1189599</v>
      </c>
      <c r="AC3211" s="166">
        <v>0</v>
      </c>
      <c r="AD3211" s="166">
        <v>0</v>
      </c>
      <c r="AE3211" s="166">
        <v>0</v>
      </c>
      <c r="AF3211" s="166">
        <v>0</v>
      </c>
      <c r="AG3211" s="166">
        <v>0</v>
      </c>
      <c r="AH3211" s="166">
        <v>0</v>
      </c>
      <c r="AI3211" s="166">
        <v>0</v>
      </c>
      <c r="AJ3211" s="166">
        <v>0</v>
      </c>
      <c r="AK3211" s="166">
        <v>0</v>
      </c>
      <c r="AL3211" s="166">
        <v>0</v>
      </c>
      <c r="AM3211" s="166">
        <v>0</v>
      </c>
      <c r="AN3211" s="166">
        <v>0</v>
      </c>
      <c r="AO3211" s="166">
        <v>0</v>
      </c>
      <c r="AP3211" s="166">
        <v>0</v>
      </c>
      <c r="AQ3211" s="166">
        <v>0</v>
      </c>
      <c r="AR3211" s="166">
        <v>0</v>
      </c>
      <c r="AS3211" s="166">
        <v>0</v>
      </c>
      <c r="AT3211" s="166">
        <v>0</v>
      </c>
      <c r="AU3211" s="166">
        <v>0</v>
      </c>
      <c r="AV3211" s="166">
        <v>0</v>
      </c>
      <c r="AW3211" s="166">
        <v>0</v>
      </c>
      <c r="AX3211" s="166">
        <v>0</v>
      </c>
      <c r="AY3211" s="166">
        <v>0</v>
      </c>
      <c r="AZ3211" s="166">
        <v>0</v>
      </c>
      <c r="BA3211" s="166">
        <v>0</v>
      </c>
      <c r="BB3211" s="166">
        <v>0</v>
      </c>
      <c r="BC3211" s="166">
        <v>0</v>
      </c>
      <c r="BD3211" s="166">
        <v>0</v>
      </c>
      <c r="BE3211" s="166">
        <v>0</v>
      </c>
      <c r="BF3211" s="166">
        <v>0</v>
      </c>
      <c r="BG3211" s="166">
        <v>0</v>
      </c>
      <c r="BH3211" s="166">
        <v>0</v>
      </c>
      <c r="BI3211" s="166">
        <v>0</v>
      </c>
      <c r="BJ3211" s="166">
        <v>-1591157220.1189599</v>
      </c>
      <c r="BK3211" s="166">
        <v>0</v>
      </c>
      <c r="BL3211" s="166">
        <v>0</v>
      </c>
      <c r="BM3211" s="166">
        <v>0</v>
      </c>
      <c r="BN3211" s="166">
        <v>0</v>
      </c>
      <c r="BO3211" s="166">
        <v>0</v>
      </c>
      <c r="BP3211" s="166">
        <v>0</v>
      </c>
      <c r="BQ3211" s="166">
        <v>0</v>
      </c>
      <c r="BR3211" s="166">
        <v>1591157220.1189599</v>
      </c>
      <c r="BS3211" s="166">
        <v>0</v>
      </c>
      <c r="BT3211" s="168">
        <v>0.99958048999999904</v>
      </c>
      <c r="BU3211" s="166">
        <v>121802664.00568999</v>
      </c>
      <c r="BV3211" s="166">
        <v>1590489713.7535501</v>
      </c>
      <c r="BW3211" s="166">
        <v>0</v>
      </c>
      <c r="BX3211" s="166">
        <v>0</v>
      </c>
      <c r="BY3211" s="166">
        <v>0</v>
      </c>
      <c r="BZ3211" s="166">
        <v>0</v>
      </c>
      <c r="CA3211" s="166">
        <v>0</v>
      </c>
      <c r="CB3211" s="166">
        <v>0</v>
      </c>
      <c r="CC3211" s="166">
        <v>-1590489713.7535501</v>
      </c>
      <c r="CD3211" s="166">
        <v>0</v>
      </c>
      <c r="CE3211" s="166">
        <v>0</v>
      </c>
      <c r="CF3211" s="166">
        <v>0</v>
      </c>
      <c r="CG3211" s="166">
        <v>0</v>
      </c>
      <c r="CH3211" s="166">
        <v>0</v>
      </c>
      <c r="CI3211" s="166">
        <v>0</v>
      </c>
      <c r="CJ3211" s="166">
        <v>0</v>
      </c>
      <c r="CK3211" s="166">
        <v>0</v>
      </c>
      <c r="CL3211" s="166">
        <v>0</v>
      </c>
      <c r="CM3211" s="166">
        <v>0</v>
      </c>
      <c r="CN3211" s="166">
        <v>0</v>
      </c>
      <c r="CO3211" s="166">
        <v>0</v>
      </c>
      <c r="CP3211" s="166">
        <v>0</v>
      </c>
      <c r="CQ3211" s="166">
        <v>-1590489713.7535501</v>
      </c>
      <c r="CR3211" s="166">
        <v>0</v>
      </c>
      <c r="CS3211" s="166">
        <v>0</v>
      </c>
      <c r="CT3211" s="166">
        <v>0</v>
      </c>
      <c r="CU3211" s="166">
        <v>0</v>
      </c>
      <c r="CV3211" s="166">
        <v>0</v>
      </c>
      <c r="CW3211" s="166">
        <v>0</v>
      </c>
      <c r="CX3211" s="166">
        <v>0</v>
      </c>
      <c r="CY3211" s="166">
        <v>0</v>
      </c>
      <c r="CZ3211" s="166">
        <v>0</v>
      </c>
    </row>
    <row r="3212" spans="1:104" x14ac:dyDescent="0.2">
      <c r="A3212" s="167" t="s">
        <v>496</v>
      </c>
      <c r="B3212" s="166">
        <v>0</v>
      </c>
      <c r="C3212" s="166">
        <v>0</v>
      </c>
      <c r="D3212" s="166">
        <v>0</v>
      </c>
      <c r="E3212" s="166">
        <v>0</v>
      </c>
      <c r="F3212" s="166">
        <v>0</v>
      </c>
      <c r="G3212" s="166">
        <v>0</v>
      </c>
      <c r="H3212" s="166">
        <v>0</v>
      </c>
      <c r="I3212" s="166">
        <v>0</v>
      </c>
      <c r="J3212" s="166">
        <v>0</v>
      </c>
      <c r="K3212" s="166">
        <v>0</v>
      </c>
      <c r="L3212" s="166">
        <v>0</v>
      </c>
      <c r="M3212" s="166">
        <v>0</v>
      </c>
      <c r="N3212" s="166">
        <v>0</v>
      </c>
      <c r="O3212" s="166">
        <v>0</v>
      </c>
      <c r="P3212" s="166">
        <v>0</v>
      </c>
      <c r="Q3212" s="166">
        <v>0</v>
      </c>
      <c r="R3212" s="166">
        <v>0</v>
      </c>
      <c r="S3212" s="166">
        <v>0</v>
      </c>
      <c r="T3212" s="166">
        <v>0</v>
      </c>
      <c r="U3212" s="166">
        <v>0</v>
      </c>
      <c r="V3212" s="166">
        <v>0</v>
      </c>
      <c r="W3212" s="166">
        <v>0</v>
      </c>
      <c r="X3212" s="166">
        <v>0</v>
      </c>
      <c r="Y3212" s="166">
        <v>0</v>
      </c>
      <c r="Z3212" s="166">
        <v>0</v>
      </c>
      <c r="AA3212" s="166">
        <v>0</v>
      </c>
      <c r="AB3212" s="166">
        <v>0</v>
      </c>
      <c r="AC3212" s="166">
        <v>0</v>
      </c>
      <c r="AD3212" s="166">
        <v>0</v>
      </c>
      <c r="AE3212" s="166">
        <v>0</v>
      </c>
      <c r="AF3212" s="166">
        <v>0</v>
      </c>
      <c r="AG3212" s="166">
        <v>0</v>
      </c>
      <c r="AH3212" s="166">
        <v>0</v>
      </c>
      <c r="AI3212" s="166">
        <v>0</v>
      </c>
      <c r="AJ3212" s="166">
        <v>0</v>
      </c>
      <c r="AK3212" s="166">
        <v>0</v>
      </c>
      <c r="AL3212" s="166">
        <v>0</v>
      </c>
      <c r="AM3212" s="166">
        <v>0</v>
      </c>
      <c r="AN3212" s="166">
        <v>0</v>
      </c>
      <c r="AO3212" s="166">
        <v>0</v>
      </c>
      <c r="AP3212" s="166">
        <v>0</v>
      </c>
      <c r="AQ3212" s="166">
        <v>0</v>
      </c>
      <c r="AR3212" s="166">
        <v>0</v>
      </c>
      <c r="AS3212" s="166">
        <v>0</v>
      </c>
      <c r="AT3212" s="166">
        <v>0</v>
      </c>
      <c r="AU3212" s="166">
        <v>0</v>
      </c>
      <c r="AV3212" s="166">
        <v>0</v>
      </c>
      <c r="AW3212" s="166">
        <v>0</v>
      </c>
      <c r="AX3212" s="166">
        <v>0</v>
      </c>
      <c r="AY3212" s="166">
        <v>0</v>
      </c>
      <c r="AZ3212" s="166">
        <v>0</v>
      </c>
      <c r="BA3212" s="166">
        <v>0</v>
      </c>
      <c r="BB3212" s="166">
        <v>0</v>
      </c>
      <c r="BC3212" s="166">
        <v>0</v>
      </c>
      <c r="BD3212" s="166">
        <v>0</v>
      </c>
      <c r="BE3212" s="166">
        <v>0</v>
      </c>
      <c r="BF3212" s="166">
        <v>0</v>
      </c>
      <c r="BG3212" s="166">
        <v>0</v>
      </c>
      <c r="BH3212" s="166">
        <v>0</v>
      </c>
      <c r="BI3212" s="166">
        <v>0</v>
      </c>
      <c r="BJ3212" s="166">
        <v>0</v>
      </c>
      <c r="BK3212" s="166">
        <v>0</v>
      </c>
      <c r="BL3212" s="166">
        <v>0</v>
      </c>
      <c r="BM3212" s="166">
        <v>0</v>
      </c>
      <c r="BN3212" s="166">
        <v>0</v>
      </c>
      <c r="BO3212" s="166">
        <v>0</v>
      </c>
      <c r="BP3212" s="166">
        <v>0</v>
      </c>
      <c r="BQ3212" s="166">
        <v>0</v>
      </c>
      <c r="BR3212" s="166">
        <v>0</v>
      </c>
      <c r="BS3212" s="166">
        <v>0</v>
      </c>
      <c r="BT3212" s="168">
        <v>0.99958048999999904</v>
      </c>
      <c r="BU3212" s="166">
        <v>0</v>
      </c>
      <c r="BV3212" s="166">
        <v>0</v>
      </c>
      <c r="BW3212" s="166">
        <v>0</v>
      </c>
      <c r="BX3212" s="166">
        <v>0</v>
      </c>
      <c r="BY3212" s="166">
        <v>0</v>
      </c>
      <c r="BZ3212" s="166">
        <v>0</v>
      </c>
      <c r="CA3212" s="166">
        <v>0</v>
      </c>
      <c r="CB3212" s="166">
        <v>0</v>
      </c>
      <c r="CC3212" s="166">
        <v>0</v>
      </c>
      <c r="CD3212" s="166">
        <v>0</v>
      </c>
      <c r="CE3212" s="166">
        <v>0</v>
      </c>
      <c r="CF3212" s="166">
        <v>0</v>
      </c>
      <c r="CG3212" s="166">
        <v>0</v>
      </c>
      <c r="CH3212" s="166">
        <v>0</v>
      </c>
      <c r="CI3212" s="166">
        <v>0</v>
      </c>
      <c r="CJ3212" s="166">
        <v>0</v>
      </c>
      <c r="CK3212" s="166">
        <v>0</v>
      </c>
      <c r="CL3212" s="166">
        <v>0</v>
      </c>
      <c r="CM3212" s="166">
        <v>0</v>
      </c>
      <c r="CN3212" s="166">
        <v>0</v>
      </c>
      <c r="CO3212" s="166">
        <v>0</v>
      </c>
      <c r="CP3212" s="166">
        <v>0</v>
      </c>
      <c r="CQ3212" s="166">
        <v>0</v>
      </c>
      <c r="CR3212" s="166">
        <v>0</v>
      </c>
      <c r="CS3212" s="166">
        <v>0</v>
      </c>
      <c r="CT3212" s="166">
        <v>0</v>
      </c>
      <c r="CU3212" s="166">
        <v>0</v>
      </c>
      <c r="CV3212" s="166">
        <v>0</v>
      </c>
      <c r="CW3212" s="166">
        <v>0</v>
      </c>
      <c r="CX3212" s="166">
        <v>0</v>
      </c>
      <c r="CY3212" s="166">
        <v>0</v>
      </c>
      <c r="CZ3212" s="166">
        <v>0</v>
      </c>
    </row>
    <row r="3213" spans="1:104" x14ac:dyDescent="0.2">
      <c r="A3213" s="170" t="s">
        <v>497</v>
      </c>
      <c r="B3213" s="166">
        <v>1596727043.2748201</v>
      </c>
      <c r="C3213" s="166">
        <v>1596727043.2748201</v>
      </c>
      <c r="D3213" s="166">
        <v>0</v>
      </c>
      <c r="E3213" s="166">
        <v>0</v>
      </c>
      <c r="F3213" s="166">
        <v>0</v>
      </c>
      <c r="G3213" s="166">
        <v>3.72324393538292E-9</v>
      </c>
      <c r="H3213" s="166">
        <v>0</v>
      </c>
      <c r="I3213" s="166">
        <v>0</v>
      </c>
      <c r="J3213" s="166">
        <v>0</v>
      </c>
      <c r="K3213" s="166">
        <v>0</v>
      </c>
      <c r="L3213" s="166">
        <v>0</v>
      </c>
      <c r="M3213" s="166">
        <v>0</v>
      </c>
      <c r="N3213" s="166">
        <v>0</v>
      </c>
      <c r="O3213" s="166">
        <v>0</v>
      </c>
      <c r="P3213" s="166">
        <v>0</v>
      </c>
      <c r="Q3213" s="166">
        <v>0</v>
      </c>
      <c r="R3213" s="166">
        <v>0</v>
      </c>
      <c r="S3213" s="166">
        <v>0</v>
      </c>
      <c r="T3213" s="166">
        <v>0</v>
      </c>
      <c r="U3213" s="166">
        <v>0</v>
      </c>
      <c r="V3213" s="166">
        <v>0</v>
      </c>
      <c r="W3213" s="166">
        <v>0</v>
      </c>
      <c r="X3213" s="166">
        <v>0</v>
      </c>
      <c r="Y3213" s="166">
        <v>0</v>
      </c>
      <c r="Z3213" s="166">
        <v>0</v>
      </c>
      <c r="AA3213" s="166">
        <v>0</v>
      </c>
      <c r="AB3213" s="166">
        <v>-1596727043.2748101</v>
      </c>
      <c r="AC3213" s="166">
        <v>0</v>
      </c>
      <c r="AD3213" s="166">
        <v>0</v>
      </c>
      <c r="AE3213" s="166">
        <v>0</v>
      </c>
      <c r="AF3213" s="166">
        <v>0</v>
      </c>
      <c r="AG3213" s="166">
        <v>0</v>
      </c>
      <c r="AH3213" s="166">
        <v>0</v>
      </c>
      <c r="AI3213" s="166">
        <v>0</v>
      </c>
      <c r="AJ3213" s="166">
        <v>0</v>
      </c>
      <c r="AK3213" s="166">
        <v>0</v>
      </c>
      <c r="AL3213" s="166">
        <v>0</v>
      </c>
      <c r="AM3213" s="166">
        <v>0</v>
      </c>
      <c r="AN3213" s="166">
        <v>0</v>
      </c>
      <c r="AO3213" s="166">
        <v>0</v>
      </c>
      <c r="AP3213" s="166">
        <v>0</v>
      </c>
      <c r="AQ3213" s="166">
        <v>0</v>
      </c>
      <c r="AR3213" s="166">
        <v>0</v>
      </c>
      <c r="AS3213" s="166">
        <v>0</v>
      </c>
      <c r="AT3213" s="166">
        <v>0</v>
      </c>
      <c r="AU3213" s="166">
        <v>0</v>
      </c>
      <c r="AV3213" s="166">
        <v>0</v>
      </c>
      <c r="AW3213" s="166">
        <v>0</v>
      </c>
      <c r="AX3213" s="166">
        <v>0</v>
      </c>
      <c r="AY3213" s="166">
        <v>0</v>
      </c>
      <c r="AZ3213" s="166">
        <v>0</v>
      </c>
      <c r="BA3213" s="166">
        <v>0</v>
      </c>
      <c r="BB3213" s="166">
        <v>0</v>
      </c>
      <c r="BC3213" s="166">
        <v>0</v>
      </c>
      <c r="BD3213" s="166">
        <v>3.72324393538292E-9</v>
      </c>
      <c r="BE3213" s="166">
        <v>0</v>
      </c>
      <c r="BF3213" s="166">
        <v>0</v>
      </c>
      <c r="BG3213" s="166">
        <v>0</v>
      </c>
      <c r="BH3213" s="166">
        <v>0</v>
      </c>
      <c r="BI3213" s="166">
        <v>0</v>
      </c>
      <c r="BJ3213" s="166">
        <v>-1596727043.2748101</v>
      </c>
      <c r="BK3213" s="166">
        <v>0</v>
      </c>
      <c r="BL3213" s="166">
        <v>0</v>
      </c>
      <c r="BM3213" s="166">
        <v>0</v>
      </c>
      <c r="BN3213" s="166">
        <v>0</v>
      </c>
      <c r="BO3213" s="166">
        <v>0</v>
      </c>
      <c r="BP3213" s="166">
        <v>0</v>
      </c>
      <c r="BQ3213" s="166">
        <v>0</v>
      </c>
      <c r="BR3213" s="166">
        <v>1596727043.2748201</v>
      </c>
      <c r="BS3213" s="166">
        <v>0</v>
      </c>
      <c r="BT3213" s="168">
        <v>0</v>
      </c>
      <c r="BU3213" s="166">
        <v>121802664.00568999</v>
      </c>
      <c r="BV3213" s="166">
        <v>1590489713.7535501</v>
      </c>
      <c r="BW3213" s="166">
        <v>0</v>
      </c>
      <c r="BX3213" s="166">
        <v>0</v>
      </c>
      <c r="BY3213" s="166">
        <v>0</v>
      </c>
      <c r="BZ3213" s="166">
        <v>0</v>
      </c>
      <c r="CA3213" s="166">
        <v>0</v>
      </c>
      <c r="CB3213" s="166">
        <v>0</v>
      </c>
      <c r="CC3213" s="166">
        <v>-1590489713.7535501</v>
      </c>
      <c r="CD3213" s="166">
        <v>0</v>
      </c>
      <c r="CE3213" s="166">
        <v>0</v>
      </c>
      <c r="CF3213" s="166">
        <v>0</v>
      </c>
      <c r="CG3213" s="166">
        <v>0</v>
      </c>
      <c r="CH3213" s="166">
        <v>0</v>
      </c>
      <c r="CI3213" s="166">
        <v>0</v>
      </c>
      <c r="CJ3213" s="166">
        <v>0</v>
      </c>
      <c r="CK3213" s="166">
        <v>0</v>
      </c>
      <c r="CL3213" s="166">
        <v>0</v>
      </c>
      <c r="CM3213" s="166">
        <v>0</v>
      </c>
      <c r="CN3213" s="166">
        <v>0</v>
      </c>
      <c r="CO3213" s="166">
        <v>0</v>
      </c>
      <c r="CP3213" s="166">
        <v>0</v>
      </c>
      <c r="CQ3213" s="166">
        <v>-1590489713.7535501</v>
      </c>
      <c r="CR3213" s="166">
        <v>0</v>
      </c>
      <c r="CS3213" s="166">
        <v>0</v>
      </c>
      <c r="CT3213" s="166">
        <v>0</v>
      </c>
      <c r="CU3213" s="166">
        <v>0</v>
      </c>
      <c r="CV3213" s="166">
        <v>0</v>
      </c>
      <c r="CW3213" s="166">
        <v>0</v>
      </c>
      <c r="CX3213" s="166">
        <v>0</v>
      </c>
      <c r="CY3213" s="166">
        <v>0</v>
      </c>
      <c r="CZ3213" s="166">
        <v>0</v>
      </c>
    </row>
    <row r="3214" spans="1:104" x14ac:dyDescent="0.2">
      <c r="A3214" s="167" t="s">
        <v>498</v>
      </c>
    </row>
    <row r="3215" spans="1:104" x14ac:dyDescent="0.2">
      <c r="A3215" s="170" t="s">
        <v>499</v>
      </c>
      <c r="B3215" s="166">
        <v>1685656049.2448101</v>
      </c>
      <c r="C3215" s="166">
        <v>1685656049.2448101</v>
      </c>
      <c r="D3215" s="166">
        <v>0</v>
      </c>
      <c r="E3215" s="166">
        <v>0</v>
      </c>
      <c r="F3215" s="166">
        <v>0</v>
      </c>
      <c r="G3215" s="166">
        <v>3.72324393538292E-9</v>
      </c>
      <c r="H3215" s="166">
        <v>0</v>
      </c>
      <c r="I3215" s="166">
        <v>0</v>
      </c>
      <c r="J3215" s="166">
        <v>0</v>
      </c>
      <c r="K3215" s="166">
        <v>0</v>
      </c>
      <c r="L3215" s="166">
        <v>0</v>
      </c>
      <c r="M3215" s="166">
        <v>0</v>
      </c>
      <c r="N3215" s="166">
        <v>0</v>
      </c>
      <c r="O3215" s="166">
        <v>0</v>
      </c>
      <c r="P3215" s="166">
        <v>0</v>
      </c>
      <c r="Q3215" s="166">
        <v>0</v>
      </c>
      <c r="R3215" s="166">
        <v>-17663846.509999901</v>
      </c>
      <c r="S3215" s="166">
        <v>0</v>
      </c>
      <c r="T3215" s="166">
        <v>0</v>
      </c>
      <c r="U3215" s="166">
        <v>-11779920.34</v>
      </c>
      <c r="V3215" s="166">
        <v>0</v>
      </c>
      <c r="W3215" s="166">
        <v>0</v>
      </c>
      <c r="X3215" s="166">
        <v>0</v>
      </c>
      <c r="Y3215" s="166">
        <v>0</v>
      </c>
      <c r="Z3215" s="166">
        <v>0</v>
      </c>
      <c r="AA3215" s="166">
        <v>0</v>
      </c>
      <c r="AB3215" s="166">
        <v>-1596727043.2748101</v>
      </c>
      <c r="AC3215" s="166">
        <v>0</v>
      </c>
      <c r="AD3215" s="166">
        <v>0</v>
      </c>
      <c r="AE3215" s="166">
        <v>0</v>
      </c>
      <c r="AF3215" s="166">
        <v>0</v>
      </c>
      <c r="AG3215" s="166">
        <v>0</v>
      </c>
      <c r="AH3215" s="166">
        <v>0</v>
      </c>
      <c r="AI3215" s="166">
        <v>0</v>
      </c>
      <c r="AJ3215" s="166">
        <v>0</v>
      </c>
      <c r="AK3215" s="166">
        <v>0</v>
      </c>
      <c r="AL3215" s="166">
        <v>0</v>
      </c>
      <c r="AM3215" s="166">
        <v>0</v>
      </c>
      <c r="AN3215" s="166">
        <v>0</v>
      </c>
      <c r="AO3215" s="166">
        <v>0</v>
      </c>
      <c r="AP3215" s="166">
        <v>0</v>
      </c>
      <c r="AQ3215" s="166">
        <v>0</v>
      </c>
      <c r="AR3215" s="166">
        <v>0</v>
      </c>
      <c r="AS3215" s="166">
        <v>0</v>
      </c>
      <c r="AT3215" s="166">
        <v>0</v>
      </c>
      <c r="AU3215" s="166">
        <v>0</v>
      </c>
      <c r="AV3215" s="166">
        <v>0</v>
      </c>
      <c r="AW3215" s="166">
        <v>0</v>
      </c>
      <c r="AX3215" s="166">
        <v>0</v>
      </c>
      <c r="AY3215" s="166">
        <v>-59485239.119999997</v>
      </c>
      <c r="AZ3215" s="166">
        <v>0</v>
      </c>
      <c r="BA3215" s="166">
        <v>0</v>
      </c>
      <c r="BB3215" s="166">
        <v>0</v>
      </c>
      <c r="BC3215" s="166">
        <v>0</v>
      </c>
      <c r="BD3215" s="166">
        <v>3.72324393538292E-9</v>
      </c>
      <c r="BE3215" s="166">
        <v>0</v>
      </c>
      <c r="BF3215" s="166">
        <v>0</v>
      </c>
      <c r="BG3215" s="166">
        <v>-17663846.509999901</v>
      </c>
      <c r="BH3215" s="166">
        <v>0</v>
      </c>
      <c r="BI3215" s="166">
        <v>-11779920.34</v>
      </c>
      <c r="BJ3215" s="166">
        <v>-1596727043.2748101</v>
      </c>
      <c r="BK3215" s="166">
        <v>0</v>
      </c>
      <c r="BL3215" s="166">
        <v>0</v>
      </c>
      <c r="BM3215" s="166">
        <v>0</v>
      </c>
      <c r="BN3215" s="166">
        <v>0</v>
      </c>
      <c r="BO3215" s="166">
        <v>0</v>
      </c>
      <c r="BP3215" s="166">
        <v>-59485239.119999997</v>
      </c>
      <c r="BQ3215" s="166">
        <v>0</v>
      </c>
      <c r="BR3215" s="166">
        <v>1685656049.2448101</v>
      </c>
      <c r="BS3215" s="166">
        <v>0</v>
      </c>
      <c r="BT3215" s="168">
        <v>0</v>
      </c>
      <c r="BU3215" s="166">
        <v>121802664.00568999</v>
      </c>
      <c r="BV3215" s="166">
        <v>1590489713.7535501</v>
      </c>
      <c r="BW3215" s="166">
        <v>0</v>
      </c>
      <c r="BX3215" s="166">
        <v>0</v>
      </c>
      <c r="BY3215" s="166">
        <v>0</v>
      </c>
      <c r="BZ3215" s="166">
        <v>0</v>
      </c>
      <c r="CA3215" s="166">
        <v>0</v>
      </c>
      <c r="CB3215" s="166">
        <v>0</v>
      </c>
      <c r="CC3215" s="166">
        <v>-1590489713.7535501</v>
      </c>
      <c r="CD3215" s="166">
        <v>0</v>
      </c>
      <c r="CE3215" s="166">
        <v>0</v>
      </c>
      <c r="CF3215" s="166">
        <v>0</v>
      </c>
      <c r="CG3215" s="166">
        <v>0</v>
      </c>
      <c r="CH3215" s="166">
        <v>0</v>
      </c>
      <c r="CI3215" s="166">
        <v>0</v>
      </c>
      <c r="CJ3215" s="166">
        <v>0</v>
      </c>
      <c r="CK3215" s="166">
        <v>0</v>
      </c>
      <c r="CL3215" s="166">
        <v>0</v>
      </c>
      <c r="CM3215" s="166">
        <v>0</v>
      </c>
      <c r="CN3215" s="166">
        <v>0</v>
      </c>
      <c r="CO3215" s="166">
        <v>0</v>
      </c>
      <c r="CP3215" s="166">
        <v>0</v>
      </c>
      <c r="CQ3215" s="166">
        <v>-1590489713.7535501</v>
      </c>
      <c r="CR3215" s="166">
        <v>0</v>
      </c>
      <c r="CS3215" s="166">
        <v>0</v>
      </c>
      <c r="CT3215" s="166">
        <v>0</v>
      </c>
      <c r="CU3215" s="166">
        <v>0</v>
      </c>
      <c r="CV3215" s="166">
        <v>0</v>
      </c>
      <c r="CW3215" s="166">
        <v>0</v>
      </c>
      <c r="CX3215" s="166">
        <v>0</v>
      </c>
      <c r="CY3215" s="166">
        <v>0</v>
      </c>
      <c r="CZ3215" s="166">
        <v>0</v>
      </c>
    </row>
    <row r="3216" spans="1:104" x14ac:dyDescent="0.2">
      <c r="A3216" s="167" t="s">
        <v>500</v>
      </c>
    </row>
    <row r="3217" spans="1:104" x14ac:dyDescent="0.2">
      <c r="A3217" s="170" t="s">
        <v>501</v>
      </c>
    </row>
    <row r="3218" spans="1:104" x14ac:dyDescent="0.2">
      <c r="A3218" s="167" t="s">
        <v>502</v>
      </c>
      <c r="B3218" s="166">
        <v>280803435.31999999</v>
      </c>
      <c r="C3218" s="166">
        <v>280803435.31999999</v>
      </c>
      <c r="D3218" s="166">
        <v>0</v>
      </c>
      <c r="E3218" s="166">
        <v>0</v>
      </c>
      <c r="F3218" s="166">
        <v>0</v>
      </c>
      <c r="G3218" s="166">
        <v>0</v>
      </c>
      <c r="H3218" s="166">
        <v>0</v>
      </c>
      <c r="I3218" s="166">
        <v>0</v>
      </c>
      <c r="J3218" s="166">
        <v>0</v>
      </c>
      <c r="K3218" s="166">
        <v>0</v>
      </c>
      <c r="L3218" s="166">
        <v>0</v>
      </c>
      <c r="M3218" s="166">
        <v>0</v>
      </c>
      <c r="N3218" s="166">
        <v>0</v>
      </c>
      <c r="O3218" s="166">
        <v>0</v>
      </c>
      <c r="P3218" s="166">
        <v>0</v>
      </c>
      <c r="Q3218" s="166">
        <v>0</v>
      </c>
      <c r="R3218" s="166">
        <v>0</v>
      </c>
      <c r="S3218" s="166">
        <v>0</v>
      </c>
      <c r="T3218" s="166">
        <v>0</v>
      </c>
      <c r="U3218" s="166">
        <v>0</v>
      </c>
      <c r="V3218" s="166">
        <v>0</v>
      </c>
      <c r="W3218" s="166">
        <v>0</v>
      </c>
      <c r="X3218" s="166">
        <v>0</v>
      </c>
      <c r="Y3218" s="166">
        <v>0</v>
      </c>
      <c r="Z3218" s="166">
        <v>0</v>
      </c>
      <c r="AA3218" s="166">
        <v>0</v>
      </c>
      <c r="AB3218" s="166">
        <v>0</v>
      </c>
      <c r="AC3218" s="166">
        <v>0</v>
      </c>
      <c r="AD3218" s="166">
        <v>0</v>
      </c>
      <c r="AE3218" s="166">
        <v>0</v>
      </c>
      <c r="AF3218" s="166">
        <v>0</v>
      </c>
      <c r="AG3218" s="166">
        <v>0</v>
      </c>
      <c r="AH3218" s="166">
        <v>0</v>
      </c>
      <c r="AI3218" s="166">
        <v>0</v>
      </c>
      <c r="AJ3218" s="166">
        <v>0</v>
      </c>
      <c r="AK3218" s="166">
        <v>0</v>
      </c>
      <c r="AL3218" s="166">
        <v>0</v>
      </c>
      <c r="AM3218" s="166">
        <v>0</v>
      </c>
      <c r="AN3218" s="166">
        <v>0</v>
      </c>
      <c r="AO3218" s="166">
        <v>0</v>
      </c>
      <c r="AP3218" s="166">
        <v>0</v>
      </c>
      <c r="AQ3218" s="166">
        <v>0</v>
      </c>
      <c r="AR3218" s="166">
        <v>0</v>
      </c>
      <c r="AS3218" s="166">
        <v>0</v>
      </c>
      <c r="AT3218" s="166">
        <v>0</v>
      </c>
      <c r="AU3218" s="166">
        <v>0</v>
      </c>
      <c r="AV3218" s="166">
        <v>0</v>
      </c>
      <c r="AW3218" s="166">
        <v>0</v>
      </c>
      <c r="AX3218" s="166">
        <v>0</v>
      </c>
      <c r="AY3218" s="166">
        <v>0</v>
      </c>
      <c r="AZ3218" s="166">
        <v>0</v>
      </c>
      <c r="BA3218" s="166">
        <v>0</v>
      </c>
      <c r="BB3218" s="166">
        <v>0</v>
      </c>
      <c r="BC3218" s="166">
        <v>0</v>
      </c>
      <c r="BD3218" s="166">
        <v>0</v>
      </c>
      <c r="BE3218" s="166">
        <v>0</v>
      </c>
      <c r="BF3218" s="166">
        <v>0</v>
      </c>
      <c r="BG3218" s="166">
        <v>0</v>
      </c>
      <c r="BH3218" s="166">
        <v>0</v>
      </c>
      <c r="BI3218" s="166">
        <v>0</v>
      </c>
      <c r="BJ3218" s="166">
        <v>0</v>
      </c>
      <c r="BK3218" s="166">
        <v>0</v>
      </c>
      <c r="BL3218" s="166">
        <v>0</v>
      </c>
      <c r="BM3218" s="166">
        <v>0</v>
      </c>
      <c r="BN3218" s="166">
        <v>0</v>
      </c>
      <c r="BO3218" s="166">
        <v>0</v>
      </c>
      <c r="BP3218" s="166">
        <v>0</v>
      </c>
      <c r="BQ3218" s="166">
        <v>0</v>
      </c>
      <c r="BR3218" s="166">
        <v>280803435.31999999</v>
      </c>
      <c r="BS3218" s="166">
        <v>280803435.31999999</v>
      </c>
      <c r="BT3218" s="168">
        <v>0</v>
      </c>
      <c r="BU3218" s="166">
        <v>0</v>
      </c>
      <c r="BV3218" s="166">
        <v>0</v>
      </c>
      <c r="BW3218" s="166">
        <v>0</v>
      </c>
      <c r="BX3218" s="166">
        <v>0</v>
      </c>
      <c r="BY3218" s="166">
        <v>0</v>
      </c>
      <c r="BZ3218" s="166">
        <v>0</v>
      </c>
      <c r="CA3218" s="166">
        <v>0</v>
      </c>
      <c r="CB3218" s="166">
        <v>0</v>
      </c>
      <c r="CC3218" s="166">
        <v>0</v>
      </c>
      <c r="CD3218" s="166">
        <v>0</v>
      </c>
      <c r="CE3218" s="166">
        <v>0</v>
      </c>
      <c r="CF3218" s="166">
        <v>0</v>
      </c>
      <c r="CG3218" s="166">
        <v>0</v>
      </c>
      <c r="CH3218" s="166">
        <v>0</v>
      </c>
      <c r="CI3218" s="166">
        <v>0</v>
      </c>
      <c r="CJ3218" s="166">
        <v>0</v>
      </c>
      <c r="CK3218" s="166">
        <v>0</v>
      </c>
      <c r="CL3218" s="166">
        <v>0</v>
      </c>
      <c r="CM3218" s="166">
        <v>0</v>
      </c>
      <c r="CN3218" s="166">
        <v>0</v>
      </c>
      <c r="CO3218" s="166">
        <v>0</v>
      </c>
      <c r="CP3218" s="166">
        <v>0</v>
      </c>
      <c r="CQ3218" s="166">
        <v>0</v>
      </c>
      <c r="CR3218" s="166">
        <v>0</v>
      </c>
      <c r="CS3218" s="166">
        <v>0</v>
      </c>
      <c r="CT3218" s="166">
        <v>0</v>
      </c>
      <c r="CU3218" s="166">
        <v>0</v>
      </c>
      <c r="CV3218" s="166">
        <v>0</v>
      </c>
      <c r="CW3218" s="166">
        <v>0</v>
      </c>
      <c r="CX3218" s="166">
        <v>0</v>
      </c>
      <c r="CY3218" s="166">
        <v>0</v>
      </c>
      <c r="CZ3218" s="166">
        <v>0</v>
      </c>
    </row>
    <row r="3219" spans="1:104" x14ac:dyDescent="0.2">
      <c r="A3219" s="167" t="s">
        <v>503</v>
      </c>
      <c r="B3219" s="166">
        <v>32878482.5499999</v>
      </c>
      <c r="C3219" s="166">
        <v>32878482.5499999</v>
      </c>
      <c r="D3219" s="166">
        <v>0</v>
      </c>
      <c r="E3219" s="166">
        <v>0</v>
      </c>
      <c r="F3219" s="166">
        <v>0</v>
      </c>
      <c r="G3219" s="166">
        <v>0</v>
      </c>
      <c r="H3219" s="166">
        <v>0</v>
      </c>
      <c r="I3219" s="166">
        <v>0</v>
      </c>
      <c r="J3219" s="166">
        <v>0</v>
      </c>
      <c r="K3219" s="166">
        <v>0</v>
      </c>
      <c r="L3219" s="166">
        <v>0</v>
      </c>
      <c r="M3219" s="166">
        <v>0</v>
      </c>
      <c r="N3219" s="166">
        <v>0</v>
      </c>
      <c r="O3219" s="166">
        <v>0</v>
      </c>
      <c r="P3219" s="166">
        <v>0</v>
      </c>
      <c r="Q3219" s="166">
        <v>0</v>
      </c>
      <c r="R3219" s="166">
        <v>0</v>
      </c>
      <c r="S3219" s="166">
        <v>0</v>
      </c>
      <c r="T3219" s="166">
        <v>0</v>
      </c>
      <c r="U3219" s="166">
        <v>0</v>
      </c>
      <c r="V3219" s="166">
        <v>0</v>
      </c>
      <c r="W3219" s="166">
        <v>0</v>
      </c>
      <c r="X3219" s="166">
        <v>0</v>
      </c>
      <c r="Y3219" s="166">
        <v>0</v>
      </c>
      <c r="Z3219" s="166">
        <v>0</v>
      </c>
      <c r="AA3219" s="166">
        <v>0</v>
      </c>
      <c r="AB3219" s="166">
        <v>0</v>
      </c>
      <c r="AC3219" s="166">
        <v>0</v>
      </c>
      <c r="AD3219" s="166">
        <v>0</v>
      </c>
      <c r="AE3219" s="166">
        <v>0</v>
      </c>
      <c r="AF3219" s="166">
        <v>0</v>
      </c>
      <c r="AG3219" s="166">
        <v>0</v>
      </c>
      <c r="AH3219" s="166">
        <v>0</v>
      </c>
      <c r="AI3219" s="166">
        <v>0</v>
      </c>
      <c r="AJ3219" s="166">
        <v>0</v>
      </c>
      <c r="AK3219" s="166">
        <v>0</v>
      </c>
      <c r="AL3219" s="166">
        <v>0</v>
      </c>
      <c r="AM3219" s="166">
        <v>0</v>
      </c>
      <c r="AN3219" s="166">
        <v>0</v>
      </c>
      <c r="AO3219" s="166">
        <v>0</v>
      </c>
      <c r="AP3219" s="166">
        <v>0</v>
      </c>
      <c r="AQ3219" s="166">
        <v>0</v>
      </c>
      <c r="AR3219" s="166">
        <v>0</v>
      </c>
      <c r="AS3219" s="166">
        <v>0</v>
      </c>
      <c r="AT3219" s="166">
        <v>0</v>
      </c>
      <c r="AU3219" s="166">
        <v>0</v>
      </c>
      <c r="AV3219" s="166">
        <v>0</v>
      </c>
      <c r="AW3219" s="166">
        <v>0</v>
      </c>
      <c r="AX3219" s="166">
        <v>0</v>
      </c>
      <c r="AY3219" s="166">
        <v>0</v>
      </c>
      <c r="AZ3219" s="166">
        <v>0</v>
      </c>
      <c r="BA3219" s="166">
        <v>0</v>
      </c>
      <c r="BB3219" s="166">
        <v>0</v>
      </c>
      <c r="BC3219" s="166">
        <v>0</v>
      </c>
      <c r="BD3219" s="166">
        <v>0</v>
      </c>
      <c r="BE3219" s="166">
        <v>0</v>
      </c>
      <c r="BF3219" s="166">
        <v>0</v>
      </c>
      <c r="BG3219" s="166">
        <v>0</v>
      </c>
      <c r="BH3219" s="166">
        <v>0</v>
      </c>
      <c r="BI3219" s="166">
        <v>0</v>
      </c>
      <c r="BJ3219" s="166">
        <v>0</v>
      </c>
      <c r="BK3219" s="166">
        <v>0</v>
      </c>
      <c r="BL3219" s="166">
        <v>0</v>
      </c>
      <c r="BM3219" s="166">
        <v>0</v>
      </c>
      <c r="BN3219" s="166">
        <v>0</v>
      </c>
      <c r="BO3219" s="166">
        <v>0</v>
      </c>
      <c r="BP3219" s="166">
        <v>0</v>
      </c>
      <c r="BQ3219" s="166">
        <v>0</v>
      </c>
      <c r="BR3219" s="166">
        <v>32878482.5499999</v>
      </c>
      <c r="BS3219" s="166">
        <v>32878482.5499999</v>
      </c>
      <c r="BT3219" s="168">
        <v>0</v>
      </c>
      <c r="BU3219" s="166">
        <v>0</v>
      </c>
      <c r="BV3219" s="166">
        <v>0</v>
      </c>
      <c r="BW3219" s="166">
        <v>0</v>
      </c>
      <c r="BX3219" s="166">
        <v>0</v>
      </c>
      <c r="BY3219" s="166">
        <v>0</v>
      </c>
      <c r="BZ3219" s="166">
        <v>0</v>
      </c>
      <c r="CA3219" s="166">
        <v>0</v>
      </c>
      <c r="CB3219" s="166">
        <v>0</v>
      </c>
      <c r="CC3219" s="166">
        <v>0</v>
      </c>
      <c r="CD3219" s="166">
        <v>0</v>
      </c>
      <c r="CE3219" s="166">
        <v>0</v>
      </c>
      <c r="CF3219" s="166">
        <v>0</v>
      </c>
      <c r="CG3219" s="166">
        <v>0</v>
      </c>
      <c r="CH3219" s="166">
        <v>0</v>
      </c>
      <c r="CI3219" s="166">
        <v>0</v>
      </c>
      <c r="CJ3219" s="166">
        <v>0</v>
      </c>
      <c r="CK3219" s="166">
        <v>0</v>
      </c>
      <c r="CL3219" s="166">
        <v>0</v>
      </c>
      <c r="CM3219" s="166">
        <v>0</v>
      </c>
      <c r="CN3219" s="166">
        <v>0</v>
      </c>
      <c r="CO3219" s="166">
        <v>0</v>
      </c>
      <c r="CP3219" s="166">
        <v>0</v>
      </c>
      <c r="CQ3219" s="166">
        <v>0</v>
      </c>
      <c r="CR3219" s="166">
        <v>0</v>
      </c>
      <c r="CS3219" s="166">
        <v>0</v>
      </c>
      <c r="CT3219" s="166">
        <v>0</v>
      </c>
      <c r="CU3219" s="166">
        <v>0</v>
      </c>
      <c r="CV3219" s="166">
        <v>0</v>
      </c>
      <c r="CW3219" s="166">
        <v>0</v>
      </c>
      <c r="CX3219" s="166">
        <v>0</v>
      </c>
      <c r="CY3219" s="166">
        <v>0</v>
      </c>
      <c r="CZ3219" s="166">
        <v>0</v>
      </c>
    </row>
    <row r="3220" spans="1:104" x14ac:dyDescent="0.2">
      <c r="A3220" s="167" t="s">
        <v>504</v>
      </c>
      <c r="B3220" s="166">
        <v>119295612.36999901</v>
      </c>
      <c r="C3220" s="166">
        <v>119295612.36999901</v>
      </c>
      <c r="D3220" s="166">
        <v>0</v>
      </c>
      <c r="E3220" s="166">
        <v>0</v>
      </c>
      <c r="F3220" s="166">
        <v>0</v>
      </c>
      <c r="G3220" s="166">
        <v>0</v>
      </c>
      <c r="H3220" s="166">
        <v>0</v>
      </c>
      <c r="I3220" s="166">
        <v>0</v>
      </c>
      <c r="J3220" s="166">
        <v>0</v>
      </c>
      <c r="K3220" s="166">
        <v>0</v>
      </c>
      <c r="L3220" s="166">
        <v>0</v>
      </c>
      <c r="M3220" s="166">
        <v>0</v>
      </c>
      <c r="N3220" s="166">
        <v>0</v>
      </c>
      <c r="O3220" s="166">
        <v>0</v>
      </c>
      <c r="P3220" s="166">
        <v>0</v>
      </c>
      <c r="Q3220" s="166">
        <v>0</v>
      </c>
      <c r="R3220" s="166">
        <v>0</v>
      </c>
      <c r="S3220" s="166">
        <v>0</v>
      </c>
      <c r="T3220" s="166">
        <v>0</v>
      </c>
      <c r="U3220" s="166">
        <v>0</v>
      </c>
      <c r="V3220" s="166">
        <v>0</v>
      </c>
      <c r="W3220" s="166">
        <v>0</v>
      </c>
      <c r="X3220" s="166">
        <v>0</v>
      </c>
      <c r="Y3220" s="166">
        <v>0</v>
      </c>
      <c r="Z3220" s="166">
        <v>0</v>
      </c>
      <c r="AA3220" s="166">
        <v>0</v>
      </c>
      <c r="AB3220" s="166">
        <v>0</v>
      </c>
      <c r="AC3220" s="166">
        <v>0</v>
      </c>
      <c r="AD3220" s="166">
        <v>0</v>
      </c>
      <c r="AE3220" s="166">
        <v>0</v>
      </c>
      <c r="AF3220" s="166">
        <v>0</v>
      </c>
      <c r="AG3220" s="166">
        <v>0</v>
      </c>
      <c r="AH3220" s="166">
        <v>0</v>
      </c>
      <c r="AI3220" s="166">
        <v>0</v>
      </c>
      <c r="AJ3220" s="166">
        <v>0</v>
      </c>
      <c r="AK3220" s="166">
        <v>0</v>
      </c>
      <c r="AL3220" s="166">
        <v>0</v>
      </c>
      <c r="AM3220" s="166">
        <v>0</v>
      </c>
      <c r="AN3220" s="166">
        <v>0</v>
      </c>
      <c r="AO3220" s="166">
        <v>0</v>
      </c>
      <c r="AP3220" s="166">
        <v>0</v>
      </c>
      <c r="AQ3220" s="166">
        <v>0</v>
      </c>
      <c r="AR3220" s="166">
        <v>0</v>
      </c>
      <c r="AS3220" s="166">
        <v>0</v>
      </c>
      <c r="AT3220" s="166">
        <v>0</v>
      </c>
      <c r="AU3220" s="166">
        <v>0</v>
      </c>
      <c r="AV3220" s="166">
        <v>0</v>
      </c>
      <c r="AW3220" s="166">
        <v>0</v>
      </c>
      <c r="AX3220" s="166">
        <v>0</v>
      </c>
      <c r="AY3220" s="166">
        <v>0</v>
      </c>
      <c r="AZ3220" s="166">
        <v>0</v>
      </c>
      <c r="BA3220" s="166">
        <v>0</v>
      </c>
      <c r="BB3220" s="166">
        <v>0</v>
      </c>
      <c r="BC3220" s="166">
        <v>0</v>
      </c>
      <c r="BD3220" s="166">
        <v>0</v>
      </c>
      <c r="BE3220" s="166">
        <v>0</v>
      </c>
      <c r="BF3220" s="166">
        <v>0</v>
      </c>
      <c r="BG3220" s="166">
        <v>0</v>
      </c>
      <c r="BH3220" s="166">
        <v>0</v>
      </c>
      <c r="BI3220" s="166">
        <v>0</v>
      </c>
      <c r="BJ3220" s="166">
        <v>0</v>
      </c>
      <c r="BK3220" s="166">
        <v>0</v>
      </c>
      <c r="BL3220" s="166">
        <v>0</v>
      </c>
      <c r="BM3220" s="166">
        <v>0</v>
      </c>
      <c r="BN3220" s="166">
        <v>0</v>
      </c>
      <c r="BO3220" s="166">
        <v>0</v>
      </c>
      <c r="BP3220" s="166">
        <v>0</v>
      </c>
      <c r="BQ3220" s="166">
        <v>0</v>
      </c>
      <c r="BR3220" s="166">
        <v>119295612.36999901</v>
      </c>
      <c r="BS3220" s="166">
        <v>119295612.36999901</v>
      </c>
      <c r="BT3220" s="168">
        <v>0</v>
      </c>
      <c r="BU3220" s="166">
        <v>0</v>
      </c>
      <c r="BV3220" s="166">
        <v>0</v>
      </c>
      <c r="BW3220" s="166">
        <v>0</v>
      </c>
      <c r="BX3220" s="166">
        <v>0</v>
      </c>
      <c r="BY3220" s="166">
        <v>0</v>
      </c>
      <c r="BZ3220" s="166">
        <v>0</v>
      </c>
      <c r="CA3220" s="166">
        <v>0</v>
      </c>
      <c r="CB3220" s="166">
        <v>0</v>
      </c>
      <c r="CC3220" s="166">
        <v>0</v>
      </c>
      <c r="CD3220" s="166">
        <v>0</v>
      </c>
      <c r="CE3220" s="166">
        <v>0</v>
      </c>
      <c r="CF3220" s="166">
        <v>0</v>
      </c>
      <c r="CG3220" s="166">
        <v>0</v>
      </c>
      <c r="CH3220" s="166">
        <v>0</v>
      </c>
      <c r="CI3220" s="166">
        <v>0</v>
      </c>
      <c r="CJ3220" s="166">
        <v>0</v>
      </c>
      <c r="CK3220" s="166">
        <v>0</v>
      </c>
      <c r="CL3220" s="166">
        <v>0</v>
      </c>
      <c r="CM3220" s="166">
        <v>0</v>
      </c>
      <c r="CN3220" s="166">
        <v>0</v>
      </c>
      <c r="CO3220" s="166">
        <v>0</v>
      </c>
      <c r="CP3220" s="166">
        <v>0</v>
      </c>
      <c r="CQ3220" s="166">
        <v>0</v>
      </c>
      <c r="CR3220" s="166">
        <v>0</v>
      </c>
      <c r="CS3220" s="166">
        <v>0</v>
      </c>
      <c r="CT3220" s="166">
        <v>0</v>
      </c>
      <c r="CU3220" s="166">
        <v>0</v>
      </c>
      <c r="CV3220" s="166">
        <v>0</v>
      </c>
      <c r="CW3220" s="166">
        <v>0</v>
      </c>
      <c r="CX3220" s="166">
        <v>0</v>
      </c>
      <c r="CY3220" s="166">
        <v>0</v>
      </c>
      <c r="CZ3220" s="166">
        <v>0</v>
      </c>
    </row>
    <row r="3221" spans="1:104" x14ac:dyDescent="0.2">
      <c r="A3221" s="167" t="s">
        <v>505</v>
      </c>
      <c r="B3221" s="166">
        <v>94014941.313999996</v>
      </c>
      <c r="C3221" s="166">
        <v>94014941.313999996</v>
      </c>
      <c r="D3221" s="166">
        <v>0</v>
      </c>
      <c r="E3221" s="166">
        <v>0</v>
      </c>
      <c r="F3221" s="166">
        <v>0</v>
      </c>
      <c r="G3221" s="166">
        <v>0</v>
      </c>
      <c r="H3221" s="166">
        <v>0</v>
      </c>
      <c r="I3221" s="166">
        <v>0</v>
      </c>
      <c r="J3221" s="166">
        <v>0</v>
      </c>
      <c r="K3221" s="166">
        <v>0</v>
      </c>
      <c r="L3221" s="166">
        <v>0</v>
      </c>
      <c r="M3221" s="166">
        <v>0</v>
      </c>
      <c r="N3221" s="166">
        <v>0</v>
      </c>
      <c r="O3221" s="166">
        <v>0</v>
      </c>
      <c r="P3221" s="166">
        <v>0</v>
      </c>
      <c r="Q3221" s="166">
        <v>0</v>
      </c>
      <c r="R3221" s="166">
        <v>0</v>
      </c>
      <c r="S3221" s="166">
        <v>0</v>
      </c>
      <c r="T3221" s="166">
        <v>0</v>
      </c>
      <c r="U3221" s="166">
        <v>0</v>
      </c>
      <c r="V3221" s="166">
        <v>0</v>
      </c>
      <c r="W3221" s="166">
        <v>0</v>
      </c>
      <c r="X3221" s="166">
        <v>0</v>
      </c>
      <c r="Y3221" s="166">
        <v>0</v>
      </c>
      <c r="Z3221" s="166">
        <v>0</v>
      </c>
      <c r="AA3221" s="166">
        <v>0</v>
      </c>
      <c r="AB3221" s="166">
        <v>0</v>
      </c>
      <c r="AC3221" s="166">
        <v>0</v>
      </c>
      <c r="AD3221" s="166">
        <v>0</v>
      </c>
      <c r="AE3221" s="166">
        <v>0</v>
      </c>
      <c r="AF3221" s="166">
        <v>0</v>
      </c>
      <c r="AG3221" s="166">
        <v>0</v>
      </c>
      <c r="AH3221" s="166">
        <v>0</v>
      </c>
      <c r="AI3221" s="166">
        <v>0</v>
      </c>
      <c r="AJ3221" s="166">
        <v>0</v>
      </c>
      <c r="AK3221" s="166">
        <v>0</v>
      </c>
      <c r="AL3221" s="166">
        <v>0</v>
      </c>
      <c r="AM3221" s="166">
        <v>0</v>
      </c>
      <c r="AN3221" s="166">
        <v>0</v>
      </c>
      <c r="AO3221" s="166">
        <v>0</v>
      </c>
      <c r="AP3221" s="166">
        <v>0</v>
      </c>
      <c r="AQ3221" s="166">
        <v>0</v>
      </c>
      <c r="AR3221" s="166">
        <v>0</v>
      </c>
      <c r="AS3221" s="166">
        <v>0</v>
      </c>
      <c r="AT3221" s="166">
        <v>0</v>
      </c>
      <c r="AU3221" s="166">
        <v>0</v>
      </c>
      <c r="AV3221" s="166">
        <v>0</v>
      </c>
      <c r="AW3221" s="166">
        <v>0</v>
      </c>
      <c r="AX3221" s="166">
        <v>0</v>
      </c>
      <c r="AY3221" s="166">
        <v>0</v>
      </c>
      <c r="AZ3221" s="166">
        <v>0</v>
      </c>
      <c r="BA3221" s="166">
        <v>0</v>
      </c>
      <c r="BB3221" s="166">
        <v>0</v>
      </c>
      <c r="BC3221" s="166">
        <v>0</v>
      </c>
      <c r="BD3221" s="166">
        <v>0</v>
      </c>
      <c r="BE3221" s="166">
        <v>0</v>
      </c>
      <c r="BF3221" s="166">
        <v>0</v>
      </c>
      <c r="BG3221" s="166">
        <v>0</v>
      </c>
      <c r="BH3221" s="166">
        <v>0</v>
      </c>
      <c r="BI3221" s="166">
        <v>0</v>
      </c>
      <c r="BJ3221" s="166">
        <v>0</v>
      </c>
      <c r="BK3221" s="166">
        <v>0</v>
      </c>
      <c r="BL3221" s="166">
        <v>0</v>
      </c>
      <c r="BM3221" s="166">
        <v>0</v>
      </c>
      <c r="BN3221" s="166">
        <v>0</v>
      </c>
      <c r="BO3221" s="166">
        <v>0</v>
      </c>
      <c r="BP3221" s="166">
        <v>0</v>
      </c>
      <c r="BQ3221" s="166">
        <v>0</v>
      </c>
      <c r="BR3221" s="166">
        <v>94014941.313999996</v>
      </c>
      <c r="BS3221" s="166">
        <v>94014941.313999996</v>
      </c>
      <c r="BT3221" s="168">
        <v>0</v>
      </c>
      <c r="BU3221" s="166">
        <v>0</v>
      </c>
      <c r="BV3221" s="166">
        <v>0</v>
      </c>
      <c r="BW3221" s="166">
        <v>0</v>
      </c>
      <c r="BX3221" s="166">
        <v>0</v>
      </c>
      <c r="BY3221" s="166">
        <v>0</v>
      </c>
      <c r="BZ3221" s="166">
        <v>0</v>
      </c>
      <c r="CA3221" s="166">
        <v>0</v>
      </c>
      <c r="CB3221" s="166">
        <v>0</v>
      </c>
      <c r="CC3221" s="166">
        <v>0</v>
      </c>
      <c r="CD3221" s="166">
        <v>0</v>
      </c>
      <c r="CE3221" s="166">
        <v>0</v>
      </c>
      <c r="CF3221" s="166">
        <v>0</v>
      </c>
      <c r="CG3221" s="166">
        <v>0</v>
      </c>
      <c r="CH3221" s="166">
        <v>0</v>
      </c>
      <c r="CI3221" s="166">
        <v>0</v>
      </c>
      <c r="CJ3221" s="166">
        <v>0</v>
      </c>
      <c r="CK3221" s="166">
        <v>0</v>
      </c>
      <c r="CL3221" s="166">
        <v>0</v>
      </c>
      <c r="CM3221" s="166">
        <v>0</v>
      </c>
      <c r="CN3221" s="166">
        <v>0</v>
      </c>
      <c r="CO3221" s="166">
        <v>0</v>
      </c>
      <c r="CP3221" s="166">
        <v>0</v>
      </c>
      <c r="CQ3221" s="166">
        <v>0</v>
      </c>
      <c r="CR3221" s="166">
        <v>0</v>
      </c>
      <c r="CS3221" s="166">
        <v>0</v>
      </c>
      <c r="CT3221" s="166">
        <v>0</v>
      </c>
      <c r="CU3221" s="166">
        <v>0</v>
      </c>
      <c r="CV3221" s="166">
        <v>0</v>
      </c>
      <c r="CW3221" s="166">
        <v>0</v>
      </c>
      <c r="CX3221" s="166">
        <v>0</v>
      </c>
      <c r="CY3221" s="166">
        <v>0</v>
      </c>
      <c r="CZ3221" s="166">
        <v>0</v>
      </c>
    </row>
    <row r="3222" spans="1:104" x14ac:dyDescent="0.2">
      <c r="A3222" s="167" t="s">
        <v>506</v>
      </c>
      <c r="B3222" s="166">
        <v>10493572.1299999</v>
      </c>
      <c r="C3222" s="166">
        <v>10493572.1299999</v>
      </c>
      <c r="D3222" s="166">
        <v>0</v>
      </c>
      <c r="E3222" s="166">
        <v>0</v>
      </c>
      <c r="F3222" s="166">
        <v>0</v>
      </c>
      <c r="G3222" s="166">
        <v>0</v>
      </c>
      <c r="H3222" s="166">
        <v>0</v>
      </c>
      <c r="I3222" s="166">
        <v>0</v>
      </c>
      <c r="J3222" s="166">
        <v>0</v>
      </c>
      <c r="K3222" s="166">
        <v>0</v>
      </c>
      <c r="L3222" s="166">
        <v>0</v>
      </c>
      <c r="M3222" s="166">
        <v>0</v>
      </c>
      <c r="N3222" s="166">
        <v>0</v>
      </c>
      <c r="O3222" s="166">
        <v>0</v>
      </c>
      <c r="P3222" s="166">
        <v>0</v>
      </c>
      <c r="Q3222" s="166">
        <v>0</v>
      </c>
      <c r="R3222" s="166">
        <v>0</v>
      </c>
      <c r="S3222" s="166">
        <v>0</v>
      </c>
      <c r="T3222" s="166">
        <v>0</v>
      </c>
      <c r="U3222" s="166">
        <v>0</v>
      </c>
      <c r="V3222" s="166">
        <v>0</v>
      </c>
      <c r="W3222" s="166">
        <v>0</v>
      </c>
      <c r="X3222" s="166">
        <v>0</v>
      </c>
      <c r="Y3222" s="166">
        <v>0</v>
      </c>
      <c r="Z3222" s="166">
        <v>0</v>
      </c>
      <c r="AA3222" s="166">
        <v>0</v>
      </c>
      <c r="AB3222" s="166">
        <v>0</v>
      </c>
      <c r="AC3222" s="166">
        <v>0</v>
      </c>
      <c r="AD3222" s="166">
        <v>0</v>
      </c>
      <c r="AE3222" s="166">
        <v>0</v>
      </c>
      <c r="AF3222" s="166">
        <v>0</v>
      </c>
      <c r="AG3222" s="166">
        <v>0</v>
      </c>
      <c r="AH3222" s="166">
        <v>0</v>
      </c>
      <c r="AI3222" s="166">
        <v>0</v>
      </c>
      <c r="AJ3222" s="166">
        <v>0</v>
      </c>
      <c r="AK3222" s="166">
        <v>0</v>
      </c>
      <c r="AL3222" s="166">
        <v>0</v>
      </c>
      <c r="AM3222" s="166">
        <v>0</v>
      </c>
      <c r="AN3222" s="166">
        <v>0</v>
      </c>
      <c r="AO3222" s="166">
        <v>0</v>
      </c>
      <c r="AP3222" s="166">
        <v>0</v>
      </c>
      <c r="AQ3222" s="166">
        <v>0</v>
      </c>
      <c r="AR3222" s="166">
        <v>0</v>
      </c>
      <c r="AS3222" s="166">
        <v>0</v>
      </c>
      <c r="AT3222" s="166">
        <v>0</v>
      </c>
      <c r="AU3222" s="166">
        <v>0</v>
      </c>
      <c r="AV3222" s="166">
        <v>0</v>
      </c>
      <c r="AW3222" s="166">
        <v>0</v>
      </c>
      <c r="AX3222" s="166">
        <v>0</v>
      </c>
      <c r="AY3222" s="166">
        <v>0</v>
      </c>
      <c r="AZ3222" s="166">
        <v>0</v>
      </c>
      <c r="BA3222" s="166">
        <v>0</v>
      </c>
      <c r="BB3222" s="166">
        <v>0</v>
      </c>
      <c r="BC3222" s="166">
        <v>0</v>
      </c>
      <c r="BD3222" s="166">
        <v>0</v>
      </c>
      <c r="BE3222" s="166">
        <v>0</v>
      </c>
      <c r="BF3222" s="166">
        <v>0</v>
      </c>
      <c r="BG3222" s="166">
        <v>0</v>
      </c>
      <c r="BH3222" s="166">
        <v>0</v>
      </c>
      <c r="BI3222" s="166">
        <v>0</v>
      </c>
      <c r="BJ3222" s="166">
        <v>0</v>
      </c>
      <c r="BK3222" s="166">
        <v>0</v>
      </c>
      <c r="BL3222" s="166">
        <v>0</v>
      </c>
      <c r="BM3222" s="166">
        <v>0</v>
      </c>
      <c r="BN3222" s="166">
        <v>0</v>
      </c>
      <c r="BO3222" s="166">
        <v>0</v>
      </c>
      <c r="BP3222" s="166">
        <v>0</v>
      </c>
      <c r="BQ3222" s="166">
        <v>0</v>
      </c>
      <c r="BR3222" s="166">
        <v>10493572.1299999</v>
      </c>
      <c r="BS3222" s="166">
        <v>10493572.1299999</v>
      </c>
      <c r="BT3222" s="168">
        <v>0</v>
      </c>
      <c r="BU3222" s="166">
        <v>0</v>
      </c>
      <c r="BV3222" s="166">
        <v>0</v>
      </c>
      <c r="BW3222" s="166">
        <v>0</v>
      </c>
      <c r="BX3222" s="166">
        <v>0</v>
      </c>
      <c r="BY3222" s="166">
        <v>0</v>
      </c>
      <c r="BZ3222" s="166">
        <v>0</v>
      </c>
      <c r="CA3222" s="166">
        <v>0</v>
      </c>
      <c r="CB3222" s="166">
        <v>0</v>
      </c>
      <c r="CC3222" s="166">
        <v>0</v>
      </c>
      <c r="CD3222" s="166">
        <v>0</v>
      </c>
      <c r="CE3222" s="166">
        <v>0</v>
      </c>
      <c r="CF3222" s="166">
        <v>0</v>
      </c>
      <c r="CG3222" s="166">
        <v>0</v>
      </c>
      <c r="CH3222" s="166">
        <v>0</v>
      </c>
      <c r="CI3222" s="166">
        <v>0</v>
      </c>
      <c r="CJ3222" s="166">
        <v>0</v>
      </c>
      <c r="CK3222" s="166">
        <v>0</v>
      </c>
      <c r="CL3222" s="166">
        <v>0</v>
      </c>
      <c r="CM3222" s="166">
        <v>0</v>
      </c>
      <c r="CN3222" s="166">
        <v>0</v>
      </c>
      <c r="CO3222" s="166">
        <v>0</v>
      </c>
      <c r="CP3222" s="166">
        <v>0</v>
      </c>
      <c r="CQ3222" s="166">
        <v>0</v>
      </c>
      <c r="CR3222" s="166">
        <v>0</v>
      </c>
      <c r="CS3222" s="166">
        <v>0</v>
      </c>
      <c r="CT3222" s="166">
        <v>0</v>
      </c>
      <c r="CU3222" s="166">
        <v>0</v>
      </c>
      <c r="CV3222" s="166">
        <v>0</v>
      </c>
      <c r="CW3222" s="166">
        <v>0</v>
      </c>
      <c r="CX3222" s="166">
        <v>0</v>
      </c>
      <c r="CY3222" s="166">
        <v>0</v>
      </c>
      <c r="CZ3222" s="166">
        <v>0</v>
      </c>
    </row>
    <row r="3223" spans="1:104" x14ac:dyDescent="0.2">
      <c r="A3223" s="167" t="s">
        <v>507</v>
      </c>
      <c r="B3223" s="166">
        <v>7438768.5499999998</v>
      </c>
      <c r="C3223" s="166">
        <v>7438768.5499999998</v>
      </c>
      <c r="D3223" s="166">
        <v>0</v>
      </c>
      <c r="E3223" s="166">
        <v>0</v>
      </c>
      <c r="F3223" s="166">
        <v>0</v>
      </c>
      <c r="G3223" s="166">
        <v>0</v>
      </c>
      <c r="H3223" s="166">
        <v>0</v>
      </c>
      <c r="I3223" s="166">
        <v>0</v>
      </c>
      <c r="J3223" s="166">
        <v>0</v>
      </c>
      <c r="K3223" s="166">
        <v>0</v>
      </c>
      <c r="L3223" s="166">
        <v>0</v>
      </c>
      <c r="M3223" s="166">
        <v>0</v>
      </c>
      <c r="N3223" s="166">
        <v>0</v>
      </c>
      <c r="O3223" s="166">
        <v>0</v>
      </c>
      <c r="P3223" s="166">
        <v>0</v>
      </c>
      <c r="Q3223" s="166">
        <v>0</v>
      </c>
      <c r="R3223" s="166">
        <v>0</v>
      </c>
      <c r="S3223" s="166">
        <v>0</v>
      </c>
      <c r="T3223" s="166">
        <v>0</v>
      </c>
      <c r="U3223" s="166">
        <v>0</v>
      </c>
      <c r="V3223" s="166">
        <v>0</v>
      </c>
      <c r="W3223" s="166">
        <v>0</v>
      </c>
      <c r="X3223" s="166">
        <v>0</v>
      </c>
      <c r="Y3223" s="166">
        <v>0</v>
      </c>
      <c r="Z3223" s="166">
        <v>0</v>
      </c>
      <c r="AA3223" s="166">
        <v>0</v>
      </c>
      <c r="AB3223" s="166">
        <v>0</v>
      </c>
      <c r="AC3223" s="166">
        <v>0</v>
      </c>
      <c r="AD3223" s="166">
        <v>0</v>
      </c>
      <c r="AE3223" s="166">
        <v>0</v>
      </c>
      <c r="AF3223" s="166">
        <v>0</v>
      </c>
      <c r="AG3223" s="166">
        <v>0</v>
      </c>
      <c r="AH3223" s="166">
        <v>0</v>
      </c>
      <c r="AI3223" s="166">
        <v>0</v>
      </c>
      <c r="AJ3223" s="166">
        <v>0</v>
      </c>
      <c r="AK3223" s="166">
        <v>0</v>
      </c>
      <c r="AL3223" s="166">
        <v>0</v>
      </c>
      <c r="AM3223" s="166">
        <v>0</v>
      </c>
      <c r="AN3223" s="166">
        <v>0</v>
      </c>
      <c r="AO3223" s="166">
        <v>0</v>
      </c>
      <c r="AP3223" s="166">
        <v>0</v>
      </c>
      <c r="AQ3223" s="166">
        <v>0</v>
      </c>
      <c r="AR3223" s="166">
        <v>0</v>
      </c>
      <c r="AS3223" s="166">
        <v>0</v>
      </c>
      <c r="AT3223" s="166">
        <v>0</v>
      </c>
      <c r="AU3223" s="166">
        <v>0</v>
      </c>
      <c r="AV3223" s="166">
        <v>0</v>
      </c>
      <c r="AW3223" s="166">
        <v>0</v>
      </c>
      <c r="AX3223" s="166">
        <v>0</v>
      </c>
      <c r="AY3223" s="166">
        <v>0</v>
      </c>
      <c r="AZ3223" s="166">
        <v>0</v>
      </c>
      <c r="BA3223" s="166">
        <v>0</v>
      </c>
      <c r="BB3223" s="166">
        <v>0</v>
      </c>
      <c r="BC3223" s="166">
        <v>0</v>
      </c>
      <c r="BD3223" s="166">
        <v>0</v>
      </c>
      <c r="BE3223" s="166">
        <v>0</v>
      </c>
      <c r="BF3223" s="166">
        <v>0</v>
      </c>
      <c r="BG3223" s="166">
        <v>0</v>
      </c>
      <c r="BH3223" s="166">
        <v>0</v>
      </c>
      <c r="BI3223" s="166">
        <v>0</v>
      </c>
      <c r="BJ3223" s="166">
        <v>0</v>
      </c>
      <c r="BK3223" s="166">
        <v>0</v>
      </c>
      <c r="BL3223" s="166">
        <v>0</v>
      </c>
      <c r="BM3223" s="166">
        <v>0</v>
      </c>
      <c r="BN3223" s="166">
        <v>0</v>
      </c>
      <c r="BO3223" s="166">
        <v>0</v>
      </c>
      <c r="BP3223" s="166">
        <v>0</v>
      </c>
      <c r="BQ3223" s="166">
        <v>0</v>
      </c>
      <c r="BR3223" s="166">
        <v>7438768.5499999998</v>
      </c>
      <c r="BS3223" s="166">
        <v>7438768.5499999998</v>
      </c>
      <c r="BT3223" s="168">
        <v>0</v>
      </c>
      <c r="BU3223" s="166">
        <v>0</v>
      </c>
      <c r="BV3223" s="166">
        <v>0</v>
      </c>
      <c r="BW3223" s="166">
        <v>0</v>
      </c>
      <c r="BX3223" s="166">
        <v>0</v>
      </c>
      <c r="BY3223" s="166">
        <v>0</v>
      </c>
      <c r="BZ3223" s="166">
        <v>0</v>
      </c>
      <c r="CA3223" s="166">
        <v>0</v>
      </c>
      <c r="CB3223" s="166">
        <v>0</v>
      </c>
      <c r="CC3223" s="166">
        <v>0</v>
      </c>
      <c r="CD3223" s="166">
        <v>0</v>
      </c>
      <c r="CE3223" s="166">
        <v>0</v>
      </c>
      <c r="CF3223" s="166">
        <v>0</v>
      </c>
      <c r="CG3223" s="166">
        <v>0</v>
      </c>
      <c r="CH3223" s="166">
        <v>0</v>
      </c>
      <c r="CI3223" s="166">
        <v>0</v>
      </c>
      <c r="CJ3223" s="166">
        <v>0</v>
      </c>
      <c r="CK3223" s="166">
        <v>0</v>
      </c>
      <c r="CL3223" s="166">
        <v>0</v>
      </c>
      <c r="CM3223" s="166">
        <v>0</v>
      </c>
      <c r="CN3223" s="166">
        <v>0</v>
      </c>
      <c r="CO3223" s="166">
        <v>0</v>
      </c>
      <c r="CP3223" s="166">
        <v>0</v>
      </c>
      <c r="CQ3223" s="166">
        <v>0</v>
      </c>
      <c r="CR3223" s="166">
        <v>0</v>
      </c>
      <c r="CS3223" s="166">
        <v>0</v>
      </c>
      <c r="CT3223" s="166">
        <v>0</v>
      </c>
      <c r="CU3223" s="166">
        <v>0</v>
      </c>
      <c r="CV3223" s="166">
        <v>0</v>
      </c>
      <c r="CW3223" s="166">
        <v>0</v>
      </c>
      <c r="CX3223" s="166">
        <v>0</v>
      </c>
      <c r="CY3223" s="166">
        <v>0</v>
      </c>
      <c r="CZ3223" s="166">
        <v>0</v>
      </c>
    </row>
    <row r="3224" spans="1:104" x14ac:dyDescent="0.2">
      <c r="A3224" s="167" t="s">
        <v>1207</v>
      </c>
      <c r="B3224" s="166">
        <v>210742544.42063099</v>
      </c>
      <c r="C3224" s="166">
        <v>210742544.42063099</v>
      </c>
      <c r="D3224" s="166">
        <v>0</v>
      </c>
      <c r="E3224" s="166">
        <v>0</v>
      </c>
      <c r="F3224" s="166">
        <v>0</v>
      </c>
      <c r="G3224" s="166">
        <v>0</v>
      </c>
      <c r="H3224" s="166">
        <v>0</v>
      </c>
      <c r="I3224" s="166">
        <v>0</v>
      </c>
      <c r="J3224" s="166">
        <v>0</v>
      </c>
      <c r="K3224" s="166">
        <v>0</v>
      </c>
      <c r="L3224" s="166">
        <v>0</v>
      </c>
      <c r="M3224" s="166">
        <v>0</v>
      </c>
      <c r="N3224" s="166">
        <v>0</v>
      </c>
      <c r="O3224" s="166">
        <v>0</v>
      </c>
      <c r="P3224" s="166">
        <v>0</v>
      </c>
      <c r="Q3224" s="166">
        <v>0</v>
      </c>
      <c r="R3224" s="166">
        <v>0</v>
      </c>
      <c r="S3224" s="166">
        <v>0</v>
      </c>
      <c r="T3224" s="166">
        <v>0</v>
      </c>
      <c r="U3224" s="166">
        <v>0</v>
      </c>
      <c r="V3224" s="166">
        <v>0</v>
      </c>
      <c r="W3224" s="166">
        <v>0</v>
      </c>
      <c r="X3224" s="166">
        <v>0</v>
      </c>
      <c r="Y3224" s="166">
        <v>0</v>
      </c>
      <c r="Z3224" s="166">
        <v>0</v>
      </c>
      <c r="AA3224" s="166">
        <v>0</v>
      </c>
      <c r="AB3224" s="166">
        <v>0</v>
      </c>
      <c r="AC3224" s="166">
        <v>0</v>
      </c>
      <c r="AD3224" s="166">
        <v>0</v>
      </c>
      <c r="AE3224" s="166">
        <v>0</v>
      </c>
      <c r="AF3224" s="166">
        <v>0</v>
      </c>
      <c r="AG3224" s="166">
        <v>0</v>
      </c>
      <c r="AH3224" s="166">
        <v>0</v>
      </c>
      <c r="AI3224" s="166">
        <v>0</v>
      </c>
      <c r="AJ3224" s="166">
        <v>0</v>
      </c>
      <c r="AK3224" s="166">
        <v>0</v>
      </c>
      <c r="AL3224" s="166">
        <v>0</v>
      </c>
      <c r="AM3224" s="166">
        <v>0</v>
      </c>
      <c r="AN3224" s="166">
        <v>0</v>
      </c>
      <c r="AO3224" s="166">
        <v>0</v>
      </c>
      <c r="AP3224" s="166">
        <v>0</v>
      </c>
      <c r="AQ3224" s="166">
        <v>0</v>
      </c>
      <c r="AR3224" s="166">
        <v>0</v>
      </c>
      <c r="AS3224" s="166">
        <v>0</v>
      </c>
      <c r="AT3224" s="166">
        <v>0</v>
      </c>
      <c r="AU3224" s="166">
        <v>0</v>
      </c>
      <c r="AV3224" s="166">
        <v>0</v>
      </c>
      <c r="AW3224" s="166">
        <v>0</v>
      </c>
      <c r="AX3224" s="166">
        <v>-4028134.7740020598</v>
      </c>
      <c r="AY3224" s="166">
        <v>0</v>
      </c>
      <c r="AZ3224" s="166">
        <v>0</v>
      </c>
      <c r="BA3224" s="166">
        <v>0</v>
      </c>
      <c r="BB3224" s="166">
        <v>0</v>
      </c>
      <c r="BC3224" s="166">
        <v>0</v>
      </c>
      <c r="BD3224" s="166">
        <v>0</v>
      </c>
      <c r="BE3224" s="166">
        <v>0</v>
      </c>
      <c r="BF3224" s="166">
        <v>0</v>
      </c>
      <c r="BG3224" s="166">
        <v>0</v>
      </c>
      <c r="BH3224" s="166">
        <v>0</v>
      </c>
      <c r="BI3224" s="166">
        <v>0</v>
      </c>
      <c r="BJ3224" s="166">
        <v>0</v>
      </c>
      <c r="BK3224" s="166">
        <v>0</v>
      </c>
      <c r="BL3224" s="166">
        <v>0</v>
      </c>
      <c r="BM3224" s="166">
        <v>0</v>
      </c>
      <c r="BN3224" s="166">
        <v>0</v>
      </c>
      <c r="BO3224" s="166">
        <v>-4028134.7740020598</v>
      </c>
      <c r="BP3224" s="166">
        <v>0</v>
      </c>
      <c r="BQ3224" s="166">
        <v>0</v>
      </c>
      <c r="BR3224" s="166">
        <v>210742544.42063099</v>
      </c>
      <c r="BS3224" s="166">
        <v>206714409.64662901</v>
      </c>
      <c r="BT3224" s="168">
        <v>0</v>
      </c>
      <c r="BU3224" s="166">
        <v>0</v>
      </c>
      <c r="BV3224" s="166">
        <v>0</v>
      </c>
      <c r="BW3224" s="166">
        <v>0</v>
      </c>
      <c r="BX3224" s="166">
        <v>0</v>
      </c>
      <c r="BY3224" s="166">
        <v>0</v>
      </c>
      <c r="BZ3224" s="166">
        <v>0</v>
      </c>
      <c r="CA3224" s="166">
        <v>0</v>
      </c>
      <c r="CB3224" s="166">
        <v>0</v>
      </c>
      <c r="CC3224" s="166">
        <v>0</v>
      </c>
      <c r="CD3224" s="166">
        <v>0</v>
      </c>
      <c r="CE3224" s="166">
        <v>0</v>
      </c>
      <c r="CF3224" s="166">
        <v>0</v>
      </c>
      <c r="CG3224" s="166">
        <v>0</v>
      </c>
      <c r="CH3224" s="166">
        <v>0</v>
      </c>
      <c r="CI3224" s="166">
        <v>0</v>
      </c>
      <c r="CJ3224" s="166">
        <v>0</v>
      </c>
      <c r="CK3224" s="166">
        <v>0</v>
      </c>
      <c r="CL3224" s="166">
        <v>0</v>
      </c>
      <c r="CM3224" s="166">
        <v>0</v>
      </c>
      <c r="CN3224" s="166">
        <v>0</v>
      </c>
      <c r="CO3224" s="166">
        <v>0</v>
      </c>
      <c r="CP3224" s="166">
        <v>0</v>
      </c>
      <c r="CQ3224" s="166">
        <v>0</v>
      </c>
      <c r="CR3224" s="166">
        <v>0</v>
      </c>
      <c r="CS3224" s="166">
        <v>0</v>
      </c>
      <c r="CT3224" s="166">
        <v>0</v>
      </c>
      <c r="CU3224" s="166">
        <v>0</v>
      </c>
      <c r="CV3224" s="166">
        <v>0</v>
      </c>
      <c r="CW3224" s="166">
        <v>0</v>
      </c>
      <c r="CX3224" s="166">
        <v>0</v>
      </c>
      <c r="CY3224" s="166">
        <v>0</v>
      </c>
      <c r="CZ3224" s="166">
        <v>0</v>
      </c>
    </row>
    <row r="3225" spans="1:104" x14ac:dyDescent="0.2">
      <c r="A3225" s="170" t="s">
        <v>509</v>
      </c>
      <c r="B3225" s="166">
        <v>755667356.65463102</v>
      </c>
      <c r="C3225" s="166">
        <v>755667356.65463102</v>
      </c>
      <c r="D3225" s="166">
        <v>0</v>
      </c>
      <c r="E3225" s="166">
        <v>0</v>
      </c>
      <c r="F3225" s="166">
        <v>0</v>
      </c>
      <c r="G3225" s="166">
        <v>0</v>
      </c>
      <c r="H3225" s="166">
        <v>0</v>
      </c>
      <c r="I3225" s="166">
        <v>0</v>
      </c>
      <c r="J3225" s="166">
        <v>0</v>
      </c>
      <c r="K3225" s="166">
        <v>0</v>
      </c>
      <c r="L3225" s="166">
        <v>0</v>
      </c>
      <c r="M3225" s="166">
        <v>0</v>
      </c>
      <c r="N3225" s="166">
        <v>0</v>
      </c>
      <c r="O3225" s="166">
        <v>0</v>
      </c>
      <c r="P3225" s="166">
        <v>0</v>
      </c>
      <c r="Q3225" s="166">
        <v>0</v>
      </c>
      <c r="R3225" s="166">
        <v>0</v>
      </c>
      <c r="S3225" s="166">
        <v>0</v>
      </c>
      <c r="T3225" s="166">
        <v>0</v>
      </c>
      <c r="U3225" s="166">
        <v>0</v>
      </c>
      <c r="V3225" s="166">
        <v>0</v>
      </c>
      <c r="W3225" s="166">
        <v>0</v>
      </c>
      <c r="X3225" s="166">
        <v>0</v>
      </c>
      <c r="Y3225" s="166">
        <v>0</v>
      </c>
      <c r="Z3225" s="166">
        <v>0</v>
      </c>
      <c r="AA3225" s="166">
        <v>0</v>
      </c>
      <c r="AB3225" s="166">
        <v>0</v>
      </c>
      <c r="AC3225" s="166">
        <v>0</v>
      </c>
      <c r="AD3225" s="166">
        <v>0</v>
      </c>
      <c r="AE3225" s="166">
        <v>0</v>
      </c>
      <c r="AF3225" s="166">
        <v>0</v>
      </c>
      <c r="AG3225" s="166">
        <v>0</v>
      </c>
      <c r="AH3225" s="166">
        <v>0</v>
      </c>
      <c r="AI3225" s="166">
        <v>0</v>
      </c>
      <c r="AJ3225" s="166">
        <v>0</v>
      </c>
      <c r="AK3225" s="166">
        <v>0</v>
      </c>
      <c r="AL3225" s="166">
        <v>0</v>
      </c>
      <c r="AM3225" s="166">
        <v>0</v>
      </c>
      <c r="AN3225" s="166">
        <v>0</v>
      </c>
      <c r="AO3225" s="166">
        <v>0</v>
      </c>
      <c r="AP3225" s="166">
        <v>0</v>
      </c>
      <c r="AQ3225" s="166">
        <v>0</v>
      </c>
      <c r="AR3225" s="166">
        <v>0</v>
      </c>
      <c r="AS3225" s="166">
        <v>0</v>
      </c>
      <c r="AT3225" s="166">
        <v>0</v>
      </c>
      <c r="AU3225" s="166">
        <v>0</v>
      </c>
      <c r="AV3225" s="166">
        <v>0</v>
      </c>
      <c r="AW3225" s="166">
        <v>0</v>
      </c>
      <c r="AX3225" s="166">
        <v>-4028134.7740020598</v>
      </c>
      <c r="AY3225" s="166">
        <v>0</v>
      </c>
      <c r="AZ3225" s="166">
        <v>0</v>
      </c>
      <c r="BA3225" s="166">
        <v>0</v>
      </c>
      <c r="BB3225" s="166">
        <v>0</v>
      </c>
      <c r="BC3225" s="166">
        <v>0</v>
      </c>
      <c r="BD3225" s="166">
        <v>0</v>
      </c>
      <c r="BE3225" s="166">
        <v>0</v>
      </c>
      <c r="BF3225" s="166">
        <v>0</v>
      </c>
      <c r="BG3225" s="166">
        <v>0</v>
      </c>
      <c r="BH3225" s="166">
        <v>0</v>
      </c>
      <c r="BI3225" s="166">
        <v>0</v>
      </c>
      <c r="BJ3225" s="166">
        <v>0</v>
      </c>
      <c r="BK3225" s="166">
        <v>0</v>
      </c>
      <c r="BL3225" s="166">
        <v>0</v>
      </c>
      <c r="BM3225" s="166">
        <v>0</v>
      </c>
      <c r="BN3225" s="166">
        <v>0</v>
      </c>
      <c r="BO3225" s="166">
        <v>-4028134.7740020598</v>
      </c>
      <c r="BP3225" s="166">
        <v>0</v>
      </c>
      <c r="BQ3225" s="166">
        <v>0</v>
      </c>
      <c r="BR3225" s="166">
        <v>755667356.65463102</v>
      </c>
      <c r="BS3225" s="166">
        <v>751639221.88062894</v>
      </c>
      <c r="BT3225" s="168">
        <v>0</v>
      </c>
      <c r="BU3225" s="166">
        <v>0</v>
      </c>
      <c r="BV3225" s="166">
        <v>0</v>
      </c>
      <c r="BW3225" s="166">
        <v>0</v>
      </c>
      <c r="BX3225" s="166">
        <v>0</v>
      </c>
      <c r="BY3225" s="166">
        <v>0</v>
      </c>
      <c r="BZ3225" s="166">
        <v>0</v>
      </c>
      <c r="CA3225" s="166">
        <v>0</v>
      </c>
      <c r="CB3225" s="166">
        <v>0</v>
      </c>
      <c r="CC3225" s="166">
        <v>0</v>
      </c>
      <c r="CD3225" s="166">
        <v>0</v>
      </c>
      <c r="CE3225" s="166">
        <v>0</v>
      </c>
      <c r="CF3225" s="166">
        <v>0</v>
      </c>
      <c r="CG3225" s="166">
        <v>0</v>
      </c>
      <c r="CH3225" s="166">
        <v>0</v>
      </c>
      <c r="CI3225" s="166">
        <v>0</v>
      </c>
      <c r="CJ3225" s="166">
        <v>0</v>
      </c>
      <c r="CK3225" s="166">
        <v>0</v>
      </c>
      <c r="CL3225" s="166">
        <v>0</v>
      </c>
      <c r="CM3225" s="166">
        <v>0</v>
      </c>
      <c r="CN3225" s="166">
        <v>0</v>
      </c>
      <c r="CO3225" s="166">
        <v>0</v>
      </c>
      <c r="CP3225" s="166">
        <v>0</v>
      </c>
      <c r="CQ3225" s="166">
        <v>0</v>
      </c>
      <c r="CR3225" s="166">
        <v>0</v>
      </c>
      <c r="CS3225" s="166">
        <v>0</v>
      </c>
      <c r="CT3225" s="166">
        <v>0</v>
      </c>
      <c r="CU3225" s="166">
        <v>0</v>
      </c>
      <c r="CV3225" s="166">
        <v>0</v>
      </c>
      <c r="CW3225" s="166">
        <v>0</v>
      </c>
      <c r="CX3225" s="166">
        <v>0</v>
      </c>
      <c r="CY3225" s="166">
        <v>0</v>
      </c>
      <c r="CZ3225" s="166">
        <v>0</v>
      </c>
    </row>
    <row r="3226" spans="1:104" x14ac:dyDescent="0.2">
      <c r="A3226" s="167" t="s">
        <v>510</v>
      </c>
      <c r="B3226" s="166">
        <v>1685656049.2448101</v>
      </c>
      <c r="C3226" s="166">
        <v>1685656049.2448101</v>
      </c>
      <c r="D3226" s="166">
        <v>0</v>
      </c>
      <c r="E3226" s="166">
        <v>0</v>
      </c>
      <c r="F3226" s="166">
        <v>0</v>
      </c>
      <c r="G3226" s="166">
        <v>3.72324393538292E-9</v>
      </c>
      <c r="H3226" s="166">
        <v>0</v>
      </c>
      <c r="I3226" s="166">
        <v>0</v>
      </c>
      <c r="J3226" s="166">
        <v>0</v>
      </c>
      <c r="K3226" s="166">
        <v>0</v>
      </c>
      <c r="L3226" s="166">
        <v>0</v>
      </c>
      <c r="M3226" s="166">
        <v>0</v>
      </c>
      <c r="N3226" s="166">
        <v>0</v>
      </c>
      <c r="O3226" s="166">
        <v>0</v>
      </c>
      <c r="P3226" s="166">
        <v>0</v>
      </c>
      <c r="Q3226" s="166">
        <v>0</v>
      </c>
      <c r="R3226" s="166">
        <v>-17663846.509999901</v>
      </c>
      <c r="S3226" s="166">
        <v>0</v>
      </c>
      <c r="T3226" s="166">
        <v>0</v>
      </c>
      <c r="U3226" s="166">
        <v>-11779920.34</v>
      </c>
      <c r="V3226" s="166">
        <v>0</v>
      </c>
      <c r="W3226" s="166">
        <v>0</v>
      </c>
      <c r="X3226" s="166">
        <v>0</v>
      </c>
      <c r="Y3226" s="166">
        <v>0</v>
      </c>
      <c r="Z3226" s="166">
        <v>0</v>
      </c>
      <c r="AA3226" s="166">
        <v>0</v>
      </c>
      <c r="AB3226" s="166">
        <v>-1596727043.2748101</v>
      </c>
      <c r="AC3226" s="166">
        <v>0</v>
      </c>
      <c r="AD3226" s="166">
        <v>0</v>
      </c>
      <c r="AE3226" s="166">
        <v>0</v>
      </c>
      <c r="AF3226" s="166">
        <v>0</v>
      </c>
      <c r="AG3226" s="166">
        <v>0</v>
      </c>
      <c r="AH3226" s="166">
        <v>0</v>
      </c>
      <c r="AI3226" s="166">
        <v>0</v>
      </c>
      <c r="AJ3226" s="166">
        <v>0</v>
      </c>
      <c r="AK3226" s="166">
        <v>0</v>
      </c>
      <c r="AL3226" s="166">
        <v>0</v>
      </c>
      <c r="AM3226" s="166">
        <v>0</v>
      </c>
      <c r="AN3226" s="166">
        <v>0</v>
      </c>
      <c r="AO3226" s="166">
        <v>0</v>
      </c>
      <c r="AP3226" s="166">
        <v>0</v>
      </c>
      <c r="AQ3226" s="166">
        <v>0</v>
      </c>
      <c r="AR3226" s="166">
        <v>0</v>
      </c>
      <c r="AS3226" s="166">
        <v>0</v>
      </c>
      <c r="AT3226" s="166">
        <v>0</v>
      </c>
      <c r="AU3226" s="166">
        <v>0</v>
      </c>
      <c r="AV3226" s="166">
        <v>0</v>
      </c>
      <c r="AW3226" s="166">
        <v>0</v>
      </c>
      <c r="AX3226" s="166">
        <v>0</v>
      </c>
      <c r="AY3226" s="166">
        <v>-59485239.119999997</v>
      </c>
      <c r="AZ3226" s="166">
        <v>0</v>
      </c>
      <c r="BA3226" s="166">
        <v>0</v>
      </c>
      <c r="BB3226" s="166">
        <v>0</v>
      </c>
      <c r="BC3226" s="166">
        <v>0</v>
      </c>
      <c r="BD3226" s="166">
        <v>3.72324393538292E-9</v>
      </c>
      <c r="BE3226" s="166">
        <v>0</v>
      </c>
      <c r="BF3226" s="166">
        <v>0</v>
      </c>
      <c r="BG3226" s="166">
        <v>-17663846.509999901</v>
      </c>
      <c r="BH3226" s="166">
        <v>0</v>
      </c>
      <c r="BI3226" s="166">
        <v>-11779920.34</v>
      </c>
      <c r="BJ3226" s="166">
        <v>-1596727043.2748101</v>
      </c>
      <c r="BK3226" s="166">
        <v>0</v>
      </c>
      <c r="BL3226" s="166">
        <v>0</v>
      </c>
      <c r="BM3226" s="166">
        <v>0</v>
      </c>
      <c r="BN3226" s="166">
        <v>0</v>
      </c>
      <c r="BO3226" s="166">
        <v>0</v>
      </c>
      <c r="BP3226" s="166">
        <v>-59485239.119999997</v>
      </c>
      <c r="BQ3226" s="166">
        <v>0</v>
      </c>
      <c r="BR3226" s="166">
        <v>1685656049.2448101</v>
      </c>
      <c r="BS3226" s="166">
        <v>0</v>
      </c>
      <c r="BT3226" s="168">
        <v>0</v>
      </c>
      <c r="BU3226" s="166">
        <v>121802664.00568999</v>
      </c>
      <c r="BV3226" s="166">
        <v>1590489713.7535501</v>
      </c>
      <c r="BW3226" s="166">
        <v>0</v>
      </c>
      <c r="BX3226" s="166">
        <v>0</v>
      </c>
      <c r="BY3226" s="166">
        <v>0</v>
      </c>
      <c r="BZ3226" s="166">
        <v>0</v>
      </c>
      <c r="CA3226" s="166">
        <v>0</v>
      </c>
      <c r="CB3226" s="166">
        <v>0</v>
      </c>
      <c r="CC3226" s="166">
        <v>-1590489713.7535501</v>
      </c>
      <c r="CD3226" s="166">
        <v>0</v>
      </c>
      <c r="CE3226" s="166">
        <v>0</v>
      </c>
      <c r="CF3226" s="166">
        <v>0</v>
      </c>
      <c r="CG3226" s="166">
        <v>0</v>
      </c>
      <c r="CH3226" s="166">
        <v>0</v>
      </c>
      <c r="CI3226" s="166">
        <v>0</v>
      </c>
      <c r="CJ3226" s="166">
        <v>0</v>
      </c>
      <c r="CK3226" s="166">
        <v>0</v>
      </c>
      <c r="CL3226" s="166">
        <v>0</v>
      </c>
      <c r="CM3226" s="166">
        <v>0</v>
      </c>
      <c r="CN3226" s="166">
        <v>0</v>
      </c>
      <c r="CO3226" s="166">
        <v>0</v>
      </c>
      <c r="CP3226" s="166">
        <v>0</v>
      </c>
      <c r="CQ3226" s="166">
        <v>-1590489713.7535501</v>
      </c>
      <c r="CR3226" s="166">
        <v>0</v>
      </c>
      <c r="CS3226" s="166">
        <v>0</v>
      </c>
      <c r="CT3226" s="166">
        <v>0</v>
      </c>
      <c r="CU3226" s="166">
        <v>0</v>
      </c>
      <c r="CV3226" s="166">
        <v>0</v>
      </c>
      <c r="CW3226" s="166">
        <v>0</v>
      </c>
      <c r="CX3226" s="166">
        <v>0</v>
      </c>
      <c r="CY3226" s="166">
        <v>0</v>
      </c>
      <c r="CZ3226" s="166">
        <v>0</v>
      </c>
    </row>
    <row r="3227" spans="1:104" x14ac:dyDescent="0.2">
      <c r="A3227" s="170" t="s">
        <v>511</v>
      </c>
      <c r="B3227" s="166">
        <v>2441323405.8994498</v>
      </c>
      <c r="C3227" s="166">
        <v>2441323405.8994498</v>
      </c>
      <c r="D3227" s="166">
        <v>0</v>
      </c>
      <c r="E3227" s="166">
        <v>0</v>
      </c>
      <c r="F3227" s="166">
        <v>0</v>
      </c>
      <c r="G3227" s="166">
        <v>3.72324393538292E-9</v>
      </c>
      <c r="H3227" s="166">
        <v>0</v>
      </c>
      <c r="I3227" s="166">
        <v>0</v>
      </c>
      <c r="J3227" s="166">
        <v>0</v>
      </c>
      <c r="K3227" s="166">
        <v>0</v>
      </c>
      <c r="L3227" s="166">
        <v>0</v>
      </c>
      <c r="M3227" s="166">
        <v>0</v>
      </c>
      <c r="N3227" s="166">
        <v>0</v>
      </c>
      <c r="O3227" s="166">
        <v>0</v>
      </c>
      <c r="P3227" s="166">
        <v>0</v>
      </c>
      <c r="Q3227" s="166">
        <v>0</v>
      </c>
      <c r="R3227" s="166">
        <v>-17663846.509999901</v>
      </c>
      <c r="S3227" s="166">
        <v>0</v>
      </c>
      <c r="T3227" s="166">
        <v>0</v>
      </c>
      <c r="U3227" s="166">
        <v>-11779920.34</v>
      </c>
      <c r="V3227" s="166">
        <v>0</v>
      </c>
      <c r="W3227" s="166">
        <v>0</v>
      </c>
      <c r="X3227" s="166">
        <v>0</v>
      </c>
      <c r="Y3227" s="166">
        <v>0</v>
      </c>
      <c r="Z3227" s="166">
        <v>0</v>
      </c>
      <c r="AA3227" s="166">
        <v>0</v>
      </c>
      <c r="AB3227" s="166">
        <v>-1596727043.2748101</v>
      </c>
      <c r="AC3227" s="166">
        <v>0</v>
      </c>
      <c r="AD3227" s="166">
        <v>0</v>
      </c>
      <c r="AE3227" s="166">
        <v>0</v>
      </c>
      <c r="AF3227" s="166">
        <v>0</v>
      </c>
      <c r="AG3227" s="166">
        <v>0</v>
      </c>
      <c r="AH3227" s="166">
        <v>0</v>
      </c>
      <c r="AI3227" s="166">
        <v>0</v>
      </c>
      <c r="AJ3227" s="166">
        <v>0</v>
      </c>
      <c r="AK3227" s="166">
        <v>0</v>
      </c>
      <c r="AL3227" s="166">
        <v>0</v>
      </c>
      <c r="AM3227" s="166">
        <v>0</v>
      </c>
      <c r="AN3227" s="166">
        <v>0</v>
      </c>
      <c r="AO3227" s="166">
        <v>0</v>
      </c>
      <c r="AP3227" s="166">
        <v>0</v>
      </c>
      <c r="AQ3227" s="166">
        <v>0</v>
      </c>
      <c r="AR3227" s="166">
        <v>0</v>
      </c>
      <c r="AS3227" s="166">
        <v>0</v>
      </c>
      <c r="AT3227" s="166">
        <v>0</v>
      </c>
      <c r="AU3227" s="166">
        <v>0</v>
      </c>
      <c r="AV3227" s="166">
        <v>0</v>
      </c>
      <c r="AW3227" s="166">
        <v>0</v>
      </c>
      <c r="AX3227" s="166">
        <v>-4028134.7740020598</v>
      </c>
      <c r="AY3227" s="166">
        <v>-59485239.119999997</v>
      </c>
      <c r="AZ3227" s="166">
        <v>0</v>
      </c>
      <c r="BA3227" s="166">
        <v>0</v>
      </c>
      <c r="BB3227" s="166">
        <v>0</v>
      </c>
      <c r="BC3227" s="166">
        <v>0</v>
      </c>
      <c r="BD3227" s="166">
        <v>3.72324393538292E-9</v>
      </c>
      <c r="BE3227" s="166">
        <v>0</v>
      </c>
      <c r="BF3227" s="166">
        <v>0</v>
      </c>
      <c r="BG3227" s="166">
        <v>-17663846.509999901</v>
      </c>
      <c r="BH3227" s="166">
        <v>0</v>
      </c>
      <c r="BI3227" s="166">
        <v>-11779920.34</v>
      </c>
      <c r="BJ3227" s="166">
        <v>-1596727043.2748101</v>
      </c>
      <c r="BK3227" s="166">
        <v>0</v>
      </c>
      <c r="BL3227" s="166">
        <v>0</v>
      </c>
      <c r="BM3227" s="166">
        <v>0</v>
      </c>
      <c r="BN3227" s="166">
        <v>0</v>
      </c>
      <c r="BO3227" s="166">
        <v>-4028134.7740020598</v>
      </c>
      <c r="BP3227" s="166">
        <v>-59485239.119999997</v>
      </c>
      <c r="BQ3227" s="166">
        <v>0</v>
      </c>
      <c r="BR3227" s="166">
        <v>2441323405.8994498</v>
      </c>
      <c r="BS3227" s="166">
        <v>751639221.88062894</v>
      </c>
      <c r="BT3227" s="168">
        <v>0</v>
      </c>
      <c r="BU3227" s="166">
        <v>121802664.00568999</v>
      </c>
      <c r="BV3227" s="166">
        <v>1590489713.7535501</v>
      </c>
      <c r="BW3227" s="166">
        <v>0</v>
      </c>
      <c r="BX3227" s="166">
        <v>0</v>
      </c>
      <c r="BY3227" s="166">
        <v>0</v>
      </c>
      <c r="BZ3227" s="166">
        <v>0</v>
      </c>
      <c r="CA3227" s="166">
        <v>0</v>
      </c>
      <c r="CB3227" s="166">
        <v>0</v>
      </c>
      <c r="CC3227" s="166">
        <v>0</v>
      </c>
      <c r="CD3227" s="166">
        <v>0</v>
      </c>
      <c r="CE3227" s="166">
        <v>0</v>
      </c>
      <c r="CF3227" s="166">
        <v>0</v>
      </c>
      <c r="CG3227" s="166">
        <v>0</v>
      </c>
      <c r="CH3227" s="166">
        <v>0</v>
      </c>
      <c r="CI3227" s="166">
        <v>0</v>
      </c>
      <c r="CJ3227" s="166">
        <v>0</v>
      </c>
      <c r="CK3227" s="166">
        <v>0</v>
      </c>
      <c r="CL3227" s="166">
        <v>0</v>
      </c>
      <c r="CM3227" s="166">
        <v>0</v>
      </c>
      <c r="CN3227" s="166">
        <v>0</v>
      </c>
      <c r="CO3227" s="166">
        <v>0</v>
      </c>
      <c r="CP3227" s="166">
        <v>0</v>
      </c>
      <c r="CQ3227" s="166">
        <v>0</v>
      </c>
      <c r="CR3227" s="166">
        <v>0</v>
      </c>
      <c r="CS3227" s="166">
        <v>0</v>
      </c>
      <c r="CT3227" s="166">
        <v>0</v>
      </c>
      <c r="CU3227" s="166">
        <v>0</v>
      </c>
      <c r="CV3227" s="166">
        <v>0</v>
      </c>
      <c r="CW3227" s="166">
        <v>0</v>
      </c>
      <c r="CX3227" s="166">
        <v>0</v>
      </c>
      <c r="CY3227" s="166">
        <v>0</v>
      </c>
      <c r="CZ3227" s="166">
        <v>0</v>
      </c>
    </row>
    <row r="3228" spans="1:104" x14ac:dyDescent="0.2">
      <c r="A3228" s="167" t="s">
        <v>512</v>
      </c>
    </row>
    <row r="3229" spans="1:104" x14ac:dyDescent="0.2">
      <c r="A3229" s="170" t="s">
        <v>513</v>
      </c>
    </row>
    <row r="3230" spans="1:104" x14ac:dyDescent="0.2">
      <c r="A3230" s="167" t="s">
        <v>514</v>
      </c>
      <c r="B3230" s="166">
        <v>2441323405.8994498</v>
      </c>
      <c r="C3230" s="166">
        <v>2441323405.8994498</v>
      </c>
      <c r="D3230" s="166">
        <v>0</v>
      </c>
      <c r="E3230" s="166">
        <v>0</v>
      </c>
      <c r="F3230" s="166">
        <v>0</v>
      </c>
      <c r="G3230" s="166">
        <v>0</v>
      </c>
      <c r="H3230" s="166">
        <v>0</v>
      </c>
      <c r="I3230" s="166">
        <v>0</v>
      </c>
      <c r="J3230" s="166">
        <v>0</v>
      </c>
      <c r="K3230" s="166">
        <v>0</v>
      </c>
      <c r="L3230" s="166">
        <v>0</v>
      </c>
      <c r="M3230" s="166">
        <v>0</v>
      </c>
      <c r="N3230" s="166">
        <v>0</v>
      </c>
      <c r="O3230" s="166">
        <v>0</v>
      </c>
      <c r="P3230" s="166">
        <v>0</v>
      </c>
      <c r="Q3230" s="166">
        <v>0</v>
      </c>
      <c r="R3230" s="166">
        <v>0</v>
      </c>
      <c r="S3230" s="166">
        <v>0</v>
      </c>
      <c r="T3230" s="166">
        <v>0</v>
      </c>
      <c r="U3230" s="166">
        <v>0</v>
      </c>
      <c r="V3230" s="166">
        <v>0</v>
      </c>
      <c r="W3230" s="166">
        <v>0</v>
      </c>
      <c r="X3230" s="166">
        <v>0</v>
      </c>
      <c r="Y3230" s="166">
        <v>0</v>
      </c>
      <c r="Z3230" s="166">
        <v>0</v>
      </c>
      <c r="AA3230" s="166">
        <v>0</v>
      </c>
      <c r="AB3230" s="166">
        <v>0</v>
      </c>
      <c r="AC3230" s="166">
        <v>0</v>
      </c>
      <c r="AD3230" s="166">
        <v>0</v>
      </c>
      <c r="AE3230" s="166">
        <v>0</v>
      </c>
      <c r="AF3230" s="166">
        <v>0</v>
      </c>
      <c r="AG3230" s="166">
        <v>0</v>
      </c>
      <c r="AH3230" s="166">
        <v>0</v>
      </c>
      <c r="AI3230" s="166">
        <v>0</v>
      </c>
      <c r="AJ3230" s="166">
        <v>0</v>
      </c>
      <c r="AK3230" s="166">
        <v>0</v>
      </c>
      <c r="AL3230" s="166">
        <v>0</v>
      </c>
      <c r="AM3230" s="166">
        <v>0</v>
      </c>
      <c r="AN3230" s="166">
        <v>0</v>
      </c>
      <c r="AO3230" s="166">
        <v>0</v>
      </c>
      <c r="AP3230" s="166">
        <v>0</v>
      </c>
      <c r="AQ3230" s="166">
        <v>0</v>
      </c>
      <c r="AR3230" s="166">
        <v>0</v>
      </c>
      <c r="AS3230" s="166">
        <v>0</v>
      </c>
      <c r="AT3230" s="166">
        <v>0</v>
      </c>
      <c r="AU3230" s="166">
        <v>0</v>
      </c>
      <c r="AV3230" s="166">
        <v>0</v>
      </c>
      <c r="AW3230" s="166">
        <v>0</v>
      </c>
      <c r="AX3230" s="166">
        <v>0</v>
      </c>
      <c r="AY3230" s="166">
        <v>0</v>
      </c>
      <c r="AZ3230" s="166">
        <v>0</v>
      </c>
      <c r="BA3230" s="166">
        <v>0</v>
      </c>
      <c r="BB3230" s="166">
        <v>0</v>
      </c>
      <c r="BC3230" s="166">
        <v>0</v>
      </c>
      <c r="BD3230" s="166">
        <v>0</v>
      </c>
      <c r="BE3230" s="166">
        <v>0</v>
      </c>
      <c r="BF3230" s="166">
        <v>0</v>
      </c>
      <c r="BG3230" s="166">
        <v>0</v>
      </c>
      <c r="BH3230" s="166">
        <v>0</v>
      </c>
      <c r="BI3230" s="166">
        <v>0</v>
      </c>
      <c r="BJ3230" s="166">
        <v>0</v>
      </c>
      <c r="BK3230" s="166">
        <v>0</v>
      </c>
      <c r="BL3230" s="166">
        <v>0</v>
      </c>
      <c r="BM3230" s="166">
        <v>0</v>
      </c>
      <c r="BN3230" s="166">
        <v>0</v>
      </c>
      <c r="BO3230" s="166">
        <v>0</v>
      </c>
      <c r="BP3230" s="166">
        <v>0</v>
      </c>
      <c r="BQ3230" s="166">
        <v>0</v>
      </c>
      <c r="BR3230" s="166">
        <v>2441323405.8994498</v>
      </c>
      <c r="BS3230" s="166">
        <v>2441323405.8994498</v>
      </c>
      <c r="BT3230" s="168">
        <v>0</v>
      </c>
      <c r="BU3230" s="166">
        <v>0</v>
      </c>
      <c r="BV3230" s="166">
        <v>0</v>
      </c>
      <c r="BW3230" s="166">
        <v>0</v>
      </c>
      <c r="BX3230" s="166">
        <v>0</v>
      </c>
      <c r="BY3230" s="166">
        <v>0</v>
      </c>
      <c r="BZ3230" s="166">
        <v>0</v>
      </c>
      <c r="CA3230" s="166">
        <v>0</v>
      </c>
      <c r="CB3230" s="166">
        <v>0</v>
      </c>
      <c r="CC3230" s="166">
        <v>0</v>
      </c>
      <c r="CD3230" s="166">
        <v>0</v>
      </c>
      <c r="CE3230" s="166">
        <v>0</v>
      </c>
      <c r="CF3230" s="166">
        <v>0</v>
      </c>
      <c r="CG3230" s="166">
        <v>0</v>
      </c>
      <c r="CH3230" s="166">
        <v>0</v>
      </c>
      <c r="CI3230" s="166">
        <v>0</v>
      </c>
      <c r="CJ3230" s="166">
        <v>0</v>
      </c>
      <c r="CK3230" s="166">
        <v>0</v>
      </c>
      <c r="CL3230" s="166">
        <v>0</v>
      </c>
      <c r="CM3230" s="166">
        <v>0</v>
      </c>
      <c r="CN3230" s="166">
        <v>0</v>
      </c>
      <c r="CO3230" s="166">
        <v>0</v>
      </c>
      <c r="CP3230" s="166">
        <v>0</v>
      </c>
      <c r="CQ3230" s="166">
        <v>0</v>
      </c>
      <c r="CR3230" s="166">
        <v>0</v>
      </c>
      <c r="CS3230" s="166">
        <v>0</v>
      </c>
      <c r="CT3230" s="166">
        <v>0</v>
      </c>
      <c r="CU3230" s="166">
        <v>0</v>
      </c>
      <c r="CV3230" s="166">
        <v>0</v>
      </c>
      <c r="CW3230" s="166">
        <v>0</v>
      </c>
      <c r="CX3230" s="166">
        <v>0</v>
      </c>
      <c r="CY3230" s="166">
        <v>0</v>
      </c>
      <c r="CZ3230" s="166">
        <v>0</v>
      </c>
    </row>
    <row r="3231" spans="1:104" x14ac:dyDescent="0.2">
      <c r="A3231" s="167" t="s">
        <v>515</v>
      </c>
      <c r="B3231" s="166">
        <v>1596727043.2748101</v>
      </c>
      <c r="C3231" s="166">
        <v>1596727043.2748101</v>
      </c>
      <c r="D3231" s="166">
        <v>0</v>
      </c>
      <c r="E3231" s="166">
        <v>0</v>
      </c>
      <c r="F3231" s="166">
        <v>0</v>
      </c>
      <c r="G3231" s="166">
        <v>0</v>
      </c>
      <c r="H3231" s="166">
        <v>0</v>
      </c>
      <c r="I3231" s="166">
        <v>0</v>
      </c>
      <c r="J3231" s="166">
        <v>0</v>
      </c>
      <c r="K3231" s="166">
        <v>0</v>
      </c>
      <c r="L3231" s="166">
        <v>0</v>
      </c>
      <c r="M3231" s="166">
        <v>0</v>
      </c>
      <c r="N3231" s="166">
        <v>0</v>
      </c>
      <c r="O3231" s="166">
        <v>0</v>
      </c>
      <c r="P3231" s="166">
        <v>0</v>
      </c>
      <c r="Q3231" s="166">
        <v>0</v>
      </c>
      <c r="R3231" s="166">
        <v>0</v>
      </c>
      <c r="S3231" s="166">
        <v>0</v>
      </c>
      <c r="T3231" s="166">
        <v>0</v>
      </c>
      <c r="U3231" s="166">
        <v>0</v>
      </c>
      <c r="V3231" s="166">
        <v>0</v>
      </c>
      <c r="W3231" s="166">
        <v>0</v>
      </c>
      <c r="X3231" s="166">
        <v>0</v>
      </c>
      <c r="Y3231" s="166">
        <v>0</v>
      </c>
      <c r="Z3231" s="166">
        <v>0</v>
      </c>
      <c r="AA3231" s="166">
        <v>0</v>
      </c>
      <c r="AB3231" s="166">
        <v>0</v>
      </c>
      <c r="AC3231" s="166">
        <v>0</v>
      </c>
      <c r="AD3231" s="166">
        <v>0</v>
      </c>
      <c r="AE3231" s="166">
        <v>0</v>
      </c>
      <c r="AF3231" s="166">
        <v>0</v>
      </c>
      <c r="AG3231" s="166">
        <v>0</v>
      </c>
      <c r="AH3231" s="166">
        <v>0</v>
      </c>
      <c r="AI3231" s="166">
        <v>0</v>
      </c>
      <c r="AJ3231" s="166">
        <v>0</v>
      </c>
      <c r="AK3231" s="166">
        <v>0</v>
      </c>
      <c r="AL3231" s="166">
        <v>0</v>
      </c>
      <c r="AM3231" s="166">
        <v>0</v>
      </c>
      <c r="AN3231" s="166">
        <v>0</v>
      </c>
      <c r="AO3231" s="166">
        <v>0</v>
      </c>
      <c r="AP3231" s="166">
        <v>0</v>
      </c>
      <c r="AQ3231" s="166">
        <v>0</v>
      </c>
      <c r="AR3231" s="166">
        <v>0</v>
      </c>
      <c r="AS3231" s="166">
        <v>0</v>
      </c>
      <c r="AT3231" s="166">
        <v>0</v>
      </c>
      <c r="AU3231" s="166">
        <v>0</v>
      </c>
      <c r="AV3231" s="166">
        <v>0</v>
      </c>
      <c r="AW3231" s="166">
        <v>0</v>
      </c>
      <c r="AX3231" s="166">
        <v>0</v>
      </c>
      <c r="AY3231" s="166">
        <v>0</v>
      </c>
      <c r="AZ3231" s="166">
        <v>0</v>
      </c>
      <c r="BA3231" s="166">
        <v>0</v>
      </c>
      <c r="BB3231" s="166">
        <v>0</v>
      </c>
      <c r="BC3231" s="166">
        <v>0</v>
      </c>
      <c r="BD3231" s="166">
        <v>0</v>
      </c>
      <c r="BE3231" s="166">
        <v>0</v>
      </c>
      <c r="BF3231" s="166">
        <v>0</v>
      </c>
      <c r="BG3231" s="166">
        <v>0</v>
      </c>
      <c r="BH3231" s="166">
        <v>0</v>
      </c>
      <c r="BI3231" s="166">
        <v>0</v>
      </c>
      <c r="BJ3231" s="166">
        <v>0</v>
      </c>
      <c r="BK3231" s="166">
        <v>0</v>
      </c>
      <c r="BL3231" s="166">
        <v>0</v>
      </c>
      <c r="BM3231" s="166">
        <v>0</v>
      </c>
      <c r="BN3231" s="166">
        <v>0</v>
      </c>
      <c r="BO3231" s="166">
        <v>0</v>
      </c>
      <c r="BP3231" s="166">
        <v>0</v>
      </c>
      <c r="BQ3231" s="166">
        <v>0</v>
      </c>
      <c r="BR3231" s="166">
        <v>1596727043.2748101</v>
      </c>
      <c r="BS3231" s="166">
        <v>1596727043.2748101</v>
      </c>
      <c r="BT3231" s="168">
        <v>0</v>
      </c>
      <c r="BU3231" s="166">
        <v>0</v>
      </c>
      <c r="BV3231" s="166">
        <v>0</v>
      </c>
      <c r="BW3231" s="166">
        <v>0</v>
      </c>
      <c r="BX3231" s="166">
        <v>0</v>
      </c>
      <c r="BY3231" s="166">
        <v>0</v>
      </c>
      <c r="BZ3231" s="166">
        <v>0</v>
      </c>
      <c r="CA3231" s="166">
        <v>0</v>
      </c>
      <c r="CB3231" s="166">
        <v>0</v>
      </c>
      <c r="CC3231" s="166">
        <v>0</v>
      </c>
      <c r="CD3231" s="166">
        <v>0</v>
      </c>
      <c r="CE3231" s="166">
        <v>0</v>
      </c>
      <c r="CF3231" s="166">
        <v>0</v>
      </c>
      <c r="CG3231" s="166">
        <v>0</v>
      </c>
      <c r="CH3231" s="166">
        <v>0</v>
      </c>
      <c r="CI3231" s="166">
        <v>0</v>
      </c>
      <c r="CJ3231" s="166">
        <v>0</v>
      </c>
      <c r="CK3231" s="166">
        <v>0</v>
      </c>
      <c r="CL3231" s="166">
        <v>0</v>
      </c>
      <c r="CM3231" s="166">
        <v>0</v>
      </c>
      <c r="CN3231" s="166">
        <v>0</v>
      </c>
      <c r="CO3231" s="166">
        <v>0</v>
      </c>
      <c r="CP3231" s="166">
        <v>0</v>
      </c>
      <c r="CQ3231" s="166">
        <v>0</v>
      </c>
      <c r="CR3231" s="166">
        <v>0</v>
      </c>
      <c r="CS3231" s="166">
        <v>0</v>
      </c>
      <c r="CT3231" s="166">
        <v>0</v>
      </c>
      <c r="CU3231" s="166">
        <v>0</v>
      </c>
      <c r="CV3231" s="166">
        <v>0</v>
      </c>
      <c r="CW3231" s="166">
        <v>0</v>
      </c>
      <c r="CX3231" s="166">
        <v>0</v>
      </c>
      <c r="CY3231" s="166">
        <v>0</v>
      </c>
      <c r="CZ3231" s="166">
        <v>0</v>
      </c>
    </row>
    <row r="3232" spans="1:104" x14ac:dyDescent="0.2">
      <c r="A3232" s="167" t="s">
        <v>516</v>
      </c>
      <c r="B3232" s="166">
        <v>844596362.624632</v>
      </c>
      <c r="C3232" s="166">
        <v>844596362.624632</v>
      </c>
      <c r="D3232" s="166">
        <v>0</v>
      </c>
      <c r="E3232" s="166">
        <v>0</v>
      </c>
      <c r="F3232" s="166">
        <v>0</v>
      </c>
      <c r="G3232" s="166">
        <v>0</v>
      </c>
      <c r="H3232" s="166">
        <v>0</v>
      </c>
      <c r="I3232" s="166">
        <v>0</v>
      </c>
      <c r="J3232" s="166">
        <v>0</v>
      </c>
      <c r="K3232" s="166">
        <v>0</v>
      </c>
      <c r="L3232" s="166">
        <v>0</v>
      </c>
      <c r="M3232" s="166">
        <v>0</v>
      </c>
      <c r="N3232" s="166">
        <v>0</v>
      </c>
      <c r="O3232" s="166">
        <v>0</v>
      </c>
      <c r="P3232" s="166">
        <v>0</v>
      </c>
      <c r="Q3232" s="166">
        <v>0</v>
      </c>
      <c r="R3232" s="166">
        <v>0</v>
      </c>
      <c r="S3232" s="166">
        <v>0</v>
      </c>
      <c r="T3232" s="166">
        <v>0</v>
      </c>
      <c r="U3232" s="166">
        <v>0</v>
      </c>
      <c r="V3232" s="166">
        <v>0</v>
      </c>
      <c r="W3232" s="166">
        <v>0</v>
      </c>
      <c r="X3232" s="166">
        <v>0</v>
      </c>
      <c r="Y3232" s="166">
        <v>0</v>
      </c>
      <c r="Z3232" s="166">
        <v>0</v>
      </c>
      <c r="AA3232" s="166">
        <v>0</v>
      </c>
      <c r="AB3232" s="166">
        <v>0</v>
      </c>
      <c r="AC3232" s="166">
        <v>0</v>
      </c>
      <c r="AD3232" s="166">
        <v>0</v>
      </c>
      <c r="AE3232" s="166">
        <v>0</v>
      </c>
      <c r="AF3232" s="166">
        <v>0</v>
      </c>
      <c r="AG3232" s="166">
        <v>0</v>
      </c>
      <c r="AH3232" s="166">
        <v>0</v>
      </c>
      <c r="AI3232" s="166">
        <v>0</v>
      </c>
      <c r="AJ3232" s="166">
        <v>0</v>
      </c>
      <c r="AK3232" s="166">
        <v>0</v>
      </c>
      <c r="AL3232" s="166">
        <v>0</v>
      </c>
      <c r="AM3232" s="166">
        <v>0</v>
      </c>
      <c r="AN3232" s="166">
        <v>0</v>
      </c>
      <c r="AO3232" s="166">
        <v>0</v>
      </c>
      <c r="AP3232" s="166">
        <v>0</v>
      </c>
      <c r="AQ3232" s="166">
        <v>0</v>
      </c>
      <c r="AR3232" s="166">
        <v>0</v>
      </c>
      <c r="AS3232" s="166">
        <v>0</v>
      </c>
      <c r="AT3232" s="166">
        <v>0</v>
      </c>
      <c r="AU3232" s="166">
        <v>0</v>
      </c>
      <c r="AV3232" s="166">
        <v>0</v>
      </c>
      <c r="AW3232" s="166">
        <v>0</v>
      </c>
      <c r="AX3232" s="166">
        <v>0</v>
      </c>
      <c r="AY3232" s="166">
        <v>0</v>
      </c>
      <c r="AZ3232" s="166">
        <v>0</v>
      </c>
      <c r="BA3232" s="166">
        <v>0</v>
      </c>
      <c r="BB3232" s="166">
        <v>0</v>
      </c>
      <c r="BC3232" s="166">
        <v>0</v>
      </c>
      <c r="BD3232" s="166">
        <v>0</v>
      </c>
      <c r="BE3232" s="166">
        <v>0</v>
      </c>
      <c r="BF3232" s="166">
        <v>0</v>
      </c>
      <c r="BG3232" s="166">
        <v>0</v>
      </c>
      <c r="BH3232" s="166">
        <v>0</v>
      </c>
      <c r="BI3232" s="166">
        <v>0</v>
      </c>
      <c r="BJ3232" s="166">
        <v>0</v>
      </c>
      <c r="BK3232" s="166">
        <v>0</v>
      </c>
      <c r="BL3232" s="166">
        <v>0</v>
      </c>
      <c r="BM3232" s="166">
        <v>0</v>
      </c>
      <c r="BN3232" s="166">
        <v>0</v>
      </c>
      <c r="BO3232" s="166">
        <v>0</v>
      </c>
      <c r="BP3232" s="166">
        <v>0</v>
      </c>
      <c r="BQ3232" s="166">
        <v>0</v>
      </c>
      <c r="BR3232" s="166">
        <v>844596362.624632</v>
      </c>
      <c r="BS3232" s="166">
        <v>844596362.624632</v>
      </c>
      <c r="BT3232" s="168">
        <v>0</v>
      </c>
      <c r="BU3232" s="166">
        <v>0</v>
      </c>
      <c r="BV3232" s="166">
        <v>0</v>
      </c>
      <c r="BW3232" s="166">
        <v>0</v>
      </c>
      <c r="BX3232" s="166">
        <v>0</v>
      </c>
      <c r="BY3232" s="166">
        <v>0</v>
      </c>
      <c r="BZ3232" s="166">
        <v>0</v>
      </c>
      <c r="CA3232" s="166">
        <v>0</v>
      </c>
      <c r="CB3232" s="166">
        <v>0</v>
      </c>
      <c r="CC3232" s="166">
        <v>0</v>
      </c>
      <c r="CD3232" s="166">
        <v>0</v>
      </c>
      <c r="CE3232" s="166">
        <v>0</v>
      </c>
      <c r="CF3232" s="166">
        <v>0</v>
      </c>
      <c r="CG3232" s="166">
        <v>0</v>
      </c>
      <c r="CH3232" s="166">
        <v>0</v>
      </c>
      <c r="CI3232" s="166">
        <v>0</v>
      </c>
      <c r="CJ3232" s="166">
        <v>0</v>
      </c>
      <c r="CK3232" s="166">
        <v>0</v>
      </c>
      <c r="CL3232" s="166">
        <v>0</v>
      </c>
      <c r="CM3232" s="166">
        <v>0</v>
      </c>
      <c r="CN3232" s="166">
        <v>0</v>
      </c>
      <c r="CO3232" s="166">
        <v>0</v>
      </c>
      <c r="CP3232" s="166">
        <v>0</v>
      </c>
      <c r="CQ3232" s="166">
        <v>0</v>
      </c>
      <c r="CR3232" s="166">
        <v>0</v>
      </c>
      <c r="CS3232" s="166">
        <v>0</v>
      </c>
      <c r="CT3232" s="166">
        <v>0</v>
      </c>
      <c r="CU3232" s="166">
        <v>0</v>
      </c>
      <c r="CV3232" s="166">
        <v>0</v>
      </c>
      <c r="CW3232" s="166">
        <v>0</v>
      </c>
      <c r="CX3232" s="166">
        <v>0</v>
      </c>
      <c r="CY3232" s="166">
        <v>0</v>
      </c>
      <c r="CZ3232" s="166">
        <v>0</v>
      </c>
    </row>
    <row r="3233" spans="1:104" x14ac:dyDescent="0.2">
      <c r="A3233" s="167" t="s">
        <v>517</v>
      </c>
      <c r="B3233" s="166">
        <v>0</v>
      </c>
      <c r="C3233" s="166">
        <v>0</v>
      </c>
      <c r="D3233" s="166">
        <v>0</v>
      </c>
      <c r="E3233" s="166">
        <v>0</v>
      </c>
      <c r="F3233" s="166">
        <v>0</v>
      </c>
      <c r="G3233" s="166">
        <v>0</v>
      </c>
      <c r="H3233" s="166">
        <v>0</v>
      </c>
      <c r="I3233" s="166">
        <v>0</v>
      </c>
      <c r="J3233" s="166">
        <v>0</v>
      </c>
      <c r="K3233" s="166">
        <v>0</v>
      </c>
      <c r="L3233" s="166">
        <v>0</v>
      </c>
      <c r="M3233" s="166">
        <v>0</v>
      </c>
      <c r="N3233" s="166">
        <v>0</v>
      </c>
      <c r="O3233" s="166">
        <v>0</v>
      </c>
      <c r="P3233" s="166">
        <v>0</v>
      </c>
      <c r="Q3233" s="166">
        <v>0</v>
      </c>
      <c r="R3233" s="166">
        <v>0</v>
      </c>
      <c r="S3233" s="166">
        <v>0</v>
      </c>
      <c r="T3233" s="166">
        <v>0</v>
      </c>
      <c r="U3233" s="166">
        <v>0</v>
      </c>
      <c r="V3233" s="166">
        <v>0</v>
      </c>
      <c r="W3233" s="166">
        <v>0</v>
      </c>
      <c r="X3233" s="166">
        <v>0</v>
      </c>
      <c r="Y3233" s="166">
        <v>0</v>
      </c>
      <c r="Z3233" s="166">
        <v>0</v>
      </c>
      <c r="AA3233" s="166">
        <v>0</v>
      </c>
      <c r="AB3233" s="166">
        <v>0</v>
      </c>
      <c r="AC3233" s="166">
        <v>0</v>
      </c>
      <c r="AD3233" s="166">
        <v>0</v>
      </c>
      <c r="AE3233" s="166">
        <v>0</v>
      </c>
      <c r="AF3233" s="166">
        <v>0</v>
      </c>
      <c r="AG3233" s="166">
        <v>0</v>
      </c>
      <c r="AH3233" s="166">
        <v>0</v>
      </c>
      <c r="AI3233" s="166">
        <v>0</v>
      </c>
      <c r="AJ3233" s="166">
        <v>0</v>
      </c>
      <c r="AK3233" s="166">
        <v>0</v>
      </c>
      <c r="AL3233" s="166">
        <v>0</v>
      </c>
      <c r="AM3233" s="166">
        <v>0</v>
      </c>
      <c r="AN3233" s="166">
        <v>0</v>
      </c>
      <c r="AO3233" s="166">
        <v>0</v>
      </c>
      <c r="AP3233" s="166">
        <v>0</v>
      </c>
      <c r="AQ3233" s="166">
        <v>0</v>
      </c>
      <c r="AR3233" s="166">
        <v>0</v>
      </c>
      <c r="AS3233" s="166">
        <v>0</v>
      </c>
      <c r="AT3233" s="166">
        <v>0</v>
      </c>
      <c r="AU3233" s="166">
        <v>0</v>
      </c>
      <c r="AV3233" s="166">
        <v>0</v>
      </c>
      <c r="AW3233" s="166">
        <v>0</v>
      </c>
      <c r="AX3233" s="166">
        <v>0</v>
      </c>
      <c r="AY3233" s="166">
        <v>0</v>
      </c>
      <c r="AZ3233" s="166">
        <v>0</v>
      </c>
      <c r="BA3233" s="166">
        <v>0</v>
      </c>
      <c r="BB3233" s="166">
        <v>0</v>
      </c>
      <c r="BC3233" s="166">
        <v>0</v>
      </c>
      <c r="BD3233" s="166">
        <v>0</v>
      </c>
      <c r="BE3233" s="166">
        <v>0</v>
      </c>
      <c r="BF3233" s="166">
        <v>0</v>
      </c>
      <c r="BG3233" s="166">
        <v>0</v>
      </c>
      <c r="BH3233" s="166">
        <v>0</v>
      </c>
      <c r="BI3233" s="166">
        <v>0</v>
      </c>
      <c r="BJ3233" s="166">
        <v>0</v>
      </c>
      <c r="BK3233" s="166">
        <v>0</v>
      </c>
      <c r="BL3233" s="166">
        <v>0</v>
      </c>
      <c r="BM3233" s="166">
        <v>0</v>
      </c>
      <c r="BN3233" s="166">
        <v>0</v>
      </c>
      <c r="BO3233" s="166">
        <v>0</v>
      </c>
      <c r="BP3233" s="166">
        <v>0</v>
      </c>
      <c r="BQ3233" s="166">
        <v>0</v>
      </c>
      <c r="BR3233" s="166">
        <v>0</v>
      </c>
      <c r="BS3233" s="166">
        <v>0</v>
      </c>
      <c r="BT3233" s="168">
        <v>0</v>
      </c>
      <c r="BU3233" s="166">
        <v>0</v>
      </c>
      <c r="BV3233" s="166">
        <v>0</v>
      </c>
      <c r="BW3233" s="166">
        <v>0</v>
      </c>
      <c r="BX3233" s="166">
        <v>0</v>
      </c>
      <c r="BY3233" s="166">
        <v>0</v>
      </c>
      <c r="BZ3233" s="166">
        <v>0</v>
      </c>
      <c r="CA3233" s="166">
        <v>0</v>
      </c>
      <c r="CB3233" s="166">
        <v>0</v>
      </c>
      <c r="CC3233" s="166">
        <v>0</v>
      </c>
      <c r="CD3233" s="166">
        <v>0</v>
      </c>
      <c r="CE3233" s="166">
        <v>0</v>
      </c>
      <c r="CF3233" s="166">
        <v>0</v>
      </c>
      <c r="CG3233" s="166">
        <v>0</v>
      </c>
      <c r="CH3233" s="166">
        <v>0</v>
      </c>
      <c r="CI3233" s="166">
        <v>0</v>
      </c>
      <c r="CJ3233" s="166">
        <v>0</v>
      </c>
      <c r="CK3233" s="166">
        <v>0</v>
      </c>
      <c r="CL3233" s="166">
        <v>0</v>
      </c>
      <c r="CM3233" s="166">
        <v>0</v>
      </c>
      <c r="CN3233" s="166">
        <v>0</v>
      </c>
      <c r="CO3233" s="166">
        <v>0</v>
      </c>
      <c r="CP3233" s="166">
        <v>0</v>
      </c>
      <c r="CQ3233" s="166">
        <v>0</v>
      </c>
      <c r="CR3233" s="166">
        <v>0</v>
      </c>
      <c r="CS3233" s="166">
        <v>0</v>
      </c>
      <c r="CT3233" s="166">
        <v>0</v>
      </c>
      <c r="CU3233" s="166">
        <v>0</v>
      </c>
      <c r="CV3233" s="166">
        <v>0</v>
      </c>
      <c r="CW3233" s="166">
        <v>0</v>
      </c>
      <c r="CX3233" s="166">
        <v>0</v>
      </c>
      <c r="CY3233" s="166">
        <v>0</v>
      </c>
      <c r="CZ3233" s="166">
        <v>0</v>
      </c>
    </row>
    <row r="3234" spans="1:104" x14ac:dyDescent="0.2">
      <c r="A3234" s="167" t="s">
        <v>518</v>
      </c>
      <c r="B3234" s="166">
        <v>0</v>
      </c>
      <c r="C3234" s="166">
        <v>0</v>
      </c>
      <c r="D3234" s="166">
        <v>0</v>
      </c>
      <c r="E3234" s="166">
        <v>0</v>
      </c>
      <c r="F3234" s="166">
        <v>0</v>
      </c>
      <c r="G3234" s="166">
        <v>0</v>
      </c>
      <c r="H3234" s="166">
        <v>0</v>
      </c>
      <c r="I3234" s="166">
        <v>0</v>
      </c>
      <c r="J3234" s="166">
        <v>0</v>
      </c>
      <c r="K3234" s="166">
        <v>0</v>
      </c>
      <c r="L3234" s="166">
        <v>0</v>
      </c>
      <c r="M3234" s="166">
        <v>0</v>
      </c>
      <c r="N3234" s="166">
        <v>0</v>
      </c>
      <c r="O3234" s="166">
        <v>0</v>
      </c>
      <c r="P3234" s="166">
        <v>0</v>
      </c>
      <c r="Q3234" s="166">
        <v>0</v>
      </c>
      <c r="R3234" s="166">
        <v>0</v>
      </c>
      <c r="S3234" s="166">
        <v>0</v>
      </c>
      <c r="T3234" s="166">
        <v>0</v>
      </c>
      <c r="U3234" s="166">
        <v>0</v>
      </c>
      <c r="V3234" s="166">
        <v>0</v>
      </c>
      <c r="W3234" s="166">
        <v>0</v>
      </c>
      <c r="X3234" s="166">
        <v>0</v>
      </c>
      <c r="Y3234" s="166">
        <v>0</v>
      </c>
      <c r="Z3234" s="166">
        <v>0</v>
      </c>
      <c r="AA3234" s="166">
        <v>0</v>
      </c>
      <c r="AB3234" s="166">
        <v>0</v>
      </c>
      <c r="AC3234" s="166">
        <v>0</v>
      </c>
      <c r="AD3234" s="166">
        <v>0</v>
      </c>
      <c r="AE3234" s="166">
        <v>0</v>
      </c>
      <c r="AF3234" s="166">
        <v>0</v>
      </c>
      <c r="AG3234" s="166">
        <v>0</v>
      </c>
      <c r="AH3234" s="166">
        <v>0</v>
      </c>
      <c r="AI3234" s="166">
        <v>0</v>
      </c>
      <c r="AJ3234" s="166">
        <v>0</v>
      </c>
      <c r="AK3234" s="166">
        <v>0</v>
      </c>
      <c r="AL3234" s="166">
        <v>0</v>
      </c>
      <c r="AM3234" s="166">
        <v>0</v>
      </c>
      <c r="AN3234" s="166">
        <v>0</v>
      </c>
      <c r="AO3234" s="166">
        <v>0</v>
      </c>
      <c r="AP3234" s="166">
        <v>0</v>
      </c>
      <c r="AQ3234" s="166">
        <v>0</v>
      </c>
      <c r="AR3234" s="166">
        <v>0</v>
      </c>
      <c r="AS3234" s="166">
        <v>0</v>
      </c>
      <c r="AT3234" s="166">
        <v>0</v>
      </c>
      <c r="AU3234" s="166">
        <v>0</v>
      </c>
      <c r="AV3234" s="166">
        <v>0</v>
      </c>
      <c r="AW3234" s="166">
        <v>0</v>
      </c>
      <c r="AX3234" s="166">
        <v>0</v>
      </c>
      <c r="AY3234" s="166">
        <v>0</v>
      </c>
      <c r="AZ3234" s="166">
        <v>0</v>
      </c>
      <c r="BA3234" s="166">
        <v>0</v>
      </c>
      <c r="BB3234" s="166">
        <v>0</v>
      </c>
      <c r="BC3234" s="166">
        <v>0</v>
      </c>
      <c r="BD3234" s="166">
        <v>0</v>
      </c>
      <c r="BE3234" s="166">
        <v>0</v>
      </c>
      <c r="BF3234" s="166">
        <v>0</v>
      </c>
      <c r="BG3234" s="166">
        <v>0</v>
      </c>
      <c r="BH3234" s="166">
        <v>0</v>
      </c>
      <c r="BI3234" s="166">
        <v>0</v>
      </c>
      <c r="BJ3234" s="166">
        <v>0</v>
      </c>
      <c r="BK3234" s="166">
        <v>0</v>
      </c>
      <c r="BL3234" s="166">
        <v>0</v>
      </c>
      <c r="BM3234" s="166">
        <v>0</v>
      </c>
      <c r="BN3234" s="166">
        <v>0</v>
      </c>
      <c r="BO3234" s="166">
        <v>0</v>
      </c>
      <c r="BP3234" s="166">
        <v>0</v>
      </c>
      <c r="BQ3234" s="166">
        <v>0</v>
      </c>
      <c r="BR3234" s="166">
        <v>0</v>
      </c>
      <c r="BS3234" s="166">
        <v>0</v>
      </c>
      <c r="BT3234" s="168">
        <v>0</v>
      </c>
      <c r="BU3234" s="166">
        <v>0</v>
      </c>
      <c r="BV3234" s="166">
        <v>0</v>
      </c>
      <c r="BW3234" s="166">
        <v>0</v>
      </c>
      <c r="BX3234" s="166">
        <v>0</v>
      </c>
      <c r="BY3234" s="166">
        <v>0</v>
      </c>
      <c r="BZ3234" s="166">
        <v>0</v>
      </c>
      <c r="CA3234" s="166">
        <v>0</v>
      </c>
      <c r="CB3234" s="166">
        <v>0</v>
      </c>
      <c r="CC3234" s="166">
        <v>0</v>
      </c>
      <c r="CD3234" s="166">
        <v>0</v>
      </c>
      <c r="CE3234" s="166">
        <v>0</v>
      </c>
      <c r="CF3234" s="166">
        <v>0</v>
      </c>
      <c r="CG3234" s="166">
        <v>0</v>
      </c>
      <c r="CH3234" s="166">
        <v>0</v>
      </c>
      <c r="CI3234" s="166">
        <v>0</v>
      </c>
      <c r="CJ3234" s="166">
        <v>0</v>
      </c>
      <c r="CK3234" s="166">
        <v>0</v>
      </c>
      <c r="CL3234" s="166">
        <v>0</v>
      </c>
      <c r="CM3234" s="166">
        <v>0</v>
      </c>
      <c r="CN3234" s="166">
        <v>0</v>
      </c>
      <c r="CO3234" s="166">
        <v>0</v>
      </c>
      <c r="CP3234" s="166">
        <v>0</v>
      </c>
      <c r="CQ3234" s="166">
        <v>0</v>
      </c>
      <c r="CR3234" s="166">
        <v>0</v>
      </c>
      <c r="CS3234" s="166">
        <v>0</v>
      </c>
      <c r="CT3234" s="166">
        <v>0</v>
      </c>
      <c r="CU3234" s="166">
        <v>0</v>
      </c>
      <c r="CV3234" s="166">
        <v>0</v>
      </c>
      <c r="CW3234" s="166">
        <v>0</v>
      </c>
      <c r="CX3234" s="166">
        <v>0</v>
      </c>
      <c r="CY3234" s="166">
        <v>0</v>
      </c>
      <c r="CZ3234" s="166">
        <v>0</v>
      </c>
    </row>
    <row r="3235" spans="1:104" x14ac:dyDescent="0.2">
      <c r="A3235" s="167" t="s">
        <v>519</v>
      </c>
      <c r="B3235" s="166">
        <v>844596362.62463105</v>
      </c>
      <c r="C3235" s="166">
        <v>844596362.62463105</v>
      </c>
      <c r="D3235" s="166">
        <v>0</v>
      </c>
      <c r="E3235" s="166">
        <v>0</v>
      </c>
      <c r="F3235" s="166">
        <v>0</v>
      </c>
      <c r="G3235" s="166">
        <v>0</v>
      </c>
      <c r="H3235" s="166">
        <v>0</v>
      </c>
      <c r="I3235" s="166">
        <v>0</v>
      </c>
      <c r="J3235" s="166">
        <v>0</v>
      </c>
      <c r="K3235" s="166">
        <v>0</v>
      </c>
      <c r="L3235" s="166">
        <v>0</v>
      </c>
      <c r="M3235" s="166">
        <v>0</v>
      </c>
      <c r="N3235" s="166">
        <v>0</v>
      </c>
      <c r="O3235" s="166">
        <v>0</v>
      </c>
      <c r="P3235" s="166">
        <v>0</v>
      </c>
      <c r="Q3235" s="166">
        <v>0</v>
      </c>
      <c r="R3235" s="166">
        <v>0</v>
      </c>
      <c r="S3235" s="166">
        <v>0</v>
      </c>
      <c r="T3235" s="166">
        <v>0</v>
      </c>
      <c r="U3235" s="166">
        <v>0</v>
      </c>
      <c r="V3235" s="166">
        <v>0</v>
      </c>
      <c r="W3235" s="166">
        <v>0</v>
      </c>
      <c r="X3235" s="166">
        <v>0</v>
      </c>
      <c r="Y3235" s="166">
        <v>0</v>
      </c>
      <c r="Z3235" s="166">
        <v>0</v>
      </c>
      <c r="AA3235" s="166">
        <v>0</v>
      </c>
      <c r="AB3235" s="166">
        <v>0</v>
      </c>
      <c r="AC3235" s="166">
        <v>0</v>
      </c>
      <c r="AD3235" s="166">
        <v>0</v>
      </c>
      <c r="AE3235" s="166">
        <v>0</v>
      </c>
      <c r="AF3235" s="166">
        <v>0</v>
      </c>
      <c r="AG3235" s="166">
        <v>0</v>
      </c>
      <c r="AH3235" s="166">
        <v>0</v>
      </c>
      <c r="AI3235" s="166">
        <v>0</v>
      </c>
      <c r="AJ3235" s="166">
        <v>0</v>
      </c>
      <c r="AK3235" s="166">
        <v>0</v>
      </c>
      <c r="AL3235" s="166">
        <v>0</v>
      </c>
      <c r="AM3235" s="166">
        <v>0</v>
      </c>
      <c r="AN3235" s="166">
        <v>0</v>
      </c>
      <c r="AO3235" s="166">
        <v>0</v>
      </c>
      <c r="AP3235" s="166">
        <v>0</v>
      </c>
      <c r="AQ3235" s="166">
        <v>0</v>
      </c>
      <c r="AR3235" s="166">
        <v>0</v>
      </c>
      <c r="AS3235" s="166">
        <v>0</v>
      </c>
      <c r="AT3235" s="166">
        <v>0</v>
      </c>
      <c r="AU3235" s="166">
        <v>0</v>
      </c>
      <c r="AV3235" s="166">
        <v>0</v>
      </c>
      <c r="AW3235" s="166">
        <v>0</v>
      </c>
      <c r="AX3235" s="166">
        <v>0</v>
      </c>
      <c r="AY3235" s="166">
        <v>0</v>
      </c>
      <c r="AZ3235" s="166">
        <v>0</v>
      </c>
      <c r="BA3235" s="166">
        <v>0</v>
      </c>
      <c r="BB3235" s="166">
        <v>0</v>
      </c>
      <c r="BC3235" s="166">
        <v>0</v>
      </c>
      <c r="BD3235" s="166">
        <v>0</v>
      </c>
      <c r="BE3235" s="166">
        <v>0</v>
      </c>
      <c r="BF3235" s="166">
        <v>0</v>
      </c>
      <c r="BG3235" s="166">
        <v>0</v>
      </c>
      <c r="BH3235" s="166">
        <v>0</v>
      </c>
      <c r="BI3235" s="166">
        <v>0</v>
      </c>
      <c r="BJ3235" s="166">
        <v>0</v>
      </c>
      <c r="BK3235" s="166">
        <v>0</v>
      </c>
      <c r="BL3235" s="166">
        <v>0</v>
      </c>
      <c r="BM3235" s="166">
        <v>0</v>
      </c>
      <c r="BN3235" s="166">
        <v>0</v>
      </c>
      <c r="BO3235" s="166">
        <v>0</v>
      </c>
      <c r="BP3235" s="166">
        <v>0</v>
      </c>
      <c r="BQ3235" s="166">
        <v>0</v>
      </c>
      <c r="BR3235" s="166">
        <v>844596362.62463105</v>
      </c>
      <c r="BS3235" s="166">
        <v>844596362.62463105</v>
      </c>
      <c r="BT3235" s="168">
        <v>0</v>
      </c>
      <c r="BU3235" s="166">
        <v>0</v>
      </c>
      <c r="BV3235" s="166">
        <v>0</v>
      </c>
      <c r="BW3235" s="166">
        <v>0</v>
      </c>
      <c r="BX3235" s="166">
        <v>0</v>
      </c>
      <c r="BY3235" s="166">
        <v>0</v>
      </c>
      <c r="BZ3235" s="166">
        <v>0</v>
      </c>
      <c r="CA3235" s="166">
        <v>0</v>
      </c>
      <c r="CB3235" s="166">
        <v>0</v>
      </c>
      <c r="CC3235" s="166">
        <v>0</v>
      </c>
      <c r="CD3235" s="166">
        <v>0</v>
      </c>
      <c r="CE3235" s="166">
        <v>0</v>
      </c>
      <c r="CF3235" s="166">
        <v>0</v>
      </c>
      <c r="CG3235" s="166">
        <v>0</v>
      </c>
      <c r="CH3235" s="166">
        <v>0</v>
      </c>
      <c r="CI3235" s="166">
        <v>0</v>
      </c>
      <c r="CJ3235" s="166">
        <v>0</v>
      </c>
      <c r="CK3235" s="166">
        <v>0</v>
      </c>
      <c r="CL3235" s="166">
        <v>0</v>
      </c>
      <c r="CM3235" s="166">
        <v>0</v>
      </c>
      <c r="CN3235" s="166">
        <v>0</v>
      </c>
      <c r="CO3235" s="166">
        <v>0</v>
      </c>
      <c r="CP3235" s="166">
        <v>0</v>
      </c>
      <c r="CQ3235" s="166">
        <v>0</v>
      </c>
      <c r="CR3235" s="166">
        <v>0</v>
      </c>
      <c r="CS3235" s="166">
        <v>0</v>
      </c>
      <c r="CT3235" s="166">
        <v>0</v>
      </c>
      <c r="CU3235" s="166">
        <v>0</v>
      </c>
      <c r="CV3235" s="166">
        <v>0</v>
      </c>
      <c r="CW3235" s="166">
        <v>0</v>
      </c>
      <c r="CX3235" s="166">
        <v>0</v>
      </c>
      <c r="CY3235" s="166">
        <v>0</v>
      </c>
      <c r="CZ3235" s="166">
        <v>0</v>
      </c>
    </row>
    <row r="3236" spans="1:104" x14ac:dyDescent="0.2">
      <c r="A3236" s="167" t="s">
        <v>520</v>
      </c>
      <c r="B3236" s="166">
        <v>6.9121597334742504E-7</v>
      </c>
      <c r="C3236" s="166">
        <v>6.9121597334742504E-7</v>
      </c>
      <c r="D3236" s="166">
        <v>0</v>
      </c>
      <c r="E3236" s="166">
        <v>0</v>
      </c>
      <c r="F3236" s="166">
        <v>0</v>
      </c>
      <c r="G3236" s="166">
        <v>0</v>
      </c>
      <c r="H3236" s="166">
        <v>0</v>
      </c>
      <c r="I3236" s="166">
        <v>0</v>
      </c>
      <c r="J3236" s="166">
        <v>0</v>
      </c>
      <c r="K3236" s="166">
        <v>0</v>
      </c>
      <c r="L3236" s="166">
        <v>0</v>
      </c>
      <c r="M3236" s="166">
        <v>0</v>
      </c>
      <c r="N3236" s="166">
        <v>0</v>
      </c>
      <c r="O3236" s="166">
        <v>0</v>
      </c>
      <c r="P3236" s="166">
        <v>0</v>
      </c>
      <c r="Q3236" s="166">
        <v>0</v>
      </c>
      <c r="R3236" s="166">
        <v>0</v>
      </c>
      <c r="S3236" s="166">
        <v>0</v>
      </c>
      <c r="T3236" s="166">
        <v>0</v>
      </c>
      <c r="U3236" s="166">
        <v>0</v>
      </c>
      <c r="V3236" s="166">
        <v>0</v>
      </c>
      <c r="W3236" s="166">
        <v>0</v>
      </c>
      <c r="X3236" s="166">
        <v>0</v>
      </c>
      <c r="Y3236" s="166">
        <v>0</v>
      </c>
      <c r="Z3236" s="166">
        <v>0</v>
      </c>
      <c r="AA3236" s="166">
        <v>0</v>
      </c>
      <c r="AB3236" s="166">
        <v>0</v>
      </c>
      <c r="AC3236" s="166">
        <v>0</v>
      </c>
      <c r="AD3236" s="166">
        <v>0</v>
      </c>
      <c r="AE3236" s="166">
        <v>0</v>
      </c>
      <c r="AF3236" s="166">
        <v>0</v>
      </c>
      <c r="AG3236" s="166">
        <v>0</v>
      </c>
      <c r="AH3236" s="166">
        <v>0</v>
      </c>
      <c r="AI3236" s="166">
        <v>0</v>
      </c>
      <c r="AJ3236" s="166">
        <v>0</v>
      </c>
      <c r="AK3236" s="166">
        <v>0</v>
      </c>
      <c r="AL3236" s="166">
        <v>0</v>
      </c>
      <c r="AM3236" s="166">
        <v>0</v>
      </c>
      <c r="AN3236" s="166">
        <v>0</v>
      </c>
      <c r="AO3236" s="166">
        <v>0</v>
      </c>
      <c r="AP3236" s="166">
        <v>0</v>
      </c>
      <c r="AQ3236" s="166">
        <v>0</v>
      </c>
      <c r="AR3236" s="166">
        <v>0</v>
      </c>
      <c r="AS3236" s="166">
        <v>0</v>
      </c>
      <c r="AT3236" s="166">
        <v>0</v>
      </c>
      <c r="AU3236" s="166">
        <v>0</v>
      </c>
      <c r="AV3236" s="166">
        <v>0</v>
      </c>
      <c r="AW3236" s="166">
        <v>0</v>
      </c>
      <c r="AX3236" s="166">
        <v>0</v>
      </c>
      <c r="AY3236" s="166">
        <v>0</v>
      </c>
      <c r="AZ3236" s="166">
        <v>0</v>
      </c>
      <c r="BA3236" s="166">
        <v>0</v>
      </c>
      <c r="BB3236" s="166">
        <v>0</v>
      </c>
      <c r="BC3236" s="166">
        <v>0</v>
      </c>
      <c r="BD3236" s="166">
        <v>0</v>
      </c>
      <c r="BE3236" s="166">
        <v>0</v>
      </c>
      <c r="BF3236" s="166">
        <v>0</v>
      </c>
      <c r="BG3236" s="166">
        <v>0</v>
      </c>
      <c r="BH3236" s="166">
        <v>0</v>
      </c>
      <c r="BI3236" s="166">
        <v>0</v>
      </c>
      <c r="BJ3236" s="166">
        <v>0</v>
      </c>
      <c r="BK3236" s="166">
        <v>0</v>
      </c>
      <c r="BL3236" s="166">
        <v>0</v>
      </c>
      <c r="BM3236" s="166">
        <v>0</v>
      </c>
      <c r="BN3236" s="166">
        <v>0</v>
      </c>
      <c r="BO3236" s="166">
        <v>0</v>
      </c>
      <c r="BP3236" s="166">
        <v>0</v>
      </c>
      <c r="BQ3236" s="166">
        <v>0</v>
      </c>
      <c r="BR3236" s="166">
        <v>6.9121597334742504E-7</v>
      </c>
      <c r="BS3236" s="166">
        <v>6.9121597334742504E-7</v>
      </c>
      <c r="BT3236" s="168">
        <v>0</v>
      </c>
      <c r="BU3236" s="166">
        <v>0</v>
      </c>
      <c r="BV3236" s="166">
        <v>0</v>
      </c>
      <c r="BW3236" s="166">
        <v>0</v>
      </c>
      <c r="BX3236" s="166">
        <v>0</v>
      </c>
      <c r="BY3236" s="166">
        <v>0</v>
      </c>
      <c r="BZ3236" s="166">
        <v>0</v>
      </c>
      <c r="CA3236" s="166">
        <v>0</v>
      </c>
      <c r="CB3236" s="166">
        <v>0</v>
      </c>
      <c r="CC3236" s="166">
        <v>0</v>
      </c>
      <c r="CD3236" s="166">
        <v>0</v>
      </c>
      <c r="CE3236" s="166">
        <v>0</v>
      </c>
      <c r="CF3236" s="166">
        <v>0</v>
      </c>
      <c r="CG3236" s="166">
        <v>0</v>
      </c>
      <c r="CH3236" s="166">
        <v>0</v>
      </c>
      <c r="CI3236" s="166">
        <v>0</v>
      </c>
      <c r="CJ3236" s="166">
        <v>0</v>
      </c>
      <c r="CK3236" s="166">
        <v>0</v>
      </c>
      <c r="CL3236" s="166">
        <v>0</v>
      </c>
      <c r="CM3236" s="166">
        <v>0</v>
      </c>
      <c r="CN3236" s="166">
        <v>0</v>
      </c>
      <c r="CO3236" s="166">
        <v>0</v>
      </c>
      <c r="CP3236" s="166">
        <v>0</v>
      </c>
      <c r="CQ3236" s="166">
        <v>0</v>
      </c>
      <c r="CR3236" s="166">
        <v>0</v>
      </c>
      <c r="CS3236" s="166">
        <v>0</v>
      </c>
      <c r="CT3236" s="166">
        <v>0</v>
      </c>
      <c r="CU3236" s="166">
        <v>0</v>
      </c>
      <c r="CV3236" s="166">
        <v>0</v>
      </c>
      <c r="CW3236" s="166">
        <v>0</v>
      </c>
      <c r="CX3236" s="166">
        <v>0</v>
      </c>
      <c r="CY3236" s="166">
        <v>0</v>
      </c>
      <c r="CZ3236" s="166">
        <v>0</v>
      </c>
    </row>
    <row r="3237" spans="1:104" x14ac:dyDescent="0.2">
      <c r="A3237" s="167" t="s">
        <v>521</v>
      </c>
    </row>
    <row r="3238" spans="1:104" x14ac:dyDescent="0.2">
      <c r="A3238" s="170" t="s">
        <v>522</v>
      </c>
    </row>
    <row r="3239" spans="1:104" x14ac:dyDescent="0.2">
      <c r="A3239" s="167" t="s">
        <v>523</v>
      </c>
      <c r="B3239" s="166">
        <v>1596727043.2748101</v>
      </c>
      <c r="C3239" s="166">
        <v>1596727043.2748101</v>
      </c>
      <c r="D3239" s="166">
        <v>0</v>
      </c>
      <c r="E3239" s="166">
        <v>0</v>
      </c>
      <c r="F3239" s="166">
        <v>0</v>
      </c>
      <c r="G3239" s="166">
        <v>0</v>
      </c>
      <c r="H3239" s="166">
        <v>0</v>
      </c>
      <c r="I3239" s="166">
        <v>0</v>
      </c>
      <c r="J3239" s="166">
        <v>0</v>
      </c>
      <c r="K3239" s="166">
        <v>0</v>
      </c>
      <c r="L3239" s="166">
        <v>0</v>
      </c>
      <c r="M3239" s="166">
        <v>0</v>
      </c>
      <c r="N3239" s="166">
        <v>0</v>
      </c>
      <c r="O3239" s="166">
        <v>0</v>
      </c>
      <c r="P3239" s="166">
        <v>0</v>
      </c>
      <c r="Q3239" s="166">
        <v>0</v>
      </c>
      <c r="R3239" s="166">
        <v>0</v>
      </c>
      <c r="S3239" s="166">
        <v>0</v>
      </c>
      <c r="T3239" s="166">
        <v>0</v>
      </c>
      <c r="U3239" s="166">
        <v>0</v>
      </c>
      <c r="V3239" s="166">
        <v>0</v>
      </c>
      <c r="W3239" s="166">
        <v>0</v>
      </c>
      <c r="X3239" s="166">
        <v>0</v>
      </c>
      <c r="Y3239" s="166">
        <v>0</v>
      </c>
      <c r="Z3239" s="166">
        <v>0</v>
      </c>
      <c r="AA3239" s="166">
        <v>0</v>
      </c>
      <c r="AB3239" s="166">
        <v>0</v>
      </c>
      <c r="AC3239" s="166">
        <v>0</v>
      </c>
      <c r="AD3239" s="166">
        <v>0</v>
      </c>
      <c r="AE3239" s="166">
        <v>0</v>
      </c>
      <c r="AF3239" s="166">
        <v>0</v>
      </c>
      <c r="AG3239" s="166">
        <v>0</v>
      </c>
      <c r="AH3239" s="166">
        <v>0</v>
      </c>
      <c r="AI3239" s="166">
        <v>0</v>
      </c>
      <c r="AJ3239" s="166">
        <v>0</v>
      </c>
      <c r="AK3239" s="166">
        <v>0</v>
      </c>
      <c r="AL3239" s="166">
        <v>0</v>
      </c>
      <c r="AM3239" s="166">
        <v>0</v>
      </c>
      <c r="AN3239" s="166">
        <v>0</v>
      </c>
      <c r="AO3239" s="166">
        <v>0</v>
      </c>
      <c r="AP3239" s="166">
        <v>0</v>
      </c>
      <c r="AQ3239" s="166">
        <v>0</v>
      </c>
      <c r="AR3239" s="166">
        <v>0</v>
      </c>
      <c r="AS3239" s="166">
        <v>0</v>
      </c>
      <c r="AT3239" s="166">
        <v>0</v>
      </c>
      <c r="AU3239" s="166">
        <v>0</v>
      </c>
      <c r="AV3239" s="166">
        <v>0</v>
      </c>
      <c r="AW3239" s="166">
        <v>0</v>
      </c>
      <c r="AX3239" s="166">
        <v>0</v>
      </c>
      <c r="AY3239" s="166">
        <v>0</v>
      </c>
      <c r="AZ3239" s="166">
        <v>0</v>
      </c>
      <c r="BA3239" s="166">
        <v>0</v>
      </c>
      <c r="BB3239" s="166">
        <v>0</v>
      </c>
      <c r="BC3239" s="166">
        <v>0</v>
      </c>
      <c r="BD3239" s="166">
        <v>0</v>
      </c>
      <c r="BE3239" s="166">
        <v>0</v>
      </c>
      <c r="BF3239" s="166">
        <v>0</v>
      </c>
      <c r="BG3239" s="166">
        <v>0</v>
      </c>
      <c r="BH3239" s="166">
        <v>0</v>
      </c>
      <c r="BI3239" s="166">
        <v>0</v>
      </c>
      <c r="BJ3239" s="166">
        <v>0</v>
      </c>
      <c r="BK3239" s="166">
        <v>0</v>
      </c>
      <c r="BL3239" s="166">
        <v>0</v>
      </c>
      <c r="BM3239" s="166">
        <v>0</v>
      </c>
      <c r="BN3239" s="166">
        <v>0</v>
      </c>
      <c r="BO3239" s="166">
        <v>0</v>
      </c>
      <c r="BP3239" s="166">
        <v>0</v>
      </c>
      <c r="BQ3239" s="166">
        <v>0</v>
      </c>
      <c r="BR3239" s="166">
        <v>1596727043.2748101</v>
      </c>
      <c r="BS3239" s="166">
        <v>1596727043.2748101</v>
      </c>
      <c r="BT3239" s="168">
        <v>0</v>
      </c>
      <c r="BU3239" s="166">
        <v>0</v>
      </c>
      <c r="BV3239" s="166">
        <v>0</v>
      </c>
      <c r="BW3239" s="166">
        <v>0</v>
      </c>
      <c r="BX3239" s="166">
        <v>0</v>
      </c>
      <c r="BY3239" s="166">
        <v>0</v>
      </c>
      <c r="BZ3239" s="166">
        <v>0</v>
      </c>
      <c r="CA3239" s="166">
        <v>0</v>
      </c>
      <c r="CB3239" s="166">
        <v>0</v>
      </c>
      <c r="CC3239" s="166">
        <v>0</v>
      </c>
      <c r="CD3239" s="166">
        <v>0</v>
      </c>
      <c r="CE3239" s="166">
        <v>0</v>
      </c>
      <c r="CF3239" s="166">
        <v>0</v>
      </c>
      <c r="CG3239" s="166">
        <v>0</v>
      </c>
      <c r="CH3239" s="166">
        <v>0</v>
      </c>
      <c r="CI3239" s="166">
        <v>0</v>
      </c>
      <c r="CJ3239" s="166">
        <v>0</v>
      </c>
      <c r="CK3239" s="166">
        <v>0</v>
      </c>
      <c r="CL3239" s="166">
        <v>0</v>
      </c>
      <c r="CM3239" s="166">
        <v>0</v>
      </c>
      <c r="CN3239" s="166">
        <v>0</v>
      </c>
      <c r="CO3239" s="166">
        <v>0</v>
      </c>
      <c r="CP3239" s="166">
        <v>0</v>
      </c>
      <c r="CQ3239" s="166">
        <v>0</v>
      </c>
      <c r="CR3239" s="166">
        <v>0</v>
      </c>
      <c r="CS3239" s="166">
        <v>0</v>
      </c>
      <c r="CT3239" s="166">
        <v>0</v>
      </c>
      <c r="CU3239" s="166">
        <v>0</v>
      </c>
      <c r="CV3239" s="166">
        <v>0</v>
      </c>
      <c r="CW3239" s="166">
        <v>0</v>
      </c>
      <c r="CX3239" s="166">
        <v>0</v>
      </c>
      <c r="CY3239" s="166">
        <v>0</v>
      </c>
      <c r="CZ3239" s="166">
        <v>0</v>
      </c>
    </row>
    <row r="3240" spans="1:104" x14ac:dyDescent="0.2">
      <c r="A3240" s="167" t="s">
        <v>524</v>
      </c>
      <c r="B3240" s="166">
        <v>1596727043.2748201</v>
      </c>
      <c r="C3240" s="166">
        <v>1596727043.2748201</v>
      </c>
      <c r="D3240" s="166">
        <v>0</v>
      </c>
      <c r="E3240" s="166">
        <v>0</v>
      </c>
      <c r="F3240" s="166">
        <v>0</v>
      </c>
      <c r="G3240" s="166">
        <v>0</v>
      </c>
      <c r="H3240" s="166">
        <v>0</v>
      </c>
      <c r="I3240" s="166">
        <v>0</v>
      </c>
      <c r="J3240" s="166">
        <v>0</v>
      </c>
      <c r="K3240" s="166">
        <v>0</v>
      </c>
      <c r="L3240" s="166">
        <v>0</v>
      </c>
      <c r="M3240" s="166">
        <v>0</v>
      </c>
      <c r="N3240" s="166">
        <v>0</v>
      </c>
      <c r="O3240" s="166">
        <v>0</v>
      </c>
      <c r="P3240" s="166">
        <v>0</v>
      </c>
      <c r="Q3240" s="166">
        <v>0</v>
      </c>
      <c r="R3240" s="166">
        <v>0</v>
      </c>
      <c r="S3240" s="166">
        <v>0</v>
      </c>
      <c r="T3240" s="166">
        <v>0</v>
      </c>
      <c r="U3240" s="166">
        <v>0</v>
      </c>
      <c r="V3240" s="166">
        <v>0</v>
      </c>
      <c r="W3240" s="166">
        <v>0</v>
      </c>
      <c r="X3240" s="166">
        <v>0</v>
      </c>
      <c r="Y3240" s="166">
        <v>0</v>
      </c>
      <c r="Z3240" s="166">
        <v>0</v>
      </c>
      <c r="AA3240" s="166">
        <v>0</v>
      </c>
      <c r="AB3240" s="166">
        <v>0</v>
      </c>
      <c r="AC3240" s="166">
        <v>0</v>
      </c>
      <c r="AD3240" s="166">
        <v>0</v>
      </c>
      <c r="AE3240" s="166">
        <v>0</v>
      </c>
      <c r="AF3240" s="166">
        <v>0</v>
      </c>
      <c r="AG3240" s="166">
        <v>0</v>
      </c>
      <c r="AH3240" s="166">
        <v>0</v>
      </c>
      <c r="AI3240" s="166">
        <v>0</v>
      </c>
      <c r="AJ3240" s="166">
        <v>0</v>
      </c>
      <c r="AK3240" s="166">
        <v>0</v>
      </c>
      <c r="AL3240" s="166">
        <v>0</v>
      </c>
      <c r="AM3240" s="166">
        <v>0</v>
      </c>
      <c r="AN3240" s="166">
        <v>0</v>
      </c>
      <c r="AO3240" s="166">
        <v>0</v>
      </c>
      <c r="AP3240" s="166">
        <v>0</v>
      </c>
      <c r="AQ3240" s="166">
        <v>0</v>
      </c>
      <c r="AR3240" s="166">
        <v>0</v>
      </c>
      <c r="AS3240" s="166">
        <v>0</v>
      </c>
      <c r="AT3240" s="166">
        <v>0</v>
      </c>
      <c r="AU3240" s="166">
        <v>0</v>
      </c>
      <c r="AV3240" s="166">
        <v>0</v>
      </c>
      <c r="AW3240" s="166">
        <v>0</v>
      </c>
      <c r="AX3240" s="166">
        <v>0</v>
      </c>
      <c r="AY3240" s="166">
        <v>0</v>
      </c>
      <c r="AZ3240" s="166">
        <v>0</v>
      </c>
      <c r="BA3240" s="166">
        <v>0</v>
      </c>
      <c r="BB3240" s="166">
        <v>0</v>
      </c>
      <c r="BC3240" s="166">
        <v>0</v>
      </c>
      <c r="BD3240" s="166">
        <v>0</v>
      </c>
      <c r="BE3240" s="166">
        <v>0</v>
      </c>
      <c r="BF3240" s="166">
        <v>0</v>
      </c>
      <c r="BG3240" s="166">
        <v>0</v>
      </c>
      <c r="BH3240" s="166">
        <v>0</v>
      </c>
      <c r="BI3240" s="166">
        <v>0</v>
      </c>
      <c r="BJ3240" s="166">
        <v>0</v>
      </c>
      <c r="BK3240" s="166">
        <v>0</v>
      </c>
      <c r="BL3240" s="166">
        <v>0</v>
      </c>
      <c r="BM3240" s="166">
        <v>0</v>
      </c>
      <c r="BN3240" s="166">
        <v>0</v>
      </c>
      <c r="BO3240" s="166">
        <v>0</v>
      </c>
      <c r="BP3240" s="166">
        <v>0</v>
      </c>
      <c r="BQ3240" s="166">
        <v>0</v>
      </c>
      <c r="BR3240" s="166">
        <v>1596727043.2748201</v>
      </c>
      <c r="BS3240" s="166">
        <v>1596727043.2748201</v>
      </c>
      <c r="BT3240" s="168">
        <v>0</v>
      </c>
      <c r="BU3240" s="166">
        <v>0</v>
      </c>
      <c r="BV3240" s="166">
        <v>0</v>
      </c>
      <c r="BW3240" s="166">
        <v>0</v>
      </c>
      <c r="BX3240" s="166">
        <v>0</v>
      </c>
      <c r="BY3240" s="166">
        <v>0</v>
      </c>
      <c r="BZ3240" s="166">
        <v>0</v>
      </c>
      <c r="CA3240" s="166">
        <v>0</v>
      </c>
      <c r="CB3240" s="166">
        <v>0</v>
      </c>
      <c r="CC3240" s="166">
        <v>0</v>
      </c>
      <c r="CD3240" s="166">
        <v>0</v>
      </c>
      <c r="CE3240" s="166">
        <v>0</v>
      </c>
      <c r="CF3240" s="166">
        <v>0</v>
      </c>
      <c r="CG3240" s="166">
        <v>0</v>
      </c>
      <c r="CH3240" s="166">
        <v>0</v>
      </c>
      <c r="CI3240" s="166">
        <v>0</v>
      </c>
      <c r="CJ3240" s="166">
        <v>0</v>
      </c>
      <c r="CK3240" s="166">
        <v>0</v>
      </c>
      <c r="CL3240" s="166">
        <v>0</v>
      </c>
      <c r="CM3240" s="166">
        <v>0</v>
      </c>
      <c r="CN3240" s="166">
        <v>0</v>
      </c>
      <c r="CO3240" s="166">
        <v>0</v>
      </c>
      <c r="CP3240" s="166">
        <v>0</v>
      </c>
      <c r="CQ3240" s="166">
        <v>0</v>
      </c>
      <c r="CR3240" s="166">
        <v>0</v>
      </c>
      <c r="CS3240" s="166">
        <v>0</v>
      </c>
      <c r="CT3240" s="166">
        <v>0</v>
      </c>
      <c r="CU3240" s="166">
        <v>0</v>
      </c>
      <c r="CV3240" s="166">
        <v>0</v>
      </c>
      <c r="CW3240" s="166">
        <v>0</v>
      </c>
      <c r="CX3240" s="166">
        <v>0</v>
      </c>
      <c r="CY3240" s="166">
        <v>0</v>
      </c>
      <c r="CZ3240" s="166">
        <v>0</v>
      </c>
    </row>
    <row r="3241" spans="1:104" x14ac:dyDescent="0.2">
      <c r="A3241" s="167" t="s">
        <v>525</v>
      </c>
      <c r="B3241" s="166">
        <v>1.01863406598567E-7</v>
      </c>
      <c r="C3241" s="166">
        <v>1.01863406598567E-7</v>
      </c>
      <c r="D3241" s="166">
        <v>0</v>
      </c>
      <c r="E3241" s="166">
        <v>0</v>
      </c>
      <c r="F3241" s="166">
        <v>0</v>
      </c>
      <c r="G3241" s="166">
        <v>0</v>
      </c>
      <c r="H3241" s="166">
        <v>0</v>
      </c>
      <c r="I3241" s="166">
        <v>0</v>
      </c>
      <c r="J3241" s="166">
        <v>0</v>
      </c>
      <c r="K3241" s="166">
        <v>0</v>
      </c>
      <c r="L3241" s="166">
        <v>0</v>
      </c>
      <c r="M3241" s="166">
        <v>0</v>
      </c>
      <c r="N3241" s="166">
        <v>0</v>
      </c>
      <c r="O3241" s="166">
        <v>0</v>
      </c>
      <c r="P3241" s="166">
        <v>0</v>
      </c>
      <c r="Q3241" s="166">
        <v>0</v>
      </c>
      <c r="R3241" s="166">
        <v>0</v>
      </c>
      <c r="S3241" s="166">
        <v>0</v>
      </c>
      <c r="T3241" s="166">
        <v>0</v>
      </c>
      <c r="U3241" s="166">
        <v>0</v>
      </c>
      <c r="V3241" s="166">
        <v>0</v>
      </c>
      <c r="W3241" s="166">
        <v>0</v>
      </c>
      <c r="X3241" s="166">
        <v>0</v>
      </c>
      <c r="Y3241" s="166">
        <v>0</v>
      </c>
      <c r="Z3241" s="166">
        <v>0</v>
      </c>
      <c r="AA3241" s="166">
        <v>0</v>
      </c>
      <c r="AB3241" s="166">
        <v>0</v>
      </c>
      <c r="AC3241" s="166">
        <v>0</v>
      </c>
      <c r="AD3241" s="166">
        <v>0</v>
      </c>
      <c r="AE3241" s="166">
        <v>0</v>
      </c>
      <c r="AF3241" s="166">
        <v>0</v>
      </c>
      <c r="AG3241" s="166">
        <v>0</v>
      </c>
      <c r="AH3241" s="166">
        <v>0</v>
      </c>
      <c r="AI3241" s="166">
        <v>0</v>
      </c>
      <c r="AJ3241" s="166">
        <v>0</v>
      </c>
      <c r="AK3241" s="166">
        <v>0</v>
      </c>
      <c r="AL3241" s="166">
        <v>0</v>
      </c>
      <c r="AM3241" s="166">
        <v>0</v>
      </c>
      <c r="AN3241" s="166">
        <v>0</v>
      </c>
      <c r="AO3241" s="166">
        <v>0</v>
      </c>
      <c r="AP3241" s="166">
        <v>0</v>
      </c>
      <c r="AQ3241" s="166">
        <v>0</v>
      </c>
      <c r="AR3241" s="166">
        <v>0</v>
      </c>
      <c r="AS3241" s="166">
        <v>0</v>
      </c>
      <c r="AT3241" s="166">
        <v>0</v>
      </c>
      <c r="AU3241" s="166">
        <v>0</v>
      </c>
      <c r="AV3241" s="166">
        <v>0</v>
      </c>
      <c r="AW3241" s="166">
        <v>0</v>
      </c>
      <c r="AX3241" s="166">
        <v>0</v>
      </c>
      <c r="AY3241" s="166">
        <v>0</v>
      </c>
      <c r="AZ3241" s="166">
        <v>0</v>
      </c>
      <c r="BA3241" s="166">
        <v>0</v>
      </c>
      <c r="BB3241" s="166">
        <v>0</v>
      </c>
      <c r="BC3241" s="166">
        <v>0</v>
      </c>
      <c r="BD3241" s="166">
        <v>0</v>
      </c>
      <c r="BE3241" s="166">
        <v>0</v>
      </c>
      <c r="BF3241" s="166">
        <v>0</v>
      </c>
      <c r="BG3241" s="166">
        <v>0</v>
      </c>
      <c r="BH3241" s="166">
        <v>0</v>
      </c>
      <c r="BI3241" s="166">
        <v>0</v>
      </c>
      <c r="BJ3241" s="166">
        <v>0</v>
      </c>
      <c r="BK3241" s="166">
        <v>0</v>
      </c>
      <c r="BL3241" s="166">
        <v>0</v>
      </c>
      <c r="BM3241" s="166">
        <v>0</v>
      </c>
      <c r="BN3241" s="166">
        <v>0</v>
      </c>
      <c r="BO3241" s="166">
        <v>0</v>
      </c>
      <c r="BP3241" s="166">
        <v>0</v>
      </c>
      <c r="BQ3241" s="166">
        <v>0</v>
      </c>
      <c r="BR3241" s="166">
        <v>1.01863406598567E-7</v>
      </c>
      <c r="BS3241" s="166">
        <v>1.01863406598567E-7</v>
      </c>
      <c r="BT3241" s="168">
        <v>0</v>
      </c>
      <c r="BU3241" s="166">
        <v>0</v>
      </c>
      <c r="BV3241" s="166">
        <v>0</v>
      </c>
      <c r="BW3241" s="166">
        <v>0</v>
      </c>
      <c r="BX3241" s="166">
        <v>0</v>
      </c>
      <c r="BY3241" s="166">
        <v>0</v>
      </c>
      <c r="BZ3241" s="166">
        <v>0</v>
      </c>
      <c r="CA3241" s="166">
        <v>0</v>
      </c>
      <c r="CB3241" s="166">
        <v>0</v>
      </c>
      <c r="CC3241" s="166">
        <v>0</v>
      </c>
      <c r="CD3241" s="166">
        <v>0</v>
      </c>
      <c r="CE3241" s="166">
        <v>0</v>
      </c>
      <c r="CF3241" s="166">
        <v>0</v>
      </c>
      <c r="CG3241" s="166">
        <v>0</v>
      </c>
      <c r="CH3241" s="166">
        <v>0</v>
      </c>
      <c r="CI3241" s="166">
        <v>0</v>
      </c>
      <c r="CJ3241" s="166">
        <v>0</v>
      </c>
      <c r="CK3241" s="166">
        <v>0</v>
      </c>
      <c r="CL3241" s="166">
        <v>0</v>
      </c>
      <c r="CM3241" s="166">
        <v>0</v>
      </c>
      <c r="CN3241" s="166">
        <v>0</v>
      </c>
      <c r="CO3241" s="166">
        <v>0</v>
      </c>
      <c r="CP3241" s="166">
        <v>0</v>
      </c>
      <c r="CQ3241" s="166">
        <v>0</v>
      </c>
      <c r="CR3241" s="166">
        <v>0</v>
      </c>
      <c r="CS3241" s="166">
        <v>0</v>
      </c>
      <c r="CT3241" s="166">
        <v>0</v>
      </c>
      <c r="CU3241" s="166">
        <v>0</v>
      </c>
      <c r="CV3241" s="166">
        <v>0</v>
      </c>
      <c r="CW3241" s="166">
        <v>0</v>
      </c>
      <c r="CX3241" s="166">
        <v>0</v>
      </c>
      <c r="CY3241" s="166">
        <v>0</v>
      </c>
      <c r="CZ3241" s="166">
        <v>0</v>
      </c>
    </row>
    <row r="3242" spans="1:104" x14ac:dyDescent="0.2">
      <c r="A3242" s="167" t="s">
        <v>526</v>
      </c>
      <c r="B3242" s="166">
        <v>0</v>
      </c>
      <c r="C3242" s="166">
        <v>0</v>
      </c>
      <c r="D3242" s="166">
        <v>0</v>
      </c>
      <c r="E3242" s="166">
        <v>0</v>
      </c>
      <c r="F3242" s="166">
        <v>0</v>
      </c>
      <c r="G3242" s="166">
        <v>0</v>
      </c>
      <c r="H3242" s="166">
        <v>0</v>
      </c>
      <c r="I3242" s="166">
        <v>0</v>
      </c>
      <c r="J3242" s="166">
        <v>0</v>
      </c>
      <c r="K3242" s="166">
        <v>0</v>
      </c>
      <c r="L3242" s="166">
        <v>0</v>
      </c>
      <c r="M3242" s="166">
        <v>0</v>
      </c>
      <c r="N3242" s="166">
        <v>0</v>
      </c>
      <c r="O3242" s="166">
        <v>0</v>
      </c>
      <c r="P3242" s="166">
        <v>0</v>
      </c>
      <c r="Q3242" s="166">
        <v>0</v>
      </c>
      <c r="R3242" s="166">
        <v>0</v>
      </c>
      <c r="S3242" s="166">
        <v>0</v>
      </c>
      <c r="T3242" s="166">
        <v>0</v>
      </c>
      <c r="U3242" s="166">
        <v>0</v>
      </c>
      <c r="V3242" s="166">
        <v>0</v>
      </c>
      <c r="W3242" s="166">
        <v>0</v>
      </c>
      <c r="X3242" s="166">
        <v>0</v>
      </c>
      <c r="Y3242" s="166">
        <v>0</v>
      </c>
      <c r="Z3242" s="166">
        <v>0</v>
      </c>
      <c r="AA3242" s="166">
        <v>0</v>
      </c>
      <c r="AB3242" s="166">
        <v>0</v>
      </c>
      <c r="AC3242" s="166">
        <v>0</v>
      </c>
      <c r="AD3242" s="166">
        <v>0</v>
      </c>
      <c r="AE3242" s="166">
        <v>0</v>
      </c>
      <c r="AF3242" s="166">
        <v>0</v>
      </c>
      <c r="AG3242" s="166">
        <v>0</v>
      </c>
      <c r="AH3242" s="166">
        <v>0</v>
      </c>
      <c r="AI3242" s="166">
        <v>0</v>
      </c>
      <c r="AJ3242" s="166">
        <v>0</v>
      </c>
      <c r="AK3242" s="166">
        <v>0</v>
      </c>
      <c r="AL3242" s="166">
        <v>0</v>
      </c>
      <c r="AM3242" s="166">
        <v>0</v>
      </c>
      <c r="AN3242" s="166">
        <v>0</v>
      </c>
      <c r="AO3242" s="166">
        <v>0</v>
      </c>
      <c r="AP3242" s="166">
        <v>0</v>
      </c>
      <c r="AQ3242" s="166">
        <v>0</v>
      </c>
      <c r="AR3242" s="166">
        <v>0</v>
      </c>
      <c r="AS3242" s="166">
        <v>0</v>
      </c>
      <c r="AT3242" s="166">
        <v>0</v>
      </c>
      <c r="AU3242" s="166">
        <v>0</v>
      </c>
      <c r="AV3242" s="166">
        <v>0</v>
      </c>
      <c r="AW3242" s="166">
        <v>0</v>
      </c>
      <c r="AX3242" s="166">
        <v>0</v>
      </c>
      <c r="AY3242" s="166">
        <v>0</v>
      </c>
      <c r="AZ3242" s="166">
        <v>0</v>
      </c>
      <c r="BA3242" s="166">
        <v>0</v>
      </c>
      <c r="BB3242" s="166">
        <v>0</v>
      </c>
      <c r="BC3242" s="166">
        <v>0</v>
      </c>
      <c r="BD3242" s="166">
        <v>0</v>
      </c>
      <c r="BE3242" s="166">
        <v>0</v>
      </c>
      <c r="BF3242" s="166">
        <v>0</v>
      </c>
      <c r="BG3242" s="166">
        <v>0</v>
      </c>
      <c r="BH3242" s="166">
        <v>0</v>
      </c>
      <c r="BI3242" s="166">
        <v>0</v>
      </c>
      <c r="BJ3242" s="166">
        <v>0</v>
      </c>
      <c r="BK3242" s="166">
        <v>0</v>
      </c>
      <c r="BL3242" s="166">
        <v>0</v>
      </c>
      <c r="BM3242" s="166">
        <v>0</v>
      </c>
      <c r="BN3242" s="166">
        <v>0</v>
      </c>
      <c r="BO3242" s="166">
        <v>0</v>
      </c>
      <c r="BP3242" s="166">
        <v>0</v>
      </c>
      <c r="BQ3242" s="166">
        <v>0</v>
      </c>
      <c r="BR3242" s="166">
        <v>0</v>
      </c>
      <c r="BS3242" s="166">
        <v>0</v>
      </c>
      <c r="BT3242" s="168">
        <v>0</v>
      </c>
      <c r="BU3242" s="166">
        <v>0</v>
      </c>
      <c r="BV3242" s="166">
        <v>0</v>
      </c>
      <c r="BW3242" s="166">
        <v>0</v>
      </c>
      <c r="BX3242" s="166">
        <v>0</v>
      </c>
      <c r="BY3242" s="166">
        <v>0</v>
      </c>
      <c r="BZ3242" s="166">
        <v>0</v>
      </c>
      <c r="CA3242" s="166">
        <v>0</v>
      </c>
      <c r="CB3242" s="166">
        <v>0</v>
      </c>
      <c r="CC3242" s="166">
        <v>0</v>
      </c>
      <c r="CD3242" s="166">
        <v>0</v>
      </c>
      <c r="CE3242" s="166">
        <v>0</v>
      </c>
      <c r="CF3242" s="166">
        <v>0</v>
      </c>
      <c r="CG3242" s="166">
        <v>0</v>
      </c>
      <c r="CH3242" s="166">
        <v>0</v>
      </c>
      <c r="CI3242" s="166">
        <v>0</v>
      </c>
      <c r="CJ3242" s="166">
        <v>0</v>
      </c>
      <c r="CK3242" s="166">
        <v>0</v>
      </c>
      <c r="CL3242" s="166">
        <v>0</v>
      </c>
      <c r="CM3242" s="166">
        <v>0</v>
      </c>
      <c r="CN3242" s="166">
        <v>0</v>
      </c>
      <c r="CO3242" s="166">
        <v>0</v>
      </c>
      <c r="CP3242" s="166">
        <v>0</v>
      </c>
      <c r="CQ3242" s="166">
        <v>0</v>
      </c>
      <c r="CR3242" s="166">
        <v>0</v>
      </c>
      <c r="CS3242" s="166">
        <v>0</v>
      </c>
      <c r="CT3242" s="166">
        <v>0</v>
      </c>
      <c r="CU3242" s="166">
        <v>0</v>
      </c>
      <c r="CV3242" s="166">
        <v>0</v>
      </c>
      <c r="CW3242" s="166">
        <v>0</v>
      </c>
      <c r="CX3242" s="166">
        <v>0</v>
      </c>
      <c r="CY3242" s="166">
        <v>0</v>
      </c>
      <c r="CZ3242" s="166">
        <v>0</v>
      </c>
    </row>
    <row r="3243" spans="1:104" x14ac:dyDescent="0.2">
      <c r="A3243" s="170" t="s">
        <v>527</v>
      </c>
      <c r="B3243" s="166">
        <v>0</v>
      </c>
      <c r="C3243" s="166">
        <v>0</v>
      </c>
      <c r="D3243" s="166">
        <v>0</v>
      </c>
      <c r="E3243" s="166">
        <v>0</v>
      </c>
      <c r="F3243" s="166">
        <v>0</v>
      </c>
      <c r="G3243" s="166">
        <v>0</v>
      </c>
      <c r="H3243" s="166">
        <v>0</v>
      </c>
      <c r="I3243" s="166">
        <v>0</v>
      </c>
      <c r="J3243" s="166">
        <v>0</v>
      </c>
      <c r="K3243" s="166">
        <v>0</v>
      </c>
      <c r="L3243" s="166">
        <v>0</v>
      </c>
      <c r="M3243" s="166">
        <v>0</v>
      </c>
      <c r="N3243" s="166">
        <v>0</v>
      </c>
      <c r="O3243" s="166">
        <v>0</v>
      </c>
      <c r="P3243" s="166">
        <v>0</v>
      </c>
      <c r="Q3243" s="166">
        <v>0</v>
      </c>
      <c r="R3243" s="166">
        <v>0</v>
      </c>
      <c r="S3243" s="166">
        <v>0</v>
      </c>
      <c r="T3243" s="166">
        <v>0</v>
      </c>
      <c r="U3243" s="166">
        <v>0</v>
      </c>
      <c r="V3243" s="166">
        <v>0</v>
      </c>
      <c r="W3243" s="166">
        <v>0</v>
      </c>
      <c r="X3243" s="166">
        <v>0</v>
      </c>
      <c r="Y3243" s="166">
        <v>0</v>
      </c>
      <c r="Z3243" s="166">
        <v>0</v>
      </c>
      <c r="AA3243" s="166">
        <v>0</v>
      </c>
      <c r="AB3243" s="166">
        <v>0</v>
      </c>
      <c r="AC3243" s="166">
        <v>0</v>
      </c>
      <c r="AD3243" s="166">
        <v>0</v>
      </c>
      <c r="AE3243" s="166">
        <v>0</v>
      </c>
      <c r="AF3243" s="166">
        <v>0</v>
      </c>
      <c r="AG3243" s="166">
        <v>0</v>
      </c>
      <c r="AH3243" s="166">
        <v>0</v>
      </c>
      <c r="AI3243" s="166">
        <v>0</v>
      </c>
      <c r="AJ3243" s="166">
        <v>0</v>
      </c>
      <c r="AK3243" s="166">
        <v>0</v>
      </c>
      <c r="AL3243" s="166">
        <v>0</v>
      </c>
      <c r="AM3243" s="166">
        <v>0</v>
      </c>
      <c r="AN3243" s="166">
        <v>0</v>
      </c>
      <c r="AO3243" s="166">
        <v>0</v>
      </c>
      <c r="AP3243" s="166">
        <v>0</v>
      </c>
      <c r="AQ3243" s="166">
        <v>0</v>
      </c>
      <c r="AR3243" s="166">
        <v>0</v>
      </c>
      <c r="AS3243" s="166">
        <v>0</v>
      </c>
      <c r="AT3243" s="166">
        <v>0</v>
      </c>
      <c r="AU3243" s="166">
        <v>0</v>
      </c>
      <c r="AV3243" s="166">
        <v>0</v>
      </c>
      <c r="AW3243" s="166">
        <v>0</v>
      </c>
      <c r="AX3243" s="166">
        <v>0</v>
      </c>
      <c r="AY3243" s="166">
        <v>0</v>
      </c>
      <c r="AZ3243" s="166">
        <v>0</v>
      </c>
      <c r="BA3243" s="166">
        <v>0</v>
      </c>
      <c r="BB3243" s="166">
        <v>0</v>
      </c>
      <c r="BC3243" s="166">
        <v>0</v>
      </c>
      <c r="BD3243" s="166">
        <v>0</v>
      </c>
      <c r="BE3243" s="166">
        <v>0</v>
      </c>
      <c r="BF3243" s="166">
        <v>0</v>
      </c>
      <c r="BG3243" s="166">
        <v>0</v>
      </c>
      <c r="BH3243" s="166">
        <v>0</v>
      </c>
      <c r="BI3243" s="166">
        <v>0</v>
      </c>
      <c r="BJ3243" s="166">
        <v>0</v>
      </c>
      <c r="BK3243" s="166">
        <v>0</v>
      </c>
      <c r="BL3243" s="166">
        <v>0</v>
      </c>
      <c r="BM3243" s="166">
        <v>0</v>
      </c>
      <c r="BN3243" s="166">
        <v>0</v>
      </c>
      <c r="BO3243" s="166">
        <v>0</v>
      </c>
      <c r="BP3243" s="166">
        <v>0</v>
      </c>
      <c r="BQ3243" s="166">
        <v>0</v>
      </c>
      <c r="BR3243" s="166">
        <v>0</v>
      </c>
      <c r="BS3243" s="166">
        <v>0</v>
      </c>
      <c r="BT3243" s="168">
        <v>0</v>
      </c>
      <c r="BU3243" s="166">
        <v>0</v>
      </c>
      <c r="BV3243" s="166">
        <v>0</v>
      </c>
      <c r="BW3243" s="166">
        <v>0</v>
      </c>
      <c r="BX3243" s="166">
        <v>0</v>
      </c>
      <c r="BY3243" s="166">
        <v>0</v>
      </c>
      <c r="BZ3243" s="166">
        <v>0</v>
      </c>
      <c r="CA3243" s="166">
        <v>0</v>
      </c>
      <c r="CB3243" s="166">
        <v>0</v>
      </c>
      <c r="CC3243" s="166">
        <v>0</v>
      </c>
      <c r="CD3243" s="166">
        <v>0</v>
      </c>
      <c r="CE3243" s="166">
        <v>0</v>
      </c>
      <c r="CF3243" s="166">
        <v>0</v>
      </c>
      <c r="CG3243" s="166">
        <v>0</v>
      </c>
      <c r="CH3243" s="166">
        <v>0</v>
      </c>
      <c r="CI3243" s="166">
        <v>0</v>
      </c>
      <c r="CJ3243" s="166">
        <v>0</v>
      </c>
      <c r="CK3243" s="166">
        <v>0</v>
      </c>
      <c r="CL3243" s="166">
        <v>0</v>
      </c>
      <c r="CM3243" s="166">
        <v>0</v>
      </c>
      <c r="CN3243" s="166">
        <v>0</v>
      </c>
      <c r="CO3243" s="166">
        <v>0</v>
      </c>
      <c r="CP3243" s="166">
        <v>0</v>
      </c>
      <c r="CQ3243" s="166">
        <v>0</v>
      </c>
      <c r="CR3243" s="166">
        <v>0</v>
      </c>
      <c r="CS3243" s="166">
        <v>0</v>
      </c>
      <c r="CT3243" s="166">
        <v>0</v>
      </c>
      <c r="CU3243" s="166">
        <v>0</v>
      </c>
      <c r="CV3243" s="166">
        <v>0</v>
      </c>
      <c r="CW3243" s="166">
        <v>0</v>
      </c>
      <c r="CX3243" s="166">
        <v>0</v>
      </c>
      <c r="CY3243" s="166">
        <v>0</v>
      </c>
      <c r="CZ3243" s="166">
        <v>0</v>
      </c>
    </row>
    <row r="3244" spans="1:104" x14ac:dyDescent="0.2">
      <c r="A3244" s="167" t="s">
        <v>528</v>
      </c>
      <c r="B3244" s="166">
        <v>280803435.31999999</v>
      </c>
      <c r="C3244" s="166">
        <v>280803435.31999999</v>
      </c>
      <c r="D3244" s="166">
        <v>0</v>
      </c>
      <c r="E3244" s="166">
        <v>0</v>
      </c>
      <c r="F3244" s="166">
        <v>0</v>
      </c>
      <c r="G3244" s="166">
        <v>0</v>
      </c>
      <c r="H3244" s="166">
        <v>0</v>
      </c>
      <c r="I3244" s="166">
        <v>0</v>
      </c>
      <c r="J3244" s="166">
        <v>0</v>
      </c>
      <c r="K3244" s="166">
        <v>0</v>
      </c>
      <c r="L3244" s="166">
        <v>0</v>
      </c>
      <c r="M3244" s="166">
        <v>0</v>
      </c>
      <c r="N3244" s="166">
        <v>0</v>
      </c>
      <c r="O3244" s="166">
        <v>0</v>
      </c>
      <c r="P3244" s="166">
        <v>0</v>
      </c>
      <c r="Q3244" s="166">
        <v>0</v>
      </c>
      <c r="R3244" s="166">
        <v>0</v>
      </c>
      <c r="S3244" s="166">
        <v>0</v>
      </c>
      <c r="T3244" s="166">
        <v>0</v>
      </c>
      <c r="U3244" s="166">
        <v>0</v>
      </c>
      <c r="V3244" s="166">
        <v>0</v>
      </c>
      <c r="W3244" s="166">
        <v>0</v>
      </c>
      <c r="X3244" s="166">
        <v>0</v>
      </c>
      <c r="Y3244" s="166">
        <v>0</v>
      </c>
      <c r="Z3244" s="166">
        <v>0</v>
      </c>
      <c r="AA3244" s="166">
        <v>0</v>
      </c>
      <c r="AB3244" s="166">
        <v>0</v>
      </c>
      <c r="AC3244" s="166">
        <v>0</v>
      </c>
      <c r="AD3244" s="166">
        <v>0</v>
      </c>
      <c r="AE3244" s="166">
        <v>0</v>
      </c>
      <c r="AF3244" s="166">
        <v>0</v>
      </c>
      <c r="AG3244" s="166">
        <v>0</v>
      </c>
      <c r="AH3244" s="166">
        <v>0</v>
      </c>
      <c r="AI3244" s="166">
        <v>0</v>
      </c>
      <c r="AJ3244" s="166">
        <v>0</v>
      </c>
      <c r="AK3244" s="166">
        <v>0</v>
      </c>
      <c r="AL3244" s="166">
        <v>0</v>
      </c>
      <c r="AM3244" s="166">
        <v>0</v>
      </c>
      <c r="AN3244" s="166">
        <v>0</v>
      </c>
      <c r="AO3244" s="166">
        <v>0</v>
      </c>
      <c r="AP3244" s="166">
        <v>0</v>
      </c>
      <c r="AQ3244" s="166">
        <v>0</v>
      </c>
      <c r="AR3244" s="166">
        <v>0</v>
      </c>
      <c r="AS3244" s="166">
        <v>0</v>
      </c>
      <c r="AT3244" s="166">
        <v>0</v>
      </c>
      <c r="AU3244" s="166">
        <v>0</v>
      </c>
      <c r="AV3244" s="166">
        <v>0</v>
      </c>
      <c r="AW3244" s="166">
        <v>0</v>
      </c>
      <c r="AX3244" s="166">
        <v>0</v>
      </c>
      <c r="AY3244" s="166">
        <v>0</v>
      </c>
      <c r="AZ3244" s="166">
        <v>0</v>
      </c>
      <c r="BA3244" s="166">
        <v>0</v>
      </c>
      <c r="BB3244" s="166">
        <v>0</v>
      </c>
      <c r="BC3244" s="166">
        <v>0</v>
      </c>
      <c r="BD3244" s="166">
        <v>0</v>
      </c>
      <c r="BE3244" s="166">
        <v>0</v>
      </c>
      <c r="BF3244" s="166">
        <v>0</v>
      </c>
      <c r="BG3244" s="166">
        <v>0</v>
      </c>
      <c r="BH3244" s="166">
        <v>0</v>
      </c>
      <c r="BI3244" s="166">
        <v>0</v>
      </c>
      <c r="BJ3244" s="166">
        <v>0</v>
      </c>
      <c r="BK3244" s="166">
        <v>0</v>
      </c>
      <c r="BL3244" s="166">
        <v>0</v>
      </c>
      <c r="BM3244" s="166">
        <v>0</v>
      </c>
      <c r="BN3244" s="166">
        <v>0</v>
      </c>
      <c r="BO3244" s="166">
        <v>0</v>
      </c>
      <c r="BP3244" s="166">
        <v>0</v>
      </c>
      <c r="BQ3244" s="166">
        <v>0</v>
      </c>
      <c r="BR3244" s="166">
        <v>280803435.31999999</v>
      </c>
      <c r="BS3244" s="166">
        <v>280803435.31999999</v>
      </c>
      <c r="BT3244" s="168">
        <v>0</v>
      </c>
      <c r="BU3244" s="166">
        <v>0</v>
      </c>
      <c r="BV3244" s="166">
        <v>0</v>
      </c>
      <c r="BW3244" s="166">
        <v>0</v>
      </c>
      <c r="BX3244" s="166">
        <v>0</v>
      </c>
      <c r="BY3244" s="166">
        <v>0</v>
      </c>
      <c r="BZ3244" s="166">
        <v>0</v>
      </c>
      <c r="CA3244" s="166">
        <v>0</v>
      </c>
      <c r="CB3244" s="166">
        <v>0</v>
      </c>
      <c r="CC3244" s="166">
        <v>0</v>
      </c>
      <c r="CD3244" s="166">
        <v>0</v>
      </c>
      <c r="CE3244" s="166">
        <v>0</v>
      </c>
      <c r="CF3244" s="166">
        <v>0</v>
      </c>
      <c r="CG3244" s="166">
        <v>0</v>
      </c>
      <c r="CH3244" s="166">
        <v>0</v>
      </c>
      <c r="CI3244" s="166">
        <v>0</v>
      </c>
      <c r="CJ3244" s="166">
        <v>0</v>
      </c>
      <c r="CK3244" s="166">
        <v>0</v>
      </c>
      <c r="CL3244" s="166">
        <v>0</v>
      </c>
      <c r="CM3244" s="166">
        <v>0</v>
      </c>
      <c r="CN3244" s="166">
        <v>0</v>
      </c>
      <c r="CO3244" s="166">
        <v>0</v>
      </c>
      <c r="CP3244" s="166">
        <v>0</v>
      </c>
      <c r="CQ3244" s="166">
        <v>0</v>
      </c>
      <c r="CR3244" s="166">
        <v>0</v>
      </c>
      <c r="CS3244" s="166">
        <v>0</v>
      </c>
      <c r="CT3244" s="166">
        <v>0</v>
      </c>
      <c r="CU3244" s="166">
        <v>0</v>
      </c>
      <c r="CV3244" s="166">
        <v>0</v>
      </c>
      <c r="CW3244" s="166">
        <v>0</v>
      </c>
      <c r="CX3244" s="166">
        <v>0</v>
      </c>
      <c r="CY3244" s="166">
        <v>0</v>
      </c>
      <c r="CZ3244" s="166">
        <v>0</v>
      </c>
    </row>
    <row r="3245" spans="1:104" x14ac:dyDescent="0.2">
      <c r="A3245" s="167" t="s">
        <v>529</v>
      </c>
      <c r="B3245" s="166">
        <v>32878482.550000001</v>
      </c>
      <c r="C3245" s="166">
        <v>32878482.550000001</v>
      </c>
      <c r="D3245" s="166">
        <v>0</v>
      </c>
      <c r="E3245" s="166">
        <v>0</v>
      </c>
      <c r="F3245" s="166">
        <v>0</v>
      </c>
      <c r="G3245" s="166">
        <v>0</v>
      </c>
      <c r="H3245" s="166">
        <v>0</v>
      </c>
      <c r="I3245" s="166">
        <v>0</v>
      </c>
      <c r="J3245" s="166">
        <v>0</v>
      </c>
      <c r="K3245" s="166">
        <v>0</v>
      </c>
      <c r="L3245" s="166">
        <v>0</v>
      </c>
      <c r="M3245" s="166">
        <v>0</v>
      </c>
      <c r="N3245" s="166">
        <v>0</v>
      </c>
      <c r="O3245" s="166">
        <v>0</v>
      </c>
      <c r="P3245" s="166">
        <v>0</v>
      </c>
      <c r="Q3245" s="166">
        <v>0</v>
      </c>
      <c r="R3245" s="166">
        <v>0</v>
      </c>
      <c r="S3245" s="166">
        <v>0</v>
      </c>
      <c r="T3245" s="166">
        <v>0</v>
      </c>
      <c r="U3245" s="166">
        <v>0</v>
      </c>
      <c r="V3245" s="166">
        <v>0</v>
      </c>
      <c r="W3245" s="166">
        <v>0</v>
      </c>
      <c r="X3245" s="166">
        <v>0</v>
      </c>
      <c r="Y3245" s="166">
        <v>0</v>
      </c>
      <c r="Z3245" s="166">
        <v>0</v>
      </c>
      <c r="AA3245" s="166">
        <v>0</v>
      </c>
      <c r="AB3245" s="166">
        <v>0</v>
      </c>
      <c r="AC3245" s="166">
        <v>0</v>
      </c>
      <c r="AD3245" s="166">
        <v>0</v>
      </c>
      <c r="AE3245" s="166">
        <v>0</v>
      </c>
      <c r="AF3245" s="166">
        <v>0</v>
      </c>
      <c r="AG3245" s="166">
        <v>0</v>
      </c>
      <c r="AH3245" s="166">
        <v>0</v>
      </c>
      <c r="AI3245" s="166">
        <v>0</v>
      </c>
      <c r="AJ3245" s="166">
        <v>0</v>
      </c>
      <c r="AK3245" s="166">
        <v>0</v>
      </c>
      <c r="AL3245" s="166">
        <v>0</v>
      </c>
      <c r="AM3245" s="166">
        <v>0</v>
      </c>
      <c r="AN3245" s="166">
        <v>0</v>
      </c>
      <c r="AO3245" s="166">
        <v>0</v>
      </c>
      <c r="AP3245" s="166">
        <v>0</v>
      </c>
      <c r="AQ3245" s="166">
        <v>0</v>
      </c>
      <c r="AR3245" s="166">
        <v>0</v>
      </c>
      <c r="AS3245" s="166">
        <v>0</v>
      </c>
      <c r="AT3245" s="166">
        <v>0</v>
      </c>
      <c r="AU3245" s="166">
        <v>0</v>
      </c>
      <c r="AV3245" s="166">
        <v>0</v>
      </c>
      <c r="AW3245" s="166">
        <v>0</v>
      </c>
      <c r="AX3245" s="166">
        <v>0</v>
      </c>
      <c r="AY3245" s="166">
        <v>0</v>
      </c>
      <c r="AZ3245" s="166">
        <v>0</v>
      </c>
      <c r="BA3245" s="166">
        <v>0</v>
      </c>
      <c r="BB3245" s="166">
        <v>0</v>
      </c>
      <c r="BC3245" s="166">
        <v>0</v>
      </c>
      <c r="BD3245" s="166">
        <v>0</v>
      </c>
      <c r="BE3245" s="166">
        <v>0</v>
      </c>
      <c r="BF3245" s="166">
        <v>0</v>
      </c>
      <c r="BG3245" s="166">
        <v>0</v>
      </c>
      <c r="BH3245" s="166">
        <v>0</v>
      </c>
      <c r="BI3245" s="166">
        <v>0</v>
      </c>
      <c r="BJ3245" s="166">
        <v>0</v>
      </c>
      <c r="BK3245" s="166">
        <v>0</v>
      </c>
      <c r="BL3245" s="166">
        <v>0</v>
      </c>
      <c r="BM3245" s="166">
        <v>0</v>
      </c>
      <c r="BN3245" s="166">
        <v>0</v>
      </c>
      <c r="BO3245" s="166">
        <v>0</v>
      </c>
      <c r="BP3245" s="166">
        <v>0</v>
      </c>
      <c r="BQ3245" s="166">
        <v>0</v>
      </c>
      <c r="BR3245" s="166">
        <v>32878482.550000001</v>
      </c>
      <c r="BS3245" s="166">
        <v>32878482.550000001</v>
      </c>
      <c r="BT3245" s="168">
        <v>0</v>
      </c>
      <c r="BU3245" s="166">
        <v>0</v>
      </c>
      <c r="BV3245" s="166">
        <v>0</v>
      </c>
      <c r="BW3245" s="166">
        <v>0</v>
      </c>
      <c r="BX3245" s="166">
        <v>0</v>
      </c>
      <c r="BY3245" s="166">
        <v>0</v>
      </c>
      <c r="BZ3245" s="166">
        <v>0</v>
      </c>
      <c r="CA3245" s="166">
        <v>0</v>
      </c>
      <c r="CB3245" s="166">
        <v>0</v>
      </c>
      <c r="CC3245" s="166">
        <v>0</v>
      </c>
      <c r="CD3245" s="166">
        <v>0</v>
      </c>
      <c r="CE3245" s="166">
        <v>0</v>
      </c>
      <c r="CF3245" s="166">
        <v>0</v>
      </c>
      <c r="CG3245" s="166">
        <v>0</v>
      </c>
      <c r="CH3245" s="166">
        <v>0</v>
      </c>
      <c r="CI3245" s="166">
        <v>0</v>
      </c>
      <c r="CJ3245" s="166">
        <v>0</v>
      </c>
      <c r="CK3245" s="166">
        <v>0</v>
      </c>
      <c r="CL3245" s="166">
        <v>0</v>
      </c>
      <c r="CM3245" s="166">
        <v>0</v>
      </c>
      <c r="CN3245" s="166">
        <v>0</v>
      </c>
      <c r="CO3245" s="166">
        <v>0</v>
      </c>
      <c r="CP3245" s="166">
        <v>0</v>
      </c>
      <c r="CQ3245" s="166">
        <v>0</v>
      </c>
      <c r="CR3245" s="166">
        <v>0</v>
      </c>
      <c r="CS3245" s="166">
        <v>0</v>
      </c>
      <c r="CT3245" s="166">
        <v>0</v>
      </c>
      <c r="CU3245" s="166">
        <v>0</v>
      </c>
      <c r="CV3245" s="166">
        <v>0</v>
      </c>
      <c r="CW3245" s="166">
        <v>0</v>
      </c>
      <c r="CX3245" s="166">
        <v>0</v>
      </c>
      <c r="CY3245" s="166">
        <v>0</v>
      </c>
      <c r="CZ3245" s="166">
        <v>0</v>
      </c>
    </row>
    <row r="3246" spans="1:104" x14ac:dyDescent="0.2">
      <c r="A3246" s="167" t="s">
        <v>530</v>
      </c>
      <c r="B3246" s="166">
        <v>119295612.36999901</v>
      </c>
      <c r="C3246" s="166">
        <v>119295612.36999901</v>
      </c>
      <c r="D3246" s="166">
        <v>0</v>
      </c>
      <c r="E3246" s="166">
        <v>0</v>
      </c>
      <c r="F3246" s="166">
        <v>0</v>
      </c>
      <c r="G3246" s="166">
        <v>0</v>
      </c>
      <c r="H3246" s="166">
        <v>0</v>
      </c>
      <c r="I3246" s="166">
        <v>0</v>
      </c>
      <c r="J3246" s="166">
        <v>0</v>
      </c>
      <c r="K3246" s="166">
        <v>0</v>
      </c>
      <c r="L3246" s="166">
        <v>0</v>
      </c>
      <c r="M3246" s="166">
        <v>0</v>
      </c>
      <c r="N3246" s="166">
        <v>0</v>
      </c>
      <c r="O3246" s="166">
        <v>0</v>
      </c>
      <c r="P3246" s="166">
        <v>0</v>
      </c>
      <c r="Q3246" s="166">
        <v>0</v>
      </c>
      <c r="R3246" s="166">
        <v>0</v>
      </c>
      <c r="S3246" s="166">
        <v>0</v>
      </c>
      <c r="T3246" s="166">
        <v>0</v>
      </c>
      <c r="U3246" s="166">
        <v>0</v>
      </c>
      <c r="V3246" s="166">
        <v>0</v>
      </c>
      <c r="W3246" s="166">
        <v>0</v>
      </c>
      <c r="X3246" s="166">
        <v>0</v>
      </c>
      <c r="Y3246" s="166">
        <v>0</v>
      </c>
      <c r="Z3246" s="166">
        <v>0</v>
      </c>
      <c r="AA3246" s="166">
        <v>0</v>
      </c>
      <c r="AB3246" s="166">
        <v>0</v>
      </c>
      <c r="AC3246" s="166">
        <v>0</v>
      </c>
      <c r="AD3246" s="166">
        <v>0</v>
      </c>
      <c r="AE3246" s="166">
        <v>0</v>
      </c>
      <c r="AF3246" s="166">
        <v>0</v>
      </c>
      <c r="AG3246" s="166">
        <v>0</v>
      </c>
      <c r="AH3246" s="166">
        <v>0</v>
      </c>
      <c r="AI3246" s="166">
        <v>0</v>
      </c>
      <c r="AJ3246" s="166">
        <v>0</v>
      </c>
      <c r="AK3246" s="166">
        <v>0</v>
      </c>
      <c r="AL3246" s="166">
        <v>0</v>
      </c>
      <c r="AM3246" s="166">
        <v>0</v>
      </c>
      <c r="AN3246" s="166">
        <v>0</v>
      </c>
      <c r="AO3246" s="166">
        <v>0</v>
      </c>
      <c r="AP3246" s="166">
        <v>0</v>
      </c>
      <c r="AQ3246" s="166">
        <v>0</v>
      </c>
      <c r="AR3246" s="166">
        <v>0</v>
      </c>
      <c r="AS3246" s="166">
        <v>0</v>
      </c>
      <c r="AT3246" s="166">
        <v>0</v>
      </c>
      <c r="AU3246" s="166">
        <v>0</v>
      </c>
      <c r="AV3246" s="166">
        <v>0</v>
      </c>
      <c r="AW3246" s="166">
        <v>0</v>
      </c>
      <c r="AX3246" s="166">
        <v>0</v>
      </c>
      <c r="AY3246" s="166">
        <v>0</v>
      </c>
      <c r="AZ3246" s="166">
        <v>0</v>
      </c>
      <c r="BA3246" s="166">
        <v>0</v>
      </c>
      <c r="BB3246" s="166">
        <v>0</v>
      </c>
      <c r="BC3246" s="166">
        <v>0</v>
      </c>
      <c r="BD3246" s="166">
        <v>0</v>
      </c>
      <c r="BE3246" s="166">
        <v>0</v>
      </c>
      <c r="BF3246" s="166">
        <v>0</v>
      </c>
      <c r="BG3246" s="166">
        <v>0</v>
      </c>
      <c r="BH3246" s="166">
        <v>0</v>
      </c>
      <c r="BI3246" s="166">
        <v>0</v>
      </c>
      <c r="BJ3246" s="166">
        <v>0</v>
      </c>
      <c r="BK3246" s="166">
        <v>0</v>
      </c>
      <c r="BL3246" s="166">
        <v>0</v>
      </c>
      <c r="BM3246" s="166">
        <v>0</v>
      </c>
      <c r="BN3246" s="166">
        <v>0</v>
      </c>
      <c r="BO3246" s="166">
        <v>0</v>
      </c>
      <c r="BP3246" s="166">
        <v>0</v>
      </c>
      <c r="BQ3246" s="166">
        <v>0</v>
      </c>
      <c r="BR3246" s="166">
        <v>119295612.36999901</v>
      </c>
      <c r="BS3246" s="166">
        <v>119295612.36999901</v>
      </c>
      <c r="BT3246" s="168">
        <v>0</v>
      </c>
      <c r="BU3246" s="166">
        <v>0</v>
      </c>
      <c r="BV3246" s="166">
        <v>0</v>
      </c>
      <c r="BW3246" s="166">
        <v>0</v>
      </c>
      <c r="BX3246" s="166">
        <v>0</v>
      </c>
      <c r="BY3246" s="166">
        <v>0</v>
      </c>
      <c r="BZ3246" s="166">
        <v>0</v>
      </c>
      <c r="CA3246" s="166">
        <v>0</v>
      </c>
      <c r="CB3246" s="166">
        <v>0</v>
      </c>
      <c r="CC3246" s="166">
        <v>0</v>
      </c>
      <c r="CD3246" s="166">
        <v>0</v>
      </c>
      <c r="CE3246" s="166">
        <v>0</v>
      </c>
      <c r="CF3246" s="166">
        <v>0</v>
      </c>
      <c r="CG3246" s="166">
        <v>0</v>
      </c>
      <c r="CH3246" s="166">
        <v>0</v>
      </c>
      <c r="CI3246" s="166">
        <v>0</v>
      </c>
      <c r="CJ3246" s="166">
        <v>0</v>
      </c>
      <c r="CK3246" s="166">
        <v>0</v>
      </c>
      <c r="CL3246" s="166">
        <v>0</v>
      </c>
      <c r="CM3246" s="166">
        <v>0</v>
      </c>
      <c r="CN3246" s="166">
        <v>0</v>
      </c>
      <c r="CO3246" s="166">
        <v>0</v>
      </c>
      <c r="CP3246" s="166">
        <v>0</v>
      </c>
      <c r="CQ3246" s="166">
        <v>0</v>
      </c>
      <c r="CR3246" s="166">
        <v>0</v>
      </c>
      <c r="CS3246" s="166">
        <v>0</v>
      </c>
      <c r="CT3246" s="166">
        <v>0</v>
      </c>
      <c r="CU3246" s="166">
        <v>0</v>
      </c>
      <c r="CV3246" s="166">
        <v>0</v>
      </c>
      <c r="CW3246" s="166">
        <v>0</v>
      </c>
      <c r="CX3246" s="166">
        <v>0</v>
      </c>
      <c r="CY3246" s="166">
        <v>0</v>
      </c>
      <c r="CZ3246" s="166">
        <v>0</v>
      </c>
    </row>
    <row r="3247" spans="1:104" x14ac:dyDescent="0.2">
      <c r="A3247" s="167" t="s">
        <v>531</v>
      </c>
      <c r="B3247" s="166">
        <v>111947281.994</v>
      </c>
      <c r="C3247" s="166">
        <v>111947281.994</v>
      </c>
      <c r="D3247" s="166">
        <v>0</v>
      </c>
      <c r="E3247" s="166">
        <v>0</v>
      </c>
      <c r="F3247" s="166">
        <v>0</v>
      </c>
      <c r="G3247" s="166">
        <v>0</v>
      </c>
      <c r="H3247" s="166">
        <v>0</v>
      </c>
      <c r="I3247" s="166">
        <v>0</v>
      </c>
      <c r="J3247" s="166">
        <v>0</v>
      </c>
      <c r="K3247" s="166">
        <v>0</v>
      </c>
      <c r="L3247" s="166">
        <v>0</v>
      </c>
      <c r="M3247" s="166">
        <v>0</v>
      </c>
      <c r="N3247" s="166">
        <v>0</v>
      </c>
      <c r="O3247" s="166">
        <v>0</v>
      </c>
      <c r="P3247" s="166">
        <v>0</v>
      </c>
      <c r="Q3247" s="166">
        <v>0</v>
      </c>
      <c r="R3247" s="166">
        <v>0</v>
      </c>
      <c r="S3247" s="166">
        <v>0</v>
      </c>
      <c r="T3247" s="166">
        <v>0</v>
      </c>
      <c r="U3247" s="166">
        <v>0</v>
      </c>
      <c r="V3247" s="166">
        <v>0</v>
      </c>
      <c r="W3247" s="166">
        <v>0</v>
      </c>
      <c r="X3247" s="166">
        <v>0</v>
      </c>
      <c r="Y3247" s="166">
        <v>0</v>
      </c>
      <c r="Z3247" s="166">
        <v>0</v>
      </c>
      <c r="AA3247" s="166">
        <v>0</v>
      </c>
      <c r="AB3247" s="166">
        <v>0</v>
      </c>
      <c r="AC3247" s="166">
        <v>0</v>
      </c>
      <c r="AD3247" s="166">
        <v>0</v>
      </c>
      <c r="AE3247" s="166">
        <v>0</v>
      </c>
      <c r="AF3247" s="166">
        <v>0</v>
      </c>
      <c r="AG3247" s="166">
        <v>0</v>
      </c>
      <c r="AH3247" s="166">
        <v>0</v>
      </c>
      <c r="AI3247" s="166">
        <v>0</v>
      </c>
      <c r="AJ3247" s="166">
        <v>0</v>
      </c>
      <c r="AK3247" s="166">
        <v>0</v>
      </c>
      <c r="AL3247" s="166">
        <v>0</v>
      </c>
      <c r="AM3247" s="166">
        <v>0</v>
      </c>
      <c r="AN3247" s="166">
        <v>0</v>
      </c>
      <c r="AO3247" s="166">
        <v>0</v>
      </c>
      <c r="AP3247" s="166">
        <v>0</v>
      </c>
      <c r="AQ3247" s="166">
        <v>0</v>
      </c>
      <c r="AR3247" s="166">
        <v>0</v>
      </c>
      <c r="AS3247" s="166">
        <v>0</v>
      </c>
      <c r="AT3247" s="166">
        <v>0</v>
      </c>
      <c r="AU3247" s="166">
        <v>0</v>
      </c>
      <c r="AV3247" s="166">
        <v>0</v>
      </c>
      <c r="AW3247" s="166">
        <v>0</v>
      </c>
      <c r="AX3247" s="166">
        <v>0</v>
      </c>
      <c r="AY3247" s="166">
        <v>0</v>
      </c>
      <c r="AZ3247" s="166">
        <v>0</v>
      </c>
      <c r="BA3247" s="166">
        <v>0</v>
      </c>
      <c r="BB3247" s="166">
        <v>0</v>
      </c>
      <c r="BC3247" s="166">
        <v>0</v>
      </c>
      <c r="BD3247" s="166">
        <v>0</v>
      </c>
      <c r="BE3247" s="166">
        <v>0</v>
      </c>
      <c r="BF3247" s="166">
        <v>0</v>
      </c>
      <c r="BG3247" s="166">
        <v>0</v>
      </c>
      <c r="BH3247" s="166">
        <v>0</v>
      </c>
      <c r="BI3247" s="166">
        <v>0</v>
      </c>
      <c r="BJ3247" s="166">
        <v>0</v>
      </c>
      <c r="BK3247" s="166">
        <v>0</v>
      </c>
      <c r="BL3247" s="166">
        <v>0</v>
      </c>
      <c r="BM3247" s="166">
        <v>0</v>
      </c>
      <c r="BN3247" s="166">
        <v>0</v>
      </c>
      <c r="BO3247" s="166">
        <v>0</v>
      </c>
      <c r="BP3247" s="166">
        <v>0</v>
      </c>
      <c r="BQ3247" s="166">
        <v>0</v>
      </c>
      <c r="BR3247" s="166">
        <v>111947281.994</v>
      </c>
      <c r="BS3247" s="166">
        <v>111947281.994</v>
      </c>
      <c r="BT3247" s="168">
        <v>0</v>
      </c>
      <c r="BU3247" s="166">
        <v>0</v>
      </c>
      <c r="BV3247" s="166">
        <v>0</v>
      </c>
      <c r="BW3247" s="166">
        <v>0</v>
      </c>
      <c r="BX3247" s="166">
        <v>0</v>
      </c>
      <c r="BY3247" s="166">
        <v>0</v>
      </c>
      <c r="BZ3247" s="166">
        <v>0</v>
      </c>
      <c r="CA3247" s="166">
        <v>0</v>
      </c>
      <c r="CB3247" s="166">
        <v>0</v>
      </c>
      <c r="CC3247" s="166">
        <v>0</v>
      </c>
      <c r="CD3247" s="166">
        <v>0</v>
      </c>
      <c r="CE3247" s="166">
        <v>0</v>
      </c>
      <c r="CF3247" s="166">
        <v>0</v>
      </c>
      <c r="CG3247" s="166">
        <v>0</v>
      </c>
      <c r="CH3247" s="166">
        <v>0</v>
      </c>
      <c r="CI3247" s="166">
        <v>0</v>
      </c>
      <c r="CJ3247" s="166">
        <v>0</v>
      </c>
      <c r="CK3247" s="166">
        <v>0</v>
      </c>
      <c r="CL3247" s="166">
        <v>0</v>
      </c>
      <c r="CM3247" s="166">
        <v>0</v>
      </c>
      <c r="CN3247" s="166">
        <v>0</v>
      </c>
      <c r="CO3247" s="166">
        <v>0</v>
      </c>
      <c r="CP3247" s="166">
        <v>0</v>
      </c>
      <c r="CQ3247" s="166">
        <v>0</v>
      </c>
      <c r="CR3247" s="166">
        <v>0</v>
      </c>
      <c r="CS3247" s="166">
        <v>0</v>
      </c>
      <c r="CT3247" s="166">
        <v>0</v>
      </c>
      <c r="CU3247" s="166">
        <v>0</v>
      </c>
      <c r="CV3247" s="166">
        <v>0</v>
      </c>
      <c r="CW3247" s="166">
        <v>0</v>
      </c>
      <c r="CX3247" s="166">
        <v>0</v>
      </c>
      <c r="CY3247" s="166">
        <v>0</v>
      </c>
      <c r="CZ3247" s="166">
        <v>0</v>
      </c>
    </row>
    <row r="3248" spans="1:104" x14ac:dyDescent="0.2">
      <c r="A3248" s="167" t="s">
        <v>532</v>
      </c>
      <c r="B3248" s="166">
        <v>210742544.42063099</v>
      </c>
      <c r="C3248" s="166">
        <v>210742544.42063099</v>
      </c>
      <c r="D3248" s="166">
        <v>0</v>
      </c>
      <c r="E3248" s="166">
        <v>0</v>
      </c>
      <c r="F3248" s="166">
        <v>0</v>
      </c>
      <c r="G3248" s="166">
        <v>0</v>
      </c>
      <c r="H3248" s="166">
        <v>0</v>
      </c>
      <c r="I3248" s="166">
        <v>0</v>
      </c>
      <c r="J3248" s="166">
        <v>0</v>
      </c>
      <c r="K3248" s="166">
        <v>0</v>
      </c>
      <c r="L3248" s="166">
        <v>0</v>
      </c>
      <c r="M3248" s="166">
        <v>0</v>
      </c>
      <c r="N3248" s="166">
        <v>0</v>
      </c>
      <c r="O3248" s="166">
        <v>0</v>
      </c>
      <c r="P3248" s="166">
        <v>0</v>
      </c>
      <c r="Q3248" s="166">
        <v>0</v>
      </c>
      <c r="R3248" s="166">
        <v>0</v>
      </c>
      <c r="S3248" s="166">
        <v>0</v>
      </c>
      <c r="T3248" s="166">
        <v>0</v>
      </c>
      <c r="U3248" s="166">
        <v>0</v>
      </c>
      <c r="V3248" s="166">
        <v>0</v>
      </c>
      <c r="W3248" s="166">
        <v>0</v>
      </c>
      <c r="X3248" s="166">
        <v>0</v>
      </c>
      <c r="Y3248" s="166">
        <v>0</v>
      </c>
      <c r="Z3248" s="166">
        <v>0</v>
      </c>
      <c r="AA3248" s="166">
        <v>0</v>
      </c>
      <c r="AB3248" s="166">
        <v>0</v>
      </c>
      <c r="AC3248" s="166">
        <v>0</v>
      </c>
      <c r="AD3248" s="166">
        <v>0</v>
      </c>
      <c r="AE3248" s="166">
        <v>0</v>
      </c>
      <c r="AF3248" s="166">
        <v>0</v>
      </c>
      <c r="AG3248" s="166">
        <v>0</v>
      </c>
      <c r="AH3248" s="166">
        <v>0</v>
      </c>
      <c r="AI3248" s="166">
        <v>0</v>
      </c>
      <c r="AJ3248" s="166">
        <v>0</v>
      </c>
      <c r="AK3248" s="166">
        <v>0</v>
      </c>
      <c r="AL3248" s="166">
        <v>0</v>
      </c>
      <c r="AM3248" s="166">
        <v>0</v>
      </c>
      <c r="AN3248" s="166">
        <v>0</v>
      </c>
      <c r="AO3248" s="166">
        <v>0</v>
      </c>
      <c r="AP3248" s="166">
        <v>0</v>
      </c>
      <c r="AQ3248" s="166">
        <v>0</v>
      </c>
      <c r="AR3248" s="166">
        <v>0</v>
      </c>
      <c r="AS3248" s="166">
        <v>0</v>
      </c>
      <c r="AT3248" s="166">
        <v>0</v>
      </c>
      <c r="AU3248" s="166">
        <v>0</v>
      </c>
      <c r="AV3248" s="166">
        <v>0</v>
      </c>
      <c r="AW3248" s="166">
        <v>0</v>
      </c>
      <c r="AX3248" s="166">
        <v>0</v>
      </c>
      <c r="AY3248" s="166">
        <v>0</v>
      </c>
      <c r="AZ3248" s="166">
        <v>0</v>
      </c>
      <c r="BA3248" s="166">
        <v>0</v>
      </c>
      <c r="BB3248" s="166">
        <v>0</v>
      </c>
      <c r="BC3248" s="166">
        <v>0</v>
      </c>
      <c r="BD3248" s="166">
        <v>0</v>
      </c>
      <c r="BE3248" s="166">
        <v>0</v>
      </c>
      <c r="BF3248" s="166">
        <v>0</v>
      </c>
      <c r="BG3248" s="166">
        <v>0</v>
      </c>
      <c r="BH3248" s="166">
        <v>0</v>
      </c>
      <c r="BI3248" s="166">
        <v>0</v>
      </c>
      <c r="BJ3248" s="166">
        <v>0</v>
      </c>
      <c r="BK3248" s="166">
        <v>0</v>
      </c>
      <c r="BL3248" s="166">
        <v>0</v>
      </c>
      <c r="BM3248" s="166">
        <v>0</v>
      </c>
      <c r="BN3248" s="166">
        <v>0</v>
      </c>
      <c r="BO3248" s="166">
        <v>0</v>
      </c>
      <c r="BP3248" s="166">
        <v>0</v>
      </c>
      <c r="BQ3248" s="166">
        <v>0</v>
      </c>
      <c r="BR3248" s="166">
        <v>210742544.42063099</v>
      </c>
      <c r="BS3248" s="166">
        <v>210742544.42063099</v>
      </c>
      <c r="BT3248" s="168">
        <v>0</v>
      </c>
      <c r="BU3248" s="166">
        <v>0</v>
      </c>
      <c r="BV3248" s="166">
        <v>0</v>
      </c>
      <c r="BW3248" s="166">
        <v>0</v>
      </c>
      <c r="BX3248" s="166">
        <v>0</v>
      </c>
      <c r="BY3248" s="166">
        <v>0</v>
      </c>
      <c r="BZ3248" s="166">
        <v>0</v>
      </c>
      <c r="CA3248" s="166">
        <v>0</v>
      </c>
      <c r="CB3248" s="166">
        <v>0</v>
      </c>
      <c r="CC3248" s="166">
        <v>0</v>
      </c>
      <c r="CD3248" s="166">
        <v>0</v>
      </c>
      <c r="CE3248" s="166">
        <v>0</v>
      </c>
      <c r="CF3248" s="166">
        <v>0</v>
      </c>
      <c r="CG3248" s="166">
        <v>0</v>
      </c>
      <c r="CH3248" s="166">
        <v>0</v>
      </c>
      <c r="CI3248" s="166">
        <v>0</v>
      </c>
      <c r="CJ3248" s="166">
        <v>0</v>
      </c>
      <c r="CK3248" s="166">
        <v>0</v>
      </c>
      <c r="CL3248" s="166">
        <v>0</v>
      </c>
      <c r="CM3248" s="166">
        <v>0</v>
      </c>
      <c r="CN3248" s="166">
        <v>0</v>
      </c>
      <c r="CO3248" s="166">
        <v>0</v>
      </c>
      <c r="CP3248" s="166">
        <v>0</v>
      </c>
      <c r="CQ3248" s="166">
        <v>0</v>
      </c>
      <c r="CR3248" s="166">
        <v>0</v>
      </c>
      <c r="CS3248" s="166">
        <v>0</v>
      </c>
      <c r="CT3248" s="166">
        <v>0</v>
      </c>
      <c r="CU3248" s="166">
        <v>0</v>
      </c>
      <c r="CV3248" s="166">
        <v>0</v>
      </c>
      <c r="CW3248" s="166">
        <v>0</v>
      </c>
      <c r="CX3248" s="166">
        <v>0</v>
      </c>
      <c r="CY3248" s="166">
        <v>0</v>
      </c>
      <c r="CZ3248" s="166">
        <v>0</v>
      </c>
    </row>
    <row r="3249" spans="1:104" x14ac:dyDescent="0.2">
      <c r="A3249" s="167" t="s">
        <v>533</v>
      </c>
      <c r="B3249" s="166">
        <v>1685656049.2448101</v>
      </c>
      <c r="C3249" s="166">
        <v>1685656049.2448101</v>
      </c>
      <c r="D3249" s="166">
        <v>0</v>
      </c>
      <c r="E3249" s="166">
        <v>0</v>
      </c>
      <c r="F3249" s="166">
        <v>0</v>
      </c>
      <c r="G3249" s="166">
        <v>0</v>
      </c>
      <c r="H3249" s="166">
        <v>0</v>
      </c>
      <c r="I3249" s="166">
        <v>0</v>
      </c>
      <c r="J3249" s="166">
        <v>0</v>
      </c>
      <c r="K3249" s="166">
        <v>0</v>
      </c>
      <c r="L3249" s="166">
        <v>0</v>
      </c>
      <c r="M3249" s="166">
        <v>0</v>
      </c>
      <c r="N3249" s="166">
        <v>0</v>
      </c>
      <c r="O3249" s="166">
        <v>0</v>
      </c>
      <c r="P3249" s="166">
        <v>0</v>
      </c>
      <c r="Q3249" s="166">
        <v>0</v>
      </c>
      <c r="R3249" s="166">
        <v>0</v>
      </c>
      <c r="S3249" s="166">
        <v>0</v>
      </c>
      <c r="T3249" s="166">
        <v>0</v>
      </c>
      <c r="U3249" s="166">
        <v>0</v>
      </c>
      <c r="V3249" s="166">
        <v>0</v>
      </c>
      <c r="W3249" s="166">
        <v>0</v>
      </c>
      <c r="X3249" s="166">
        <v>0</v>
      </c>
      <c r="Y3249" s="166">
        <v>0</v>
      </c>
      <c r="Z3249" s="166">
        <v>0</v>
      </c>
      <c r="AA3249" s="166">
        <v>0</v>
      </c>
      <c r="AB3249" s="166">
        <v>0</v>
      </c>
      <c r="AC3249" s="166">
        <v>0</v>
      </c>
      <c r="AD3249" s="166">
        <v>0</v>
      </c>
      <c r="AE3249" s="166">
        <v>0</v>
      </c>
      <c r="AF3249" s="166">
        <v>0</v>
      </c>
      <c r="AG3249" s="166">
        <v>0</v>
      </c>
      <c r="AH3249" s="166">
        <v>0</v>
      </c>
      <c r="AI3249" s="166">
        <v>0</v>
      </c>
      <c r="AJ3249" s="166">
        <v>0</v>
      </c>
      <c r="AK3249" s="166">
        <v>0</v>
      </c>
      <c r="AL3249" s="166">
        <v>0</v>
      </c>
      <c r="AM3249" s="166">
        <v>0</v>
      </c>
      <c r="AN3249" s="166">
        <v>0</v>
      </c>
      <c r="AO3249" s="166">
        <v>0</v>
      </c>
      <c r="AP3249" s="166">
        <v>0</v>
      </c>
      <c r="AQ3249" s="166">
        <v>0</v>
      </c>
      <c r="AR3249" s="166">
        <v>0</v>
      </c>
      <c r="AS3249" s="166">
        <v>0</v>
      </c>
      <c r="AT3249" s="166">
        <v>0</v>
      </c>
      <c r="AU3249" s="166">
        <v>0</v>
      </c>
      <c r="AV3249" s="166">
        <v>0</v>
      </c>
      <c r="AW3249" s="166">
        <v>0</v>
      </c>
      <c r="AX3249" s="166">
        <v>0</v>
      </c>
      <c r="AY3249" s="166">
        <v>0</v>
      </c>
      <c r="AZ3249" s="166">
        <v>0</v>
      </c>
      <c r="BA3249" s="166">
        <v>0</v>
      </c>
      <c r="BB3249" s="166">
        <v>0</v>
      </c>
      <c r="BC3249" s="166">
        <v>0</v>
      </c>
      <c r="BD3249" s="166">
        <v>0</v>
      </c>
      <c r="BE3249" s="166">
        <v>0</v>
      </c>
      <c r="BF3249" s="166">
        <v>0</v>
      </c>
      <c r="BG3249" s="166">
        <v>0</v>
      </c>
      <c r="BH3249" s="166">
        <v>0</v>
      </c>
      <c r="BI3249" s="166">
        <v>0</v>
      </c>
      <c r="BJ3249" s="166">
        <v>0</v>
      </c>
      <c r="BK3249" s="166">
        <v>0</v>
      </c>
      <c r="BL3249" s="166">
        <v>0</v>
      </c>
      <c r="BM3249" s="166">
        <v>0</v>
      </c>
      <c r="BN3249" s="166">
        <v>0</v>
      </c>
      <c r="BO3249" s="166">
        <v>0</v>
      </c>
      <c r="BP3249" s="166">
        <v>0</v>
      </c>
      <c r="BQ3249" s="166">
        <v>0</v>
      </c>
      <c r="BR3249" s="166">
        <v>1685656049.2448101</v>
      </c>
      <c r="BS3249" s="166">
        <v>1685656049.2448101</v>
      </c>
      <c r="BT3249" s="168">
        <v>0</v>
      </c>
      <c r="BU3249" s="166">
        <v>0</v>
      </c>
      <c r="BV3249" s="166">
        <v>0</v>
      </c>
      <c r="BW3249" s="166">
        <v>0</v>
      </c>
      <c r="BX3249" s="166">
        <v>0</v>
      </c>
      <c r="BY3249" s="166">
        <v>0</v>
      </c>
      <c r="BZ3249" s="166">
        <v>0</v>
      </c>
      <c r="CA3249" s="166">
        <v>0</v>
      </c>
      <c r="CB3249" s="166">
        <v>0</v>
      </c>
      <c r="CC3249" s="166">
        <v>0</v>
      </c>
      <c r="CD3249" s="166">
        <v>0</v>
      </c>
      <c r="CE3249" s="166">
        <v>0</v>
      </c>
      <c r="CF3249" s="166">
        <v>0</v>
      </c>
      <c r="CG3249" s="166">
        <v>0</v>
      </c>
      <c r="CH3249" s="166">
        <v>0</v>
      </c>
      <c r="CI3249" s="166">
        <v>0</v>
      </c>
      <c r="CJ3249" s="166">
        <v>0</v>
      </c>
      <c r="CK3249" s="166">
        <v>0</v>
      </c>
      <c r="CL3249" s="166">
        <v>0</v>
      </c>
      <c r="CM3249" s="166">
        <v>0</v>
      </c>
      <c r="CN3249" s="166">
        <v>0</v>
      </c>
      <c r="CO3249" s="166">
        <v>0</v>
      </c>
      <c r="CP3249" s="166">
        <v>0</v>
      </c>
      <c r="CQ3249" s="166">
        <v>0</v>
      </c>
      <c r="CR3249" s="166">
        <v>0</v>
      </c>
      <c r="CS3249" s="166">
        <v>0</v>
      </c>
      <c r="CT3249" s="166">
        <v>0</v>
      </c>
      <c r="CU3249" s="166">
        <v>0</v>
      </c>
      <c r="CV3249" s="166">
        <v>0</v>
      </c>
      <c r="CW3249" s="166">
        <v>0</v>
      </c>
      <c r="CX3249" s="166">
        <v>0</v>
      </c>
      <c r="CY3249" s="166">
        <v>0</v>
      </c>
      <c r="CZ3249" s="166">
        <v>0</v>
      </c>
    </row>
    <row r="3250" spans="1:104" x14ac:dyDescent="0.2">
      <c r="A3250" s="167" t="s">
        <v>534</v>
      </c>
      <c r="B3250" s="166">
        <v>2441323405.8994498</v>
      </c>
      <c r="C3250" s="166">
        <v>2441323405.8994498</v>
      </c>
      <c r="D3250" s="166">
        <v>0</v>
      </c>
      <c r="E3250" s="166">
        <v>0</v>
      </c>
      <c r="F3250" s="166">
        <v>0</v>
      </c>
      <c r="G3250" s="166">
        <v>0</v>
      </c>
      <c r="H3250" s="166">
        <v>0</v>
      </c>
      <c r="I3250" s="166">
        <v>0</v>
      </c>
      <c r="J3250" s="166">
        <v>0</v>
      </c>
      <c r="K3250" s="166">
        <v>0</v>
      </c>
      <c r="L3250" s="166">
        <v>0</v>
      </c>
      <c r="M3250" s="166">
        <v>0</v>
      </c>
      <c r="N3250" s="166">
        <v>0</v>
      </c>
      <c r="O3250" s="166">
        <v>0</v>
      </c>
      <c r="P3250" s="166">
        <v>0</v>
      </c>
      <c r="Q3250" s="166">
        <v>0</v>
      </c>
      <c r="R3250" s="166">
        <v>0</v>
      </c>
      <c r="S3250" s="166">
        <v>0</v>
      </c>
      <c r="T3250" s="166">
        <v>0</v>
      </c>
      <c r="U3250" s="166">
        <v>0</v>
      </c>
      <c r="V3250" s="166">
        <v>0</v>
      </c>
      <c r="W3250" s="166">
        <v>0</v>
      </c>
      <c r="X3250" s="166">
        <v>0</v>
      </c>
      <c r="Y3250" s="166">
        <v>0</v>
      </c>
      <c r="Z3250" s="166">
        <v>0</v>
      </c>
      <c r="AA3250" s="166">
        <v>0</v>
      </c>
      <c r="AB3250" s="166">
        <v>0</v>
      </c>
      <c r="AC3250" s="166">
        <v>0</v>
      </c>
      <c r="AD3250" s="166">
        <v>0</v>
      </c>
      <c r="AE3250" s="166">
        <v>0</v>
      </c>
      <c r="AF3250" s="166">
        <v>0</v>
      </c>
      <c r="AG3250" s="166">
        <v>0</v>
      </c>
      <c r="AH3250" s="166">
        <v>0</v>
      </c>
      <c r="AI3250" s="166">
        <v>0</v>
      </c>
      <c r="AJ3250" s="166">
        <v>0</v>
      </c>
      <c r="AK3250" s="166">
        <v>0</v>
      </c>
      <c r="AL3250" s="166">
        <v>0</v>
      </c>
      <c r="AM3250" s="166">
        <v>0</v>
      </c>
      <c r="AN3250" s="166">
        <v>0</v>
      </c>
      <c r="AO3250" s="166">
        <v>0</v>
      </c>
      <c r="AP3250" s="166">
        <v>0</v>
      </c>
      <c r="AQ3250" s="166">
        <v>0</v>
      </c>
      <c r="AR3250" s="166">
        <v>0</v>
      </c>
      <c r="AS3250" s="166">
        <v>0</v>
      </c>
      <c r="AT3250" s="166">
        <v>0</v>
      </c>
      <c r="AU3250" s="166">
        <v>0</v>
      </c>
      <c r="AV3250" s="166">
        <v>0</v>
      </c>
      <c r="AW3250" s="166">
        <v>0</v>
      </c>
      <c r="AX3250" s="166">
        <v>0</v>
      </c>
      <c r="AY3250" s="166">
        <v>0</v>
      </c>
      <c r="AZ3250" s="166">
        <v>0</v>
      </c>
      <c r="BA3250" s="166">
        <v>0</v>
      </c>
      <c r="BB3250" s="166">
        <v>0</v>
      </c>
      <c r="BC3250" s="166">
        <v>0</v>
      </c>
      <c r="BD3250" s="166">
        <v>0</v>
      </c>
      <c r="BE3250" s="166">
        <v>0</v>
      </c>
      <c r="BF3250" s="166">
        <v>0</v>
      </c>
      <c r="BG3250" s="166">
        <v>0</v>
      </c>
      <c r="BH3250" s="166">
        <v>0</v>
      </c>
      <c r="BI3250" s="166">
        <v>0</v>
      </c>
      <c r="BJ3250" s="166">
        <v>0</v>
      </c>
      <c r="BK3250" s="166">
        <v>0</v>
      </c>
      <c r="BL3250" s="166">
        <v>0</v>
      </c>
      <c r="BM3250" s="166">
        <v>0</v>
      </c>
      <c r="BN3250" s="166">
        <v>0</v>
      </c>
      <c r="BO3250" s="166">
        <v>0</v>
      </c>
      <c r="BP3250" s="166">
        <v>0</v>
      </c>
      <c r="BQ3250" s="166">
        <v>0</v>
      </c>
      <c r="BR3250" s="166">
        <v>2441323405.8994498</v>
      </c>
      <c r="BS3250" s="166">
        <v>2441323405.8994498</v>
      </c>
      <c r="BT3250" s="168">
        <v>0</v>
      </c>
      <c r="BU3250" s="166">
        <v>0</v>
      </c>
      <c r="BV3250" s="166">
        <v>0</v>
      </c>
      <c r="BW3250" s="166">
        <v>0</v>
      </c>
      <c r="BX3250" s="166">
        <v>0</v>
      </c>
      <c r="BY3250" s="166">
        <v>0</v>
      </c>
      <c r="BZ3250" s="166">
        <v>0</v>
      </c>
      <c r="CA3250" s="166">
        <v>0</v>
      </c>
      <c r="CB3250" s="166">
        <v>0</v>
      </c>
      <c r="CC3250" s="166">
        <v>0</v>
      </c>
      <c r="CD3250" s="166">
        <v>0</v>
      </c>
      <c r="CE3250" s="166">
        <v>0</v>
      </c>
      <c r="CF3250" s="166">
        <v>0</v>
      </c>
      <c r="CG3250" s="166">
        <v>0</v>
      </c>
      <c r="CH3250" s="166">
        <v>0</v>
      </c>
      <c r="CI3250" s="166">
        <v>0</v>
      </c>
      <c r="CJ3250" s="166">
        <v>0</v>
      </c>
      <c r="CK3250" s="166">
        <v>0</v>
      </c>
      <c r="CL3250" s="166">
        <v>0</v>
      </c>
      <c r="CM3250" s="166">
        <v>0</v>
      </c>
      <c r="CN3250" s="166">
        <v>0</v>
      </c>
      <c r="CO3250" s="166">
        <v>0</v>
      </c>
      <c r="CP3250" s="166">
        <v>0</v>
      </c>
      <c r="CQ3250" s="166">
        <v>0</v>
      </c>
      <c r="CR3250" s="166">
        <v>0</v>
      </c>
      <c r="CS3250" s="166">
        <v>0</v>
      </c>
      <c r="CT3250" s="166">
        <v>0</v>
      </c>
      <c r="CU3250" s="166">
        <v>0</v>
      </c>
      <c r="CV3250" s="166">
        <v>0</v>
      </c>
      <c r="CW3250" s="166">
        <v>0</v>
      </c>
      <c r="CX3250" s="166">
        <v>0</v>
      </c>
      <c r="CY3250" s="166">
        <v>0</v>
      </c>
      <c r="CZ3250" s="166">
        <v>0</v>
      </c>
    </row>
    <row r="3251" spans="1:104" x14ac:dyDescent="0.2">
      <c r="A3251" s="170" t="s">
        <v>535</v>
      </c>
      <c r="B3251" s="166">
        <v>0</v>
      </c>
      <c r="C3251" s="166">
        <v>0</v>
      </c>
      <c r="D3251" s="166">
        <v>0</v>
      </c>
      <c r="E3251" s="166">
        <v>0</v>
      </c>
      <c r="F3251" s="166">
        <v>0</v>
      </c>
      <c r="G3251" s="166">
        <v>0</v>
      </c>
      <c r="H3251" s="166">
        <v>0</v>
      </c>
      <c r="I3251" s="166">
        <v>0</v>
      </c>
      <c r="J3251" s="166">
        <v>0</v>
      </c>
      <c r="K3251" s="166">
        <v>0</v>
      </c>
      <c r="L3251" s="166">
        <v>0</v>
      </c>
      <c r="M3251" s="166">
        <v>0</v>
      </c>
      <c r="N3251" s="166">
        <v>0</v>
      </c>
      <c r="O3251" s="166">
        <v>0</v>
      </c>
      <c r="P3251" s="166">
        <v>0</v>
      </c>
      <c r="Q3251" s="166">
        <v>0</v>
      </c>
      <c r="R3251" s="166">
        <v>0</v>
      </c>
      <c r="S3251" s="166">
        <v>0</v>
      </c>
      <c r="T3251" s="166">
        <v>0</v>
      </c>
      <c r="U3251" s="166">
        <v>0</v>
      </c>
      <c r="V3251" s="166">
        <v>0</v>
      </c>
      <c r="W3251" s="166">
        <v>0</v>
      </c>
      <c r="X3251" s="166">
        <v>0</v>
      </c>
      <c r="Y3251" s="166">
        <v>0</v>
      </c>
      <c r="Z3251" s="166">
        <v>0</v>
      </c>
      <c r="AA3251" s="166">
        <v>0</v>
      </c>
      <c r="AB3251" s="166">
        <v>0</v>
      </c>
      <c r="AC3251" s="166">
        <v>0</v>
      </c>
      <c r="AD3251" s="166">
        <v>0</v>
      </c>
      <c r="AE3251" s="166">
        <v>0</v>
      </c>
      <c r="AF3251" s="166">
        <v>0</v>
      </c>
      <c r="AG3251" s="166">
        <v>0</v>
      </c>
      <c r="AH3251" s="166">
        <v>0</v>
      </c>
      <c r="AI3251" s="166">
        <v>0</v>
      </c>
      <c r="AJ3251" s="166">
        <v>0</v>
      </c>
      <c r="AK3251" s="166">
        <v>0</v>
      </c>
      <c r="AL3251" s="166">
        <v>0</v>
      </c>
      <c r="AM3251" s="166">
        <v>0</v>
      </c>
      <c r="AN3251" s="166">
        <v>0</v>
      </c>
      <c r="AO3251" s="166">
        <v>0</v>
      </c>
      <c r="AP3251" s="166">
        <v>0</v>
      </c>
      <c r="AQ3251" s="166">
        <v>0</v>
      </c>
      <c r="AR3251" s="166">
        <v>0</v>
      </c>
      <c r="AS3251" s="166">
        <v>0</v>
      </c>
      <c r="AT3251" s="166">
        <v>0</v>
      </c>
      <c r="AU3251" s="166">
        <v>0</v>
      </c>
      <c r="AV3251" s="166">
        <v>0</v>
      </c>
      <c r="AW3251" s="166">
        <v>0</v>
      </c>
      <c r="AX3251" s="166">
        <v>0</v>
      </c>
      <c r="AY3251" s="166">
        <v>0</v>
      </c>
      <c r="AZ3251" s="166">
        <v>0</v>
      </c>
      <c r="BA3251" s="166">
        <v>0</v>
      </c>
      <c r="BB3251" s="166">
        <v>0</v>
      </c>
      <c r="BC3251" s="166">
        <v>0</v>
      </c>
      <c r="BD3251" s="166">
        <v>0</v>
      </c>
      <c r="BE3251" s="166">
        <v>0</v>
      </c>
      <c r="BF3251" s="166">
        <v>0</v>
      </c>
      <c r="BG3251" s="166">
        <v>0</v>
      </c>
      <c r="BH3251" s="166">
        <v>0</v>
      </c>
      <c r="BI3251" s="166">
        <v>0</v>
      </c>
      <c r="BJ3251" s="166">
        <v>0</v>
      </c>
      <c r="BK3251" s="166">
        <v>0</v>
      </c>
      <c r="BL3251" s="166">
        <v>0</v>
      </c>
      <c r="BM3251" s="166">
        <v>0</v>
      </c>
      <c r="BN3251" s="166">
        <v>0</v>
      </c>
      <c r="BO3251" s="166">
        <v>0</v>
      </c>
      <c r="BP3251" s="166">
        <v>0</v>
      </c>
      <c r="BQ3251" s="166">
        <v>0</v>
      </c>
      <c r="BR3251" s="166">
        <v>0</v>
      </c>
      <c r="BS3251" s="166">
        <v>0</v>
      </c>
      <c r="BT3251" s="168">
        <v>0</v>
      </c>
      <c r="BU3251" s="166">
        <v>0</v>
      </c>
      <c r="BV3251" s="166">
        <v>0</v>
      </c>
      <c r="BW3251" s="166">
        <v>0</v>
      </c>
      <c r="BX3251" s="166">
        <v>0</v>
      </c>
      <c r="BY3251" s="166">
        <v>0</v>
      </c>
      <c r="BZ3251" s="166">
        <v>0</v>
      </c>
      <c r="CA3251" s="166">
        <v>0</v>
      </c>
      <c r="CB3251" s="166">
        <v>0</v>
      </c>
      <c r="CC3251" s="166">
        <v>0</v>
      </c>
      <c r="CD3251" s="166">
        <v>0</v>
      </c>
      <c r="CE3251" s="166">
        <v>0</v>
      </c>
      <c r="CF3251" s="166">
        <v>0</v>
      </c>
      <c r="CG3251" s="166">
        <v>0</v>
      </c>
      <c r="CH3251" s="166">
        <v>0</v>
      </c>
      <c r="CI3251" s="166">
        <v>0</v>
      </c>
      <c r="CJ3251" s="166">
        <v>0</v>
      </c>
      <c r="CK3251" s="166">
        <v>0</v>
      </c>
      <c r="CL3251" s="166">
        <v>0</v>
      </c>
      <c r="CM3251" s="166">
        <v>0</v>
      </c>
      <c r="CN3251" s="166">
        <v>0</v>
      </c>
      <c r="CO3251" s="166">
        <v>0</v>
      </c>
      <c r="CP3251" s="166">
        <v>0</v>
      </c>
      <c r="CQ3251" s="166">
        <v>0</v>
      </c>
      <c r="CR3251" s="166">
        <v>0</v>
      </c>
      <c r="CS3251" s="166">
        <v>0</v>
      </c>
      <c r="CT3251" s="166">
        <v>0</v>
      </c>
      <c r="CU3251" s="166">
        <v>0</v>
      </c>
      <c r="CV3251" s="166">
        <v>0</v>
      </c>
      <c r="CW3251" s="166">
        <v>0</v>
      </c>
      <c r="CX3251" s="166">
        <v>0</v>
      </c>
      <c r="CY3251" s="166">
        <v>0</v>
      </c>
      <c r="CZ3251" s="166">
        <v>0</v>
      </c>
    </row>
    <row r="3252" spans="1:104" x14ac:dyDescent="0.2">
      <c r="A3252" s="167" t="s">
        <v>536</v>
      </c>
      <c r="B3252" s="166">
        <v>5.8207660913467401E-8</v>
      </c>
      <c r="C3252" s="166">
        <v>5.8207660913467401E-8</v>
      </c>
      <c r="D3252" s="166">
        <v>0</v>
      </c>
      <c r="E3252" s="166">
        <v>0</v>
      </c>
      <c r="F3252" s="166">
        <v>0</v>
      </c>
      <c r="G3252" s="166">
        <v>0</v>
      </c>
      <c r="H3252" s="166">
        <v>0</v>
      </c>
      <c r="I3252" s="166">
        <v>0</v>
      </c>
      <c r="J3252" s="166">
        <v>0</v>
      </c>
      <c r="K3252" s="166">
        <v>0</v>
      </c>
      <c r="L3252" s="166">
        <v>0</v>
      </c>
      <c r="M3252" s="166">
        <v>0</v>
      </c>
      <c r="N3252" s="166">
        <v>0</v>
      </c>
      <c r="O3252" s="166">
        <v>0</v>
      </c>
      <c r="P3252" s="166">
        <v>0</v>
      </c>
      <c r="Q3252" s="166">
        <v>0</v>
      </c>
      <c r="R3252" s="166">
        <v>0</v>
      </c>
      <c r="S3252" s="166">
        <v>0</v>
      </c>
      <c r="T3252" s="166">
        <v>0</v>
      </c>
      <c r="U3252" s="166">
        <v>0</v>
      </c>
      <c r="V3252" s="166">
        <v>0</v>
      </c>
      <c r="W3252" s="166">
        <v>0</v>
      </c>
      <c r="X3252" s="166">
        <v>0</v>
      </c>
      <c r="Y3252" s="166">
        <v>0</v>
      </c>
      <c r="Z3252" s="166">
        <v>0</v>
      </c>
      <c r="AA3252" s="166">
        <v>0</v>
      </c>
      <c r="AB3252" s="166">
        <v>0</v>
      </c>
      <c r="AC3252" s="166">
        <v>0</v>
      </c>
      <c r="AD3252" s="166">
        <v>0</v>
      </c>
      <c r="AE3252" s="166">
        <v>0</v>
      </c>
      <c r="AF3252" s="166">
        <v>0</v>
      </c>
      <c r="AG3252" s="166">
        <v>0</v>
      </c>
      <c r="AH3252" s="166">
        <v>0</v>
      </c>
      <c r="AI3252" s="166">
        <v>0</v>
      </c>
      <c r="AJ3252" s="166">
        <v>0</v>
      </c>
      <c r="AK3252" s="166">
        <v>0</v>
      </c>
      <c r="AL3252" s="166">
        <v>0</v>
      </c>
      <c r="AM3252" s="166">
        <v>0</v>
      </c>
      <c r="AN3252" s="166">
        <v>0</v>
      </c>
      <c r="AO3252" s="166">
        <v>0</v>
      </c>
      <c r="AP3252" s="166">
        <v>0</v>
      </c>
      <c r="AQ3252" s="166">
        <v>0</v>
      </c>
      <c r="AR3252" s="166">
        <v>0</v>
      </c>
      <c r="AS3252" s="166">
        <v>0</v>
      </c>
      <c r="AT3252" s="166">
        <v>0</v>
      </c>
      <c r="AU3252" s="166">
        <v>0</v>
      </c>
      <c r="AV3252" s="166">
        <v>0</v>
      </c>
      <c r="AW3252" s="166">
        <v>0</v>
      </c>
      <c r="AX3252" s="166">
        <v>0</v>
      </c>
      <c r="AY3252" s="166">
        <v>0</v>
      </c>
      <c r="AZ3252" s="166">
        <v>0</v>
      </c>
      <c r="BA3252" s="166">
        <v>0</v>
      </c>
      <c r="BB3252" s="166">
        <v>0</v>
      </c>
      <c r="BC3252" s="166">
        <v>0</v>
      </c>
      <c r="BD3252" s="166">
        <v>0</v>
      </c>
      <c r="BE3252" s="166">
        <v>0</v>
      </c>
      <c r="BF3252" s="166">
        <v>0</v>
      </c>
      <c r="BG3252" s="166">
        <v>0</v>
      </c>
      <c r="BH3252" s="166">
        <v>0</v>
      </c>
      <c r="BI3252" s="166">
        <v>0</v>
      </c>
      <c r="BJ3252" s="166">
        <v>0</v>
      </c>
      <c r="BK3252" s="166">
        <v>0</v>
      </c>
      <c r="BL3252" s="166">
        <v>0</v>
      </c>
      <c r="BM3252" s="166">
        <v>0</v>
      </c>
      <c r="BN3252" s="166">
        <v>0</v>
      </c>
      <c r="BO3252" s="166">
        <v>0</v>
      </c>
      <c r="BP3252" s="166">
        <v>0</v>
      </c>
      <c r="BQ3252" s="166">
        <v>0</v>
      </c>
      <c r="BR3252" s="166">
        <v>5.8207660913467401E-8</v>
      </c>
      <c r="BS3252" s="166">
        <v>5.8207660913467401E-8</v>
      </c>
      <c r="BT3252" s="168">
        <v>0</v>
      </c>
      <c r="BU3252" s="166">
        <v>0</v>
      </c>
      <c r="BV3252" s="166">
        <v>0</v>
      </c>
      <c r="BW3252" s="166">
        <v>0</v>
      </c>
      <c r="BX3252" s="166">
        <v>0</v>
      </c>
      <c r="BY3252" s="166">
        <v>0</v>
      </c>
      <c r="BZ3252" s="166">
        <v>0</v>
      </c>
      <c r="CA3252" s="166">
        <v>0</v>
      </c>
      <c r="CB3252" s="166">
        <v>0</v>
      </c>
      <c r="CC3252" s="166">
        <v>0</v>
      </c>
      <c r="CD3252" s="166">
        <v>0</v>
      </c>
      <c r="CE3252" s="166">
        <v>0</v>
      </c>
      <c r="CF3252" s="166">
        <v>0</v>
      </c>
      <c r="CG3252" s="166">
        <v>0</v>
      </c>
      <c r="CH3252" s="166">
        <v>0</v>
      </c>
      <c r="CI3252" s="166">
        <v>0</v>
      </c>
      <c r="CJ3252" s="166">
        <v>0</v>
      </c>
      <c r="CK3252" s="166">
        <v>0</v>
      </c>
      <c r="CL3252" s="166">
        <v>0</v>
      </c>
      <c r="CM3252" s="166">
        <v>0</v>
      </c>
      <c r="CN3252" s="166">
        <v>0</v>
      </c>
      <c r="CO3252" s="166">
        <v>0</v>
      </c>
      <c r="CP3252" s="166">
        <v>0</v>
      </c>
      <c r="CQ3252" s="166">
        <v>0</v>
      </c>
      <c r="CR3252" s="166">
        <v>0</v>
      </c>
      <c r="CS3252" s="166">
        <v>0</v>
      </c>
      <c r="CT3252" s="166">
        <v>0</v>
      </c>
      <c r="CU3252" s="166">
        <v>0</v>
      </c>
      <c r="CV3252" s="166">
        <v>0</v>
      </c>
      <c r="CW3252" s="166">
        <v>0</v>
      </c>
      <c r="CX3252" s="166">
        <v>0</v>
      </c>
      <c r="CY3252" s="166">
        <v>0</v>
      </c>
      <c r="CZ3252" s="166">
        <v>0</v>
      </c>
    </row>
    <row r="3253" spans="1:104" x14ac:dyDescent="0.2">
      <c r="A3253" s="167" t="s">
        <v>537</v>
      </c>
      <c r="B3253" s="166">
        <v>1.0913936421275101E-8</v>
      </c>
      <c r="C3253" s="166">
        <v>1.0913936421275101E-8</v>
      </c>
      <c r="D3253" s="166">
        <v>0</v>
      </c>
      <c r="E3253" s="166">
        <v>0</v>
      </c>
      <c r="F3253" s="166">
        <v>0</v>
      </c>
      <c r="G3253" s="166">
        <v>0</v>
      </c>
      <c r="H3253" s="166">
        <v>0</v>
      </c>
      <c r="I3253" s="166">
        <v>0</v>
      </c>
      <c r="J3253" s="166">
        <v>0</v>
      </c>
      <c r="K3253" s="166">
        <v>0</v>
      </c>
      <c r="L3253" s="166">
        <v>0</v>
      </c>
      <c r="M3253" s="166">
        <v>0</v>
      </c>
      <c r="N3253" s="166">
        <v>0</v>
      </c>
      <c r="O3253" s="166">
        <v>0</v>
      </c>
      <c r="P3253" s="166">
        <v>0</v>
      </c>
      <c r="Q3253" s="166">
        <v>0</v>
      </c>
      <c r="R3253" s="166">
        <v>0</v>
      </c>
      <c r="S3253" s="166">
        <v>0</v>
      </c>
      <c r="T3253" s="166">
        <v>0</v>
      </c>
      <c r="U3253" s="166">
        <v>0</v>
      </c>
      <c r="V3253" s="166">
        <v>0</v>
      </c>
      <c r="W3253" s="166">
        <v>0</v>
      </c>
      <c r="X3253" s="166">
        <v>0</v>
      </c>
      <c r="Y3253" s="166">
        <v>0</v>
      </c>
      <c r="Z3253" s="166">
        <v>0</v>
      </c>
      <c r="AA3253" s="166">
        <v>0</v>
      </c>
      <c r="AB3253" s="166">
        <v>0</v>
      </c>
      <c r="AC3253" s="166">
        <v>0</v>
      </c>
      <c r="AD3253" s="166">
        <v>0</v>
      </c>
      <c r="AE3253" s="166">
        <v>0</v>
      </c>
      <c r="AF3253" s="166">
        <v>0</v>
      </c>
      <c r="AG3253" s="166">
        <v>0</v>
      </c>
      <c r="AH3253" s="166">
        <v>0</v>
      </c>
      <c r="AI3253" s="166">
        <v>0</v>
      </c>
      <c r="AJ3253" s="166">
        <v>0</v>
      </c>
      <c r="AK3253" s="166">
        <v>0</v>
      </c>
      <c r="AL3253" s="166">
        <v>0</v>
      </c>
      <c r="AM3253" s="166">
        <v>0</v>
      </c>
      <c r="AN3253" s="166">
        <v>0</v>
      </c>
      <c r="AO3253" s="166">
        <v>0</v>
      </c>
      <c r="AP3253" s="166">
        <v>0</v>
      </c>
      <c r="AQ3253" s="166">
        <v>0</v>
      </c>
      <c r="AR3253" s="166">
        <v>0</v>
      </c>
      <c r="AS3253" s="166">
        <v>0</v>
      </c>
      <c r="AT3253" s="166">
        <v>0</v>
      </c>
      <c r="AU3253" s="166">
        <v>0</v>
      </c>
      <c r="AV3253" s="166">
        <v>0</v>
      </c>
      <c r="AW3253" s="166">
        <v>0</v>
      </c>
      <c r="AX3253" s="166">
        <v>0</v>
      </c>
      <c r="AY3253" s="166">
        <v>0</v>
      </c>
      <c r="AZ3253" s="166">
        <v>0</v>
      </c>
      <c r="BA3253" s="166">
        <v>0</v>
      </c>
      <c r="BB3253" s="166">
        <v>0</v>
      </c>
      <c r="BC3253" s="166">
        <v>0</v>
      </c>
      <c r="BD3253" s="166">
        <v>0</v>
      </c>
      <c r="BE3253" s="166">
        <v>0</v>
      </c>
      <c r="BF3253" s="166">
        <v>0</v>
      </c>
      <c r="BG3253" s="166">
        <v>0</v>
      </c>
      <c r="BH3253" s="166">
        <v>0</v>
      </c>
      <c r="BI3253" s="166">
        <v>0</v>
      </c>
      <c r="BJ3253" s="166">
        <v>0</v>
      </c>
      <c r="BK3253" s="166">
        <v>0</v>
      </c>
      <c r="BL3253" s="166">
        <v>0</v>
      </c>
      <c r="BM3253" s="166">
        <v>0</v>
      </c>
      <c r="BN3253" s="166">
        <v>0</v>
      </c>
      <c r="BO3253" s="166">
        <v>0</v>
      </c>
      <c r="BP3253" s="166">
        <v>0</v>
      </c>
      <c r="BQ3253" s="166">
        <v>0</v>
      </c>
      <c r="BR3253" s="166">
        <v>1.0913936421275101E-8</v>
      </c>
      <c r="BS3253" s="166">
        <v>1.0913936421275101E-8</v>
      </c>
      <c r="BT3253" s="168">
        <v>0</v>
      </c>
      <c r="BU3253" s="166">
        <v>0</v>
      </c>
      <c r="BV3253" s="166">
        <v>0</v>
      </c>
      <c r="BW3253" s="166">
        <v>0</v>
      </c>
      <c r="BX3253" s="166">
        <v>0</v>
      </c>
      <c r="BY3253" s="166">
        <v>0</v>
      </c>
      <c r="BZ3253" s="166">
        <v>0</v>
      </c>
      <c r="CA3253" s="166">
        <v>0</v>
      </c>
      <c r="CB3253" s="166">
        <v>0</v>
      </c>
      <c r="CC3253" s="166">
        <v>0</v>
      </c>
      <c r="CD3253" s="166">
        <v>0</v>
      </c>
      <c r="CE3253" s="166">
        <v>0</v>
      </c>
      <c r="CF3253" s="166">
        <v>0</v>
      </c>
      <c r="CG3253" s="166">
        <v>0</v>
      </c>
      <c r="CH3253" s="166">
        <v>0</v>
      </c>
      <c r="CI3253" s="166">
        <v>0</v>
      </c>
      <c r="CJ3253" s="166">
        <v>0</v>
      </c>
      <c r="CK3253" s="166">
        <v>0</v>
      </c>
      <c r="CL3253" s="166">
        <v>0</v>
      </c>
      <c r="CM3253" s="166">
        <v>0</v>
      </c>
      <c r="CN3253" s="166">
        <v>0</v>
      </c>
      <c r="CO3253" s="166">
        <v>0</v>
      </c>
      <c r="CP3253" s="166">
        <v>0</v>
      </c>
      <c r="CQ3253" s="166">
        <v>0</v>
      </c>
      <c r="CR3253" s="166">
        <v>0</v>
      </c>
      <c r="CS3253" s="166">
        <v>0</v>
      </c>
      <c r="CT3253" s="166">
        <v>0</v>
      </c>
      <c r="CU3253" s="166">
        <v>0</v>
      </c>
      <c r="CV3253" s="166">
        <v>0</v>
      </c>
      <c r="CW3253" s="166">
        <v>0</v>
      </c>
      <c r="CX3253" s="166">
        <v>0</v>
      </c>
      <c r="CY3253" s="166">
        <v>0</v>
      </c>
      <c r="CZ3253" s="166">
        <v>0</v>
      </c>
    </row>
    <row r="3254" spans="1:104" x14ac:dyDescent="0.2">
      <c r="A3254" s="167" t="s">
        <v>538</v>
      </c>
      <c r="B3254" s="166">
        <v>-4.5474735088646402E-10</v>
      </c>
      <c r="C3254" s="166">
        <v>-4.5474735088646402E-10</v>
      </c>
      <c r="D3254" s="166">
        <v>0</v>
      </c>
      <c r="E3254" s="166">
        <v>0</v>
      </c>
      <c r="F3254" s="166">
        <v>0</v>
      </c>
      <c r="G3254" s="166">
        <v>0</v>
      </c>
      <c r="H3254" s="166">
        <v>0</v>
      </c>
      <c r="I3254" s="166">
        <v>0</v>
      </c>
      <c r="J3254" s="166">
        <v>0</v>
      </c>
      <c r="K3254" s="166">
        <v>0</v>
      </c>
      <c r="L3254" s="166">
        <v>0</v>
      </c>
      <c r="M3254" s="166">
        <v>0</v>
      </c>
      <c r="N3254" s="166">
        <v>0</v>
      </c>
      <c r="O3254" s="166">
        <v>0</v>
      </c>
      <c r="P3254" s="166">
        <v>0</v>
      </c>
      <c r="Q3254" s="166">
        <v>0</v>
      </c>
      <c r="R3254" s="166">
        <v>0</v>
      </c>
      <c r="S3254" s="166">
        <v>0</v>
      </c>
      <c r="T3254" s="166">
        <v>0</v>
      </c>
      <c r="U3254" s="166">
        <v>0</v>
      </c>
      <c r="V3254" s="166">
        <v>0</v>
      </c>
      <c r="W3254" s="166">
        <v>0</v>
      </c>
      <c r="X3254" s="166">
        <v>0</v>
      </c>
      <c r="Y3254" s="166">
        <v>0</v>
      </c>
      <c r="Z3254" s="166">
        <v>0</v>
      </c>
      <c r="AA3254" s="166">
        <v>0</v>
      </c>
      <c r="AB3254" s="166">
        <v>0</v>
      </c>
      <c r="AC3254" s="166">
        <v>0</v>
      </c>
      <c r="AD3254" s="166">
        <v>0</v>
      </c>
      <c r="AE3254" s="166">
        <v>0</v>
      </c>
      <c r="AF3254" s="166">
        <v>0</v>
      </c>
      <c r="AG3254" s="166">
        <v>0</v>
      </c>
      <c r="AH3254" s="166">
        <v>0</v>
      </c>
      <c r="AI3254" s="166">
        <v>0</v>
      </c>
      <c r="AJ3254" s="166">
        <v>0</v>
      </c>
      <c r="AK3254" s="166">
        <v>0</v>
      </c>
      <c r="AL3254" s="166">
        <v>0</v>
      </c>
      <c r="AM3254" s="166">
        <v>0</v>
      </c>
      <c r="AN3254" s="166">
        <v>0</v>
      </c>
      <c r="AO3254" s="166">
        <v>0</v>
      </c>
      <c r="AP3254" s="166">
        <v>0</v>
      </c>
      <c r="AQ3254" s="166">
        <v>0</v>
      </c>
      <c r="AR3254" s="166">
        <v>0</v>
      </c>
      <c r="AS3254" s="166">
        <v>0</v>
      </c>
      <c r="AT3254" s="166">
        <v>0</v>
      </c>
      <c r="AU3254" s="166">
        <v>0</v>
      </c>
      <c r="AV3254" s="166">
        <v>0</v>
      </c>
      <c r="AW3254" s="166">
        <v>0</v>
      </c>
      <c r="AX3254" s="166">
        <v>0</v>
      </c>
      <c r="AY3254" s="166">
        <v>0</v>
      </c>
      <c r="AZ3254" s="166">
        <v>0</v>
      </c>
      <c r="BA3254" s="166">
        <v>0</v>
      </c>
      <c r="BB3254" s="166">
        <v>0</v>
      </c>
      <c r="BC3254" s="166">
        <v>0</v>
      </c>
      <c r="BD3254" s="166">
        <v>0</v>
      </c>
      <c r="BE3254" s="166">
        <v>0</v>
      </c>
      <c r="BF3254" s="166">
        <v>0</v>
      </c>
      <c r="BG3254" s="166">
        <v>0</v>
      </c>
      <c r="BH3254" s="166">
        <v>0</v>
      </c>
      <c r="BI3254" s="166">
        <v>0</v>
      </c>
      <c r="BJ3254" s="166">
        <v>0</v>
      </c>
      <c r="BK3254" s="166">
        <v>0</v>
      </c>
      <c r="BL3254" s="166">
        <v>0</v>
      </c>
      <c r="BM3254" s="166">
        <v>0</v>
      </c>
      <c r="BN3254" s="166">
        <v>0</v>
      </c>
      <c r="BO3254" s="166">
        <v>0</v>
      </c>
      <c r="BP3254" s="166">
        <v>0</v>
      </c>
      <c r="BQ3254" s="166">
        <v>0</v>
      </c>
      <c r="BR3254" s="166">
        <v>-4.5474735088646402E-10</v>
      </c>
      <c r="BS3254" s="166">
        <v>-4.5474735088646402E-10</v>
      </c>
      <c r="BT3254" s="168">
        <v>0</v>
      </c>
      <c r="BU3254" s="166">
        <v>0</v>
      </c>
      <c r="BV3254" s="166">
        <v>0</v>
      </c>
      <c r="BW3254" s="166">
        <v>0</v>
      </c>
      <c r="BX3254" s="166">
        <v>0</v>
      </c>
      <c r="BY3254" s="166">
        <v>0</v>
      </c>
      <c r="BZ3254" s="166">
        <v>0</v>
      </c>
      <c r="CA3254" s="166">
        <v>0</v>
      </c>
      <c r="CB3254" s="166">
        <v>0</v>
      </c>
      <c r="CC3254" s="166">
        <v>0</v>
      </c>
      <c r="CD3254" s="166">
        <v>0</v>
      </c>
      <c r="CE3254" s="166">
        <v>0</v>
      </c>
      <c r="CF3254" s="166">
        <v>0</v>
      </c>
      <c r="CG3254" s="166">
        <v>0</v>
      </c>
      <c r="CH3254" s="166">
        <v>0</v>
      </c>
      <c r="CI3254" s="166">
        <v>0</v>
      </c>
      <c r="CJ3254" s="166">
        <v>0</v>
      </c>
      <c r="CK3254" s="166">
        <v>0</v>
      </c>
      <c r="CL3254" s="166">
        <v>0</v>
      </c>
      <c r="CM3254" s="166">
        <v>0</v>
      </c>
      <c r="CN3254" s="166">
        <v>0</v>
      </c>
      <c r="CO3254" s="166">
        <v>0</v>
      </c>
      <c r="CP3254" s="166">
        <v>0</v>
      </c>
      <c r="CQ3254" s="166">
        <v>0</v>
      </c>
      <c r="CR3254" s="166">
        <v>0</v>
      </c>
      <c r="CS3254" s="166">
        <v>0</v>
      </c>
      <c r="CT3254" s="166">
        <v>0</v>
      </c>
      <c r="CU3254" s="166">
        <v>0</v>
      </c>
      <c r="CV3254" s="166">
        <v>0</v>
      </c>
      <c r="CW3254" s="166">
        <v>0</v>
      </c>
      <c r="CX3254" s="166">
        <v>0</v>
      </c>
      <c r="CY3254" s="166">
        <v>0</v>
      </c>
      <c r="CZ3254" s="166">
        <v>0</v>
      </c>
    </row>
    <row r="3255" spans="1:104" x14ac:dyDescent="0.2">
      <c r="A3255" s="167" t="s">
        <v>539</v>
      </c>
      <c r="B3255" s="166">
        <v>-5.4569682106375603E-9</v>
      </c>
      <c r="C3255" s="166">
        <v>-5.4569682106375603E-9</v>
      </c>
      <c r="D3255" s="166">
        <v>0</v>
      </c>
      <c r="E3255" s="166">
        <v>0</v>
      </c>
      <c r="F3255" s="166">
        <v>0</v>
      </c>
      <c r="G3255" s="166">
        <v>0</v>
      </c>
      <c r="H3255" s="166">
        <v>0</v>
      </c>
      <c r="I3255" s="166">
        <v>0</v>
      </c>
      <c r="J3255" s="166">
        <v>0</v>
      </c>
      <c r="K3255" s="166">
        <v>0</v>
      </c>
      <c r="L3255" s="166">
        <v>0</v>
      </c>
      <c r="M3255" s="166">
        <v>0</v>
      </c>
      <c r="N3255" s="166">
        <v>0</v>
      </c>
      <c r="O3255" s="166">
        <v>0</v>
      </c>
      <c r="P3255" s="166">
        <v>0</v>
      </c>
      <c r="Q3255" s="166">
        <v>0</v>
      </c>
      <c r="R3255" s="166">
        <v>0</v>
      </c>
      <c r="S3255" s="166">
        <v>0</v>
      </c>
      <c r="T3255" s="166">
        <v>0</v>
      </c>
      <c r="U3255" s="166">
        <v>0</v>
      </c>
      <c r="V3255" s="166">
        <v>0</v>
      </c>
      <c r="W3255" s="166">
        <v>0</v>
      </c>
      <c r="X3255" s="166">
        <v>0</v>
      </c>
      <c r="Y3255" s="166">
        <v>0</v>
      </c>
      <c r="Z3255" s="166">
        <v>0</v>
      </c>
      <c r="AA3255" s="166">
        <v>0</v>
      </c>
      <c r="AB3255" s="166">
        <v>0</v>
      </c>
      <c r="AC3255" s="166">
        <v>0</v>
      </c>
      <c r="AD3255" s="166">
        <v>0</v>
      </c>
      <c r="AE3255" s="166">
        <v>0</v>
      </c>
      <c r="AF3255" s="166">
        <v>0</v>
      </c>
      <c r="AG3255" s="166">
        <v>0</v>
      </c>
      <c r="AH3255" s="166">
        <v>0</v>
      </c>
      <c r="AI3255" s="166">
        <v>0</v>
      </c>
      <c r="AJ3255" s="166">
        <v>0</v>
      </c>
      <c r="AK3255" s="166">
        <v>0</v>
      </c>
      <c r="AL3255" s="166">
        <v>0</v>
      </c>
      <c r="AM3255" s="166">
        <v>0</v>
      </c>
      <c r="AN3255" s="166">
        <v>0</v>
      </c>
      <c r="AO3255" s="166">
        <v>0</v>
      </c>
      <c r="AP3255" s="166">
        <v>0</v>
      </c>
      <c r="AQ3255" s="166">
        <v>0</v>
      </c>
      <c r="AR3255" s="166">
        <v>0</v>
      </c>
      <c r="AS3255" s="166">
        <v>0</v>
      </c>
      <c r="AT3255" s="166">
        <v>0</v>
      </c>
      <c r="AU3255" s="166">
        <v>0</v>
      </c>
      <c r="AV3255" s="166">
        <v>0</v>
      </c>
      <c r="AW3255" s="166">
        <v>0</v>
      </c>
      <c r="AX3255" s="166">
        <v>0</v>
      </c>
      <c r="AY3255" s="166">
        <v>0</v>
      </c>
      <c r="AZ3255" s="166">
        <v>0</v>
      </c>
      <c r="BA3255" s="166">
        <v>0</v>
      </c>
      <c r="BB3255" s="166">
        <v>0</v>
      </c>
      <c r="BC3255" s="166">
        <v>0</v>
      </c>
      <c r="BD3255" s="166">
        <v>0</v>
      </c>
      <c r="BE3255" s="166">
        <v>0</v>
      </c>
      <c r="BF3255" s="166">
        <v>0</v>
      </c>
      <c r="BG3255" s="166">
        <v>0</v>
      </c>
      <c r="BH3255" s="166">
        <v>0</v>
      </c>
      <c r="BI3255" s="166">
        <v>0</v>
      </c>
      <c r="BJ3255" s="166">
        <v>0</v>
      </c>
      <c r="BK3255" s="166">
        <v>0</v>
      </c>
      <c r="BL3255" s="166">
        <v>0</v>
      </c>
      <c r="BM3255" s="166">
        <v>0</v>
      </c>
      <c r="BN3255" s="166">
        <v>0</v>
      </c>
      <c r="BO3255" s="166">
        <v>0</v>
      </c>
      <c r="BP3255" s="166">
        <v>0</v>
      </c>
      <c r="BQ3255" s="166">
        <v>0</v>
      </c>
      <c r="BR3255" s="166">
        <v>-5.4569682106375603E-9</v>
      </c>
      <c r="BS3255" s="166">
        <v>-5.4569682106375603E-9</v>
      </c>
      <c r="BT3255" s="168">
        <v>0</v>
      </c>
      <c r="BU3255" s="166">
        <v>0</v>
      </c>
      <c r="BV3255" s="166">
        <v>0</v>
      </c>
      <c r="BW3255" s="166">
        <v>0</v>
      </c>
      <c r="BX3255" s="166">
        <v>0</v>
      </c>
      <c r="BY3255" s="166">
        <v>0</v>
      </c>
      <c r="BZ3255" s="166">
        <v>0</v>
      </c>
      <c r="CA3255" s="166">
        <v>0</v>
      </c>
      <c r="CB3255" s="166">
        <v>0</v>
      </c>
      <c r="CC3255" s="166">
        <v>0</v>
      </c>
      <c r="CD3255" s="166">
        <v>0</v>
      </c>
      <c r="CE3255" s="166">
        <v>0</v>
      </c>
      <c r="CF3255" s="166">
        <v>0</v>
      </c>
      <c r="CG3255" s="166">
        <v>0</v>
      </c>
      <c r="CH3255" s="166">
        <v>0</v>
      </c>
      <c r="CI3255" s="166">
        <v>0</v>
      </c>
      <c r="CJ3255" s="166">
        <v>0</v>
      </c>
      <c r="CK3255" s="166">
        <v>0</v>
      </c>
      <c r="CL3255" s="166">
        <v>0</v>
      </c>
      <c r="CM3255" s="166">
        <v>0</v>
      </c>
      <c r="CN3255" s="166">
        <v>0</v>
      </c>
      <c r="CO3255" s="166">
        <v>0</v>
      </c>
      <c r="CP3255" s="166">
        <v>0</v>
      </c>
      <c r="CQ3255" s="166">
        <v>0</v>
      </c>
      <c r="CR3255" s="166">
        <v>0</v>
      </c>
      <c r="CS3255" s="166">
        <v>0</v>
      </c>
      <c r="CT3255" s="166">
        <v>0</v>
      </c>
      <c r="CU3255" s="166">
        <v>0</v>
      </c>
      <c r="CV3255" s="166">
        <v>0</v>
      </c>
      <c r="CW3255" s="166">
        <v>0</v>
      </c>
      <c r="CX3255" s="166">
        <v>0</v>
      </c>
      <c r="CY3255" s="166">
        <v>0</v>
      </c>
      <c r="CZ3255" s="166">
        <v>0</v>
      </c>
    </row>
    <row r="3256" spans="1:104" x14ac:dyDescent="0.2">
      <c r="A3256" s="167" t="s">
        <v>540</v>
      </c>
      <c r="B3256" s="166">
        <v>1.8189894035458501E-9</v>
      </c>
      <c r="C3256" s="166">
        <v>1.8189894035458501E-9</v>
      </c>
      <c r="D3256" s="166">
        <v>0</v>
      </c>
      <c r="E3256" s="166">
        <v>0</v>
      </c>
      <c r="F3256" s="166">
        <v>0</v>
      </c>
      <c r="G3256" s="166">
        <v>0</v>
      </c>
      <c r="H3256" s="166">
        <v>0</v>
      </c>
      <c r="I3256" s="166">
        <v>0</v>
      </c>
      <c r="J3256" s="166">
        <v>0</v>
      </c>
      <c r="K3256" s="166">
        <v>0</v>
      </c>
      <c r="L3256" s="166">
        <v>0</v>
      </c>
      <c r="M3256" s="166">
        <v>0</v>
      </c>
      <c r="N3256" s="166">
        <v>0</v>
      </c>
      <c r="O3256" s="166">
        <v>0</v>
      </c>
      <c r="P3256" s="166">
        <v>0</v>
      </c>
      <c r="Q3256" s="166">
        <v>0</v>
      </c>
      <c r="R3256" s="166">
        <v>0</v>
      </c>
      <c r="S3256" s="166">
        <v>0</v>
      </c>
      <c r="T3256" s="166">
        <v>0</v>
      </c>
      <c r="U3256" s="166">
        <v>0</v>
      </c>
      <c r="V3256" s="166">
        <v>0</v>
      </c>
      <c r="W3256" s="166">
        <v>0</v>
      </c>
      <c r="X3256" s="166">
        <v>0</v>
      </c>
      <c r="Y3256" s="166">
        <v>0</v>
      </c>
      <c r="Z3256" s="166">
        <v>0</v>
      </c>
      <c r="AA3256" s="166">
        <v>0</v>
      </c>
      <c r="AB3256" s="166">
        <v>0</v>
      </c>
      <c r="AC3256" s="166">
        <v>0</v>
      </c>
      <c r="AD3256" s="166">
        <v>0</v>
      </c>
      <c r="AE3256" s="166">
        <v>0</v>
      </c>
      <c r="AF3256" s="166">
        <v>0</v>
      </c>
      <c r="AG3256" s="166">
        <v>0</v>
      </c>
      <c r="AH3256" s="166">
        <v>0</v>
      </c>
      <c r="AI3256" s="166">
        <v>0</v>
      </c>
      <c r="AJ3256" s="166">
        <v>0</v>
      </c>
      <c r="AK3256" s="166">
        <v>0</v>
      </c>
      <c r="AL3256" s="166">
        <v>0</v>
      </c>
      <c r="AM3256" s="166">
        <v>0</v>
      </c>
      <c r="AN3256" s="166">
        <v>0</v>
      </c>
      <c r="AO3256" s="166">
        <v>0</v>
      </c>
      <c r="AP3256" s="166">
        <v>0</v>
      </c>
      <c r="AQ3256" s="166">
        <v>0</v>
      </c>
      <c r="AR3256" s="166">
        <v>0</v>
      </c>
      <c r="AS3256" s="166">
        <v>0</v>
      </c>
      <c r="AT3256" s="166">
        <v>0</v>
      </c>
      <c r="AU3256" s="166">
        <v>0</v>
      </c>
      <c r="AV3256" s="166">
        <v>0</v>
      </c>
      <c r="AW3256" s="166">
        <v>0</v>
      </c>
      <c r="AX3256" s="166">
        <v>0</v>
      </c>
      <c r="AY3256" s="166">
        <v>0</v>
      </c>
      <c r="AZ3256" s="166">
        <v>0</v>
      </c>
      <c r="BA3256" s="166">
        <v>0</v>
      </c>
      <c r="BB3256" s="166">
        <v>0</v>
      </c>
      <c r="BC3256" s="166">
        <v>0</v>
      </c>
      <c r="BD3256" s="166">
        <v>0</v>
      </c>
      <c r="BE3256" s="166">
        <v>0</v>
      </c>
      <c r="BF3256" s="166">
        <v>0</v>
      </c>
      <c r="BG3256" s="166">
        <v>0</v>
      </c>
      <c r="BH3256" s="166">
        <v>0</v>
      </c>
      <c r="BI3256" s="166">
        <v>0</v>
      </c>
      <c r="BJ3256" s="166">
        <v>0</v>
      </c>
      <c r="BK3256" s="166">
        <v>0</v>
      </c>
      <c r="BL3256" s="166">
        <v>0</v>
      </c>
      <c r="BM3256" s="166">
        <v>0</v>
      </c>
      <c r="BN3256" s="166">
        <v>0</v>
      </c>
      <c r="BO3256" s="166">
        <v>0</v>
      </c>
      <c r="BP3256" s="166">
        <v>0</v>
      </c>
      <c r="BQ3256" s="166">
        <v>0</v>
      </c>
      <c r="BR3256" s="166">
        <v>1.8189894035458501E-9</v>
      </c>
      <c r="BS3256" s="166">
        <v>1.8189894035458501E-9</v>
      </c>
      <c r="BT3256" s="168">
        <v>0</v>
      </c>
      <c r="BU3256" s="166">
        <v>0</v>
      </c>
      <c r="BV3256" s="166">
        <v>0</v>
      </c>
      <c r="BW3256" s="166">
        <v>0</v>
      </c>
      <c r="BX3256" s="166">
        <v>0</v>
      </c>
      <c r="BY3256" s="166">
        <v>0</v>
      </c>
      <c r="BZ3256" s="166">
        <v>0</v>
      </c>
      <c r="CA3256" s="166">
        <v>0</v>
      </c>
      <c r="CB3256" s="166">
        <v>0</v>
      </c>
      <c r="CC3256" s="166">
        <v>0</v>
      </c>
      <c r="CD3256" s="166">
        <v>0</v>
      </c>
      <c r="CE3256" s="166">
        <v>0</v>
      </c>
      <c r="CF3256" s="166">
        <v>0</v>
      </c>
      <c r="CG3256" s="166">
        <v>0</v>
      </c>
      <c r="CH3256" s="166">
        <v>0</v>
      </c>
      <c r="CI3256" s="166">
        <v>0</v>
      </c>
      <c r="CJ3256" s="166">
        <v>0</v>
      </c>
      <c r="CK3256" s="166">
        <v>0</v>
      </c>
      <c r="CL3256" s="166">
        <v>0</v>
      </c>
      <c r="CM3256" s="166">
        <v>0</v>
      </c>
      <c r="CN3256" s="166">
        <v>0</v>
      </c>
      <c r="CO3256" s="166">
        <v>0</v>
      </c>
      <c r="CP3256" s="166">
        <v>0</v>
      </c>
      <c r="CQ3256" s="166">
        <v>0</v>
      </c>
      <c r="CR3256" s="166">
        <v>0</v>
      </c>
      <c r="CS3256" s="166">
        <v>0</v>
      </c>
      <c r="CT3256" s="166">
        <v>0</v>
      </c>
      <c r="CU3256" s="166">
        <v>0</v>
      </c>
      <c r="CV3256" s="166">
        <v>0</v>
      </c>
      <c r="CW3256" s="166">
        <v>0</v>
      </c>
      <c r="CX3256" s="166">
        <v>0</v>
      </c>
      <c r="CY3256" s="166">
        <v>0</v>
      </c>
      <c r="CZ3256" s="166">
        <v>0</v>
      </c>
    </row>
    <row r="3257" spans="1:104" x14ac:dyDescent="0.2">
      <c r="A3257" s="167" t="s">
        <v>541</v>
      </c>
      <c r="B3257" s="166">
        <v>0</v>
      </c>
      <c r="C3257" s="166">
        <v>0</v>
      </c>
      <c r="D3257" s="166">
        <v>0</v>
      </c>
      <c r="E3257" s="166">
        <v>0</v>
      </c>
      <c r="F3257" s="166">
        <v>0</v>
      </c>
      <c r="G3257" s="166">
        <v>0</v>
      </c>
      <c r="H3257" s="166">
        <v>0</v>
      </c>
      <c r="I3257" s="166">
        <v>0</v>
      </c>
      <c r="J3257" s="166">
        <v>0</v>
      </c>
      <c r="K3257" s="166">
        <v>0</v>
      </c>
      <c r="L3257" s="166">
        <v>0</v>
      </c>
      <c r="M3257" s="166">
        <v>0</v>
      </c>
      <c r="N3257" s="166">
        <v>0</v>
      </c>
      <c r="O3257" s="166">
        <v>0</v>
      </c>
      <c r="P3257" s="166">
        <v>0</v>
      </c>
      <c r="Q3257" s="166">
        <v>0</v>
      </c>
      <c r="R3257" s="166">
        <v>0</v>
      </c>
      <c r="S3257" s="166">
        <v>0</v>
      </c>
      <c r="T3257" s="166">
        <v>0</v>
      </c>
      <c r="U3257" s="166">
        <v>0</v>
      </c>
      <c r="V3257" s="166">
        <v>0</v>
      </c>
      <c r="W3257" s="166">
        <v>0</v>
      </c>
      <c r="X3257" s="166">
        <v>0</v>
      </c>
      <c r="Y3257" s="166">
        <v>0</v>
      </c>
      <c r="Z3257" s="166">
        <v>0</v>
      </c>
      <c r="AA3257" s="166">
        <v>0</v>
      </c>
      <c r="AB3257" s="166">
        <v>0</v>
      </c>
      <c r="AC3257" s="166">
        <v>0</v>
      </c>
      <c r="AD3257" s="166">
        <v>0</v>
      </c>
      <c r="AE3257" s="166">
        <v>0</v>
      </c>
      <c r="AF3257" s="166">
        <v>0</v>
      </c>
      <c r="AG3257" s="166">
        <v>0</v>
      </c>
      <c r="AH3257" s="166">
        <v>0</v>
      </c>
      <c r="AI3257" s="166">
        <v>0</v>
      </c>
      <c r="AJ3257" s="166">
        <v>0</v>
      </c>
      <c r="AK3257" s="166">
        <v>0</v>
      </c>
      <c r="AL3257" s="166">
        <v>0</v>
      </c>
      <c r="AM3257" s="166">
        <v>0</v>
      </c>
      <c r="AN3257" s="166">
        <v>0</v>
      </c>
      <c r="AO3257" s="166">
        <v>0</v>
      </c>
      <c r="AP3257" s="166">
        <v>0</v>
      </c>
      <c r="AQ3257" s="166">
        <v>0</v>
      </c>
      <c r="AR3257" s="166">
        <v>0</v>
      </c>
      <c r="AS3257" s="166">
        <v>0</v>
      </c>
      <c r="AT3257" s="166">
        <v>0</v>
      </c>
      <c r="AU3257" s="166">
        <v>0</v>
      </c>
      <c r="AV3257" s="166">
        <v>0</v>
      </c>
      <c r="AW3257" s="166">
        <v>0</v>
      </c>
      <c r="AX3257" s="166">
        <v>0</v>
      </c>
      <c r="AY3257" s="166">
        <v>0</v>
      </c>
      <c r="AZ3257" s="166">
        <v>0</v>
      </c>
      <c r="BA3257" s="166">
        <v>0</v>
      </c>
      <c r="BB3257" s="166">
        <v>0</v>
      </c>
      <c r="BC3257" s="166">
        <v>0</v>
      </c>
      <c r="BD3257" s="166">
        <v>0</v>
      </c>
      <c r="BE3257" s="166">
        <v>0</v>
      </c>
      <c r="BF3257" s="166">
        <v>0</v>
      </c>
      <c r="BG3257" s="166">
        <v>0</v>
      </c>
      <c r="BH3257" s="166">
        <v>0</v>
      </c>
      <c r="BI3257" s="166">
        <v>0</v>
      </c>
      <c r="BJ3257" s="166">
        <v>0</v>
      </c>
      <c r="BK3257" s="166">
        <v>0</v>
      </c>
      <c r="BL3257" s="166">
        <v>0</v>
      </c>
      <c r="BM3257" s="166">
        <v>0</v>
      </c>
      <c r="BN3257" s="166">
        <v>0</v>
      </c>
      <c r="BO3257" s="166">
        <v>0</v>
      </c>
      <c r="BP3257" s="166">
        <v>0</v>
      </c>
      <c r="BQ3257" s="166">
        <v>0</v>
      </c>
      <c r="BR3257" s="166">
        <v>0</v>
      </c>
      <c r="BS3257" s="166">
        <v>0</v>
      </c>
      <c r="BT3257" s="168">
        <v>0</v>
      </c>
      <c r="BU3257" s="166">
        <v>0</v>
      </c>
      <c r="BV3257" s="166">
        <v>0</v>
      </c>
      <c r="BW3257" s="166">
        <v>0</v>
      </c>
      <c r="BX3257" s="166">
        <v>0</v>
      </c>
      <c r="BY3257" s="166">
        <v>0</v>
      </c>
      <c r="BZ3257" s="166">
        <v>0</v>
      </c>
      <c r="CA3257" s="166">
        <v>0</v>
      </c>
      <c r="CB3257" s="166">
        <v>0</v>
      </c>
      <c r="CC3257" s="166">
        <v>0</v>
      </c>
      <c r="CD3257" s="166">
        <v>0</v>
      </c>
      <c r="CE3257" s="166">
        <v>0</v>
      </c>
      <c r="CF3257" s="166">
        <v>0</v>
      </c>
      <c r="CG3257" s="166">
        <v>0</v>
      </c>
      <c r="CH3257" s="166">
        <v>0</v>
      </c>
      <c r="CI3257" s="166">
        <v>0</v>
      </c>
      <c r="CJ3257" s="166">
        <v>0</v>
      </c>
      <c r="CK3257" s="166">
        <v>0</v>
      </c>
      <c r="CL3257" s="166">
        <v>0</v>
      </c>
      <c r="CM3257" s="166">
        <v>0</v>
      </c>
      <c r="CN3257" s="166">
        <v>0</v>
      </c>
      <c r="CO3257" s="166">
        <v>0</v>
      </c>
      <c r="CP3257" s="166">
        <v>0</v>
      </c>
      <c r="CQ3257" s="166">
        <v>0</v>
      </c>
      <c r="CR3257" s="166">
        <v>0</v>
      </c>
      <c r="CS3257" s="166">
        <v>0</v>
      </c>
      <c r="CT3257" s="166">
        <v>0</v>
      </c>
      <c r="CU3257" s="166">
        <v>0</v>
      </c>
      <c r="CV3257" s="166">
        <v>0</v>
      </c>
      <c r="CW3257" s="166">
        <v>0</v>
      </c>
      <c r="CX3257" s="166">
        <v>0</v>
      </c>
      <c r="CY3257" s="166">
        <v>0</v>
      </c>
      <c r="CZ3257" s="166">
        <v>0</v>
      </c>
    </row>
    <row r="3258" spans="1:104" x14ac:dyDescent="0.2">
      <c r="A3258" s="167" t="s">
        <v>542</v>
      </c>
      <c r="B3258" s="166">
        <v>0</v>
      </c>
      <c r="C3258" s="166">
        <v>0</v>
      </c>
      <c r="D3258" s="166">
        <v>0</v>
      </c>
      <c r="E3258" s="166">
        <v>0</v>
      </c>
      <c r="F3258" s="166">
        <v>0</v>
      </c>
      <c r="G3258" s="166">
        <v>0</v>
      </c>
      <c r="H3258" s="166">
        <v>0</v>
      </c>
      <c r="I3258" s="166">
        <v>0</v>
      </c>
      <c r="J3258" s="166">
        <v>0</v>
      </c>
      <c r="K3258" s="166">
        <v>0</v>
      </c>
      <c r="L3258" s="166">
        <v>0</v>
      </c>
      <c r="M3258" s="166">
        <v>0</v>
      </c>
      <c r="N3258" s="166">
        <v>0</v>
      </c>
      <c r="O3258" s="166">
        <v>0</v>
      </c>
      <c r="P3258" s="166">
        <v>0</v>
      </c>
      <c r="Q3258" s="166">
        <v>0</v>
      </c>
      <c r="R3258" s="166">
        <v>0</v>
      </c>
      <c r="S3258" s="166">
        <v>0</v>
      </c>
      <c r="T3258" s="166">
        <v>0</v>
      </c>
      <c r="U3258" s="166">
        <v>0</v>
      </c>
      <c r="V3258" s="166">
        <v>0</v>
      </c>
      <c r="W3258" s="166">
        <v>0</v>
      </c>
      <c r="X3258" s="166">
        <v>0</v>
      </c>
      <c r="Y3258" s="166">
        <v>0</v>
      </c>
      <c r="Z3258" s="166">
        <v>0</v>
      </c>
      <c r="AA3258" s="166">
        <v>0</v>
      </c>
      <c r="AB3258" s="166">
        <v>0</v>
      </c>
      <c r="AC3258" s="166">
        <v>0</v>
      </c>
      <c r="AD3258" s="166">
        <v>0</v>
      </c>
      <c r="AE3258" s="166">
        <v>0</v>
      </c>
      <c r="AF3258" s="166">
        <v>0</v>
      </c>
      <c r="AG3258" s="166">
        <v>0</v>
      </c>
      <c r="AH3258" s="166">
        <v>0</v>
      </c>
      <c r="AI3258" s="166">
        <v>0</v>
      </c>
      <c r="AJ3258" s="166">
        <v>0</v>
      </c>
      <c r="AK3258" s="166">
        <v>0</v>
      </c>
      <c r="AL3258" s="166">
        <v>0</v>
      </c>
      <c r="AM3258" s="166">
        <v>0</v>
      </c>
      <c r="AN3258" s="166">
        <v>0</v>
      </c>
      <c r="AO3258" s="166">
        <v>0</v>
      </c>
      <c r="AP3258" s="166">
        <v>0</v>
      </c>
      <c r="AQ3258" s="166">
        <v>0</v>
      </c>
      <c r="AR3258" s="166">
        <v>0</v>
      </c>
      <c r="AS3258" s="166">
        <v>0</v>
      </c>
      <c r="AT3258" s="166">
        <v>0</v>
      </c>
      <c r="AU3258" s="166">
        <v>0</v>
      </c>
      <c r="AV3258" s="166">
        <v>0</v>
      </c>
      <c r="AW3258" s="166">
        <v>0</v>
      </c>
      <c r="AX3258" s="166">
        <v>0</v>
      </c>
      <c r="AY3258" s="166">
        <v>0</v>
      </c>
      <c r="AZ3258" s="166">
        <v>0</v>
      </c>
      <c r="BA3258" s="166">
        <v>0</v>
      </c>
      <c r="BB3258" s="166">
        <v>0</v>
      </c>
      <c r="BC3258" s="166">
        <v>0</v>
      </c>
      <c r="BD3258" s="166">
        <v>0</v>
      </c>
      <c r="BE3258" s="166">
        <v>0</v>
      </c>
      <c r="BF3258" s="166">
        <v>0</v>
      </c>
      <c r="BG3258" s="166">
        <v>0</v>
      </c>
      <c r="BH3258" s="166">
        <v>0</v>
      </c>
      <c r="BI3258" s="166">
        <v>0</v>
      </c>
      <c r="BJ3258" s="166">
        <v>0</v>
      </c>
      <c r="BK3258" s="166">
        <v>0</v>
      </c>
      <c r="BL3258" s="166">
        <v>0</v>
      </c>
      <c r="BM3258" s="166">
        <v>0</v>
      </c>
      <c r="BN3258" s="166">
        <v>0</v>
      </c>
      <c r="BO3258" s="166">
        <v>0</v>
      </c>
      <c r="BP3258" s="166">
        <v>0</v>
      </c>
      <c r="BQ3258" s="166">
        <v>0</v>
      </c>
      <c r="BR3258" s="166">
        <v>0</v>
      </c>
      <c r="BS3258" s="166">
        <v>0</v>
      </c>
      <c r="BT3258" s="168">
        <v>0</v>
      </c>
      <c r="BU3258" s="166">
        <v>0</v>
      </c>
      <c r="BV3258" s="166">
        <v>0</v>
      </c>
      <c r="BW3258" s="166">
        <v>0</v>
      </c>
      <c r="BX3258" s="166">
        <v>0</v>
      </c>
      <c r="BY3258" s="166">
        <v>0</v>
      </c>
      <c r="BZ3258" s="166">
        <v>0</v>
      </c>
      <c r="CA3258" s="166">
        <v>0</v>
      </c>
      <c r="CB3258" s="166">
        <v>0</v>
      </c>
      <c r="CC3258" s="166">
        <v>0</v>
      </c>
      <c r="CD3258" s="166">
        <v>0</v>
      </c>
      <c r="CE3258" s="166">
        <v>0</v>
      </c>
      <c r="CF3258" s="166">
        <v>0</v>
      </c>
      <c r="CG3258" s="166">
        <v>0</v>
      </c>
      <c r="CH3258" s="166">
        <v>0</v>
      </c>
      <c r="CI3258" s="166">
        <v>0</v>
      </c>
      <c r="CJ3258" s="166">
        <v>0</v>
      </c>
      <c r="CK3258" s="166">
        <v>0</v>
      </c>
      <c r="CL3258" s="166">
        <v>0</v>
      </c>
      <c r="CM3258" s="166">
        <v>0</v>
      </c>
      <c r="CN3258" s="166">
        <v>0</v>
      </c>
      <c r="CO3258" s="166">
        <v>0</v>
      </c>
      <c r="CP3258" s="166">
        <v>0</v>
      </c>
      <c r="CQ3258" s="166">
        <v>0</v>
      </c>
      <c r="CR3258" s="166">
        <v>0</v>
      </c>
      <c r="CS3258" s="166">
        <v>0</v>
      </c>
      <c r="CT3258" s="166">
        <v>0</v>
      </c>
      <c r="CU3258" s="166">
        <v>0</v>
      </c>
      <c r="CV3258" s="166">
        <v>0</v>
      </c>
      <c r="CW3258" s="166">
        <v>0</v>
      </c>
      <c r="CX3258" s="166">
        <v>0</v>
      </c>
      <c r="CY3258" s="166">
        <v>0</v>
      </c>
      <c r="CZ3258" s="166">
        <v>0</v>
      </c>
    </row>
    <row r="3259" spans="1:104" x14ac:dyDescent="0.2">
      <c r="A3259" s="170" t="s">
        <v>543</v>
      </c>
      <c r="B3259" s="166">
        <v>0</v>
      </c>
      <c r="C3259" s="166">
        <v>0</v>
      </c>
      <c r="D3259" s="166">
        <v>0</v>
      </c>
      <c r="E3259" s="166">
        <v>0</v>
      </c>
      <c r="F3259" s="166">
        <v>0</v>
      </c>
      <c r="G3259" s="166">
        <v>0</v>
      </c>
      <c r="H3259" s="166">
        <v>0</v>
      </c>
      <c r="I3259" s="166">
        <v>0</v>
      </c>
      <c r="J3259" s="166">
        <v>0</v>
      </c>
      <c r="K3259" s="166">
        <v>0</v>
      </c>
      <c r="L3259" s="166">
        <v>0</v>
      </c>
      <c r="M3259" s="166">
        <v>0</v>
      </c>
      <c r="N3259" s="166">
        <v>0</v>
      </c>
      <c r="O3259" s="166">
        <v>0</v>
      </c>
      <c r="P3259" s="166">
        <v>0</v>
      </c>
      <c r="Q3259" s="166">
        <v>0</v>
      </c>
      <c r="R3259" s="166">
        <v>0</v>
      </c>
      <c r="S3259" s="166">
        <v>0</v>
      </c>
      <c r="T3259" s="166">
        <v>0</v>
      </c>
      <c r="U3259" s="166">
        <v>0</v>
      </c>
      <c r="V3259" s="166">
        <v>0</v>
      </c>
      <c r="W3259" s="166">
        <v>0</v>
      </c>
      <c r="X3259" s="166">
        <v>0</v>
      </c>
      <c r="Y3259" s="166">
        <v>0</v>
      </c>
      <c r="Z3259" s="166">
        <v>0</v>
      </c>
      <c r="AA3259" s="166">
        <v>0</v>
      </c>
      <c r="AB3259" s="166">
        <v>0</v>
      </c>
      <c r="AC3259" s="166">
        <v>0</v>
      </c>
      <c r="AD3259" s="166">
        <v>0</v>
      </c>
      <c r="AE3259" s="166">
        <v>0</v>
      </c>
      <c r="AF3259" s="166">
        <v>0</v>
      </c>
      <c r="AG3259" s="166">
        <v>0</v>
      </c>
      <c r="AH3259" s="166">
        <v>0</v>
      </c>
      <c r="AI3259" s="166">
        <v>0</v>
      </c>
      <c r="AJ3259" s="166">
        <v>0</v>
      </c>
      <c r="AK3259" s="166">
        <v>0</v>
      </c>
      <c r="AL3259" s="166">
        <v>0</v>
      </c>
      <c r="AM3259" s="166">
        <v>0</v>
      </c>
      <c r="AN3259" s="166">
        <v>0</v>
      </c>
      <c r="AO3259" s="166">
        <v>0</v>
      </c>
      <c r="AP3259" s="166">
        <v>0</v>
      </c>
      <c r="AQ3259" s="166">
        <v>0</v>
      </c>
      <c r="AR3259" s="166">
        <v>0</v>
      </c>
      <c r="AS3259" s="166">
        <v>0</v>
      </c>
      <c r="AT3259" s="166">
        <v>0</v>
      </c>
      <c r="AU3259" s="166">
        <v>0</v>
      </c>
      <c r="AV3259" s="166">
        <v>0</v>
      </c>
      <c r="AW3259" s="166">
        <v>0</v>
      </c>
      <c r="AX3259" s="166">
        <v>0</v>
      </c>
      <c r="AY3259" s="166">
        <v>0</v>
      </c>
      <c r="AZ3259" s="166">
        <v>0</v>
      </c>
      <c r="BA3259" s="166">
        <v>0</v>
      </c>
      <c r="BB3259" s="166">
        <v>0</v>
      </c>
      <c r="BC3259" s="166">
        <v>0</v>
      </c>
      <c r="BD3259" s="166">
        <v>0</v>
      </c>
      <c r="BE3259" s="166">
        <v>0</v>
      </c>
      <c r="BF3259" s="166">
        <v>0</v>
      </c>
      <c r="BG3259" s="166">
        <v>0</v>
      </c>
      <c r="BH3259" s="166">
        <v>0</v>
      </c>
      <c r="BI3259" s="166">
        <v>0</v>
      </c>
      <c r="BJ3259" s="166">
        <v>0</v>
      </c>
      <c r="BK3259" s="166">
        <v>0</v>
      </c>
      <c r="BL3259" s="166">
        <v>0</v>
      </c>
      <c r="BM3259" s="166">
        <v>0</v>
      </c>
      <c r="BN3259" s="166">
        <v>0</v>
      </c>
      <c r="BO3259" s="166">
        <v>0</v>
      </c>
      <c r="BP3259" s="166">
        <v>0</v>
      </c>
      <c r="BQ3259" s="166">
        <v>0</v>
      </c>
      <c r="BR3259" s="166">
        <v>0</v>
      </c>
      <c r="BS3259" s="166">
        <v>0</v>
      </c>
      <c r="BT3259" s="168">
        <v>0</v>
      </c>
      <c r="BU3259" s="166">
        <v>0</v>
      </c>
      <c r="BV3259" s="166">
        <v>0</v>
      </c>
      <c r="BW3259" s="166">
        <v>0</v>
      </c>
      <c r="BX3259" s="166">
        <v>0</v>
      </c>
      <c r="BY3259" s="166">
        <v>0</v>
      </c>
      <c r="BZ3259" s="166">
        <v>0</v>
      </c>
      <c r="CA3259" s="166">
        <v>0</v>
      </c>
      <c r="CB3259" s="166">
        <v>0</v>
      </c>
      <c r="CC3259" s="166">
        <v>0</v>
      </c>
      <c r="CD3259" s="166">
        <v>0</v>
      </c>
      <c r="CE3259" s="166">
        <v>0</v>
      </c>
      <c r="CF3259" s="166">
        <v>0</v>
      </c>
      <c r="CG3259" s="166">
        <v>0</v>
      </c>
      <c r="CH3259" s="166">
        <v>0</v>
      </c>
      <c r="CI3259" s="166">
        <v>0</v>
      </c>
      <c r="CJ3259" s="166">
        <v>0</v>
      </c>
      <c r="CK3259" s="166">
        <v>0</v>
      </c>
      <c r="CL3259" s="166">
        <v>0</v>
      </c>
      <c r="CM3259" s="166">
        <v>0</v>
      </c>
      <c r="CN3259" s="166">
        <v>0</v>
      </c>
      <c r="CO3259" s="166">
        <v>0</v>
      </c>
      <c r="CP3259" s="166">
        <v>0</v>
      </c>
      <c r="CQ3259" s="166">
        <v>0</v>
      </c>
      <c r="CR3259" s="166">
        <v>0</v>
      </c>
      <c r="CS3259" s="166">
        <v>0</v>
      </c>
      <c r="CT3259" s="166">
        <v>0</v>
      </c>
      <c r="CU3259" s="166">
        <v>0</v>
      </c>
      <c r="CV3259" s="166">
        <v>0</v>
      </c>
      <c r="CW3259" s="166">
        <v>0</v>
      </c>
      <c r="CX3259" s="166">
        <v>0</v>
      </c>
      <c r="CY3259" s="166">
        <v>0</v>
      </c>
      <c r="CZ3259" s="166">
        <v>0</v>
      </c>
    </row>
    <row r="3260" spans="1:104" x14ac:dyDescent="0.2">
      <c r="A3260" s="177" t="s">
        <v>544</v>
      </c>
      <c r="B3260" s="166">
        <v>1.0913936421275101E-8</v>
      </c>
      <c r="C3260" s="166">
        <v>1.0913936421275101E-8</v>
      </c>
      <c r="D3260" s="166">
        <v>0</v>
      </c>
      <c r="E3260" s="166">
        <v>0</v>
      </c>
      <c r="F3260" s="166">
        <v>0</v>
      </c>
      <c r="G3260" s="166">
        <v>0</v>
      </c>
      <c r="H3260" s="166">
        <v>0</v>
      </c>
      <c r="I3260" s="166">
        <v>0</v>
      </c>
      <c r="J3260" s="166">
        <v>0</v>
      </c>
      <c r="K3260" s="166">
        <v>0</v>
      </c>
      <c r="L3260" s="166">
        <v>0</v>
      </c>
      <c r="M3260" s="166">
        <v>0</v>
      </c>
      <c r="N3260" s="166">
        <v>0</v>
      </c>
      <c r="O3260" s="166">
        <v>0</v>
      </c>
      <c r="P3260" s="166">
        <v>0</v>
      </c>
      <c r="Q3260" s="166">
        <v>0</v>
      </c>
      <c r="R3260" s="166">
        <v>0</v>
      </c>
      <c r="S3260" s="166">
        <v>0</v>
      </c>
      <c r="T3260" s="166">
        <v>0</v>
      </c>
      <c r="U3260" s="166">
        <v>0</v>
      </c>
      <c r="V3260" s="166">
        <v>0</v>
      </c>
      <c r="W3260" s="166">
        <v>0</v>
      </c>
      <c r="X3260" s="166">
        <v>0</v>
      </c>
      <c r="Y3260" s="166">
        <v>0</v>
      </c>
      <c r="Z3260" s="166">
        <v>0</v>
      </c>
      <c r="AA3260" s="166">
        <v>0</v>
      </c>
      <c r="AB3260" s="166">
        <v>0</v>
      </c>
      <c r="AC3260" s="166">
        <v>0</v>
      </c>
      <c r="AD3260" s="166">
        <v>0</v>
      </c>
      <c r="AE3260" s="166">
        <v>0</v>
      </c>
      <c r="AF3260" s="166">
        <v>0</v>
      </c>
      <c r="AG3260" s="166">
        <v>0</v>
      </c>
      <c r="AH3260" s="166">
        <v>0</v>
      </c>
      <c r="AI3260" s="166">
        <v>0</v>
      </c>
      <c r="AJ3260" s="166">
        <v>0</v>
      </c>
      <c r="AK3260" s="166">
        <v>0</v>
      </c>
      <c r="AL3260" s="166">
        <v>0</v>
      </c>
      <c r="AM3260" s="166">
        <v>0</v>
      </c>
      <c r="AN3260" s="166">
        <v>0</v>
      </c>
      <c r="AO3260" s="166">
        <v>0</v>
      </c>
      <c r="AP3260" s="166">
        <v>0</v>
      </c>
      <c r="AQ3260" s="166">
        <v>0</v>
      </c>
      <c r="AR3260" s="166">
        <v>0</v>
      </c>
      <c r="AS3260" s="166">
        <v>0</v>
      </c>
      <c r="AT3260" s="166">
        <v>0</v>
      </c>
      <c r="AU3260" s="166">
        <v>0</v>
      </c>
      <c r="AV3260" s="166">
        <v>0</v>
      </c>
      <c r="AW3260" s="166">
        <v>0</v>
      </c>
      <c r="AX3260" s="166">
        <v>0</v>
      </c>
      <c r="AY3260" s="166">
        <v>0</v>
      </c>
      <c r="AZ3260" s="166">
        <v>0</v>
      </c>
      <c r="BA3260" s="166">
        <v>0</v>
      </c>
      <c r="BB3260" s="166">
        <v>0</v>
      </c>
      <c r="BC3260" s="166">
        <v>0</v>
      </c>
      <c r="BD3260" s="166">
        <v>0</v>
      </c>
      <c r="BE3260" s="166">
        <v>0</v>
      </c>
      <c r="BF3260" s="166">
        <v>0</v>
      </c>
      <c r="BG3260" s="166">
        <v>0</v>
      </c>
      <c r="BH3260" s="166">
        <v>0</v>
      </c>
      <c r="BI3260" s="166">
        <v>0</v>
      </c>
      <c r="BJ3260" s="166">
        <v>0</v>
      </c>
      <c r="BK3260" s="166">
        <v>0</v>
      </c>
      <c r="BL3260" s="166">
        <v>0</v>
      </c>
      <c r="BM3260" s="166">
        <v>0</v>
      </c>
      <c r="BN3260" s="166">
        <v>0</v>
      </c>
      <c r="BO3260" s="166">
        <v>0</v>
      </c>
      <c r="BP3260" s="166">
        <v>0</v>
      </c>
      <c r="BQ3260" s="166">
        <v>0</v>
      </c>
      <c r="BR3260" s="166">
        <v>1.0913936421275101E-8</v>
      </c>
      <c r="BS3260" s="166">
        <v>1.0913936421275101E-8</v>
      </c>
      <c r="BT3260" s="168">
        <v>0</v>
      </c>
      <c r="BU3260" s="166">
        <v>0</v>
      </c>
      <c r="BV3260" s="166">
        <v>0</v>
      </c>
      <c r="BW3260" s="166">
        <v>0</v>
      </c>
      <c r="BX3260" s="166">
        <v>0</v>
      </c>
      <c r="BY3260" s="166">
        <v>0</v>
      </c>
      <c r="BZ3260" s="166">
        <v>0</v>
      </c>
      <c r="CA3260" s="166">
        <v>0</v>
      </c>
      <c r="CB3260" s="166">
        <v>0</v>
      </c>
      <c r="CC3260" s="166">
        <v>0</v>
      </c>
      <c r="CD3260" s="166">
        <v>0</v>
      </c>
      <c r="CE3260" s="166">
        <v>0</v>
      </c>
      <c r="CF3260" s="166">
        <v>0</v>
      </c>
      <c r="CG3260" s="166">
        <v>0</v>
      </c>
      <c r="CH3260" s="166">
        <v>0</v>
      </c>
      <c r="CI3260" s="166">
        <v>0</v>
      </c>
      <c r="CJ3260" s="166">
        <v>0</v>
      </c>
      <c r="CK3260" s="166">
        <v>0</v>
      </c>
      <c r="CL3260" s="166">
        <v>0</v>
      </c>
      <c r="CM3260" s="166">
        <v>0</v>
      </c>
      <c r="CN3260" s="166">
        <v>0</v>
      </c>
      <c r="CO3260" s="166">
        <v>0</v>
      </c>
      <c r="CP3260" s="166">
        <v>0</v>
      </c>
      <c r="CQ3260" s="166">
        <v>0</v>
      </c>
      <c r="CR3260" s="166">
        <v>0</v>
      </c>
      <c r="CS3260" s="166">
        <v>0</v>
      </c>
      <c r="CT3260" s="166">
        <v>0</v>
      </c>
      <c r="CU3260" s="166">
        <v>0</v>
      </c>
      <c r="CV3260" s="166">
        <v>0</v>
      </c>
      <c r="CW3260" s="166">
        <v>0</v>
      </c>
      <c r="CX3260" s="166">
        <v>0</v>
      </c>
      <c r="CY3260" s="166">
        <v>0</v>
      </c>
      <c r="CZ3260" s="166">
        <v>0</v>
      </c>
    </row>
    <row r="3261" spans="1:104" x14ac:dyDescent="0.2">
      <c r="A3261" s="177" t="s">
        <v>545</v>
      </c>
      <c r="B3261" s="166">
        <v>0</v>
      </c>
      <c r="C3261" s="166">
        <v>0</v>
      </c>
      <c r="D3261" s="166">
        <v>0</v>
      </c>
      <c r="E3261" s="166">
        <v>0</v>
      </c>
      <c r="F3261" s="166">
        <v>0</v>
      </c>
      <c r="G3261" s="166">
        <v>0</v>
      </c>
      <c r="H3261" s="166">
        <v>0</v>
      </c>
      <c r="I3261" s="166">
        <v>0</v>
      </c>
      <c r="J3261" s="166">
        <v>0</v>
      </c>
      <c r="K3261" s="166">
        <v>0</v>
      </c>
      <c r="L3261" s="166">
        <v>0</v>
      </c>
      <c r="M3261" s="166">
        <v>0</v>
      </c>
      <c r="N3261" s="166">
        <v>0</v>
      </c>
      <c r="O3261" s="166">
        <v>0</v>
      </c>
      <c r="P3261" s="166">
        <v>0</v>
      </c>
      <c r="Q3261" s="166">
        <v>0</v>
      </c>
      <c r="R3261" s="166">
        <v>0</v>
      </c>
      <c r="S3261" s="166">
        <v>0</v>
      </c>
      <c r="T3261" s="166">
        <v>0</v>
      </c>
      <c r="U3261" s="166">
        <v>0</v>
      </c>
      <c r="V3261" s="166">
        <v>0</v>
      </c>
      <c r="W3261" s="166">
        <v>0</v>
      </c>
      <c r="X3261" s="166">
        <v>0</v>
      </c>
      <c r="Y3261" s="166">
        <v>0</v>
      </c>
      <c r="Z3261" s="166">
        <v>0</v>
      </c>
      <c r="AA3261" s="166">
        <v>0</v>
      </c>
      <c r="AB3261" s="166">
        <v>0</v>
      </c>
      <c r="AC3261" s="166">
        <v>0</v>
      </c>
      <c r="AD3261" s="166">
        <v>0</v>
      </c>
      <c r="AE3261" s="166">
        <v>0</v>
      </c>
      <c r="AF3261" s="166">
        <v>0</v>
      </c>
      <c r="AG3261" s="166">
        <v>0</v>
      </c>
      <c r="AH3261" s="166">
        <v>0</v>
      </c>
      <c r="AI3261" s="166">
        <v>0</v>
      </c>
      <c r="AJ3261" s="166">
        <v>0</v>
      </c>
      <c r="AK3261" s="166">
        <v>0</v>
      </c>
      <c r="AL3261" s="166">
        <v>0</v>
      </c>
      <c r="AM3261" s="166">
        <v>0</v>
      </c>
      <c r="AN3261" s="166">
        <v>0</v>
      </c>
      <c r="AO3261" s="166">
        <v>0</v>
      </c>
      <c r="AP3261" s="166">
        <v>0</v>
      </c>
      <c r="AQ3261" s="166">
        <v>0</v>
      </c>
      <c r="AR3261" s="166">
        <v>0</v>
      </c>
      <c r="AS3261" s="166">
        <v>0</v>
      </c>
      <c r="AT3261" s="166">
        <v>0</v>
      </c>
      <c r="AU3261" s="166">
        <v>0</v>
      </c>
      <c r="AV3261" s="166">
        <v>0</v>
      </c>
      <c r="AW3261" s="166">
        <v>0</v>
      </c>
      <c r="AX3261" s="166">
        <v>0</v>
      </c>
      <c r="AY3261" s="166">
        <v>0</v>
      </c>
      <c r="AZ3261" s="166">
        <v>0</v>
      </c>
      <c r="BA3261" s="166">
        <v>0</v>
      </c>
      <c r="BB3261" s="166">
        <v>0</v>
      </c>
      <c r="BC3261" s="166">
        <v>0</v>
      </c>
      <c r="BD3261" s="166">
        <v>0</v>
      </c>
      <c r="BE3261" s="166">
        <v>0</v>
      </c>
      <c r="BF3261" s="166">
        <v>0</v>
      </c>
      <c r="BG3261" s="166">
        <v>0</v>
      </c>
      <c r="BH3261" s="166">
        <v>0</v>
      </c>
      <c r="BI3261" s="166">
        <v>0</v>
      </c>
      <c r="BJ3261" s="166">
        <v>0</v>
      </c>
      <c r="BK3261" s="166">
        <v>0</v>
      </c>
      <c r="BL3261" s="166">
        <v>0</v>
      </c>
      <c r="BM3261" s="166">
        <v>0</v>
      </c>
      <c r="BN3261" s="166">
        <v>0</v>
      </c>
      <c r="BO3261" s="166">
        <v>0</v>
      </c>
      <c r="BP3261" s="166">
        <v>0</v>
      </c>
      <c r="BQ3261" s="166">
        <v>0</v>
      </c>
      <c r="BR3261" s="166">
        <v>0</v>
      </c>
      <c r="BS3261" s="166">
        <v>0</v>
      </c>
      <c r="BT3261" s="168">
        <v>0</v>
      </c>
      <c r="BU3261" s="166">
        <v>0</v>
      </c>
      <c r="BV3261" s="166">
        <v>0</v>
      </c>
      <c r="BW3261" s="166">
        <v>0</v>
      </c>
      <c r="BX3261" s="166">
        <v>0</v>
      </c>
      <c r="BY3261" s="166">
        <v>0</v>
      </c>
      <c r="BZ3261" s="166">
        <v>0</v>
      </c>
      <c r="CA3261" s="166">
        <v>0</v>
      </c>
      <c r="CB3261" s="166">
        <v>0</v>
      </c>
      <c r="CC3261" s="166">
        <v>0</v>
      </c>
      <c r="CD3261" s="166">
        <v>0</v>
      </c>
      <c r="CE3261" s="166">
        <v>0</v>
      </c>
      <c r="CF3261" s="166">
        <v>0</v>
      </c>
      <c r="CG3261" s="166">
        <v>0</v>
      </c>
      <c r="CH3261" s="166">
        <v>0</v>
      </c>
      <c r="CI3261" s="166">
        <v>0</v>
      </c>
      <c r="CJ3261" s="166">
        <v>0</v>
      </c>
      <c r="CK3261" s="166">
        <v>0</v>
      </c>
      <c r="CL3261" s="166">
        <v>0</v>
      </c>
      <c r="CM3261" s="166">
        <v>0</v>
      </c>
      <c r="CN3261" s="166">
        <v>0</v>
      </c>
      <c r="CO3261" s="166">
        <v>0</v>
      </c>
      <c r="CP3261" s="166">
        <v>0</v>
      </c>
      <c r="CQ3261" s="166">
        <v>0</v>
      </c>
      <c r="CR3261" s="166">
        <v>0</v>
      </c>
      <c r="CS3261" s="166">
        <v>0</v>
      </c>
      <c r="CT3261" s="166">
        <v>0</v>
      </c>
      <c r="CU3261" s="166">
        <v>0</v>
      </c>
      <c r="CV3261" s="166">
        <v>0</v>
      </c>
      <c r="CW3261" s="166">
        <v>0</v>
      </c>
      <c r="CX3261" s="166">
        <v>0</v>
      </c>
      <c r="CY3261" s="166">
        <v>0</v>
      </c>
      <c r="CZ3261" s="166">
        <v>0</v>
      </c>
    </row>
    <row r="3262" spans="1:104" x14ac:dyDescent="0.2">
      <c r="A3262" s="167" t="s">
        <v>546</v>
      </c>
      <c r="B3262" s="166">
        <v>0</v>
      </c>
      <c r="C3262" s="166">
        <v>0</v>
      </c>
      <c r="D3262" s="166">
        <v>0</v>
      </c>
      <c r="E3262" s="166">
        <v>0</v>
      </c>
      <c r="F3262" s="166">
        <v>0</v>
      </c>
      <c r="G3262" s="166">
        <v>0</v>
      </c>
      <c r="H3262" s="166">
        <v>0</v>
      </c>
      <c r="I3262" s="166">
        <v>0</v>
      </c>
      <c r="J3262" s="166">
        <v>0</v>
      </c>
      <c r="K3262" s="166">
        <v>0</v>
      </c>
      <c r="L3262" s="166">
        <v>0</v>
      </c>
      <c r="M3262" s="166">
        <v>0</v>
      </c>
      <c r="N3262" s="166">
        <v>0</v>
      </c>
      <c r="O3262" s="166">
        <v>0</v>
      </c>
      <c r="P3262" s="166">
        <v>0</v>
      </c>
      <c r="Q3262" s="166">
        <v>0</v>
      </c>
      <c r="R3262" s="166">
        <v>0</v>
      </c>
      <c r="S3262" s="166">
        <v>0</v>
      </c>
      <c r="T3262" s="166">
        <v>0</v>
      </c>
      <c r="U3262" s="166">
        <v>0</v>
      </c>
      <c r="V3262" s="166">
        <v>0</v>
      </c>
      <c r="W3262" s="166">
        <v>0</v>
      </c>
      <c r="X3262" s="166">
        <v>0</v>
      </c>
      <c r="Y3262" s="166">
        <v>0</v>
      </c>
      <c r="Z3262" s="166">
        <v>0</v>
      </c>
      <c r="AA3262" s="166">
        <v>0</v>
      </c>
      <c r="AB3262" s="166">
        <v>0</v>
      </c>
      <c r="AC3262" s="166">
        <v>0</v>
      </c>
      <c r="AD3262" s="166">
        <v>0</v>
      </c>
      <c r="AE3262" s="166">
        <v>0</v>
      </c>
      <c r="AF3262" s="166">
        <v>0</v>
      </c>
      <c r="AG3262" s="166">
        <v>0</v>
      </c>
      <c r="AH3262" s="166">
        <v>0</v>
      </c>
      <c r="AI3262" s="166">
        <v>0</v>
      </c>
      <c r="AJ3262" s="166">
        <v>0</v>
      </c>
      <c r="AK3262" s="166">
        <v>0</v>
      </c>
      <c r="AL3262" s="166">
        <v>0</v>
      </c>
      <c r="AM3262" s="166">
        <v>0</v>
      </c>
      <c r="AN3262" s="166">
        <v>0</v>
      </c>
      <c r="AO3262" s="166">
        <v>0</v>
      </c>
      <c r="AP3262" s="166">
        <v>0</v>
      </c>
      <c r="AQ3262" s="166">
        <v>0</v>
      </c>
      <c r="AR3262" s="166">
        <v>0</v>
      </c>
      <c r="AS3262" s="166">
        <v>0</v>
      </c>
      <c r="AT3262" s="166">
        <v>0</v>
      </c>
      <c r="AU3262" s="166">
        <v>0</v>
      </c>
      <c r="AV3262" s="166">
        <v>0</v>
      </c>
      <c r="AW3262" s="166">
        <v>0</v>
      </c>
      <c r="AX3262" s="166">
        <v>0</v>
      </c>
      <c r="AY3262" s="166">
        <v>0</v>
      </c>
      <c r="AZ3262" s="166">
        <v>0</v>
      </c>
      <c r="BA3262" s="166">
        <v>0</v>
      </c>
      <c r="BB3262" s="166">
        <v>0</v>
      </c>
      <c r="BC3262" s="166">
        <v>0</v>
      </c>
      <c r="BD3262" s="166">
        <v>0</v>
      </c>
      <c r="BE3262" s="166">
        <v>0</v>
      </c>
      <c r="BF3262" s="166">
        <v>0</v>
      </c>
      <c r="BG3262" s="166">
        <v>0</v>
      </c>
      <c r="BH3262" s="166">
        <v>0</v>
      </c>
      <c r="BI3262" s="166">
        <v>0</v>
      </c>
      <c r="BJ3262" s="166">
        <v>0</v>
      </c>
      <c r="BK3262" s="166">
        <v>0</v>
      </c>
      <c r="BL3262" s="166">
        <v>0</v>
      </c>
      <c r="BM3262" s="166">
        <v>0</v>
      </c>
      <c r="BN3262" s="166">
        <v>0</v>
      </c>
      <c r="BO3262" s="166">
        <v>0</v>
      </c>
      <c r="BP3262" s="166">
        <v>0</v>
      </c>
      <c r="BQ3262" s="166">
        <v>0</v>
      </c>
      <c r="BR3262" s="166">
        <v>0</v>
      </c>
      <c r="BS3262" s="166">
        <v>0</v>
      </c>
      <c r="BT3262" s="168">
        <v>0</v>
      </c>
      <c r="BU3262" s="166">
        <v>0</v>
      </c>
      <c r="BV3262" s="166">
        <v>0</v>
      </c>
      <c r="BW3262" s="166">
        <v>0</v>
      </c>
      <c r="BX3262" s="166">
        <v>0</v>
      </c>
      <c r="BY3262" s="166">
        <v>0</v>
      </c>
      <c r="BZ3262" s="166">
        <v>0</v>
      </c>
      <c r="CA3262" s="166">
        <v>0</v>
      </c>
      <c r="CB3262" s="166">
        <v>0</v>
      </c>
      <c r="CC3262" s="166">
        <v>0</v>
      </c>
      <c r="CD3262" s="166">
        <v>0</v>
      </c>
      <c r="CE3262" s="166">
        <v>0</v>
      </c>
      <c r="CF3262" s="166">
        <v>0</v>
      </c>
      <c r="CG3262" s="166">
        <v>0</v>
      </c>
      <c r="CH3262" s="166">
        <v>0</v>
      </c>
      <c r="CI3262" s="166">
        <v>0</v>
      </c>
      <c r="CJ3262" s="166">
        <v>0</v>
      </c>
      <c r="CK3262" s="166">
        <v>0</v>
      </c>
      <c r="CL3262" s="166">
        <v>0</v>
      </c>
      <c r="CM3262" s="166">
        <v>0</v>
      </c>
      <c r="CN3262" s="166">
        <v>0</v>
      </c>
      <c r="CO3262" s="166">
        <v>0</v>
      </c>
      <c r="CP3262" s="166">
        <v>0</v>
      </c>
      <c r="CQ3262" s="166">
        <v>0</v>
      </c>
      <c r="CR3262" s="166">
        <v>0</v>
      </c>
      <c r="CS3262" s="166">
        <v>0</v>
      </c>
      <c r="CT3262" s="166">
        <v>0</v>
      </c>
      <c r="CU3262" s="166">
        <v>0</v>
      </c>
      <c r="CV3262" s="166">
        <v>0</v>
      </c>
      <c r="CW3262" s="166">
        <v>0</v>
      </c>
      <c r="CX3262" s="166">
        <v>0</v>
      </c>
      <c r="CY3262" s="166">
        <v>0</v>
      </c>
      <c r="CZ3262" s="166">
        <v>0</v>
      </c>
    </row>
    <row r="3263" spans="1:104" x14ac:dyDescent="0.2">
      <c r="A3263" s="167" t="s">
        <v>547</v>
      </c>
      <c r="B3263" s="166">
        <v>0</v>
      </c>
      <c r="C3263" s="166">
        <v>0</v>
      </c>
      <c r="D3263" s="166">
        <v>0</v>
      </c>
      <c r="E3263" s="166">
        <v>0</v>
      </c>
      <c r="F3263" s="166">
        <v>0</v>
      </c>
      <c r="G3263" s="166">
        <v>0</v>
      </c>
      <c r="H3263" s="166">
        <v>0</v>
      </c>
      <c r="I3263" s="166">
        <v>0</v>
      </c>
      <c r="J3263" s="166">
        <v>0</v>
      </c>
      <c r="K3263" s="166">
        <v>0</v>
      </c>
      <c r="L3263" s="166">
        <v>0</v>
      </c>
      <c r="M3263" s="166">
        <v>0</v>
      </c>
      <c r="N3263" s="166">
        <v>0</v>
      </c>
      <c r="O3263" s="166">
        <v>0</v>
      </c>
      <c r="P3263" s="166">
        <v>0</v>
      </c>
      <c r="Q3263" s="166">
        <v>0</v>
      </c>
      <c r="R3263" s="166">
        <v>0</v>
      </c>
      <c r="S3263" s="166">
        <v>0</v>
      </c>
      <c r="T3263" s="166">
        <v>0</v>
      </c>
      <c r="U3263" s="166">
        <v>0</v>
      </c>
      <c r="V3263" s="166">
        <v>0</v>
      </c>
      <c r="W3263" s="166">
        <v>0</v>
      </c>
      <c r="X3263" s="166">
        <v>0</v>
      </c>
      <c r="Y3263" s="166">
        <v>0</v>
      </c>
      <c r="Z3263" s="166">
        <v>0</v>
      </c>
      <c r="AA3263" s="166">
        <v>0</v>
      </c>
      <c r="AB3263" s="166">
        <v>0</v>
      </c>
      <c r="AC3263" s="166">
        <v>0</v>
      </c>
      <c r="AD3263" s="166">
        <v>0</v>
      </c>
      <c r="AE3263" s="166">
        <v>0</v>
      </c>
      <c r="AF3263" s="166">
        <v>0</v>
      </c>
      <c r="AG3263" s="166">
        <v>0</v>
      </c>
      <c r="AH3263" s="166">
        <v>0</v>
      </c>
      <c r="AI3263" s="166">
        <v>0</v>
      </c>
      <c r="AJ3263" s="166">
        <v>0</v>
      </c>
      <c r="AK3263" s="166">
        <v>0</v>
      </c>
      <c r="AL3263" s="166">
        <v>0</v>
      </c>
      <c r="AM3263" s="166">
        <v>0</v>
      </c>
      <c r="AN3263" s="166">
        <v>0</v>
      </c>
      <c r="AO3263" s="166">
        <v>0</v>
      </c>
      <c r="AP3263" s="166">
        <v>0</v>
      </c>
      <c r="AQ3263" s="166">
        <v>0</v>
      </c>
      <c r="AR3263" s="166">
        <v>0</v>
      </c>
      <c r="AS3263" s="166">
        <v>0</v>
      </c>
      <c r="AT3263" s="166">
        <v>0</v>
      </c>
      <c r="AU3263" s="166">
        <v>0</v>
      </c>
      <c r="AV3263" s="166">
        <v>0</v>
      </c>
      <c r="AW3263" s="166">
        <v>0</v>
      </c>
      <c r="AX3263" s="166">
        <v>0</v>
      </c>
      <c r="AY3263" s="166">
        <v>0</v>
      </c>
      <c r="AZ3263" s="166">
        <v>0</v>
      </c>
      <c r="BA3263" s="166">
        <v>0</v>
      </c>
      <c r="BB3263" s="166">
        <v>0</v>
      </c>
      <c r="BC3263" s="166">
        <v>0</v>
      </c>
      <c r="BD3263" s="166">
        <v>0</v>
      </c>
      <c r="BE3263" s="166">
        <v>0</v>
      </c>
      <c r="BF3263" s="166">
        <v>0</v>
      </c>
      <c r="BG3263" s="166">
        <v>0</v>
      </c>
      <c r="BH3263" s="166">
        <v>0</v>
      </c>
      <c r="BI3263" s="166">
        <v>0</v>
      </c>
      <c r="BJ3263" s="166">
        <v>0</v>
      </c>
      <c r="BK3263" s="166">
        <v>0</v>
      </c>
      <c r="BL3263" s="166">
        <v>0</v>
      </c>
      <c r="BM3263" s="166">
        <v>0</v>
      </c>
      <c r="BN3263" s="166">
        <v>0</v>
      </c>
      <c r="BO3263" s="166">
        <v>0</v>
      </c>
      <c r="BP3263" s="166">
        <v>0</v>
      </c>
      <c r="BQ3263" s="166">
        <v>0</v>
      </c>
      <c r="BR3263" s="166">
        <v>0</v>
      </c>
      <c r="BS3263" s="166">
        <v>0</v>
      </c>
      <c r="BT3263" s="168">
        <v>0</v>
      </c>
      <c r="BU3263" s="166">
        <v>0</v>
      </c>
      <c r="BV3263" s="166">
        <v>0</v>
      </c>
      <c r="BW3263" s="166">
        <v>0</v>
      </c>
      <c r="BX3263" s="166">
        <v>0</v>
      </c>
      <c r="BY3263" s="166">
        <v>0</v>
      </c>
      <c r="BZ3263" s="166">
        <v>0</v>
      </c>
      <c r="CA3263" s="166">
        <v>0</v>
      </c>
      <c r="CB3263" s="166">
        <v>0</v>
      </c>
      <c r="CC3263" s="166">
        <v>0</v>
      </c>
      <c r="CD3263" s="166">
        <v>0</v>
      </c>
      <c r="CE3263" s="166">
        <v>0</v>
      </c>
      <c r="CF3263" s="166">
        <v>0</v>
      </c>
      <c r="CG3263" s="166">
        <v>0</v>
      </c>
      <c r="CH3263" s="166">
        <v>0</v>
      </c>
      <c r="CI3263" s="166">
        <v>0</v>
      </c>
      <c r="CJ3263" s="166">
        <v>0</v>
      </c>
      <c r="CK3263" s="166">
        <v>0</v>
      </c>
      <c r="CL3263" s="166">
        <v>0</v>
      </c>
      <c r="CM3263" s="166">
        <v>0</v>
      </c>
      <c r="CN3263" s="166">
        <v>0</v>
      </c>
      <c r="CO3263" s="166">
        <v>0</v>
      </c>
      <c r="CP3263" s="166">
        <v>0</v>
      </c>
      <c r="CQ3263" s="166">
        <v>0</v>
      </c>
      <c r="CR3263" s="166">
        <v>0</v>
      </c>
      <c r="CS3263" s="166">
        <v>0</v>
      </c>
      <c r="CT3263" s="166">
        <v>0</v>
      </c>
      <c r="CU3263" s="166">
        <v>0</v>
      </c>
      <c r="CV3263" s="166">
        <v>0</v>
      </c>
      <c r="CW3263" s="166">
        <v>0</v>
      </c>
      <c r="CX3263" s="166">
        <v>0</v>
      </c>
      <c r="CY3263" s="166">
        <v>0</v>
      </c>
      <c r="CZ3263" s="166">
        <v>0</v>
      </c>
    </row>
    <row r="3264" spans="1:104" x14ac:dyDescent="0.2">
      <c r="A3264" s="167" t="s">
        <v>548</v>
      </c>
      <c r="B3264" s="166">
        <v>0</v>
      </c>
      <c r="C3264" s="166">
        <v>0</v>
      </c>
      <c r="D3264" s="166">
        <v>0</v>
      </c>
      <c r="E3264" s="166">
        <v>0</v>
      </c>
      <c r="F3264" s="166">
        <v>0</v>
      </c>
      <c r="G3264" s="166">
        <v>0</v>
      </c>
      <c r="H3264" s="166">
        <v>0</v>
      </c>
      <c r="I3264" s="166">
        <v>0</v>
      </c>
      <c r="J3264" s="166">
        <v>0</v>
      </c>
      <c r="K3264" s="166">
        <v>0</v>
      </c>
      <c r="L3264" s="166">
        <v>0</v>
      </c>
      <c r="M3264" s="166">
        <v>0</v>
      </c>
      <c r="N3264" s="166">
        <v>0</v>
      </c>
      <c r="O3264" s="166">
        <v>0</v>
      </c>
      <c r="P3264" s="166">
        <v>0</v>
      </c>
      <c r="Q3264" s="166">
        <v>0</v>
      </c>
      <c r="R3264" s="166">
        <v>0</v>
      </c>
      <c r="S3264" s="166">
        <v>0</v>
      </c>
      <c r="T3264" s="166">
        <v>0</v>
      </c>
      <c r="U3264" s="166">
        <v>0</v>
      </c>
      <c r="V3264" s="166">
        <v>0</v>
      </c>
      <c r="W3264" s="166">
        <v>0</v>
      </c>
      <c r="X3264" s="166">
        <v>0</v>
      </c>
      <c r="Y3264" s="166">
        <v>0</v>
      </c>
      <c r="Z3264" s="166">
        <v>0</v>
      </c>
      <c r="AA3264" s="166">
        <v>0</v>
      </c>
      <c r="AB3264" s="166">
        <v>0</v>
      </c>
      <c r="AC3264" s="166">
        <v>0</v>
      </c>
      <c r="AD3264" s="166">
        <v>0</v>
      </c>
      <c r="AE3264" s="166">
        <v>0</v>
      </c>
      <c r="AF3264" s="166">
        <v>0</v>
      </c>
      <c r="AG3264" s="166">
        <v>0</v>
      </c>
      <c r="AH3264" s="166">
        <v>0</v>
      </c>
      <c r="AI3264" s="166">
        <v>0</v>
      </c>
      <c r="AJ3264" s="166">
        <v>0</v>
      </c>
      <c r="AK3264" s="166">
        <v>0</v>
      </c>
      <c r="AL3264" s="166">
        <v>0</v>
      </c>
      <c r="AM3264" s="166">
        <v>0</v>
      </c>
      <c r="AN3264" s="166">
        <v>0</v>
      </c>
      <c r="AO3264" s="166">
        <v>0</v>
      </c>
      <c r="AP3264" s="166">
        <v>0</v>
      </c>
      <c r="AQ3264" s="166">
        <v>0</v>
      </c>
      <c r="AR3264" s="166">
        <v>0</v>
      </c>
      <c r="AS3264" s="166">
        <v>0</v>
      </c>
      <c r="AT3264" s="166">
        <v>0</v>
      </c>
      <c r="AU3264" s="166">
        <v>0</v>
      </c>
      <c r="AV3264" s="166">
        <v>0</v>
      </c>
      <c r="AW3264" s="166">
        <v>0</v>
      </c>
      <c r="AX3264" s="166">
        <v>0</v>
      </c>
      <c r="AY3264" s="166">
        <v>0</v>
      </c>
      <c r="AZ3264" s="166">
        <v>0</v>
      </c>
      <c r="BA3264" s="166">
        <v>0</v>
      </c>
      <c r="BB3264" s="166">
        <v>0</v>
      </c>
      <c r="BC3264" s="166">
        <v>0</v>
      </c>
      <c r="BD3264" s="166">
        <v>0</v>
      </c>
      <c r="BE3264" s="166">
        <v>0</v>
      </c>
      <c r="BF3264" s="166">
        <v>0</v>
      </c>
      <c r="BG3264" s="166">
        <v>0</v>
      </c>
      <c r="BH3264" s="166">
        <v>0</v>
      </c>
      <c r="BI3264" s="166">
        <v>0</v>
      </c>
      <c r="BJ3264" s="166">
        <v>0</v>
      </c>
      <c r="BK3264" s="166">
        <v>0</v>
      </c>
      <c r="BL3264" s="166">
        <v>0</v>
      </c>
      <c r="BM3264" s="166">
        <v>0</v>
      </c>
      <c r="BN3264" s="166">
        <v>0</v>
      </c>
      <c r="BO3264" s="166">
        <v>0</v>
      </c>
      <c r="BP3264" s="166">
        <v>0</v>
      </c>
      <c r="BQ3264" s="166">
        <v>0</v>
      </c>
      <c r="BR3264" s="166">
        <v>0</v>
      </c>
      <c r="BS3264" s="166">
        <v>0</v>
      </c>
      <c r="BT3264" s="168">
        <v>0</v>
      </c>
      <c r="BU3264" s="166">
        <v>0</v>
      </c>
      <c r="BV3264" s="166">
        <v>0</v>
      </c>
      <c r="BW3264" s="166">
        <v>0</v>
      </c>
      <c r="BX3264" s="166">
        <v>0</v>
      </c>
      <c r="BY3264" s="166">
        <v>0</v>
      </c>
      <c r="BZ3264" s="166">
        <v>0</v>
      </c>
      <c r="CA3264" s="166">
        <v>0</v>
      </c>
      <c r="CB3264" s="166">
        <v>0</v>
      </c>
      <c r="CC3264" s="166">
        <v>0</v>
      </c>
      <c r="CD3264" s="166">
        <v>0</v>
      </c>
      <c r="CE3264" s="166">
        <v>0</v>
      </c>
      <c r="CF3264" s="166">
        <v>0</v>
      </c>
      <c r="CG3264" s="166">
        <v>0</v>
      </c>
      <c r="CH3264" s="166">
        <v>0</v>
      </c>
      <c r="CI3264" s="166">
        <v>0</v>
      </c>
      <c r="CJ3264" s="166">
        <v>0</v>
      </c>
      <c r="CK3264" s="166">
        <v>0</v>
      </c>
      <c r="CL3264" s="166">
        <v>0</v>
      </c>
      <c r="CM3264" s="166">
        <v>0</v>
      </c>
      <c r="CN3264" s="166">
        <v>0</v>
      </c>
      <c r="CO3264" s="166">
        <v>0</v>
      </c>
      <c r="CP3264" s="166">
        <v>0</v>
      </c>
      <c r="CQ3264" s="166">
        <v>0</v>
      </c>
      <c r="CR3264" s="166">
        <v>0</v>
      </c>
      <c r="CS3264" s="166">
        <v>0</v>
      </c>
      <c r="CT3264" s="166">
        <v>0</v>
      </c>
      <c r="CU3264" s="166">
        <v>0</v>
      </c>
      <c r="CV3264" s="166">
        <v>0</v>
      </c>
      <c r="CW3264" s="166">
        <v>0</v>
      </c>
      <c r="CX3264" s="166">
        <v>0</v>
      </c>
      <c r="CY3264" s="166">
        <v>0</v>
      </c>
      <c r="CZ3264" s="166">
        <v>0</v>
      </c>
    </row>
    <row r="3265" spans="1:104" x14ac:dyDescent="0.2">
      <c r="A3265" s="167" t="s">
        <v>549</v>
      </c>
      <c r="B3265" s="166">
        <v>0</v>
      </c>
      <c r="C3265" s="166">
        <v>0</v>
      </c>
      <c r="D3265" s="166">
        <v>0</v>
      </c>
      <c r="E3265" s="166">
        <v>0</v>
      </c>
      <c r="F3265" s="166">
        <v>0</v>
      </c>
      <c r="G3265" s="166">
        <v>0</v>
      </c>
      <c r="H3265" s="166">
        <v>0</v>
      </c>
      <c r="I3265" s="166">
        <v>0</v>
      </c>
      <c r="J3265" s="166">
        <v>0</v>
      </c>
      <c r="K3265" s="166">
        <v>0</v>
      </c>
      <c r="L3265" s="166">
        <v>0</v>
      </c>
      <c r="M3265" s="166">
        <v>0</v>
      </c>
      <c r="N3265" s="166">
        <v>0</v>
      </c>
      <c r="O3265" s="166">
        <v>0</v>
      </c>
      <c r="P3265" s="166">
        <v>0</v>
      </c>
      <c r="Q3265" s="166">
        <v>0</v>
      </c>
      <c r="R3265" s="166">
        <v>0</v>
      </c>
      <c r="S3265" s="166">
        <v>0</v>
      </c>
      <c r="T3265" s="166">
        <v>0</v>
      </c>
      <c r="U3265" s="166">
        <v>0</v>
      </c>
      <c r="V3265" s="166">
        <v>0</v>
      </c>
      <c r="W3265" s="166">
        <v>0</v>
      </c>
      <c r="X3265" s="166">
        <v>0</v>
      </c>
      <c r="Y3265" s="166">
        <v>0</v>
      </c>
      <c r="Z3265" s="166">
        <v>0</v>
      </c>
      <c r="AA3265" s="166">
        <v>0</v>
      </c>
      <c r="AB3265" s="166">
        <v>0</v>
      </c>
      <c r="AC3265" s="166">
        <v>0</v>
      </c>
      <c r="AD3265" s="166">
        <v>0</v>
      </c>
      <c r="AE3265" s="166">
        <v>0</v>
      </c>
      <c r="AF3265" s="166">
        <v>0</v>
      </c>
      <c r="AG3265" s="166">
        <v>0</v>
      </c>
      <c r="AH3265" s="166">
        <v>0</v>
      </c>
      <c r="AI3265" s="166">
        <v>0</v>
      </c>
      <c r="AJ3265" s="166">
        <v>0</v>
      </c>
      <c r="AK3265" s="166">
        <v>0</v>
      </c>
      <c r="AL3265" s="166">
        <v>0</v>
      </c>
      <c r="AM3265" s="166">
        <v>0</v>
      </c>
      <c r="AN3265" s="166">
        <v>0</v>
      </c>
      <c r="AO3265" s="166">
        <v>0</v>
      </c>
      <c r="AP3265" s="166">
        <v>0</v>
      </c>
      <c r="AQ3265" s="166">
        <v>0</v>
      </c>
      <c r="AR3265" s="166">
        <v>0</v>
      </c>
      <c r="AS3265" s="166">
        <v>0</v>
      </c>
      <c r="AT3265" s="166">
        <v>0</v>
      </c>
      <c r="AU3265" s="166">
        <v>0</v>
      </c>
      <c r="AV3265" s="166">
        <v>0</v>
      </c>
      <c r="AW3265" s="166">
        <v>0</v>
      </c>
      <c r="AX3265" s="166">
        <v>0</v>
      </c>
      <c r="AY3265" s="166">
        <v>0</v>
      </c>
      <c r="AZ3265" s="166">
        <v>0</v>
      </c>
      <c r="BA3265" s="166">
        <v>0</v>
      </c>
      <c r="BB3265" s="166">
        <v>0</v>
      </c>
      <c r="BC3265" s="166">
        <v>0</v>
      </c>
      <c r="BD3265" s="166">
        <v>0</v>
      </c>
      <c r="BE3265" s="166">
        <v>0</v>
      </c>
      <c r="BF3265" s="166">
        <v>0</v>
      </c>
      <c r="BG3265" s="166">
        <v>0</v>
      </c>
      <c r="BH3265" s="166">
        <v>0</v>
      </c>
      <c r="BI3265" s="166">
        <v>0</v>
      </c>
      <c r="BJ3265" s="166">
        <v>0</v>
      </c>
      <c r="BK3265" s="166">
        <v>0</v>
      </c>
      <c r="BL3265" s="166">
        <v>0</v>
      </c>
      <c r="BM3265" s="166">
        <v>0</v>
      </c>
      <c r="BN3265" s="166">
        <v>0</v>
      </c>
      <c r="BO3265" s="166">
        <v>0</v>
      </c>
      <c r="BP3265" s="166">
        <v>0</v>
      </c>
      <c r="BQ3265" s="166">
        <v>0</v>
      </c>
      <c r="BR3265" s="166">
        <v>0</v>
      </c>
      <c r="BS3265" s="166">
        <v>0</v>
      </c>
      <c r="BT3265" s="168">
        <v>0</v>
      </c>
      <c r="BU3265" s="166">
        <v>0</v>
      </c>
      <c r="BV3265" s="166">
        <v>0</v>
      </c>
      <c r="BW3265" s="166">
        <v>0</v>
      </c>
      <c r="BX3265" s="166">
        <v>0</v>
      </c>
      <c r="BY3265" s="166">
        <v>0</v>
      </c>
      <c r="BZ3265" s="166">
        <v>0</v>
      </c>
      <c r="CA3265" s="166">
        <v>0</v>
      </c>
      <c r="CB3265" s="166">
        <v>0</v>
      </c>
      <c r="CC3265" s="166">
        <v>0</v>
      </c>
      <c r="CD3265" s="166">
        <v>0</v>
      </c>
      <c r="CE3265" s="166">
        <v>0</v>
      </c>
      <c r="CF3265" s="166">
        <v>0</v>
      </c>
      <c r="CG3265" s="166">
        <v>0</v>
      </c>
      <c r="CH3265" s="166">
        <v>0</v>
      </c>
      <c r="CI3265" s="166">
        <v>0</v>
      </c>
      <c r="CJ3265" s="166">
        <v>0</v>
      </c>
      <c r="CK3265" s="166">
        <v>0</v>
      </c>
      <c r="CL3265" s="166">
        <v>0</v>
      </c>
      <c r="CM3265" s="166">
        <v>0</v>
      </c>
      <c r="CN3265" s="166">
        <v>0</v>
      </c>
      <c r="CO3265" s="166">
        <v>0</v>
      </c>
      <c r="CP3265" s="166">
        <v>0</v>
      </c>
      <c r="CQ3265" s="166">
        <v>0</v>
      </c>
      <c r="CR3265" s="166">
        <v>0</v>
      </c>
      <c r="CS3265" s="166">
        <v>0</v>
      </c>
      <c r="CT3265" s="166">
        <v>0</v>
      </c>
      <c r="CU3265" s="166">
        <v>0</v>
      </c>
      <c r="CV3265" s="166">
        <v>0</v>
      </c>
      <c r="CW3265" s="166">
        <v>0</v>
      </c>
      <c r="CX3265" s="166">
        <v>0</v>
      </c>
      <c r="CY3265" s="166">
        <v>0</v>
      </c>
      <c r="CZ3265" s="166">
        <v>0</v>
      </c>
    </row>
    <row r="3266" spans="1:104" x14ac:dyDescent="0.2">
      <c r="A3266" s="167" t="s">
        <v>550</v>
      </c>
      <c r="B3266" s="166">
        <v>0</v>
      </c>
      <c r="C3266" s="166">
        <v>0</v>
      </c>
      <c r="D3266" s="166">
        <v>0</v>
      </c>
      <c r="E3266" s="166">
        <v>0</v>
      </c>
      <c r="F3266" s="166">
        <v>0</v>
      </c>
      <c r="G3266" s="166">
        <v>0</v>
      </c>
      <c r="H3266" s="166">
        <v>0</v>
      </c>
      <c r="I3266" s="166">
        <v>0</v>
      </c>
      <c r="J3266" s="166">
        <v>0</v>
      </c>
      <c r="K3266" s="166">
        <v>0</v>
      </c>
      <c r="L3266" s="166">
        <v>0</v>
      </c>
      <c r="M3266" s="166">
        <v>0</v>
      </c>
      <c r="N3266" s="166">
        <v>0</v>
      </c>
      <c r="O3266" s="166">
        <v>0</v>
      </c>
      <c r="P3266" s="166">
        <v>0</v>
      </c>
      <c r="Q3266" s="166">
        <v>0</v>
      </c>
      <c r="R3266" s="166">
        <v>0</v>
      </c>
      <c r="S3266" s="166">
        <v>0</v>
      </c>
      <c r="T3266" s="166">
        <v>0</v>
      </c>
      <c r="U3266" s="166">
        <v>0</v>
      </c>
      <c r="V3266" s="166">
        <v>0</v>
      </c>
      <c r="W3266" s="166">
        <v>0</v>
      </c>
      <c r="X3266" s="166">
        <v>0</v>
      </c>
      <c r="Y3266" s="166">
        <v>0</v>
      </c>
      <c r="Z3266" s="166">
        <v>0</v>
      </c>
      <c r="AA3266" s="166">
        <v>0</v>
      </c>
      <c r="AB3266" s="166">
        <v>0</v>
      </c>
      <c r="AC3266" s="166">
        <v>0</v>
      </c>
      <c r="AD3266" s="166">
        <v>0</v>
      </c>
      <c r="AE3266" s="166">
        <v>0</v>
      </c>
      <c r="AF3266" s="166">
        <v>0</v>
      </c>
      <c r="AG3266" s="166">
        <v>0</v>
      </c>
      <c r="AH3266" s="166">
        <v>0</v>
      </c>
      <c r="AI3266" s="166">
        <v>0</v>
      </c>
      <c r="AJ3266" s="166">
        <v>0</v>
      </c>
      <c r="AK3266" s="166">
        <v>0</v>
      </c>
      <c r="AL3266" s="166">
        <v>0</v>
      </c>
      <c r="AM3266" s="166">
        <v>0</v>
      </c>
      <c r="AN3266" s="166">
        <v>0</v>
      </c>
      <c r="AO3266" s="166">
        <v>0</v>
      </c>
      <c r="AP3266" s="166">
        <v>0</v>
      </c>
      <c r="AQ3266" s="166">
        <v>0</v>
      </c>
      <c r="AR3266" s="166">
        <v>0</v>
      </c>
      <c r="AS3266" s="166">
        <v>0</v>
      </c>
      <c r="AT3266" s="166">
        <v>0</v>
      </c>
      <c r="AU3266" s="166">
        <v>0</v>
      </c>
      <c r="AV3266" s="166">
        <v>0</v>
      </c>
      <c r="AW3266" s="166">
        <v>0</v>
      </c>
      <c r="AX3266" s="166">
        <v>0</v>
      </c>
      <c r="AY3266" s="166">
        <v>0</v>
      </c>
      <c r="AZ3266" s="166">
        <v>0</v>
      </c>
      <c r="BA3266" s="166">
        <v>0</v>
      </c>
      <c r="BB3266" s="166">
        <v>0</v>
      </c>
      <c r="BC3266" s="166">
        <v>0</v>
      </c>
      <c r="BD3266" s="166">
        <v>0</v>
      </c>
      <c r="BE3266" s="166">
        <v>0</v>
      </c>
      <c r="BF3266" s="166">
        <v>0</v>
      </c>
      <c r="BG3266" s="166">
        <v>0</v>
      </c>
      <c r="BH3266" s="166">
        <v>0</v>
      </c>
      <c r="BI3266" s="166">
        <v>0</v>
      </c>
      <c r="BJ3266" s="166">
        <v>0</v>
      </c>
      <c r="BK3266" s="166">
        <v>0</v>
      </c>
      <c r="BL3266" s="166">
        <v>0</v>
      </c>
      <c r="BM3266" s="166">
        <v>0</v>
      </c>
      <c r="BN3266" s="166">
        <v>0</v>
      </c>
      <c r="BO3266" s="166">
        <v>0</v>
      </c>
      <c r="BP3266" s="166">
        <v>0</v>
      </c>
      <c r="BQ3266" s="166">
        <v>0</v>
      </c>
      <c r="BR3266" s="166">
        <v>0</v>
      </c>
      <c r="BS3266" s="166">
        <v>0</v>
      </c>
      <c r="BT3266" s="168">
        <v>0</v>
      </c>
      <c r="BU3266" s="166">
        <v>0</v>
      </c>
      <c r="BV3266" s="166">
        <v>0</v>
      </c>
      <c r="BW3266" s="166">
        <v>0</v>
      </c>
      <c r="BX3266" s="166">
        <v>0</v>
      </c>
      <c r="BY3266" s="166">
        <v>0</v>
      </c>
      <c r="BZ3266" s="166">
        <v>0</v>
      </c>
      <c r="CA3266" s="166">
        <v>0</v>
      </c>
      <c r="CB3266" s="166">
        <v>0</v>
      </c>
      <c r="CC3266" s="166">
        <v>0</v>
      </c>
      <c r="CD3266" s="166">
        <v>0</v>
      </c>
      <c r="CE3266" s="166">
        <v>0</v>
      </c>
      <c r="CF3266" s="166">
        <v>0</v>
      </c>
      <c r="CG3266" s="166">
        <v>0</v>
      </c>
      <c r="CH3266" s="166">
        <v>0</v>
      </c>
      <c r="CI3266" s="166">
        <v>0</v>
      </c>
      <c r="CJ3266" s="166">
        <v>0</v>
      </c>
      <c r="CK3266" s="166">
        <v>0</v>
      </c>
      <c r="CL3266" s="166">
        <v>0</v>
      </c>
      <c r="CM3266" s="166">
        <v>0</v>
      </c>
      <c r="CN3266" s="166">
        <v>0</v>
      </c>
      <c r="CO3266" s="166">
        <v>0</v>
      </c>
      <c r="CP3266" s="166">
        <v>0</v>
      </c>
      <c r="CQ3266" s="166">
        <v>0</v>
      </c>
      <c r="CR3266" s="166">
        <v>0</v>
      </c>
      <c r="CS3266" s="166">
        <v>0</v>
      </c>
      <c r="CT3266" s="166">
        <v>0</v>
      </c>
      <c r="CU3266" s="166">
        <v>0</v>
      </c>
      <c r="CV3266" s="166">
        <v>0</v>
      </c>
      <c r="CW3266" s="166">
        <v>0</v>
      </c>
      <c r="CX3266" s="166">
        <v>0</v>
      </c>
      <c r="CY3266" s="166">
        <v>0</v>
      </c>
      <c r="CZ3266" s="166">
        <v>0</v>
      </c>
    </row>
    <row r="3267" spans="1:104" x14ac:dyDescent="0.2">
      <c r="A3267" s="177" t="s">
        <v>551</v>
      </c>
      <c r="B3267" s="166">
        <v>0</v>
      </c>
      <c r="C3267" s="166">
        <v>0</v>
      </c>
      <c r="D3267" s="166">
        <v>0</v>
      </c>
      <c r="E3267" s="166">
        <v>0</v>
      </c>
      <c r="F3267" s="166">
        <v>0</v>
      </c>
      <c r="G3267" s="166">
        <v>0</v>
      </c>
      <c r="H3267" s="166">
        <v>0</v>
      </c>
      <c r="I3267" s="166">
        <v>0</v>
      </c>
      <c r="J3267" s="166">
        <v>0</v>
      </c>
      <c r="K3267" s="166">
        <v>0</v>
      </c>
      <c r="L3267" s="166">
        <v>0</v>
      </c>
      <c r="M3267" s="166">
        <v>0</v>
      </c>
      <c r="N3267" s="166">
        <v>0</v>
      </c>
      <c r="O3267" s="166">
        <v>0</v>
      </c>
      <c r="P3267" s="166">
        <v>0</v>
      </c>
      <c r="Q3267" s="166">
        <v>0</v>
      </c>
      <c r="R3267" s="166">
        <v>0</v>
      </c>
      <c r="S3267" s="166">
        <v>0</v>
      </c>
      <c r="T3267" s="166">
        <v>0</v>
      </c>
      <c r="U3267" s="166">
        <v>0</v>
      </c>
      <c r="V3267" s="166">
        <v>0</v>
      </c>
      <c r="W3267" s="166">
        <v>0</v>
      </c>
      <c r="X3267" s="166">
        <v>0</v>
      </c>
      <c r="Y3267" s="166">
        <v>0</v>
      </c>
      <c r="Z3267" s="166">
        <v>0</v>
      </c>
      <c r="AA3267" s="166">
        <v>0</v>
      </c>
      <c r="AB3267" s="166">
        <v>0</v>
      </c>
      <c r="AC3267" s="166">
        <v>0</v>
      </c>
      <c r="AD3267" s="166">
        <v>0</v>
      </c>
      <c r="AE3267" s="166">
        <v>0</v>
      </c>
      <c r="AF3267" s="166">
        <v>0</v>
      </c>
      <c r="AG3267" s="166">
        <v>0</v>
      </c>
      <c r="AH3267" s="166">
        <v>0</v>
      </c>
      <c r="AI3267" s="166">
        <v>0</v>
      </c>
      <c r="AJ3267" s="166">
        <v>0</v>
      </c>
      <c r="AK3267" s="166">
        <v>0</v>
      </c>
      <c r="AL3267" s="166">
        <v>0</v>
      </c>
      <c r="AM3267" s="166">
        <v>0</v>
      </c>
      <c r="AN3267" s="166">
        <v>0</v>
      </c>
      <c r="AO3267" s="166">
        <v>0</v>
      </c>
      <c r="AP3267" s="166">
        <v>0</v>
      </c>
      <c r="AQ3267" s="166">
        <v>0</v>
      </c>
      <c r="AR3267" s="166">
        <v>0</v>
      </c>
      <c r="AS3267" s="166">
        <v>0</v>
      </c>
      <c r="AT3267" s="166">
        <v>0</v>
      </c>
      <c r="AU3267" s="166">
        <v>0</v>
      </c>
      <c r="AV3267" s="166">
        <v>0</v>
      </c>
      <c r="AW3267" s="166">
        <v>0</v>
      </c>
      <c r="AX3267" s="166">
        <v>0</v>
      </c>
      <c r="AY3267" s="166">
        <v>0</v>
      </c>
      <c r="AZ3267" s="166">
        <v>0</v>
      </c>
      <c r="BA3267" s="166">
        <v>0</v>
      </c>
      <c r="BB3267" s="166">
        <v>0</v>
      </c>
      <c r="BC3267" s="166">
        <v>0</v>
      </c>
      <c r="BD3267" s="166">
        <v>0</v>
      </c>
      <c r="BE3267" s="166">
        <v>0</v>
      </c>
      <c r="BF3267" s="166">
        <v>0</v>
      </c>
      <c r="BG3267" s="166">
        <v>0</v>
      </c>
      <c r="BH3267" s="166">
        <v>0</v>
      </c>
      <c r="BI3267" s="166">
        <v>0</v>
      </c>
      <c r="BJ3267" s="166">
        <v>0</v>
      </c>
      <c r="BK3267" s="166">
        <v>0</v>
      </c>
      <c r="BL3267" s="166">
        <v>0</v>
      </c>
      <c r="BM3267" s="166">
        <v>0</v>
      </c>
      <c r="BN3267" s="166">
        <v>0</v>
      </c>
      <c r="BO3267" s="166">
        <v>0</v>
      </c>
      <c r="BP3267" s="166">
        <v>0</v>
      </c>
      <c r="BQ3267" s="166">
        <v>0</v>
      </c>
      <c r="BR3267" s="166">
        <v>0</v>
      </c>
      <c r="BS3267" s="166">
        <v>0</v>
      </c>
      <c r="BT3267" s="168">
        <v>0</v>
      </c>
      <c r="BU3267" s="166">
        <v>0</v>
      </c>
      <c r="BV3267" s="166">
        <v>0</v>
      </c>
      <c r="BW3267" s="166">
        <v>0</v>
      </c>
      <c r="BX3267" s="166">
        <v>0</v>
      </c>
      <c r="BY3267" s="166">
        <v>0</v>
      </c>
      <c r="BZ3267" s="166">
        <v>0</v>
      </c>
      <c r="CA3267" s="166">
        <v>0</v>
      </c>
      <c r="CB3267" s="166">
        <v>0</v>
      </c>
      <c r="CC3267" s="166">
        <v>0</v>
      </c>
      <c r="CD3267" s="166">
        <v>0</v>
      </c>
      <c r="CE3267" s="166">
        <v>0</v>
      </c>
      <c r="CF3267" s="166">
        <v>0</v>
      </c>
      <c r="CG3267" s="166">
        <v>0</v>
      </c>
      <c r="CH3267" s="166">
        <v>0</v>
      </c>
      <c r="CI3267" s="166">
        <v>0</v>
      </c>
      <c r="CJ3267" s="166">
        <v>0</v>
      </c>
      <c r="CK3267" s="166">
        <v>0</v>
      </c>
      <c r="CL3267" s="166">
        <v>0</v>
      </c>
      <c r="CM3267" s="166">
        <v>0</v>
      </c>
      <c r="CN3267" s="166">
        <v>0</v>
      </c>
      <c r="CO3267" s="166">
        <v>0</v>
      </c>
      <c r="CP3267" s="166">
        <v>0</v>
      </c>
      <c r="CQ3267" s="166">
        <v>0</v>
      </c>
      <c r="CR3267" s="166">
        <v>0</v>
      </c>
      <c r="CS3267" s="166">
        <v>0</v>
      </c>
      <c r="CT3267" s="166">
        <v>0</v>
      </c>
      <c r="CU3267" s="166">
        <v>0</v>
      </c>
      <c r="CV3267" s="166">
        <v>0</v>
      </c>
      <c r="CW3267" s="166">
        <v>0</v>
      </c>
      <c r="CX3267" s="166">
        <v>0</v>
      </c>
      <c r="CY3267" s="166">
        <v>0</v>
      </c>
      <c r="CZ3267" s="166">
        <v>0</v>
      </c>
    </row>
    <row r="3268" spans="1:104" x14ac:dyDescent="0.2">
      <c r="A3268" s="167" t="s">
        <v>552</v>
      </c>
      <c r="B3268" s="166">
        <v>0</v>
      </c>
      <c r="C3268" s="166">
        <v>0</v>
      </c>
      <c r="D3268" s="166">
        <v>0</v>
      </c>
      <c r="E3268" s="166">
        <v>0</v>
      </c>
      <c r="F3268" s="166">
        <v>0</v>
      </c>
      <c r="G3268" s="166">
        <v>0</v>
      </c>
      <c r="H3268" s="166">
        <v>0</v>
      </c>
      <c r="I3268" s="166">
        <v>0</v>
      </c>
      <c r="J3268" s="166">
        <v>0</v>
      </c>
      <c r="K3268" s="166">
        <v>0</v>
      </c>
      <c r="L3268" s="166">
        <v>0</v>
      </c>
      <c r="M3268" s="166">
        <v>0</v>
      </c>
      <c r="N3268" s="166">
        <v>0</v>
      </c>
      <c r="O3268" s="166">
        <v>0</v>
      </c>
      <c r="P3268" s="166">
        <v>0</v>
      </c>
      <c r="Q3268" s="166">
        <v>0</v>
      </c>
      <c r="R3268" s="166">
        <v>0</v>
      </c>
      <c r="S3268" s="166">
        <v>0</v>
      </c>
      <c r="T3268" s="166">
        <v>0</v>
      </c>
      <c r="U3268" s="166">
        <v>0</v>
      </c>
      <c r="V3268" s="166">
        <v>0</v>
      </c>
      <c r="W3268" s="166">
        <v>0</v>
      </c>
      <c r="X3268" s="166">
        <v>0</v>
      </c>
      <c r="Y3268" s="166">
        <v>0</v>
      </c>
      <c r="Z3268" s="166">
        <v>0</v>
      </c>
      <c r="AA3268" s="166">
        <v>0</v>
      </c>
      <c r="AB3268" s="166">
        <v>0</v>
      </c>
      <c r="AC3268" s="166">
        <v>0</v>
      </c>
      <c r="AD3268" s="166">
        <v>0</v>
      </c>
      <c r="AE3268" s="166">
        <v>0</v>
      </c>
      <c r="AF3268" s="166">
        <v>0</v>
      </c>
      <c r="AG3268" s="166">
        <v>0</v>
      </c>
      <c r="AH3268" s="166">
        <v>0</v>
      </c>
      <c r="AI3268" s="166">
        <v>0</v>
      </c>
      <c r="AJ3268" s="166">
        <v>0</v>
      </c>
      <c r="AK3268" s="166">
        <v>0</v>
      </c>
      <c r="AL3268" s="166">
        <v>0</v>
      </c>
      <c r="AM3268" s="166">
        <v>0</v>
      </c>
      <c r="AN3268" s="166">
        <v>0</v>
      </c>
      <c r="AO3268" s="166">
        <v>0</v>
      </c>
      <c r="AP3268" s="166">
        <v>0</v>
      </c>
      <c r="AQ3268" s="166">
        <v>0</v>
      </c>
      <c r="AR3268" s="166">
        <v>0</v>
      </c>
      <c r="AS3268" s="166">
        <v>0</v>
      </c>
      <c r="AT3268" s="166">
        <v>0</v>
      </c>
      <c r="AU3268" s="166">
        <v>0</v>
      </c>
      <c r="AV3268" s="166">
        <v>0</v>
      </c>
      <c r="AW3268" s="166">
        <v>0</v>
      </c>
      <c r="AX3268" s="166">
        <v>0</v>
      </c>
      <c r="AY3268" s="166">
        <v>0</v>
      </c>
      <c r="AZ3268" s="166">
        <v>0</v>
      </c>
      <c r="BA3268" s="166">
        <v>0</v>
      </c>
      <c r="BB3268" s="166">
        <v>0</v>
      </c>
      <c r="BC3268" s="166">
        <v>0</v>
      </c>
      <c r="BD3268" s="166">
        <v>0</v>
      </c>
      <c r="BE3268" s="166">
        <v>0</v>
      </c>
      <c r="BF3268" s="166">
        <v>0</v>
      </c>
      <c r="BG3268" s="166">
        <v>0</v>
      </c>
      <c r="BH3268" s="166">
        <v>0</v>
      </c>
      <c r="BI3268" s="166">
        <v>0</v>
      </c>
      <c r="BJ3268" s="166">
        <v>0</v>
      </c>
      <c r="BK3268" s="166">
        <v>0</v>
      </c>
      <c r="BL3268" s="166">
        <v>0</v>
      </c>
      <c r="BM3268" s="166">
        <v>0</v>
      </c>
      <c r="BN3268" s="166">
        <v>0</v>
      </c>
      <c r="BO3268" s="166">
        <v>0</v>
      </c>
      <c r="BP3268" s="166">
        <v>0</v>
      </c>
      <c r="BQ3268" s="166">
        <v>0</v>
      </c>
      <c r="BR3268" s="166">
        <v>0</v>
      </c>
      <c r="BS3268" s="166">
        <v>0</v>
      </c>
      <c r="BT3268" s="168">
        <v>0</v>
      </c>
      <c r="BU3268" s="166">
        <v>0</v>
      </c>
      <c r="BV3268" s="166">
        <v>0</v>
      </c>
      <c r="BW3268" s="166">
        <v>0</v>
      </c>
      <c r="BX3268" s="166">
        <v>0</v>
      </c>
      <c r="BY3268" s="166">
        <v>0</v>
      </c>
      <c r="BZ3268" s="166">
        <v>0</v>
      </c>
      <c r="CA3268" s="166">
        <v>0</v>
      </c>
      <c r="CB3268" s="166">
        <v>0</v>
      </c>
      <c r="CC3268" s="166">
        <v>0</v>
      </c>
      <c r="CD3268" s="166">
        <v>0</v>
      </c>
      <c r="CE3268" s="166">
        <v>0</v>
      </c>
      <c r="CF3268" s="166">
        <v>0</v>
      </c>
      <c r="CG3268" s="166">
        <v>0</v>
      </c>
      <c r="CH3268" s="166">
        <v>0</v>
      </c>
      <c r="CI3268" s="166">
        <v>0</v>
      </c>
      <c r="CJ3268" s="166">
        <v>0</v>
      </c>
      <c r="CK3268" s="166">
        <v>0</v>
      </c>
      <c r="CL3268" s="166">
        <v>0</v>
      </c>
      <c r="CM3268" s="166">
        <v>0</v>
      </c>
      <c r="CN3268" s="166">
        <v>0</v>
      </c>
      <c r="CO3268" s="166">
        <v>0</v>
      </c>
      <c r="CP3268" s="166">
        <v>0</v>
      </c>
      <c r="CQ3268" s="166">
        <v>0</v>
      </c>
      <c r="CR3268" s="166">
        <v>0</v>
      </c>
      <c r="CS3268" s="166">
        <v>0</v>
      </c>
      <c r="CT3268" s="166">
        <v>0</v>
      </c>
      <c r="CU3268" s="166">
        <v>0</v>
      </c>
      <c r="CV3268" s="166">
        <v>0</v>
      </c>
      <c r="CW3268" s="166">
        <v>0</v>
      </c>
      <c r="CX3268" s="166">
        <v>0</v>
      </c>
      <c r="CY3268" s="166">
        <v>0</v>
      </c>
      <c r="CZ3268" s="166">
        <v>0</v>
      </c>
    </row>
    <row r="3269" spans="1:104" x14ac:dyDescent="0.2">
      <c r="A3269" s="170" t="s">
        <v>553</v>
      </c>
      <c r="B3269" s="166">
        <v>0</v>
      </c>
      <c r="C3269" s="166">
        <v>0</v>
      </c>
      <c r="D3269" s="166">
        <v>0</v>
      </c>
      <c r="E3269" s="166">
        <v>0</v>
      </c>
      <c r="F3269" s="166">
        <v>0</v>
      </c>
      <c r="G3269" s="166">
        <v>0</v>
      </c>
      <c r="H3269" s="166">
        <v>0</v>
      </c>
      <c r="I3269" s="166">
        <v>0</v>
      </c>
      <c r="J3269" s="166">
        <v>0</v>
      </c>
      <c r="K3269" s="166">
        <v>0</v>
      </c>
      <c r="L3269" s="166">
        <v>0</v>
      </c>
      <c r="M3269" s="166">
        <v>0</v>
      </c>
      <c r="N3269" s="166">
        <v>0</v>
      </c>
      <c r="O3269" s="166">
        <v>0</v>
      </c>
      <c r="P3269" s="166">
        <v>0</v>
      </c>
      <c r="Q3269" s="166">
        <v>0</v>
      </c>
      <c r="R3269" s="166">
        <v>0</v>
      </c>
      <c r="S3269" s="166">
        <v>0</v>
      </c>
      <c r="T3269" s="166">
        <v>0</v>
      </c>
      <c r="U3269" s="166">
        <v>0</v>
      </c>
      <c r="V3269" s="166">
        <v>0</v>
      </c>
      <c r="W3269" s="166">
        <v>0</v>
      </c>
      <c r="X3269" s="166">
        <v>0</v>
      </c>
      <c r="Y3269" s="166">
        <v>0</v>
      </c>
      <c r="Z3269" s="166">
        <v>0</v>
      </c>
      <c r="AA3269" s="166">
        <v>0</v>
      </c>
      <c r="AB3269" s="166">
        <v>0</v>
      </c>
      <c r="AC3269" s="166">
        <v>0</v>
      </c>
      <c r="AD3269" s="166">
        <v>0</v>
      </c>
      <c r="AE3269" s="166">
        <v>0</v>
      </c>
      <c r="AF3269" s="166">
        <v>0</v>
      </c>
      <c r="AG3269" s="166">
        <v>0</v>
      </c>
      <c r="AH3269" s="166">
        <v>0</v>
      </c>
      <c r="AI3269" s="166">
        <v>0</v>
      </c>
      <c r="AJ3269" s="166">
        <v>0</v>
      </c>
      <c r="AK3269" s="166">
        <v>0</v>
      </c>
      <c r="AL3269" s="166">
        <v>0</v>
      </c>
      <c r="AM3269" s="166">
        <v>0</v>
      </c>
      <c r="AN3269" s="166">
        <v>0</v>
      </c>
      <c r="AO3269" s="166">
        <v>0</v>
      </c>
      <c r="AP3269" s="166">
        <v>0</v>
      </c>
      <c r="AQ3269" s="166">
        <v>0</v>
      </c>
      <c r="AR3269" s="166">
        <v>0</v>
      </c>
      <c r="AS3269" s="166">
        <v>0</v>
      </c>
      <c r="AT3269" s="166">
        <v>0</v>
      </c>
      <c r="AU3269" s="166">
        <v>0</v>
      </c>
      <c r="AV3269" s="166">
        <v>0</v>
      </c>
      <c r="AW3269" s="166">
        <v>0</v>
      </c>
      <c r="AX3269" s="166">
        <v>0</v>
      </c>
      <c r="AY3269" s="166">
        <v>0</v>
      </c>
      <c r="AZ3269" s="166">
        <v>0</v>
      </c>
      <c r="BA3269" s="166">
        <v>0</v>
      </c>
      <c r="BB3269" s="166">
        <v>0</v>
      </c>
      <c r="BC3269" s="166">
        <v>0</v>
      </c>
      <c r="BD3269" s="166">
        <v>0</v>
      </c>
      <c r="BE3269" s="166">
        <v>0</v>
      </c>
      <c r="BF3269" s="166">
        <v>0</v>
      </c>
      <c r="BG3269" s="166">
        <v>0</v>
      </c>
      <c r="BH3269" s="166">
        <v>0</v>
      </c>
      <c r="BI3269" s="166">
        <v>0</v>
      </c>
      <c r="BJ3269" s="166">
        <v>0</v>
      </c>
      <c r="BK3269" s="166">
        <v>0</v>
      </c>
      <c r="BL3269" s="166">
        <v>0</v>
      </c>
      <c r="BM3269" s="166">
        <v>0</v>
      </c>
      <c r="BN3269" s="166">
        <v>0</v>
      </c>
      <c r="BO3269" s="166">
        <v>0</v>
      </c>
      <c r="BP3269" s="166">
        <v>0</v>
      </c>
      <c r="BQ3269" s="166">
        <v>0</v>
      </c>
      <c r="BR3269" s="166">
        <v>0</v>
      </c>
      <c r="BS3269" s="166">
        <v>0</v>
      </c>
      <c r="BT3269" s="168">
        <v>0</v>
      </c>
      <c r="BU3269" s="166">
        <v>0</v>
      </c>
      <c r="BV3269" s="166">
        <v>0</v>
      </c>
      <c r="BW3269" s="166">
        <v>0</v>
      </c>
      <c r="BX3269" s="166">
        <v>0</v>
      </c>
      <c r="BY3269" s="166">
        <v>0</v>
      </c>
      <c r="BZ3269" s="166">
        <v>0</v>
      </c>
      <c r="CA3269" s="166">
        <v>0</v>
      </c>
      <c r="CB3269" s="166">
        <v>0</v>
      </c>
      <c r="CC3269" s="166">
        <v>0</v>
      </c>
      <c r="CD3269" s="166">
        <v>0</v>
      </c>
      <c r="CE3269" s="166">
        <v>0</v>
      </c>
      <c r="CF3269" s="166">
        <v>0</v>
      </c>
      <c r="CG3269" s="166">
        <v>0</v>
      </c>
      <c r="CH3269" s="166">
        <v>0</v>
      </c>
      <c r="CI3269" s="166">
        <v>0</v>
      </c>
      <c r="CJ3269" s="166">
        <v>0</v>
      </c>
      <c r="CK3269" s="166">
        <v>0</v>
      </c>
      <c r="CL3269" s="166">
        <v>0</v>
      </c>
      <c r="CM3269" s="166">
        <v>0</v>
      </c>
      <c r="CN3269" s="166">
        <v>0</v>
      </c>
      <c r="CO3269" s="166">
        <v>0</v>
      </c>
      <c r="CP3269" s="166">
        <v>0</v>
      </c>
      <c r="CQ3269" s="166">
        <v>0</v>
      </c>
      <c r="CR3269" s="166">
        <v>0</v>
      </c>
      <c r="CS3269" s="166">
        <v>0</v>
      </c>
      <c r="CT3269" s="166">
        <v>0</v>
      </c>
      <c r="CU3269" s="166">
        <v>0</v>
      </c>
      <c r="CV3269" s="166">
        <v>0</v>
      </c>
      <c r="CW3269" s="166">
        <v>0</v>
      </c>
      <c r="CX3269" s="166">
        <v>0</v>
      </c>
      <c r="CY3269" s="166">
        <v>0</v>
      </c>
      <c r="CZ3269" s="166">
        <v>0</v>
      </c>
    </row>
    <row r="3270" spans="1:104" x14ac:dyDescent="0.2">
      <c r="A3270" s="167" t="s">
        <v>554</v>
      </c>
      <c r="B3270" s="166">
        <v>99904536.638467193</v>
      </c>
      <c r="C3270" s="166">
        <v>99904536.638467193</v>
      </c>
      <c r="D3270" s="166">
        <v>0</v>
      </c>
      <c r="E3270" s="166">
        <v>0</v>
      </c>
      <c r="F3270" s="166">
        <v>0</v>
      </c>
      <c r="G3270" s="166">
        <v>0</v>
      </c>
      <c r="H3270" s="166">
        <v>0</v>
      </c>
      <c r="I3270" s="166">
        <v>0</v>
      </c>
      <c r="J3270" s="166">
        <v>0</v>
      </c>
      <c r="K3270" s="166">
        <v>0</v>
      </c>
      <c r="L3270" s="166">
        <v>0</v>
      </c>
      <c r="M3270" s="166">
        <v>0</v>
      </c>
      <c r="N3270" s="166">
        <v>0</v>
      </c>
      <c r="O3270" s="166">
        <v>0</v>
      </c>
      <c r="P3270" s="166">
        <v>0</v>
      </c>
      <c r="Q3270" s="166">
        <v>0</v>
      </c>
      <c r="R3270" s="166">
        <v>0</v>
      </c>
      <c r="S3270" s="166">
        <v>0</v>
      </c>
      <c r="T3270" s="166">
        <v>0</v>
      </c>
      <c r="U3270" s="166">
        <v>0</v>
      </c>
      <c r="V3270" s="166">
        <v>0</v>
      </c>
      <c r="W3270" s="166">
        <v>0</v>
      </c>
      <c r="X3270" s="166">
        <v>0</v>
      </c>
      <c r="Y3270" s="166">
        <v>0</v>
      </c>
      <c r="Z3270" s="166">
        <v>0</v>
      </c>
      <c r="AA3270" s="166">
        <v>0</v>
      </c>
      <c r="AB3270" s="166">
        <v>0</v>
      </c>
      <c r="AC3270" s="166">
        <v>0</v>
      </c>
      <c r="AD3270" s="166">
        <v>0</v>
      </c>
      <c r="AE3270" s="166">
        <v>0</v>
      </c>
      <c r="AF3270" s="166">
        <v>0</v>
      </c>
      <c r="AG3270" s="166">
        <v>0</v>
      </c>
      <c r="AH3270" s="166">
        <v>0</v>
      </c>
      <c r="AI3270" s="166">
        <v>0</v>
      </c>
      <c r="AJ3270" s="166">
        <v>0</v>
      </c>
      <c r="AK3270" s="166">
        <v>0</v>
      </c>
      <c r="AL3270" s="166">
        <v>0</v>
      </c>
      <c r="AM3270" s="166">
        <v>0</v>
      </c>
      <c r="AN3270" s="166">
        <v>0</v>
      </c>
      <c r="AO3270" s="166">
        <v>0</v>
      </c>
      <c r="AP3270" s="166">
        <v>0</v>
      </c>
      <c r="AQ3270" s="166">
        <v>0</v>
      </c>
      <c r="AR3270" s="166">
        <v>0</v>
      </c>
      <c r="AS3270" s="166">
        <v>0</v>
      </c>
      <c r="AT3270" s="166">
        <v>0</v>
      </c>
      <c r="AU3270" s="166">
        <v>0</v>
      </c>
      <c r="AV3270" s="166">
        <v>0</v>
      </c>
      <c r="AW3270" s="166">
        <v>0</v>
      </c>
      <c r="AX3270" s="166">
        <v>0</v>
      </c>
      <c r="AY3270" s="166">
        <v>0</v>
      </c>
      <c r="AZ3270" s="166">
        <v>0</v>
      </c>
      <c r="BA3270" s="166">
        <v>0</v>
      </c>
      <c r="BB3270" s="166">
        <v>0</v>
      </c>
      <c r="BC3270" s="166">
        <v>0</v>
      </c>
      <c r="BD3270" s="166">
        <v>0</v>
      </c>
      <c r="BE3270" s="166">
        <v>0</v>
      </c>
      <c r="BF3270" s="166">
        <v>0</v>
      </c>
      <c r="BG3270" s="166">
        <v>0</v>
      </c>
      <c r="BH3270" s="166">
        <v>0</v>
      </c>
      <c r="BI3270" s="166">
        <v>0</v>
      </c>
      <c r="BJ3270" s="166">
        <v>0</v>
      </c>
      <c r="BK3270" s="166">
        <v>0</v>
      </c>
      <c r="BL3270" s="166">
        <v>0</v>
      </c>
      <c r="BM3270" s="166">
        <v>0</v>
      </c>
      <c r="BN3270" s="166">
        <v>0</v>
      </c>
      <c r="BO3270" s="166">
        <v>0</v>
      </c>
      <c r="BP3270" s="166">
        <v>0</v>
      </c>
      <c r="BQ3270" s="166">
        <v>0</v>
      </c>
      <c r="BR3270" s="166">
        <v>99904536.638467193</v>
      </c>
      <c r="BS3270" s="166">
        <v>99904536.638467193</v>
      </c>
      <c r="BT3270" s="168">
        <v>0</v>
      </c>
      <c r="BU3270" s="166">
        <v>0</v>
      </c>
      <c r="BV3270" s="166">
        <v>0</v>
      </c>
      <c r="BW3270" s="166">
        <v>0</v>
      </c>
      <c r="BX3270" s="166">
        <v>0</v>
      </c>
      <c r="BY3270" s="166">
        <v>0</v>
      </c>
      <c r="BZ3270" s="166">
        <v>0</v>
      </c>
      <c r="CA3270" s="166">
        <v>0</v>
      </c>
      <c r="CB3270" s="166">
        <v>0</v>
      </c>
      <c r="CC3270" s="166">
        <v>0</v>
      </c>
      <c r="CD3270" s="166">
        <v>0</v>
      </c>
      <c r="CE3270" s="166">
        <v>0</v>
      </c>
      <c r="CF3270" s="166">
        <v>0</v>
      </c>
      <c r="CG3270" s="166">
        <v>0</v>
      </c>
      <c r="CH3270" s="166">
        <v>0</v>
      </c>
      <c r="CI3270" s="166">
        <v>0</v>
      </c>
      <c r="CJ3270" s="166">
        <v>0</v>
      </c>
      <c r="CK3270" s="166">
        <v>0</v>
      </c>
      <c r="CL3270" s="166">
        <v>0</v>
      </c>
      <c r="CM3270" s="166">
        <v>0</v>
      </c>
      <c r="CN3270" s="166">
        <v>0</v>
      </c>
      <c r="CO3270" s="166">
        <v>0</v>
      </c>
      <c r="CP3270" s="166">
        <v>0</v>
      </c>
      <c r="CQ3270" s="166">
        <v>0</v>
      </c>
      <c r="CR3270" s="166">
        <v>0</v>
      </c>
      <c r="CS3270" s="166">
        <v>0</v>
      </c>
      <c r="CT3270" s="166">
        <v>0</v>
      </c>
      <c r="CU3270" s="166">
        <v>0</v>
      </c>
      <c r="CV3270" s="166">
        <v>0</v>
      </c>
      <c r="CW3270" s="166">
        <v>0</v>
      </c>
      <c r="CX3270" s="166">
        <v>0</v>
      </c>
      <c r="CY3270" s="166">
        <v>0</v>
      </c>
      <c r="CZ3270" s="166">
        <v>0</v>
      </c>
    </row>
    <row r="3271" spans="1:104" x14ac:dyDescent="0.2">
      <c r="A3271" s="167" t="s">
        <v>555</v>
      </c>
      <c r="B3271" s="166">
        <v>6571801.42826741</v>
      </c>
      <c r="C3271" s="166">
        <v>6571801.42826741</v>
      </c>
      <c r="D3271" s="166">
        <v>0</v>
      </c>
      <c r="E3271" s="166">
        <v>0</v>
      </c>
      <c r="F3271" s="166">
        <v>0</v>
      </c>
      <c r="G3271" s="166">
        <v>0</v>
      </c>
      <c r="H3271" s="166">
        <v>0</v>
      </c>
      <c r="I3271" s="166">
        <v>0</v>
      </c>
      <c r="J3271" s="166">
        <v>0</v>
      </c>
      <c r="K3271" s="166">
        <v>0</v>
      </c>
      <c r="L3271" s="166">
        <v>0</v>
      </c>
      <c r="M3271" s="166">
        <v>0</v>
      </c>
      <c r="N3271" s="166">
        <v>0</v>
      </c>
      <c r="O3271" s="166">
        <v>0</v>
      </c>
      <c r="P3271" s="166">
        <v>0</v>
      </c>
      <c r="Q3271" s="166">
        <v>0</v>
      </c>
      <c r="R3271" s="166">
        <v>0</v>
      </c>
      <c r="S3271" s="166">
        <v>0</v>
      </c>
      <c r="T3271" s="166">
        <v>0</v>
      </c>
      <c r="U3271" s="166">
        <v>0</v>
      </c>
      <c r="V3271" s="166">
        <v>0</v>
      </c>
      <c r="W3271" s="166">
        <v>0</v>
      </c>
      <c r="X3271" s="166">
        <v>0</v>
      </c>
      <c r="Y3271" s="166">
        <v>0</v>
      </c>
      <c r="Z3271" s="166">
        <v>0</v>
      </c>
      <c r="AA3271" s="166">
        <v>0</v>
      </c>
      <c r="AB3271" s="166">
        <v>0</v>
      </c>
      <c r="AC3271" s="166">
        <v>0</v>
      </c>
      <c r="AD3271" s="166">
        <v>0</v>
      </c>
      <c r="AE3271" s="166">
        <v>0</v>
      </c>
      <c r="AF3271" s="166">
        <v>0</v>
      </c>
      <c r="AG3271" s="166">
        <v>0</v>
      </c>
      <c r="AH3271" s="166">
        <v>0</v>
      </c>
      <c r="AI3271" s="166">
        <v>0</v>
      </c>
      <c r="AJ3271" s="166">
        <v>0</v>
      </c>
      <c r="AK3271" s="166">
        <v>0</v>
      </c>
      <c r="AL3271" s="166">
        <v>0</v>
      </c>
      <c r="AM3271" s="166">
        <v>0</v>
      </c>
      <c r="AN3271" s="166">
        <v>0</v>
      </c>
      <c r="AO3271" s="166">
        <v>0</v>
      </c>
      <c r="AP3271" s="166">
        <v>0</v>
      </c>
      <c r="AQ3271" s="166">
        <v>0</v>
      </c>
      <c r="AR3271" s="166">
        <v>0</v>
      </c>
      <c r="AS3271" s="166">
        <v>0</v>
      </c>
      <c r="AT3271" s="166">
        <v>0</v>
      </c>
      <c r="AU3271" s="166">
        <v>0</v>
      </c>
      <c r="AV3271" s="166">
        <v>0</v>
      </c>
      <c r="AW3271" s="166">
        <v>0</v>
      </c>
      <c r="AX3271" s="166">
        <v>0</v>
      </c>
      <c r="AY3271" s="166">
        <v>0</v>
      </c>
      <c r="AZ3271" s="166">
        <v>0</v>
      </c>
      <c r="BA3271" s="166">
        <v>0</v>
      </c>
      <c r="BB3271" s="166">
        <v>0</v>
      </c>
      <c r="BC3271" s="166">
        <v>0</v>
      </c>
      <c r="BD3271" s="166">
        <v>0</v>
      </c>
      <c r="BE3271" s="166">
        <v>0</v>
      </c>
      <c r="BF3271" s="166">
        <v>0</v>
      </c>
      <c r="BG3271" s="166">
        <v>0</v>
      </c>
      <c r="BH3271" s="166">
        <v>0</v>
      </c>
      <c r="BI3271" s="166">
        <v>0</v>
      </c>
      <c r="BJ3271" s="166">
        <v>0</v>
      </c>
      <c r="BK3271" s="166">
        <v>0</v>
      </c>
      <c r="BL3271" s="166">
        <v>0</v>
      </c>
      <c r="BM3271" s="166">
        <v>0</v>
      </c>
      <c r="BN3271" s="166">
        <v>0</v>
      </c>
      <c r="BO3271" s="166">
        <v>0</v>
      </c>
      <c r="BP3271" s="166">
        <v>0</v>
      </c>
      <c r="BQ3271" s="166">
        <v>0</v>
      </c>
      <c r="BR3271" s="166">
        <v>6571801.42826741</v>
      </c>
      <c r="BS3271" s="166">
        <v>6571801.42826741</v>
      </c>
      <c r="BT3271" s="168">
        <v>0</v>
      </c>
      <c r="BU3271" s="166">
        <v>0</v>
      </c>
      <c r="BV3271" s="166">
        <v>0</v>
      </c>
      <c r="BW3271" s="166">
        <v>0</v>
      </c>
      <c r="BX3271" s="166">
        <v>0</v>
      </c>
      <c r="BY3271" s="166">
        <v>0</v>
      </c>
      <c r="BZ3271" s="166">
        <v>0</v>
      </c>
      <c r="CA3271" s="166">
        <v>0</v>
      </c>
      <c r="CB3271" s="166">
        <v>0</v>
      </c>
      <c r="CC3271" s="166">
        <v>0</v>
      </c>
      <c r="CD3271" s="166">
        <v>0</v>
      </c>
      <c r="CE3271" s="166">
        <v>0</v>
      </c>
      <c r="CF3271" s="166">
        <v>0</v>
      </c>
      <c r="CG3271" s="166">
        <v>0</v>
      </c>
      <c r="CH3271" s="166">
        <v>0</v>
      </c>
      <c r="CI3271" s="166">
        <v>0</v>
      </c>
      <c r="CJ3271" s="166">
        <v>0</v>
      </c>
      <c r="CK3271" s="166">
        <v>0</v>
      </c>
      <c r="CL3271" s="166">
        <v>0</v>
      </c>
      <c r="CM3271" s="166">
        <v>0</v>
      </c>
      <c r="CN3271" s="166">
        <v>0</v>
      </c>
      <c r="CO3271" s="166">
        <v>0</v>
      </c>
      <c r="CP3271" s="166">
        <v>0</v>
      </c>
      <c r="CQ3271" s="166">
        <v>0</v>
      </c>
      <c r="CR3271" s="166">
        <v>0</v>
      </c>
      <c r="CS3271" s="166">
        <v>0</v>
      </c>
      <c r="CT3271" s="166">
        <v>0</v>
      </c>
      <c r="CU3271" s="166">
        <v>0</v>
      </c>
      <c r="CV3271" s="166">
        <v>0</v>
      </c>
      <c r="CW3271" s="166">
        <v>0</v>
      </c>
      <c r="CX3271" s="166">
        <v>0</v>
      </c>
      <c r="CY3271" s="166">
        <v>0</v>
      </c>
      <c r="CZ3271" s="166">
        <v>0</v>
      </c>
    </row>
    <row r="3272" spans="1:104" x14ac:dyDescent="0.2">
      <c r="A3272" s="167" t="s">
        <v>556</v>
      </c>
      <c r="B3272" s="166">
        <v>3813747.0522375698</v>
      </c>
      <c r="C3272" s="166">
        <v>3813747.0522375698</v>
      </c>
      <c r="D3272" s="166">
        <v>0</v>
      </c>
      <c r="E3272" s="166">
        <v>0</v>
      </c>
      <c r="F3272" s="166">
        <v>0</v>
      </c>
      <c r="G3272" s="166">
        <v>0</v>
      </c>
      <c r="H3272" s="166">
        <v>0</v>
      </c>
      <c r="I3272" s="166">
        <v>0</v>
      </c>
      <c r="J3272" s="166">
        <v>0</v>
      </c>
      <c r="K3272" s="166">
        <v>0</v>
      </c>
      <c r="L3272" s="166">
        <v>0</v>
      </c>
      <c r="M3272" s="166">
        <v>0</v>
      </c>
      <c r="N3272" s="166">
        <v>0</v>
      </c>
      <c r="O3272" s="166">
        <v>0</v>
      </c>
      <c r="P3272" s="166">
        <v>0</v>
      </c>
      <c r="Q3272" s="166">
        <v>0</v>
      </c>
      <c r="R3272" s="166">
        <v>0</v>
      </c>
      <c r="S3272" s="166">
        <v>0</v>
      </c>
      <c r="T3272" s="166">
        <v>0</v>
      </c>
      <c r="U3272" s="166">
        <v>0</v>
      </c>
      <c r="V3272" s="166">
        <v>0</v>
      </c>
      <c r="W3272" s="166">
        <v>0</v>
      </c>
      <c r="X3272" s="166">
        <v>0</v>
      </c>
      <c r="Y3272" s="166">
        <v>0</v>
      </c>
      <c r="Z3272" s="166">
        <v>0</v>
      </c>
      <c r="AA3272" s="166">
        <v>0</v>
      </c>
      <c r="AB3272" s="166">
        <v>0</v>
      </c>
      <c r="AC3272" s="166">
        <v>0</v>
      </c>
      <c r="AD3272" s="166">
        <v>0</v>
      </c>
      <c r="AE3272" s="166">
        <v>0</v>
      </c>
      <c r="AF3272" s="166">
        <v>0</v>
      </c>
      <c r="AG3272" s="166">
        <v>0</v>
      </c>
      <c r="AH3272" s="166">
        <v>0</v>
      </c>
      <c r="AI3272" s="166">
        <v>0</v>
      </c>
      <c r="AJ3272" s="166">
        <v>0</v>
      </c>
      <c r="AK3272" s="166">
        <v>0</v>
      </c>
      <c r="AL3272" s="166">
        <v>0</v>
      </c>
      <c r="AM3272" s="166">
        <v>0</v>
      </c>
      <c r="AN3272" s="166">
        <v>0</v>
      </c>
      <c r="AO3272" s="166">
        <v>0</v>
      </c>
      <c r="AP3272" s="166">
        <v>0</v>
      </c>
      <c r="AQ3272" s="166">
        <v>0</v>
      </c>
      <c r="AR3272" s="166">
        <v>0</v>
      </c>
      <c r="AS3272" s="166">
        <v>0</v>
      </c>
      <c r="AT3272" s="166">
        <v>0</v>
      </c>
      <c r="AU3272" s="166">
        <v>0</v>
      </c>
      <c r="AV3272" s="166">
        <v>0</v>
      </c>
      <c r="AW3272" s="166">
        <v>0</v>
      </c>
      <c r="AX3272" s="166">
        <v>0</v>
      </c>
      <c r="AY3272" s="166">
        <v>0</v>
      </c>
      <c r="AZ3272" s="166">
        <v>0</v>
      </c>
      <c r="BA3272" s="166">
        <v>0</v>
      </c>
      <c r="BB3272" s="166">
        <v>0</v>
      </c>
      <c r="BC3272" s="166">
        <v>0</v>
      </c>
      <c r="BD3272" s="166">
        <v>0</v>
      </c>
      <c r="BE3272" s="166">
        <v>0</v>
      </c>
      <c r="BF3272" s="166">
        <v>0</v>
      </c>
      <c r="BG3272" s="166">
        <v>0</v>
      </c>
      <c r="BH3272" s="166">
        <v>0</v>
      </c>
      <c r="BI3272" s="166">
        <v>0</v>
      </c>
      <c r="BJ3272" s="166">
        <v>0</v>
      </c>
      <c r="BK3272" s="166">
        <v>0</v>
      </c>
      <c r="BL3272" s="166">
        <v>0</v>
      </c>
      <c r="BM3272" s="166">
        <v>0</v>
      </c>
      <c r="BN3272" s="166">
        <v>0</v>
      </c>
      <c r="BO3272" s="166">
        <v>0</v>
      </c>
      <c r="BP3272" s="166">
        <v>0</v>
      </c>
      <c r="BQ3272" s="166">
        <v>0</v>
      </c>
      <c r="BR3272" s="166">
        <v>3813747.0522375698</v>
      </c>
      <c r="BS3272" s="166">
        <v>3813747.0522375698</v>
      </c>
      <c r="BT3272" s="168">
        <v>0</v>
      </c>
      <c r="BU3272" s="166">
        <v>0</v>
      </c>
      <c r="BV3272" s="166">
        <v>0</v>
      </c>
      <c r="BW3272" s="166">
        <v>0</v>
      </c>
      <c r="BX3272" s="166">
        <v>0</v>
      </c>
      <c r="BY3272" s="166">
        <v>0</v>
      </c>
      <c r="BZ3272" s="166">
        <v>0</v>
      </c>
      <c r="CA3272" s="166">
        <v>0</v>
      </c>
      <c r="CB3272" s="166">
        <v>0</v>
      </c>
      <c r="CC3272" s="166">
        <v>0</v>
      </c>
      <c r="CD3272" s="166">
        <v>0</v>
      </c>
      <c r="CE3272" s="166">
        <v>0</v>
      </c>
      <c r="CF3272" s="166">
        <v>0</v>
      </c>
      <c r="CG3272" s="166">
        <v>0</v>
      </c>
      <c r="CH3272" s="166">
        <v>0</v>
      </c>
      <c r="CI3272" s="166">
        <v>0</v>
      </c>
      <c r="CJ3272" s="166">
        <v>0</v>
      </c>
      <c r="CK3272" s="166">
        <v>0</v>
      </c>
      <c r="CL3272" s="166">
        <v>0</v>
      </c>
      <c r="CM3272" s="166">
        <v>0</v>
      </c>
      <c r="CN3272" s="166">
        <v>0</v>
      </c>
      <c r="CO3272" s="166">
        <v>0</v>
      </c>
      <c r="CP3272" s="166">
        <v>0</v>
      </c>
      <c r="CQ3272" s="166">
        <v>0</v>
      </c>
      <c r="CR3272" s="166">
        <v>0</v>
      </c>
      <c r="CS3272" s="166">
        <v>0</v>
      </c>
      <c r="CT3272" s="166">
        <v>0</v>
      </c>
      <c r="CU3272" s="166">
        <v>0</v>
      </c>
      <c r="CV3272" s="166">
        <v>0</v>
      </c>
      <c r="CW3272" s="166">
        <v>0</v>
      </c>
      <c r="CX3272" s="166">
        <v>0</v>
      </c>
      <c r="CY3272" s="166">
        <v>0</v>
      </c>
      <c r="CZ3272" s="166">
        <v>0</v>
      </c>
    </row>
    <row r="3273" spans="1:104" x14ac:dyDescent="0.2">
      <c r="A3273" s="167" t="s">
        <v>557</v>
      </c>
      <c r="B3273" s="166">
        <v>759762.74</v>
      </c>
      <c r="C3273" s="166">
        <v>759762.74</v>
      </c>
      <c r="D3273" s="166">
        <v>0</v>
      </c>
      <c r="E3273" s="166">
        <v>0</v>
      </c>
      <c r="F3273" s="166">
        <v>0</v>
      </c>
      <c r="G3273" s="166">
        <v>0</v>
      </c>
      <c r="H3273" s="166">
        <v>0</v>
      </c>
      <c r="I3273" s="166">
        <v>0</v>
      </c>
      <c r="J3273" s="166">
        <v>0</v>
      </c>
      <c r="K3273" s="166">
        <v>0</v>
      </c>
      <c r="L3273" s="166">
        <v>0</v>
      </c>
      <c r="M3273" s="166">
        <v>0</v>
      </c>
      <c r="N3273" s="166">
        <v>0</v>
      </c>
      <c r="O3273" s="166">
        <v>0</v>
      </c>
      <c r="P3273" s="166">
        <v>0</v>
      </c>
      <c r="Q3273" s="166">
        <v>0</v>
      </c>
      <c r="R3273" s="166">
        <v>0</v>
      </c>
      <c r="S3273" s="166">
        <v>0</v>
      </c>
      <c r="T3273" s="166">
        <v>0</v>
      </c>
      <c r="U3273" s="166">
        <v>0</v>
      </c>
      <c r="V3273" s="166">
        <v>0</v>
      </c>
      <c r="W3273" s="166">
        <v>0</v>
      </c>
      <c r="X3273" s="166">
        <v>0</v>
      </c>
      <c r="Y3273" s="166">
        <v>0</v>
      </c>
      <c r="Z3273" s="166">
        <v>0</v>
      </c>
      <c r="AA3273" s="166">
        <v>0</v>
      </c>
      <c r="AB3273" s="166">
        <v>0</v>
      </c>
      <c r="AC3273" s="166">
        <v>0</v>
      </c>
      <c r="AD3273" s="166">
        <v>0</v>
      </c>
      <c r="AE3273" s="166">
        <v>0</v>
      </c>
      <c r="AF3273" s="166">
        <v>0</v>
      </c>
      <c r="AG3273" s="166">
        <v>0</v>
      </c>
      <c r="AH3273" s="166">
        <v>0</v>
      </c>
      <c r="AI3273" s="166">
        <v>0</v>
      </c>
      <c r="AJ3273" s="166">
        <v>0</v>
      </c>
      <c r="AK3273" s="166">
        <v>0</v>
      </c>
      <c r="AL3273" s="166">
        <v>0</v>
      </c>
      <c r="AM3273" s="166">
        <v>0</v>
      </c>
      <c r="AN3273" s="166">
        <v>0</v>
      </c>
      <c r="AO3273" s="166">
        <v>0</v>
      </c>
      <c r="AP3273" s="166">
        <v>0</v>
      </c>
      <c r="AQ3273" s="166">
        <v>0</v>
      </c>
      <c r="AR3273" s="166">
        <v>0</v>
      </c>
      <c r="AS3273" s="166">
        <v>0</v>
      </c>
      <c r="AT3273" s="166">
        <v>0</v>
      </c>
      <c r="AU3273" s="166">
        <v>0</v>
      </c>
      <c r="AV3273" s="166">
        <v>0</v>
      </c>
      <c r="AW3273" s="166">
        <v>0</v>
      </c>
      <c r="AX3273" s="166">
        <v>0</v>
      </c>
      <c r="AY3273" s="166">
        <v>0</v>
      </c>
      <c r="AZ3273" s="166">
        <v>0</v>
      </c>
      <c r="BA3273" s="166">
        <v>0</v>
      </c>
      <c r="BB3273" s="166">
        <v>0</v>
      </c>
      <c r="BC3273" s="166">
        <v>0</v>
      </c>
      <c r="BD3273" s="166">
        <v>0</v>
      </c>
      <c r="BE3273" s="166">
        <v>0</v>
      </c>
      <c r="BF3273" s="166">
        <v>0</v>
      </c>
      <c r="BG3273" s="166">
        <v>0</v>
      </c>
      <c r="BH3273" s="166">
        <v>0</v>
      </c>
      <c r="BI3273" s="166">
        <v>0</v>
      </c>
      <c r="BJ3273" s="166">
        <v>0</v>
      </c>
      <c r="BK3273" s="166">
        <v>0</v>
      </c>
      <c r="BL3273" s="166">
        <v>0</v>
      </c>
      <c r="BM3273" s="166">
        <v>0</v>
      </c>
      <c r="BN3273" s="166">
        <v>0</v>
      </c>
      <c r="BO3273" s="166">
        <v>0</v>
      </c>
      <c r="BP3273" s="166">
        <v>0</v>
      </c>
      <c r="BQ3273" s="166">
        <v>0</v>
      </c>
      <c r="BR3273" s="166">
        <v>759762.74</v>
      </c>
      <c r="BS3273" s="166">
        <v>759762.74</v>
      </c>
      <c r="BT3273" s="168">
        <v>0</v>
      </c>
      <c r="BU3273" s="166">
        <v>0</v>
      </c>
      <c r="BV3273" s="166">
        <v>0</v>
      </c>
      <c r="BW3273" s="166">
        <v>0</v>
      </c>
      <c r="BX3273" s="166">
        <v>0</v>
      </c>
      <c r="BY3273" s="166">
        <v>0</v>
      </c>
      <c r="BZ3273" s="166">
        <v>0</v>
      </c>
      <c r="CA3273" s="166">
        <v>0</v>
      </c>
      <c r="CB3273" s="166">
        <v>0</v>
      </c>
      <c r="CC3273" s="166">
        <v>0</v>
      </c>
      <c r="CD3273" s="166">
        <v>0</v>
      </c>
      <c r="CE3273" s="166">
        <v>0</v>
      </c>
      <c r="CF3273" s="166">
        <v>0</v>
      </c>
      <c r="CG3273" s="166">
        <v>0</v>
      </c>
      <c r="CH3273" s="166">
        <v>0</v>
      </c>
      <c r="CI3273" s="166">
        <v>0</v>
      </c>
      <c r="CJ3273" s="166">
        <v>0</v>
      </c>
      <c r="CK3273" s="166">
        <v>0</v>
      </c>
      <c r="CL3273" s="166">
        <v>0</v>
      </c>
      <c r="CM3273" s="166">
        <v>0</v>
      </c>
      <c r="CN3273" s="166">
        <v>0</v>
      </c>
      <c r="CO3273" s="166">
        <v>0</v>
      </c>
      <c r="CP3273" s="166">
        <v>0</v>
      </c>
      <c r="CQ3273" s="166">
        <v>0</v>
      </c>
      <c r="CR3273" s="166">
        <v>0</v>
      </c>
      <c r="CS3273" s="166">
        <v>0</v>
      </c>
      <c r="CT3273" s="166">
        <v>0</v>
      </c>
      <c r="CU3273" s="166">
        <v>0</v>
      </c>
      <c r="CV3273" s="166">
        <v>0</v>
      </c>
      <c r="CW3273" s="166">
        <v>0</v>
      </c>
      <c r="CX3273" s="166">
        <v>0</v>
      </c>
      <c r="CY3273" s="166">
        <v>0</v>
      </c>
      <c r="CZ3273" s="166">
        <v>0</v>
      </c>
    </row>
    <row r="3274" spans="1:104" x14ac:dyDescent="0.2">
      <c r="A3274" s="177" t="s">
        <v>558</v>
      </c>
      <c r="B3274" s="166">
        <v>111049847.858972</v>
      </c>
      <c r="C3274" s="166">
        <v>111049847.858972</v>
      </c>
      <c r="D3274" s="166">
        <v>0</v>
      </c>
      <c r="E3274" s="166">
        <v>0</v>
      </c>
      <c r="F3274" s="166">
        <v>0</v>
      </c>
      <c r="G3274" s="166">
        <v>0</v>
      </c>
      <c r="H3274" s="166">
        <v>0</v>
      </c>
      <c r="I3274" s="166">
        <v>0</v>
      </c>
      <c r="J3274" s="166">
        <v>0</v>
      </c>
      <c r="K3274" s="166">
        <v>0</v>
      </c>
      <c r="L3274" s="166">
        <v>0</v>
      </c>
      <c r="M3274" s="166">
        <v>0</v>
      </c>
      <c r="N3274" s="166">
        <v>0</v>
      </c>
      <c r="O3274" s="166">
        <v>0</v>
      </c>
      <c r="P3274" s="166">
        <v>0</v>
      </c>
      <c r="Q3274" s="166">
        <v>0</v>
      </c>
      <c r="R3274" s="166">
        <v>0</v>
      </c>
      <c r="S3274" s="166">
        <v>0</v>
      </c>
      <c r="T3274" s="166">
        <v>0</v>
      </c>
      <c r="U3274" s="166">
        <v>0</v>
      </c>
      <c r="V3274" s="166">
        <v>0</v>
      </c>
      <c r="W3274" s="166">
        <v>0</v>
      </c>
      <c r="X3274" s="166">
        <v>0</v>
      </c>
      <c r="Y3274" s="166">
        <v>0</v>
      </c>
      <c r="Z3274" s="166">
        <v>0</v>
      </c>
      <c r="AA3274" s="166">
        <v>0</v>
      </c>
      <c r="AB3274" s="166">
        <v>0</v>
      </c>
      <c r="AC3274" s="166">
        <v>0</v>
      </c>
      <c r="AD3274" s="166">
        <v>0</v>
      </c>
      <c r="AE3274" s="166">
        <v>0</v>
      </c>
      <c r="AF3274" s="166">
        <v>0</v>
      </c>
      <c r="AG3274" s="166">
        <v>0</v>
      </c>
      <c r="AH3274" s="166">
        <v>0</v>
      </c>
      <c r="AI3274" s="166">
        <v>0</v>
      </c>
      <c r="AJ3274" s="166">
        <v>0</v>
      </c>
      <c r="AK3274" s="166">
        <v>0</v>
      </c>
      <c r="AL3274" s="166">
        <v>0</v>
      </c>
      <c r="AM3274" s="166">
        <v>0</v>
      </c>
      <c r="AN3274" s="166">
        <v>0</v>
      </c>
      <c r="AO3274" s="166">
        <v>0</v>
      </c>
      <c r="AP3274" s="166">
        <v>0</v>
      </c>
      <c r="AQ3274" s="166">
        <v>0</v>
      </c>
      <c r="AR3274" s="166">
        <v>0</v>
      </c>
      <c r="AS3274" s="166">
        <v>0</v>
      </c>
      <c r="AT3274" s="166">
        <v>0</v>
      </c>
      <c r="AU3274" s="166">
        <v>0</v>
      </c>
      <c r="AV3274" s="166">
        <v>0</v>
      </c>
      <c r="AW3274" s="166">
        <v>0</v>
      </c>
      <c r="AX3274" s="166">
        <v>0</v>
      </c>
      <c r="AY3274" s="166">
        <v>0</v>
      </c>
      <c r="AZ3274" s="166">
        <v>0</v>
      </c>
      <c r="BA3274" s="166">
        <v>0</v>
      </c>
      <c r="BB3274" s="166">
        <v>0</v>
      </c>
      <c r="BC3274" s="166">
        <v>0</v>
      </c>
      <c r="BD3274" s="166">
        <v>0</v>
      </c>
      <c r="BE3274" s="166">
        <v>0</v>
      </c>
      <c r="BF3274" s="166">
        <v>0</v>
      </c>
      <c r="BG3274" s="166">
        <v>0</v>
      </c>
      <c r="BH3274" s="166">
        <v>0</v>
      </c>
      <c r="BI3274" s="166">
        <v>0</v>
      </c>
      <c r="BJ3274" s="166">
        <v>0</v>
      </c>
      <c r="BK3274" s="166">
        <v>0</v>
      </c>
      <c r="BL3274" s="166">
        <v>0</v>
      </c>
      <c r="BM3274" s="166">
        <v>0</v>
      </c>
      <c r="BN3274" s="166">
        <v>0</v>
      </c>
      <c r="BO3274" s="166">
        <v>0</v>
      </c>
      <c r="BP3274" s="166">
        <v>0</v>
      </c>
      <c r="BQ3274" s="166">
        <v>0</v>
      </c>
      <c r="BR3274" s="166">
        <v>111049847.858972</v>
      </c>
      <c r="BS3274" s="166">
        <v>111049847.858972</v>
      </c>
      <c r="BT3274" s="168">
        <v>0</v>
      </c>
      <c r="BU3274" s="166">
        <v>0</v>
      </c>
      <c r="BV3274" s="166">
        <v>0</v>
      </c>
      <c r="BW3274" s="166">
        <v>0</v>
      </c>
      <c r="BX3274" s="166">
        <v>0</v>
      </c>
      <c r="BY3274" s="166">
        <v>0</v>
      </c>
      <c r="BZ3274" s="166">
        <v>0</v>
      </c>
      <c r="CA3274" s="166">
        <v>0</v>
      </c>
      <c r="CB3274" s="166">
        <v>0</v>
      </c>
      <c r="CC3274" s="166">
        <v>0</v>
      </c>
      <c r="CD3274" s="166">
        <v>0</v>
      </c>
      <c r="CE3274" s="166">
        <v>0</v>
      </c>
      <c r="CF3274" s="166">
        <v>0</v>
      </c>
      <c r="CG3274" s="166">
        <v>0</v>
      </c>
      <c r="CH3274" s="166">
        <v>0</v>
      </c>
      <c r="CI3274" s="166">
        <v>0</v>
      </c>
      <c r="CJ3274" s="166">
        <v>0</v>
      </c>
      <c r="CK3274" s="166">
        <v>0</v>
      </c>
      <c r="CL3274" s="166">
        <v>0</v>
      </c>
      <c r="CM3274" s="166">
        <v>0</v>
      </c>
      <c r="CN3274" s="166">
        <v>0</v>
      </c>
      <c r="CO3274" s="166">
        <v>0</v>
      </c>
      <c r="CP3274" s="166">
        <v>0</v>
      </c>
      <c r="CQ3274" s="166">
        <v>0</v>
      </c>
      <c r="CR3274" s="166">
        <v>0</v>
      </c>
      <c r="CS3274" s="166">
        <v>0</v>
      </c>
      <c r="CT3274" s="166">
        <v>0</v>
      </c>
      <c r="CU3274" s="166">
        <v>0</v>
      </c>
      <c r="CV3274" s="166">
        <v>0</v>
      </c>
      <c r="CW3274" s="166">
        <v>0</v>
      </c>
      <c r="CX3274" s="166">
        <v>0</v>
      </c>
      <c r="CY3274" s="166">
        <v>0</v>
      </c>
      <c r="CZ3274" s="166">
        <v>0</v>
      </c>
    </row>
    <row r="3275" spans="1:104" x14ac:dyDescent="0.2">
      <c r="A3275" s="167" t="s">
        <v>559</v>
      </c>
      <c r="B3275" s="166">
        <v>0</v>
      </c>
      <c r="C3275" s="166">
        <v>0</v>
      </c>
      <c r="D3275" s="166">
        <v>0</v>
      </c>
      <c r="E3275" s="166">
        <v>0</v>
      </c>
      <c r="F3275" s="166">
        <v>0</v>
      </c>
      <c r="G3275" s="166">
        <v>0</v>
      </c>
      <c r="H3275" s="166">
        <v>0</v>
      </c>
      <c r="I3275" s="166">
        <v>0</v>
      </c>
      <c r="J3275" s="166">
        <v>0</v>
      </c>
      <c r="K3275" s="166">
        <v>0</v>
      </c>
      <c r="L3275" s="166">
        <v>0</v>
      </c>
      <c r="M3275" s="166">
        <v>0</v>
      </c>
      <c r="N3275" s="166">
        <v>0</v>
      </c>
      <c r="O3275" s="166">
        <v>0</v>
      </c>
      <c r="P3275" s="166">
        <v>0</v>
      </c>
      <c r="Q3275" s="166">
        <v>0</v>
      </c>
      <c r="R3275" s="166">
        <v>0</v>
      </c>
      <c r="S3275" s="166">
        <v>0</v>
      </c>
      <c r="T3275" s="166">
        <v>0</v>
      </c>
      <c r="U3275" s="166">
        <v>0</v>
      </c>
      <c r="V3275" s="166">
        <v>0</v>
      </c>
      <c r="W3275" s="166">
        <v>0</v>
      </c>
      <c r="X3275" s="166">
        <v>0</v>
      </c>
      <c r="Y3275" s="166">
        <v>0</v>
      </c>
      <c r="Z3275" s="166">
        <v>0</v>
      </c>
      <c r="AA3275" s="166">
        <v>0</v>
      </c>
      <c r="AB3275" s="166">
        <v>0</v>
      </c>
      <c r="AC3275" s="166">
        <v>0</v>
      </c>
      <c r="AD3275" s="166">
        <v>0</v>
      </c>
      <c r="AE3275" s="166">
        <v>0</v>
      </c>
      <c r="AF3275" s="166">
        <v>0</v>
      </c>
      <c r="AG3275" s="166">
        <v>0</v>
      </c>
      <c r="AH3275" s="166">
        <v>0</v>
      </c>
      <c r="AI3275" s="166">
        <v>0</v>
      </c>
      <c r="AJ3275" s="166">
        <v>0</v>
      </c>
      <c r="AK3275" s="166">
        <v>0</v>
      </c>
      <c r="AL3275" s="166">
        <v>0</v>
      </c>
      <c r="AM3275" s="166">
        <v>0</v>
      </c>
      <c r="AN3275" s="166">
        <v>0</v>
      </c>
      <c r="AO3275" s="166">
        <v>0</v>
      </c>
      <c r="AP3275" s="166">
        <v>0</v>
      </c>
      <c r="AQ3275" s="166">
        <v>0</v>
      </c>
      <c r="AR3275" s="166">
        <v>0</v>
      </c>
      <c r="AS3275" s="166">
        <v>0</v>
      </c>
      <c r="AT3275" s="166">
        <v>0</v>
      </c>
      <c r="AU3275" s="166">
        <v>0</v>
      </c>
      <c r="AV3275" s="166">
        <v>0</v>
      </c>
      <c r="AW3275" s="166">
        <v>0</v>
      </c>
      <c r="AX3275" s="166">
        <v>0</v>
      </c>
      <c r="AY3275" s="166">
        <v>0</v>
      </c>
      <c r="AZ3275" s="166">
        <v>0</v>
      </c>
      <c r="BA3275" s="166">
        <v>0</v>
      </c>
      <c r="BB3275" s="166">
        <v>0</v>
      </c>
      <c r="BC3275" s="166">
        <v>0</v>
      </c>
      <c r="BD3275" s="166">
        <v>0</v>
      </c>
      <c r="BE3275" s="166">
        <v>0</v>
      </c>
      <c r="BF3275" s="166">
        <v>0</v>
      </c>
      <c r="BG3275" s="166">
        <v>0</v>
      </c>
      <c r="BH3275" s="166">
        <v>0</v>
      </c>
      <c r="BI3275" s="166">
        <v>0</v>
      </c>
      <c r="BJ3275" s="166">
        <v>0</v>
      </c>
      <c r="BK3275" s="166">
        <v>0</v>
      </c>
      <c r="BL3275" s="166">
        <v>0</v>
      </c>
      <c r="BM3275" s="166">
        <v>0</v>
      </c>
      <c r="BN3275" s="166">
        <v>0</v>
      </c>
      <c r="BO3275" s="166">
        <v>0</v>
      </c>
      <c r="BP3275" s="166">
        <v>0</v>
      </c>
      <c r="BQ3275" s="166">
        <v>0</v>
      </c>
      <c r="BR3275" s="166">
        <v>0</v>
      </c>
      <c r="BS3275" s="166">
        <v>0</v>
      </c>
      <c r="BT3275" s="168">
        <v>0</v>
      </c>
      <c r="BU3275" s="166">
        <v>0</v>
      </c>
      <c r="BV3275" s="166">
        <v>0</v>
      </c>
      <c r="BW3275" s="166">
        <v>0</v>
      </c>
      <c r="BX3275" s="166">
        <v>0</v>
      </c>
      <c r="BY3275" s="166">
        <v>0</v>
      </c>
      <c r="BZ3275" s="166">
        <v>0</v>
      </c>
      <c r="CA3275" s="166">
        <v>0</v>
      </c>
      <c r="CB3275" s="166">
        <v>0</v>
      </c>
      <c r="CC3275" s="166">
        <v>0</v>
      </c>
      <c r="CD3275" s="166">
        <v>0</v>
      </c>
      <c r="CE3275" s="166">
        <v>0</v>
      </c>
      <c r="CF3275" s="166">
        <v>0</v>
      </c>
      <c r="CG3275" s="166">
        <v>0</v>
      </c>
      <c r="CH3275" s="166">
        <v>0</v>
      </c>
      <c r="CI3275" s="166">
        <v>0</v>
      </c>
      <c r="CJ3275" s="166">
        <v>0</v>
      </c>
      <c r="CK3275" s="166">
        <v>0</v>
      </c>
      <c r="CL3275" s="166">
        <v>0</v>
      </c>
      <c r="CM3275" s="166">
        <v>0</v>
      </c>
      <c r="CN3275" s="166">
        <v>0</v>
      </c>
      <c r="CO3275" s="166">
        <v>0</v>
      </c>
      <c r="CP3275" s="166">
        <v>0</v>
      </c>
      <c r="CQ3275" s="166">
        <v>0</v>
      </c>
      <c r="CR3275" s="166">
        <v>0</v>
      </c>
      <c r="CS3275" s="166">
        <v>0</v>
      </c>
      <c r="CT3275" s="166">
        <v>0</v>
      </c>
      <c r="CU3275" s="166">
        <v>0</v>
      </c>
      <c r="CV3275" s="166">
        <v>0</v>
      </c>
      <c r="CW3275" s="166">
        <v>0</v>
      </c>
      <c r="CX3275" s="166">
        <v>0</v>
      </c>
      <c r="CY3275" s="166">
        <v>0</v>
      </c>
      <c r="CZ3275" s="166">
        <v>0</v>
      </c>
    </row>
    <row r="3276" spans="1:104" x14ac:dyDescent="0.2">
      <c r="A3276" s="167" t="s">
        <v>560</v>
      </c>
      <c r="B3276" s="166">
        <v>89140065.710888103</v>
      </c>
      <c r="C3276" s="166">
        <v>89140065.710888103</v>
      </c>
      <c r="D3276" s="166">
        <v>0</v>
      </c>
      <c r="E3276" s="166">
        <v>0</v>
      </c>
      <c r="F3276" s="166">
        <v>0</v>
      </c>
      <c r="G3276" s="166">
        <v>0</v>
      </c>
      <c r="H3276" s="166">
        <v>0</v>
      </c>
      <c r="I3276" s="166">
        <v>0</v>
      </c>
      <c r="J3276" s="166">
        <v>0</v>
      </c>
      <c r="K3276" s="166">
        <v>0</v>
      </c>
      <c r="L3276" s="166">
        <v>0</v>
      </c>
      <c r="M3276" s="166">
        <v>0</v>
      </c>
      <c r="N3276" s="166">
        <v>0</v>
      </c>
      <c r="O3276" s="166">
        <v>0</v>
      </c>
      <c r="P3276" s="166">
        <v>0</v>
      </c>
      <c r="Q3276" s="166">
        <v>0</v>
      </c>
      <c r="R3276" s="166">
        <v>0</v>
      </c>
      <c r="S3276" s="166">
        <v>0</v>
      </c>
      <c r="T3276" s="166">
        <v>0</v>
      </c>
      <c r="U3276" s="166">
        <v>0</v>
      </c>
      <c r="V3276" s="166">
        <v>0</v>
      </c>
      <c r="W3276" s="166">
        <v>0</v>
      </c>
      <c r="X3276" s="166">
        <v>0</v>
      </c>
      <c r="Y3276" s="166">
        <v>0</v>
      </c>
      <c r="Z3276" s="166">
        <v>0</v>
      </c>
      <c r="AA3276" s="166">
        <v>0</v>
      </c>
      <c r="AB3276" s="166">
        <v>0</v>
      </c>
      <c r="AC3276" s="166">
        <v>0</v>
      </c>
      <c r="AD3276" s="166">
        <v>0</v>
      </c>
      <c r="AE3276" s="166">
        <v>0</v>
      </c>
      <c r="AF3276" s="166">
        <v>0</v>
      </c>
      <c r="AG3276" s="166">
        <v>0</v>
      </c>
      <c r="AH3276" s="166">
        <v>0</v>
      </c>
      <c r="AI3276" s="166">
        <v>0</v>
      </c>
      <c r="AJ3276" s="166">
        <v>0</v>
      </c>
      <c r="AK3276" s="166">
        <v>0</v>
      </c>
      <c r="AL3276" s="166">
        <v>0</v>
      </c>
      <c r="AM3276" s="166">
        <v>0</v>
      </c>
      <c r="AN3276" s="166">
        <v>0</v>
      </c>
      <c r="AO3276" s="166">
        <v>0</v>
      </c>
      <c r="AP3276" s="166">
        <v>0</v>
      </c>
      <c r="AQ3276" s="166">
        <v>0</v>
      </c>
      <c r="AR3276" s="166">
        <v>0</v>
      </c>
      <c r="AS3276" s="166">
        <v>0</v>
      </c>
      <c r="AT3276" s="166">
        <v>0</v>
      </c>
      <c r="AU3276" s="166">
        <v>0</v>
      </c>
      <c r="AV3276" s="166">
        <v>0</v>
      </c>
      <c r="AW3276" s="166">
        <v>0</v>
      </c>
      <c r="AX3276" s="166">
        <v>0</v>
      </c>
      <c r="AY3276" s="166">
        <v>0</v>
      </c>
      <c r="AZ3276" s="166">
        <v>0</v>
      </c>
      <c r="BA3276" s="166">
        <v>0</v>
      </c>
      <c r="BB3276" s="166">
        <v>0</v>
      </c>
      <c r="BC3276" s="166">
        <v>0</v>
      </c>
      <c r="BD3276" s="166">
        <v>0</v>
      </c>
      <c r="BE3276" s="166">
        <v>0</v>
      </c>
      <c r="BF3276" s="166">
        <v>0</v>
      </c>
      <c r="BG3276" s="166">
        <v>0</v>
      </c>
      <c r="BH3276" s="166">
        <v>0</v>
      </c>
      <c r="BI3276" s="166">
        <v>0</v>
      </c>
      <c r="BJ3276" s="166">
        <v>0</v>
      </c>
      <c r="BK3276" s="166">
        <v>0</v>
      </c>
      <c r="BL3276" s="166">
        <v>0</v>
      </c>
      <c r="BM3276" s="166">
        <v>0</v>
      </c>
      <c r="BN3276" s="166">
        <v>0</v>
      </c>
      <c r="BO3276" s="166">
        <v>0</v>
      </c>
      <c r="BP3276" s="166">
        <v>0</v>
      </c>
      <c r="BQ3276" s="166">
        <v>0</v>
      </c>
      <c r="BR3276" s="166">
        <v>89140065.710888103</v>
      </c>
      <c r="BS3276" s="166">
        <v>89140065.710888103</v>
      </c>
      <c r="BT3276" s="168">
        <v>0</v>
      </c>
      <c r="BU3276" s="166">
        <v>0</v>
      </c>
      <c r="BV3276" s="166">
        <v>0</v>
      </c>
      <c r="BW3276" s="166">
        <v>0</v>
      </c>
      <c r="BX3276" s="166">
        <v>0</v>
      </c>
      <c r="BY3276" s="166">
        <v>0</v>
      </c>
      <c r="BZ3276" s="166">
        <v>0</v>
      </c>
      <c r="CA3276" s="166">
        <v>0</v>
      </c>
      <c r="CB3276" s="166">
        <v>0</v>
      </c>
      <c r="CC3276" s="166">
        <v>0</v>
      </c>
      <c r="CD3276" s="166">
        <v>0</v>
      </c>
      <c r="CE3276" s="166">
        <v>0</v>
      </c>
      <c r="CF3276" s="166">
        <v>0</v>
      </c>
      <c r="CG3276" s="166">
        <v>0</v>
      </c>
      <c r="CH3276" s="166">
        <v>0</v>
      </c>
      <c r="CI3276" s="166">
        <v>0</v>
      </c>
      <c r="CJ3276" s="166">
        <v>0</v>
      </c>
      <c r="CK3276" s="166">
        <v>0</v>
      </c>
      <c r="CL3276" s="166">
        <v>0</v>
      </c>
      <c r="CM3276" s="166">
        <v>0</v>
      </c>
      <c r="CN3276" s="166">
        <v>0</v>
      </c>
      <c r="CO3276" s="166">
        <v>0</v>
      </c>
      <c r="CP3276" s="166">
        <v>0</v>
      </c>
      <c r="CQ3276" s="166">
        <v>0</v>
      </c>
      <c r="CR3276" s="166">
        <v>0</v>
      </c>
      <c r="CS3276" s="166">
        <v>0</v>
      </c>
      <c r="CT3276" s="166">
        <v>0</v>
      </c>
      <c r="CU3276" s="166">
        <v>0</v>
      </c>
      <c r="CV3276" s="166">
        <v>0</v>
      </c>
      <c r="CW3276" s="166">
        <v>0</v>
      </c>
      <c r="CX3276" s="166">
        <v>0</v>
      </c>
      <c r="CY3276" s="166">
        <v>0</v>
      </c>
      <c r="CZ3276" s="166">
        <v>0</v>
      </c>
    </row>
    <row r="3277" spans="1:104" x14ac:dyDescent="0.2">
      <c r="A3277" s="167" t="s">
        <v>561</v>
      </c>
      <c r="B3277" s="166">
        <v>13294956.2194483</v>
      </c>
      <c r="C3277" s="166">
        <v>13294956.2194483</v>
      </c>
      <c r="D3277" s="166">
        <v>0</v>
      </c>
      <c r="E3277" s="166">
        <v>0</v>
      </c>
      <c r="F3277" s="166">
        <v>0</v>
      </c>
      <c r="G3277" s="166">
        <v>0</v>
      </c>
      <c r="H3277" s="166">
        <v>0</v>
      </c>
      <c r="I3277" s="166">
        <v>0</v>
      </c>
      <c r="J3277" s="166">
        <v>0</v>
      </c>
      <c r="K3277" s="166">
        <v>0</v>
      </c>
      <c r="L3277" s="166">
        <v>0</v>
      </c>
      <c r="M3277" s="166">
        <v>0</v>
      </c>
      <c r="N3277" s="166">
        <v>0</v>
      </c>
      <c r="O3277" s="166">
        <v>0</v>
      </c>
      <c r="P3277" s="166">
        <v>0</v>
      </c>
      <c r="Q3277" s="166">
        <v>0</v>
      </c>
      <c r="R3277" s="166">
        <v>0</v>
      </c>
      <c r="S3277" s="166">
        <v>0</v>
      </c>
      <c r="T3277" s="166">
        <v>0</v>
      </c>
      <c r="U3277" s="166">
        <v>0</v>
      </c>
      <c r="V3277" s="166">
        <v>0</v>
      </c>
      <c r="W3277" s="166">
        <v>0</v>
      </c>
      <c r="X3277" s="166">
        <v>0</v>
      </c>
      <c r="Y3277" s="166">
        <v>0</v>
      </c>
      <c r="Z3277" s="166">
        <v>0</v>
      </c>
      <c r="AA3277" s="166">
        <v>0</v>
      </c>
      <c r="AB3277" s="166">
        <v>0</v>
      </c>
      <c r="AC3277" s="166">
        <v>0</v>
      </c>
      <c r="AD3277" s="166">
        <v>0</v>
      </c>
      <c r="AE3277" s="166">
        <v>0</v>
      </c>
      <c r="AF3277" s="166">
        <v>0</v>
      </c>
      <c r="AG3277" s="166">
        <v>0</v>
      </c>
      <c r="AH3277" s="166">
        <v>0</v>
      </c>
      <c r="AI3277" s="166">
        <v>0</v>
      </c>
      <c r="AJ3277" s="166">
        <v>0</v>
      </c>
      <c r="AK3277" s="166">
        <v>0</v>
      </c>
      <c r="AL3277" s="166">
        <v>0</v>
      </c>
      <c r="AM3277" s="166">
        <v>0</v>
      </c>
      <c r="AN3277" s="166">
        <v>0</v>
      </c>
      <c r="AO3277" s="166">
        <v>0</v>
      </c>
      <c r="AP3277" s="166">
        <v>0</v>
      </c>
      <c r="AQ3277" s="166">
        <v>0</v>
      </c>
      <c r="AR3277" s="166">
        <v>0</v>
      </c>
      <c r="AS3277" s="166">
        <v>0</v>
      </c>
      <c r="AT3277" s="166">
        <v>0</v>
      </c>
      <c r="AU3277" s="166">
        <v>0</v>
      </c>
      <c r="AV3277" s="166">
        <v>0</v>
      </c>
      <c r="AW3277" s="166">
        <v>0</v>
      </c>
      <c r="AX3277" s="166">
        <v>0</v>
      </c>
      <c r="AY3277" s="166">
        <v>0</v>
      </c>
      <c r="AZ3277" s="166">
        <v>0</v>
      </c>
      <c r="BA3277" s="166">
        <v>0</v>
      </c>
      <c r="BB3277" s="166">
        <v>0</v>
      </c>
      <c r="BC3277" s="166">
        <v>0</v>
      </c>
      <c r="BD3277" s="166">
        <v>0</v>
      </c>
      <c r="BE3277" s="166">
        <v>0</v>
      </c>
      <c r="BF3277" s="166">
        <v>0</v>
      </c>
      <c r="BG3277" s="166">
        <v>0</v>
      </c>
      <c r="BH3277" s="166">
        <v>0</v>
      </c>
      <c r="BI3277" s="166">
        <v>0</v>
      </c>
      <c r="BJ3277" s="166">
        <v>0</v>
      </c>
      <c r="BK3277" s="166">
        <v>0</v>
      </c>
      <c r="BL3277" s="166">
        <v>0</v>
      </c>
      <c r="BM3277" s="166">
        <v>0</v>
      </c>
      <c r="BN3277" s="166">
        <v>0</v>
      </c>
      <c r="BO3277" s="166">
        <v>0</v>
      </c>
      <c r="BP3277" s="166">
        <v>0</v>
      </c>
      <c r="BQ3277" s="166">
        <v>0</v>
      </c>
      <c r="BR3277" s="166">
        <v>13294956.2194483</v>
      </c>
      <c r="BS3277" s="166">
        <v>13294956.2194483</v>
      </c>
      <c r="BT3277" s="168">
        <v>0</v>
      </c>
      <c r="BU3277" s="166">
        <v>0</v>
      </c>
      <c r="BV3277" s="166">
        <v>0</v>
      </c>
      <c r="BW3277" s="166">
        <v>0</v>
      </c>
      <c r="BX3277" s="166">
        <v>0</v>
      </c>
      <c r="BY3277" s="166">
        <v>0</v>
      </c>
      <c r="BZ3277" s="166">
        <v>0</v>
      </c>
      <c r="CA3277" s="166">
        <v>0</v>
      </c>
      <c r="CB3277" s="166">
        <v>0</v>
      </c>
      <c r="CC3277" s="166">
        <v>0</v>
      </c>
      <c r="CD3277" s="166">
        <v>0</v>
      </c>
      <c r="CE3277" s="166">
        <v>0</v>
      </c>
      <c r="CF3277" s="166">
        <v>0</v>
      </c>
      <c r="CG3277" s="166">
        <v>0</v>
      </c>
      <c r="CH3277" s="166">
        <v>0</v>
      </c>
      <c r="CI3277" s="166">
        <v>0</v>
      </c>
      <c r="CJ3277" s="166">
        <v>0</v>
      </c>
      <c r="CK3277" s="166">
        <v>0</v>
      </c>
      <c r="CL3277" s="166">
        <v>0</v>
      </c>
      <c r="CM3277" s="166">
        <v>0</v>
      </c>
      <c r="CN3277" s="166">
        <v>0</v>
      </c>
      <c r="CO3277" s="166">
        <v>0</v>
      </c>
      <c r="CP3277" s="166">
        <v>0</v>
      </c>
      <c r="CQ3277" s="166">
        <v>0</v>
      </c>
      <c r="CR3277" s="166">
        <v>0</v>
      </c>
      <c r="CS3277" s="166">
        <v>0</v>
      </c>
      <c r="CT3277" s="166">
        <v>0</v>
      </c>
      <c r="CU3277" s="166">
        <v>0</v>
      </c>
      <c r="CV3277" s="166">
        <v>0</v>
      </c>
      <c r="CW3277" s="166">
        <v>0</v>
      </c>
      <c r="CX3277" s="166">
        <v>0</v>
      </c>
      <c r="CY3277" s="166">
        <v>0</v>
      </c>
      <c r="CZ3277" s="166">
        <v>0</v>
      </c>
    </row>
    <row r="3278" spans="1:104" x14ac:dyDescent="0.2">
      <c r="A3278" s="167" t="s">
        <v>562</v>
      </c>
      <c r="B3278" s="166">
        <v>12337049.0562187</v>
      </c>
      <c r="C3278" s="166">
        <v>12337049.0562187</v>
      </c>
      <c r="D3278" s="166">
        <v>0</v>
      </c>
      <c r="E3278" s="166">
        <v>0</v>
      </c>
      <c r="F3278" s="166">
        <v>0</v>
      </c>
      <c r="G3278" s="166">
        <v>0</v>
      </c>
      <c r="H3278" s="166">
        <v>0</v>
      </c>
      <c r="I3278" s="166">
        <v>0</v>
      </c>
      <c r="J3278" s="166">
        <v>0</v>
      </c>
      <c r="K3278" s="166">
        <v>0</v>
      </c>
      <c r="L3278" s="166">
        <v>0</v>
      </c>
      <c r="M3278" s="166">
        <v>0</v>
      </c>
      <c r="N3278" s="166">
        <v>0</v>
      </c>
      <c r="O3278" s="166">
        <v>0</v>
      </c>
      <c r="P3278" s="166">
        <v>0</v>
      </c>
      <c r="Q3278" s="166">
        <v>0</v>
      </c>
      <c r="R3278" s="166">
        <v>0</v>
      </c>
      <c r="S3278" s="166">
        <v>0</v>
      </c>
      <c r="T3278" s="166">
        <v>0</v>
      </c>
      <c r="U3278" s="166">
        <v>0</v>
      </c>
      <c r="V3278" s="166">
        <v>0</v>
      </c>
      <c r="W3278" s="166">
        <v>0</v>
      </c>
      <c r="X3278" s="166">
        <v>0</v>
      </c>
      <c r="Y3278" s="166">
        <v>0</v>
      </c>
      <c r="Z3278" s="166">
        <v>0</v>
      </c>
      <c r="AA3278" s="166">
        <v>0</v>
      </c>
      <c r="AB3278" s="166">
        <v>0</v>
      </c>
      <c r="AC3278" s="166">
        <v>0</v>
      </c>
      <c r="AD3278" s="166">
        <v>0</v>
      </c>
      <c r="AE3278" s="166">
        <v>0</v>
      </c>
      <c r="AF3278" s="166">
        <v>0</v>
      </c>
      <c r="AG3278" s="166">
        <v>0</v>
      </c>
      <c r="AH3278" s="166">
        <v>0</v>
      </c>
      <c r="AI3278" s="166">
        <v>0</v>
      </c>
      <c r="AJ3278" s="166">
        <v>0</v>
      </c>
      <c r="AK3278" s="166">
        <v>0</v>
      </c>
      <c r="AL3278" s="166">
        <v>0</v>
      </c>
      <c r="AM3278" s="166">
        <v>0</v>
      </c>
      <c r="AN3278" s="166">
        <v>0</v>
      </c>
      <c r="AO3278" s="166">
        <v>0</v>
      </c>
      <c r="AP3278" s="166">
        <v>0</v>
      </c>
      <c r="AQ3278" s="166">
        <v>0</v>
      </c>
      <c r="AR3278" s="166">
        <v>0</v>
      </c>
      <c r="AS3278" s="166">
        <v>0</v>
      </c>
      <c r="AT3278" s="166">
        <v>0</v>
      </c>
      <c r="AU3278" s="166">
        <v>0</v>
      </c>
      <c r="AV3278" s="166">
        <v>0</v>
      </c>
      <c r="AW3278" s="166">
        <v>0</v>
      </c>
      <c r="AX3278" s="166">
        <v>0</v>
      </c>
      <c r="AY3278" s="166">
        <v>0</v>
      </c>
      <c r="AZ3278" s="166">
        <v>0</v>
      </c>
      <c r="BA3278" s="166">
        <v>0</v>
      </c>
      <c r="BB3278" s="166">
        <v>0</v>
      </c>
      <c r="BC3278" s="166">
        <v>0</v>
      </c>
      <c r="BD3278" s="166">
        <v>0</v>
      </c>
      <c r="BE3278" s="166">
        <v>0</v>
      </c>
      <c r="BF3278" s="166">
        <v>0</v>
      </c>
      <c r="BG3278" s="166">
        <v>0</v>
      </c>
      <c r="BH3278" s="166">
        <v>0</v>
      </c>
      <c r="BI3278" s="166">
        <v>0</v>
      </c>
      <c r="BJ3278" s="166">
        <v>0</v>
      </c>
      <c r="BK3278" s="166">
        <v>0</v>
      </c>
      <c r="BL3278" s="166">
        <v>0</v>
      </c>
      <c r="BM3278" s="166">
        <v>0</v>
      </c>
      <c r="BN3278" s="166">
        <v>0</v>
      </c>
      <c r="BO3278" s="166">
        <v>0</v>
      </c>
      <c r="BP3278" s="166">
        <v>0</v>
      </c>
      <c r="BQ3278" s="166">
        <v>0</v>
      </c>
      <c r="BR3278" s="166">
        <v>12337049.0562187</v>
      </c>
      <c r="BS3278" s="166">
        <v>12337049.0562187</v>
      </c>
      <c r="BT3278" s="168">
        <v>0</v>
      </c>
      <c r="BU3278" s="166">
        <v>0</v>
      </c>
      <c r="BV3278" s="166">
        <v>0</v>
      </c>
      <c r="BW3278" s="166">
        <v>0</v>
      </c>
      <c r="BX3278" s="166">
        <v>0</v>
      </c>
      <c r="BY3278" s="166">
        <v>0</v>
      </c>
      <c r="BZ3278" s="166">
        <v>0</v>
      </c>
      <c r="CA3278" s="166">
        <v>0</v>
      </c>
      <c r="CB3278" s="166">
        <v>0</v>
      </c>
      <c r="CC3278" s="166">
        <v>0</v>
      </c>
      <c r="CD3278" s="166">
        <v>0</v>
      </c>
      <c r="CE3278" s="166">
        <v>0</v>
      </c>
      <c r="CF3278" s="166">
        <v>0</v>
      </c>
      <c r="CG3278" s="166">
        <v>0</v>
      </c>
      <c r="CH3278" s="166">
        <v>0</v>
      </c>
      <c r="CI3278" s="166">
        <v>0</v>
      </c>
      <c r="CJ3278" s="166">
        <v>0</v>
      </c>
      <c r="CK3278" s="166">
        <v>0</v>
      </c>
      <c r="CL3278" s="166">
        <v>0</v>
      </c>
      <c r="CM3278" s="166">
        <v>0</v>
      </c>
      <c r="CN3278" s="166">
        <v>0</v>
      </c>
      <c r="CO3278" s="166">
        <v>0</v>
      </c>
      <c r="CP3278" s="166">
        <v>0</v>
      </c>
      <c r="CQ3278" s="166">
        <v>0</v>
      </c>
      <c r="CR3278" s="166">
        <v>0</v>
      </c>
      <c r="CS3278" s="166">
        <v>0</v>
      </c>
      <c r="CT3278" s="166">
        <v>0</v>
      </c>
      <c r="CU3278" s="166">
        <v>0</v>
      </c>
      <c r="CV3278" s="166">
        <v>0</v>
      </c>
      <c r="CW3278" s="166">
        <v>0</v>
      </c>
      <c r="CX3278" s="166">
        <v>0</v>
      </c>
      <c r="CY3278" s="166">
        <v>0</v>
      </c>
      <c r="CZ3278" s="166">
        <v>0</v>
      </c>
    </row>
    <row r="3279" spans="1:104" x14ac:dyDescent="0.2">
      <c r="A3279" s="177" t="s">
        <v>563</v>
      </c>
      <c r="B3279" s="166">
        <v>114772070.986555</v>
      </c>
      <c r="C3279" s="166">
        <v>114772070.986555</v>
      </c>
      <c r="D3279" s="166">
        <v>0</v>
      </c>
      <c r="E3279" s="166">
        <v>0</v>
      </c>
      <c r="F3279" s="166">
        <v>0</v>
      </c>
      <c r="G3279" s="166">
        <v>0</v>
      </c>
      <c r="H3279" s="166">
        <v>0</v>
      </c>
      <c r="I3279" s="166">
        <v>0</v>
      </c>
      <c r="J3279" s="166">
        <v>0</v>
      </c>
      <c r="K3279" s="166">
        <v>0</v>
      </c>
      <c r="L3279" s="166">
        <v>0</v>
      </c>
      <c r="M3279" s="166">
        <v>0</v>
      </c>
      <c r="N3279" s="166">
        <v>0</v>
      </c>
      <c r="O3279" s="166">
        <v>0</v>
      </c>
      <c r="P3279" s="166">
        <v>0</v>
      </c>
      <c r="Q3279" s="166">
        <v>0</v>
      </c>
      <c r="R3279" s="166">
        <v>0</v>
      </c>
      <c r="S3279" s="166">
        <v>0</v>
      </c>
      <c r="T3279" s="166">
        <v>0</v>
      </c>
      <c r="U3279" s="166">
        <v>0</v>
      </c>
      <c r="V3279" s="166">
        <v>0</v>
      </c>
      <c r="W3279" s="166">
        <v>0</v>
      </c>
      <c r="X3279" s="166">
        <v>0</v>
      </c>
      <c r="Y3279" s="166">
        <v>0</v>
      </c>
      <c r="Z3279" s="166">
        <v>0</v>
      </c>
      <c r="AA3279" s="166">
        <v>0</v>
      </c>
      <c r="AB3279" s="166">
        <v>0</v>
      </c>
      <c r="AC3279" s="166">
        <v>0</v>
      </c>
      <c r="AD3279" s="166">
        <v>0</v>
      </c>
      <c r="AE3279" s="166">
        <v>0</v>
      </c>
      <c r="AF3279" s="166">
        <v>0</v>
      </c>
      <c r="AG3279" s="166">
        <v>0</v>
      </c>
      <c r="AH3279" s="166">
        <v>0</v>
      </c>
      <c r="AI3279" s="166">
        <v>0</v>
      </c>
      <c r="AJ3279" s="166">
        <v>0</v>
      </c>
      <c r="AK3279" s="166">
        <v>0</v>
      </c>
      <c r="AL3279" s="166">
        <v>0</v>
      </c>
      <c r="AM3279" s="166">
        <v>0</v>
      </c>
      <c r="AN3279" s="166">
        <v>0</v>
      </c>
      <c r="AO3279" s="166">
        <v>0</v>
      </c>
      <c r="AP3279" s="166">
        <v>0</v>
      </c>
      <c r="AQ3279" s="166">
        <v>0</v>
      </c>
      <c r="AR3279" s="166">
        <v>0</v>
      </c>
      <c r="AS3279" s="166">
        <v>0</v>
      </c>
      <c r="AT3279" s="166">
        <v>0</v>
      </c>
      <c r="AU3279" s="166">
        <v>0</v>
      </c>
      <c r="AV3279" s="166">
        <v>0</v>
      </c>
      <c r="AW3279" s="166">
        <v>0</v>
      </c>
      <c r="AX3279" s="166">
        <v>0</v>
      </c>
      <c r="AY3279" s="166">
        <v>0</v>
      </c>
      <c r="AZ3279" s="166">
        <v>0</v>
      </c>
      <c r="BA3279" s="166">
        <v>0</v>
      </c>
      <c r="BB3279" s="166">
        <v>0</v>
      </c>
      <c r="BC3279" s="166">
        <v>0</v>
      </c>
      <c r="BD3279" s="166">
        <v>0</v>
      </c>
      <c r="BE3279" s="166">
        <v>0</v>
      </c>
      <c r="BF3279" s="166">
        <v>0</v>
      </c>
      <c r="BG3279" s="166">
        <v>0</v>
      </c>
      <c r="BH3279" s="166">
        <v>0</v>
      </c>
      <c r="BI3279" s="166">
        <v>0</v>
      </c>
      <c r="BJ3279" s="166">
        <v>0</v>
      </c>
      <c r="BK3279" s="166">
        <v>0</v>
      </c>
      <c r="BL3279" s="166">
        <v>0</v>
      </c>
      <c r="BM3279" s="166">
        <v>0</v>
      </c>
      <c r="BN3279" s="166">
        <v>0</v>
      </c>
      <c r="BO3279" s="166">
        <v>0</v>
      </c>
      <c r="BP3279" s="166">
        <v>0</v>
      </c>
      <c r="BQ3279" s="166">
        <v>0</v>
      </c>
      <c r="BR3279" s="166">
        <v>114772070.986555</v>
      </c>
      <c r="BS3279" s="166">
        <v>114772070.986555</v>
      </c>
      <c r="BT3279" s="168">
        <v>0</v>
      </c>
      <c r="BU3279" s="166">
        <v>0</v>
      </c>
      <c r="BV3279" s="166">
        <v>0</v>
      </c>
      <c r="BW3279" s="166">
        <v>0</v>
      </c>
      <c r="BX3279" s="166">
        <v>0</v>
      </c>
      <c r="BY3279" s="166">
        <v>0</v>
      </c>
      <c r="BZ3279" s="166">
        <v>0</v>
      </c>
      <c r="CA3279" s="166">
        <v>0</v>
      </c>
      <c r="CB3279" s="166">
        <v>0</v>
      </c>
      <c r="CC3279" s="166">
        <v>0</v>
      </c>
      <c r="CD3279" s="166">
        <v>0</v>
      </c>
      <c r="CE3279" s="166">
        <v>0</v>
      </c>
      <c r="CF3279" s="166">
        <v>0</v>
      </c>
      <c r="CG3279" s="166">
        <v>0</v>
      </c>
      <c r="CH3279" s="166">
        <v>0</v>
      </c>
      <c r="CI3279" s="166">
        <v>0</v>
      </c>
      <c r="CJ3279" s="166">
        <v>0</v>
      </c>
      <c r="CK3279" s="166">
        <v>0</v>
      </c>
      <c r="CL3279" s="166">
        <v>0</v>
      </c>
      <c r="CM3279" s="166">
        <v>0</v>
      </c>
      <c r="CN3279" s="166">
        <v>0</v>
      </c>
      <c r="CO3279" s="166">
        <v>0</v>
      </c>
      <c r="CP3279" s="166">
        <v>0</v>
      </c>
      <c r="CQ3279" s="166">
        <v>0</v>
      </c>
      <c r="CR3279" s="166">
        <v>0</v>
      </c>
      <c r="CS3279" s="166">
        <v>0</v>
      </c>
      <c r="CT3279" s="166">
        <v>0</v>
      </c>
      <c r="CU3279" s="166">
        <v>0</v>
      </c>
      <c r="CV3279" s="166">
        <v>0</v>
      </c>
      <c r="CW3279" s="166">
        <v>0</v>
      </c>
      <c r="CX3279" s="166">
        <v>0</v>
      </c>
      <c r="CY3279" s="166">
        <v>0</v>
      </c>
      <c r="CZ3279" s="166">
        <v>0</v>
      </c>
    </row>
    <row r="3280" spans="1:104" x14ac:dyDescent="0.2">
      <c r="A3280" s="167" t="s">
        <v>564</v>
      </c>
      <c r="B3280" s="166">
        <v>0</v>
      </c>
      <c r="C3280" s="166">
        <v>0</v>
      </c>
      <c r="D3280" s="166">
        <v>0</v>
      </c>
      <c r="E3280" s="166">
        <v>0</v>
      </c>
      <c r="F3280" s="166">
        <v>0</v>
      </c>
      <c r="G3280" s="166">
        <v>0</v>
      </c>
      <c r="H3280" s="166">
        <v>0</v>
      </c>
      <c r="I3280" s="166">
        <v>0</v>
      </c>
      <c r="J3280" s="166">
        <v>0</v>
      </c>
      <c r="K3280" s="166">
        <v>0</v>
      </c>
      <c r="L3280" s="166">
        <v>0</v>
      </c>
      <c r="M3280" s="166">
        <v>0</v>
      </c>
      <c r="N3280" s="166">
        <v>0</v>
      </c>
      <c r="O3280" s="166">
        <v>0</v>
      </c>
      <c r="P3280" s="166">
        <v>0</v>
      </c>
      <c r="Q3280" s="166">
        <v>0</v>
      </c>
      <c r="R3280" s="166">
        <v>0</v>
      </c>
      <c r="S3280" s="166">
        <v>0</v>
      </c>
      <c r="T3280" s="166">
        <v>0</v>
      </c>
      <c r="U3280" s="166">
        <v>0</v>
      </c>
      <c r="V3280" s="166">
        <v>0</v>
      </c>
      <c r="W3280" s="166">
        <v>0</v>
      </c>
      <c r="X3280" s="166">
        <v>0</v>
      </c>
      <c r="Y3280" s="166">
        <v>0</v>
      </c>
      <c r="Z3280" s="166">
        <v>0</v>
      </c>
      <c r="AA3280" s="166">
        <v>0</v>
      </c>
      <c r="AB3280" s="166">
        <v>0</v>
      </c>
      <c r="AC3280" s="166">
        <v>0</v>
      </c>
      <c r="AD3280" s="166">
        <v>0</v>
      </c>
      <c r="AE3280" s="166">
        <v>0</v>
      </c>
      <c r="AF3280" s="166">
        <v>0</v>
      </c>
      <c r="AG3280" s="166">
        <v>0</v>
      </c>
      <c r="AH3280" s="166">
        <v>0</v>
      </c>
      <c r="AI3280" s="166">
        <v>0</v>
      </c>
      <c r="AJ3280" s="166">
        <v>0</v>
      </c>
      <c r="AK3280" s="166">
        <v>0</v>
      </c>
      <c r="AL3280" s="166">
        <v>0</v>
      </c>
      <c r="AM3280" s="166">
        <v>0</v>
      </c>
      <c r="AN3280" s="166">
        <v>0</v>
      </c>
      <c r="AO3280" s="166">
        <v>0</v>
      </c>
      <c r="AP3280" s="166">
        <v>0</v>
      </c>
      <c r="AQ3280" s="166">
        <v>0</v>
      </c>
      <c r="AR3280" s="166">
        <v>0</v>
      </c>
      <c r="AS3280" s="166">
        <v>0</v>
      </c>
      <c r="AT3280" s="166">
        <v>0</v>
      </c>
      <c r="AU3280" s="166">
        <v>0</v>
      </c>
      <c r="AV3280" s="166">
        <v>0</v>
      </c>
      <c r="AW3280" s="166">
        <v>0</v>
      </c>
      <c r="AX3280" s="166">
        <v>0</v>
      </c>
      <c r="AY3280" s="166">
        <v>0</v>
      </c>
      <c r="AZ3280" s="166">
        <v>0</v>
      </c>
      <c r="BA3280" s="166">
        <v>0</v>
      </c>
      <c r="BB3280" s="166">
        <v>0</v>
      </c>
      <c r="BC3280" s="166">
        <v>0</v>
      </c>
      <c r="BD3280" s="166">
        <v>0</v>
      </c>
      <c r="BE3280" s="166">
        <v>0</v>
      </c>
      <c r="BF3280" s="166">
        <v>0</v>
      </c>
      <c r="BG3280" s="166">
        <v>0</v>
      </c>
      <c r="BH3280" s="166">
        <v>0</v>
      </c>
      <c r="BI3280" s="166">
        <v>0</v>
      </c>
      <c r="BJ3280" s="166">
        <v>0</v>
      </c>
      <c r="BK3280" s="166">
        <v>0</v>
      </c>
      <c r="BL3280" s="166">
        <v>0</v>
      </c>
      <c r="BM3280" s="166">
        <v>0</v>
      </c>
      <c r="BN3280" s="166">
        <v>0</v>
      </c>
      <c r="BO3280" s="166">
        <v>0</v>
      </c>
      <c r="BP3280" s="166">
        <v>0</v>
      </c>
      <c r="BQ3280" s="166">
        <v>0</v>
      </c>
      <c r="BR3280" s="166">
        <v>0</v>
      </c>
      <c r="BS3280" s="166">
        <v>0</v>
      </c>
      <c r="BT3280" s="168">
        <v>0</v>
      </c>
      <c r="BU3280" s="166">
        <v>0</v>
      </c>
      <c r="BV3280" s="166">
        <v>0</v>
      </c>
      <c r="BW3280" s="166">
        <v>0</v>
      </c>
      <c r="BX3280" s="166">
        <v>0</v>
      </c>
      <c r="BY3280" s="166">
        <v>0</v>
      </c>
      <c r="BZ3280" s="166">
        <v>0</v>
      </c>
      <c r="CA3280" s="166">
        <v>0</v>
      </c>
      <c r="CB3280" s="166">
        <v>0</v>
      </c>
      <c r="CC3280" s="166">
        <v>0</v>
      </c>
      <c r="CD3280" s="166">
        <v>0</v>
      </c>
      <c r="CE3280" s="166">
        <v>0</v>
      </c>
      <c r="CF3280" s="166">
        <v>0</v>
      </c>
      <c r="CG3280" s="166">
        <v>0</v>
      </c>
      <c r="CH3280" s="166">
        <v>0</v>
      </c>
      <c r="CI3280" s="166">
        <v>0</v>
      </c>
      <c r="CJ3280" s="166">
        <v>0</v>
      </c>
      <c r="CK3280" s="166">
        <v>0</v>
      </c>
      <c r="CL3280" s="166">
        <v>0</v>
      </c>
      <c r="CM3280" s="166">
        <v>0</v>
      </c>
      <c r="CN3280" s="166">
        <v>0</v>
      </c>
      <c r="CO3280" s="166">
        <v>0</v>
      </c>
      <c r="CP3280" s="166">
        <v>0</v>
      </c>
      <c r="CQ3280" s="166">
        <v>0</v>
      </c>
      <c r="CR3280" s="166">
        <v>0</v>
      </c>
      <c r="CS3280" s="166">
        <v>0</v>
      </c>
      <c r="CT3280" s="166">
        <v>0</v>
      </c>
      <c r="CU3280" s="166">
        <v>0</v>
      </c>
      <c r="CV3280" s="166">
        <v>0</v>
      </c>
      <c r="CW3280" s="166">
        <v>0</v>
      </c>
      <c r="CX3280" s="166">
        <v>0</v>
      </c>
      <c r="CY3280" s="166">
        <v>0</v>
      </c>
      <c r="CZ3280" s="166">
        <v>0</v>
      </c>
    </row>
    <row r="3281" spans="1:104" x14ac:dyDescent="0.2">
      <c r="A3281" s="167" t="s">
        <v>565</v>
      </c>
      <c r="B3281" s="166">
        <v>622886.95688334701</v>
      </c>
      <c r="C3281" s="166">
        <v>622886.95688334701</v>
      </c>
      <c r="D3281" s="166">
        <v>0</v>
      </c>
      <c r="E3281" s="166">
        <v>0</v>
      </c>
      <c r="F3281" s="166">
        <v>0</v>
      </c>
      <c r="G3281" s="166">
        <v>0</v>
      </c>
      <c r="H3281" s="166">
        <v>0</v>
      </c>
      <c r="I3281" s="166">
        <v>0</v>
      </c>
      <c r="J3281" s="166">
        <v>0</v>
      </c>
      <c r="K3281" s="166">
        <v>0</v>
      </c>
      <c r="L3281" s="166">
        <v>0</v>
      </c>
      <c r="M3281" s="166">
        <v>0</v>
      </c>
      <c r="N3281" s="166">
        <v>0</v>
      </c>
      <c r="O3281" s="166">
        <v>0</v>
      </c>
      <c r="P3281" s="166">
        <v>0</v>
      </c>
      <c r="Q3281" s="166">
        <v>0</v>
      </c>
      <c r="R3281" s="166">
        <v>0</v>
      </c>
      <c r="S3281" s="166">
        <v>0</v>
      </c>
      <c r="T3281" s="166">
        <v>0</v>
      </c>
      <c r="U3281" s="166">
        <v>0</v>
      </c>
      <c r="V3281" s="166">
        <v>0</v>
      </c>
      <c r="W3281" s="166">
        <v>0</v>
      </c>
      <c r="X3281" s="166">
        <v>0</v>
      </c>
      <c r="Y3281" s="166">
        <v>0</v>
      </c>
      <c r="Z3281" s="166">
        <v>0</v>
      </c>
      <c r="AA3281" s="166">
        <v>0</v>
      </c>
      <c r="AB3281" s="166">
        <v>0</v>
      </c>
      <c r="AC3281" s="166">
        <v>0</v>
      </c>
      <c r="AD3281" s="166">
        <v>0</v>
      </c>
      <c r="AE3281" s="166">
        <v>0</v>
      </c>
      <c r="AF3281" s="166">
        <v>0</v>
      </c>
      <c r="AG3281" s="166">
        <v>0</v>
      </c>
      <c r="AH3281" s="166">
        <v>0</v>
      </c>
      <c r="AI3281" s="166">
        <v>0</v>
      </c>
      <c r="AJ3281" s="166">
        <v>0</v>
      </c>
      <c r="AK3281" s="166">
        <v>0</v>
      </c>
      <c r="AL3281" s="166">
        <v>0</v>
      </c>
      <c r="AM3281" s="166">
        <v>0</v>
      </c>
      <c r="AN3281" s="166">
        <v>0</v>
      </c>
      <c r="AO3281" s="166">
        <v>0</v>
      </c>
      <c r="AP3281" s="166">
        <v>0</v>
      </c>
      <c r="AQ3281" s="166">
        <v>0</v>
      </c>
      <c r="AR3281" s="166">
        <v>0</v>
      </c>
      <c r="AS3281" s="166">
        <v>0</v>
      </c>
      <c r="AT3281" s="166">
        <v>0</v>
      </c>
      <c r="AU3281" s="166">
        <v>0</v>
      </c>
      <c r="AV3281" s="166">
        <v>0</v>
      </c>
      <c r="AW3281" s="166">
        <v>0</v>
      </c>
      <c r="AX3281" s="166">
        <v>0</v>
      </c>
      <c r="AY3281" s="166">
        <v>0</v>
      </c>
      <c r="AZ3281" s="166">
        <v>0</v>
      </c>
      <c r="BA3281" s="166">
        <v>0</v>
      </c>
      <c r="BB3281" s="166">
        <v>0</v>
      </c>
      <c r="BC3281" s="166">
        <v>0</v>
      </c>
      <c r="BD3281" s="166">
        <v>0</v>
      </c>
      <c r="BE3281" s="166">
        <v>0</v>
      </c>
      <c r="BF3281" s="166">
        <v>0</v>
      </c>
      <c r="BG3281" s="166">
        <v>0</v>
      </c>
      <c r="BH3281" s="166">
        <v>0</v>
      </c>
      <c r="BI3281" s="166">
        <v>0</v>
      </c>
      <c r="BJ3281" s="166">
        <v>0</v>
      </c>
      <c r="BK3281" s="166">
        <v>0</v>
      </c>
      <c r="BL3281" s="166">
        <v>0</v>
      </c>
      <c r="BM3281" s="166">
        <v>0</v>
      </c>
      <c r="BN3281" s="166">
        <v>0</v>
      </c>
      <c r="BO3281" s="166">
        <v>0</v>
      </c>
      <c r="BP3281" s="166">
        <v>0</v>
      </c>
      <c r="BQ3281" s="166">
        <v>0</v>
      </c>
      <c r="BR3281" s="166">
        <v>622886.95688334701</v>
      </c>
      <c r="BS3281" s="166">
        <v>622886.95688334701</v>
      </c>
      <c r="BT3281" s="168">
        <v>0</v>
      </c>
      <c r="BU3281" s="166">
        <v>0</v>
      </c>
      <c r="BV3281" s="166">
        <v>0</v>
      </c>
      <c r="BW3281" s="166">
        <v>0</v>
      </c>
      <c r="BX3281" s="166">
        <v>0</v>
      </c>
      <c r="BY3281" s="166">
        <v>0</v>
      </c>
      <c r="BZ3281" s="166">
        <v>0</v>
      </c>
      <c r="CA3281" s="166">
        <v>0</v>
      </c>
      <c r="CB3281" s="166">
        <v>0</v>
      </c>
      <c r="CC3281" s="166">
        <v>0</v>
      </c>
      <c r="CD3281" s="166">
        <v>0</v>
      </c>
      <c r="CE3281" s="166">
        <v>0</v>
      </c>
      <c r="CF3281" s="166">
        <v>0</v>
      </c>
      <c r="CG3281" s="166">
        <v>0</v>
      </c>
      <c r="CH3281" s="166">
        <v>0</v>
      </c>
      <c r="CI3281" s="166">
        <v>0</v>
      </c>
      <c r="CJ3281" s="166">
        <v>0</v>
      </c>
      <c r="CK3281" s="166">
        <v>0</v>
      </c>
      <c r="CL3281" s="166">
        <v>0</v>
      </c>
      <c r="CM3281" s="166">
        <v>0</v>
      </c>
      <c r="CN3281" s="166">
        <v>0</v>
      </c>
      <c r="CO3281" s="166">
        <v>0</v>
      </c>
      <c r="CP3281" s="166">
        <v>0</v>
      </c>
      <c r="CQ3281" s="166">
        <v>0</v>
      </c>
      <c r="CR3281" s="166">
        <v>0</v>
      </c>
      <c r="CS3281" s="166">
        <v>0</v>
      </c>
      <c r="CT3281" s="166">
        <v>0</v>
      </c>
      <c r="CU3281" s="166">
        <v>0</v>
      </c>
      <c r="CV3281" s="166">
        <v>0</v>
      </c>
      <c r="CW3281" s="166">
        <v>0</v>
      </c>
      <c r="CX3281" s="166">
        <v>0</v>
      </c>
      <c r="CY3281" s="166">
        <v>0</v>
      </c>
      <c r="CZ3281" s="166">
        <v>0</v>
      </c>
    </row>
    <row r="3282" spans="1:104" x14ac:dyDescent="0.2">
      <c r="A3282" s="167" t="s">
        <v>566</v>
      </c>
      <c r="B3282" s="166">
        <v>6098.4187131385397</v>
      </c>
      <c r="C3282" s="166">
        <v>6098.4187131385397</v>
      </c>
      <c r="D3282" s="166">
        <v>0</v>
      </c>
      <c r="E3282" s="166">
        <v>0</v>
      </c>
      <c r="F3282" s="166">
        <v>0</v>
      </c>
      <c r="G3282" s="166">
        <v>0</v>
      </c>
      <c r="H3282" s="166">
        <v>0</v>
      </c>
      <c r="I3282" s="166">
        <v>0</v>
      </c>
      <c r="J3282" s="166">
        <v>0</v>
      </c>
      <c r="K3282" s="166">
        <v>0</v>
      </c>
      <c r="L3282" s="166">
        <v>0</v>
      </c>
      <c r="M3282" s="166">
        <v>0</v>
      </c>
      <c r="N3282" s="166">
        <v>0</v>
      </c>
      <c r="O3282" s="166">
        <v>0</v>
      </c>
      <c r="P3282" s="166">
        <v>0</v>
      </c>
      <c r="Q3282" s="166">
        <v>0</v>
      </c>
      <c r="R3282" s="166">
        <v>0</v>
      </c>
      <c r="S3282" s="166">
        <v>0</v>
      </c>
      <c r="T3282" s="166">
        <v>0</v>
      </c>
      <c r="U3282" s="166">
        <v>0</v>
      </c>
      <c r="V3282" s="166">
        <v>0</v>
      </c>
      <c r="W3282" s="166">
        <v>0</v>
      </c>
      <c r="X3282" s="166">
        <v>0</v>
      </c>
      <c r="Y3282" s="166">
        <v>0</v>
      </c>
      <c r="Z3282" s="166">
        <v>0</v>
      </c>
      <c r="AA3282" s="166">
        <v>0</v>
      </c>
      <c r="AB3282" s="166">
        <v>0</v>
      </c>
      <c r="AC3282" s="166">
        <v>0</v>
      </c>
      <c r="AD3282" s="166">
        <v>0</v>
      </c>
      <c r="AE3282" s="166">
        <v>0</v>
      </c>
      <c r="AF3282" s="166">
        <v>0</v>
      </c>
      <c r="AG3282" s="166">
        <v>0</v>
      </c>
      <c r="AH3282" s="166">
        <v>0</v>
      </c>
      <c r="AI3282" s="166">
        <v>0</v>
      </c>
      <c r="AJ3282" s="166">
        <v>0</v>
      </c>
      <c r="AK3282" s="166">
        <v>0</v>
      </c>
      <c r="AL3282" s="166">
        <v>0</v>
      </c>
      <c r="AM3282" s="166">
        <v>0</v>
      </c>
      <c r="AN3282" s="166">
        <v>0</v>
      </c>
      <c r="AO3282" s="166">
        <v>0</v>
      </c>
      <c r="AP3282" s="166">
        <v>0</v>
      </c>
      <c r="AQ3282" s="166">
        <v>0</v>
      </c>
      <c r="AR3282" s="166">
        <v>0</v>
      </c>
      <c r="AS3282" s="166">
        <v>0</v>
      </c>
      <c r="AT3282" s="166">
        <v>0</v>
      </c>
      <c r="AU3282" s="166">
        <v>0</v>
      </c>
      <c r="AV3282" s="166">
        <v>0</v>
      </c>
      <c r="AW3282" s="166">
        <v>0</v>
      </c>
      <c r="AX3282" s="166">
        <v>0</v>
      </c>
      <c r="AY3282" s="166">
        <v>0</v>
      </c>
      <c r="AZ3282" s="166">
        <v>0</v>
      </c>
      <c r="BA3282" s="166">
        <v>0</v>
      </c>
      <c r="BB3282" s="166">
        <v>0</v>
      </c>
      <c r="BC3282" s="166">
        <v>0</v>
      </c>
      <c r="BD3282" s="166">
        <v>0</v>
      </c>
      <c r="BE3282" s="166">
        <v>0</v>
      </c>
      <c r="BF3282" s="166">
        <v>0</v>
      </c>
      <c r="BG3282" s="166">
        <v>0</v>
      </c>
      <c r="BH3282" s="166">
        <v>0</v>
      </c>
      <c r="BI3282" s="166">
        <v>0</v>
      </c>
      <c r="BJ3282" s="166">
        <v>0</v>
      </c>
      <c r="BK3282" s="166">
        <v>0</v>
      </c>
      <c r="BL3282" s="166">
        <v>0</v>
      </c>
      <c r="BM3282" s="166">
        <v>0</v>
      </c>
      <c r="BN3282" s="166">
        <v>0</v>
      </c>
      <c r="BO3282" s="166">
        <v>0</v>
      </c>
      <c r="BP3282" s="166">
        <v>0</v>
      </c>
      <c r="BQ3282" s="166">
        <v>0</v>
      </c>
      <c r="BR3282" s="166">
        <v>6098.4187131385397</v>
      </c>
      <c r="BS3282" s="166">
        <v>6098.4187131385397</v>
      </c>
      <c r="BT3282" s="168">
        <v>0</v>
      </c>
      <c r="BU3282" s="166">
        <v>0</v>
      </c>
      <c r="BV3282" s="166">
        <v>0</v>
      </c>
      <c r="BW3282" s="166">
        <v>0</v>
      </c>
      <c r="BX3282" s="166">
        <v>0</v>
      </c>
      <c r="BY3282" s="166">
        <v>0</v>
      </c>
      <c r="BZ3282" s="166">
        <v>0</v>
      </c>
      <c r="CA3282" s="166">
        <v>0</v>
      </c>
      <c r="CB3282" s="166">
        <v>0</v>
      </c>
      <c r="CC3282" s="166">
        <v>0</v>
      </c>
      <c r="CD3282" s="166">
        <v>0</v>
      </c>
      <c r="CE3282" s="166">
        <v>0</v>
      </c>
      <c r="CF3282" s="166">
        <v>0</v>
      </c>
      <c r="CG3282" s="166">
        <v>0</v>
      </c>
      <c r="CH3282" s="166">
        <v>0</v>
      </c>
      <c r="CI3282" s="166">
        <v>0</v>
      </c>
      <c r="CJ3282" s="166">
        <v>0</v>
      </c>
      <c r="CK3282" s="166">
        <v>0</v>
      </c>
      <c r="CL3282" s="166">
        <v>0</v>
      </c>
      <c r="CM3282" s="166">
        <v>0</v>
      </c>
      <c r="CN3282" s="166">
        <v>0</v>
      </c>
      <c r="CO3282" s="166">
        <v>0</v>
      </c>
      <c r="CP3282" s="166">
        <v>0</v>
      </c>
      <c r="CQ3282" s="166">
        <v>0</v>
      </c>
      <c r="CR3282" s="166">
        <v>0</v>
      </c>
      <c r="CS3282" s="166">
        <v>0</v>
      </c>
      <c r="CT3282" s="166">
        <v>0</v>
      </c>
      <c r="CU3282" s="166">
        <v>0</v>
      </c>
      <c r="CV3282" s="166">
        <v>0</v>
      </c>
      <c r="CW3282" s="166">
        <v>0</v>
      </c>
      <c r="CX3282" s="166">
        <v>0</v>
      </c>
      <c r="CY3282" s="166">
        <v>0</v>
      </c>
      <c r="CZ3282" s="166">
        <v>0</v>
      </c>
    </row>
    <row r="3283" spans="1:104" x14ac:dyDescent="0.2">
      <c r="A3283" s="167" t="s">
        <v>567</v>
      </c>
      <c r="B3283" s="166">
        <v>43992.940235936199</v>
      </c>
      <c r="C3283" s="166">
        <v>43992.940235936199</v>
      </c>
      <c r="D3283" s="166">
        <v>0</v>
      </c>
      <c r="E3283" s="166">
        <v>0</v>
      </c>
      <c r="F3283" s="166">
        <v>0</v>
      </c>
      <c r="G3283" s="166">
        <v>0</v>
      </c>
      <c r="H3283" s="166">
        <v>0</v>
      </c>
      <c r="I3283" s="166">
        <v>0</v>
      </c>
      <c r="J3283" s="166">
        <v>0</v>
      </c>
      <c r="K3283" s="166">
        <v>0</v>
      </c>
      <c r="L3283" s="166">
        <v>0</v>
      </c>
      <c r="M3283" s="166">
        <v>0</v>
      </c>
      <c r="N3283" s="166">
        <v>0</v>
      </c>
      <c r="O3283" s="166">
        <v>0</v>
      </c>
      <c r="P3283" s="166">
        <v>0</v>
      </c>
      <c r="Q3283" s="166">
        <v>0</v>
      </c>
      <c r="R3283" s="166">
        <v>0</v>
      </c>
      <c r="S3283" s="166">
        <v>0</v>
      </c>
      <c r="T3283" s="166">
        <v>0</v>
      </c>
      <c r="U3283" s="166">
        <v>0</v>
      </c>
      <c r="V3283" s="166">
        <v>0</v>
      </c>
      <c r="W3283" s="166">
        <v>0</v>
      </c>
      <c r="X3283" s="166">
        <v>0</v>
      </c>
      <c r="Y3283" s="166">
        <v>0</v>
      </c>
      <c r="Z3283" s="166">
        <v>0</v>
      </c>
      <c r="AA3283" s="166">
        <v>0</v>
      </c>
      <c r="AB3283" s="166">
        <v>0</v>
      </c>
      <c r="AC3283" s="166">
        <v>0</v>
      </c>
      <c r="AD3283" s="166">
        <v>0</v>
      </c>
      <c r="AE3283" s="166">
        <v>0</v>
      </c>
      <c r="AF3283" s="166">
        <v>0</v>
      </c>
      <c r="AG3283" s="166">
        <v>0</v>
      </c>
      <c r="AH3283" s="166">
        <v>0</v>
      </c>
      <c r="AI3283" s="166">
        <v>0</v>
      </c>
      <c r="AJ3283" s="166">
        <v>0</v>
      </c>
      <c r="AK3283" s="166">
        <v>0</v>
      </c>
      <c r="AL3283" s="166">
        <v>0</v>
      </c>
      <c r="AM3283" s="166">
        <v>0</v>
      </c>
      <c r="AN3283" s="166">
        <v>0</v>
      </c>
      <c r="AO3283" s="166">
        <v>0</v>
      </c>
      <c r="AP3283" s="166">
        <v>0</v>
      </c>
      <c r="AQ3283" s="166">
        <v>0</v>
      </c>
      <c r="AR3283" s="166">
        <v>0</v>
      </c>
      <c r="AS3283" s="166">
        <v>0</v>
      </c>
      <c r="AT3283" s="166">
        <v>0</v>
      </c>
      <c r="AU3283" s="166">
        <v>0</v>
      </c>
      <c r="AV3283" s="166">
        <v>0</v>
      </c>
      <c r="AW3283" s="166">
        <v>0</v>
      </c>
      <c r="AX3283" s="166">
        <v>0</v>
      </c>
      <c r="AY3283" s="166">
        <v>0</v>
      </c>
      <c r="AZ3283" s="166">
        <v>0</v>
      </c>
      <c r="BA3283" s="166">
        <v>0</v>
      </c>
      <c r="BB3283" s="166">
        <v>0</v>
      </c>
      <c r="BC3283" s="166">
        <v>0</v>
      </c>
      <c r="BD3283" s="166">
        <v>0</v>
      </c>
      <c r="BE3283" s="166">
        <v>0</v>
      </c>
      <c r="BF3283" s="166">
        <v>0</v>
      </c>
      <c r="BG3283" s="166">
        <v>0</v>
      </c>
      <c r="BH3283" s="166">
        <v>0</v>
      </c>
      <c r="BI3283" s="166">
        <v>0</v>
      </c>
      <c r="BJ3283" s="166">
        <v>0</v>
      </c>
      <c r="BK3283" s="166">
        <v>0</v>
      </c>
      <c r="BL3283" s="166">
        <v>0</v>
      </c>
      <c r="BM3283" s="166">
        <v>0</v>
      </c>
      <c r="BN3283" s="166">
        <v>0</v>
      </c>
      <c r="BO3283" s="166">
        <v>0</v>
      </c>
      <c r="BP3283" s="166">
        <v>0</v>
      </c>
      <c r="BQ3283" s="166">
        <v>0</v>
      </c>
      <c r="BR3283" s="166">
        <v>43992.940235936199</v>
      </c>
      <c r="BS3283" s="166">
        <v>43992.940235936199</v>
      </c>
      <c r="BT3283" s="168">
        <v>0</v>
      </c>
      <c r="BU3283" s="166">
        <v>0</v>
      </c>
      <c r="BV3283" s="166">
        <v>0</v>
      </c>
      <c r="BW3283" s="166">
        <v>0</v>
      </c>
      <c r="BX3283" s="166">
        <v>0</v>
      </c>
      <c r="BY3283" s="166">
        <v>0</v>
      </c>
      <c r="BZ3283" s="166">
        <v>0</v>
      </c>
      <c r="CA3283" s="166">
        <v>0</v>
      </c>
      <c r="CB3283" s="166">
        <v>0</v>
      </c>
      <c r="CC3283" s="166">
        <v>0</v>
      </c>
      <c r="CD3283" s="166">
        <v>0</v>
      </c>
      <c r="CE3283" s="166">
        <v>0</v>
      </c>
      <c r="CF3283" s="166">
        <v>0</v>
      </c>
      <c r="CG3283" s="166">
        <v>0</v>
      </c>
      <c r="CH3283" s="166">
        <v>0</v>
      </c>
      <c r="CI3283" s="166">
        <v>0</v>
      </c>
      <c r="CJ3283" s="166">
        <v>0</v>
      </c>
      <c r="CK3283" s="166">
        <v>0</v>
      </c>
      <c r="CL3283" s="166">
        <v>0</v>
      </c>
      <c r="CM3283" s="166">
        <v>0</v>
      </c>
      <c r="CN3283" s="166">
        <v>0</v>
      </c>
      <c r="CO3283" s="166">
        <v>0</v>
      </c>
      <c r="CP3283" s="166">
        <v>0</v>
      </c>
      <c r="CQ3283" s="166">
        <v>0</v>
      </c>
      <c r="CR3283" s="166">
        <v>0</v>
      </c>
      <c r="CS3283" s="166">
        <v>0</v>
      </c>
      <c r="CT3283" s="166">
        <v>0</v>
      </c>
      <c r="CU3283" s="166">
        <v>0</v>
      </c>
      <c r="CV3283" s="166">
        <v>0</v>
      </c>
      <c r="CW3283" s="166">
        <v>0</v>
      </c>
      <c r="CX3283" s="166">
        <v>0</v>
      </c>
      <c r="CY3283" s="166">
        <v>0</v>
      </c>
      <c r="CZ3283" s="166">
        <v>0</v>
      </c>
    </row>
    <row r="3284" spans="1:104" x14ac:dyDescent="0.2">
      <c r="A3284" s="167" t="s">
        <v>568</v>
      </c>
      <c r="B3284" s="166">
        <v>31954286.976179399</v>
      </c>
      <c r="C3284" s="166">
        <v>31954286.976179399</v>
      </c>
      <c r="D3284" s="166">
        <v>0</v>
      </c>
      <c r="E3284" s="166">
        <v>0</v>
      </c>
      <c r="F3284" s="166">
        <v>0</v>
      </c>
      <c r="G3284" s="166">
        <v>0</v>
      </c>
      <c r="H3284" s="166">
        <v>0</v>
      </c>
      <c r="I3284" s="166">
        <v>0</v>
      </c>
      <c r="J3284" s="166">
        <v>0</v>
      </c>
      <c r="K3284" s="166">
        <v>0</v>
      </c>
      <c r="L3284" s="166">
        <v>0</v>
      </c>
      <c r="M3284" s="166">
        <v>0</v>
      </c>
      <c r="N3284" s="166">
        <v>0</v>
      </c>
      <c r="O3284" s="166">
        <v>0</v>
      </c>
      <c r="P3284" s="166">
        <v>0</v>
      </c>
      <c r="Q3284" s="166">
        <v>0</v>
      </c>
      <c r="R3284" s="166">
        <v>0</v>
      </c>
      <c r="S3284" s="166">
        <v>0</v>
      </c>
      <c r="T3284" s="166">
        <v>0</v>
      </c>
      <c r="U3284" s="166">
        <v>0</v>
      </c>
      <c r="V3284" s="166">
        <v>0</v>
      </c>
      <c r="W3284" s="166">
        <v>0</v>
      </c>
      <c r="X3284" s="166">
        <v>0</v>
      </c>
      <c r="Y3284" s="166">
        <v>0</v>
      </c>
      <c r="Z3284" s="166">
        <v>0</v>
      </c>
      <c r="AA3284" s="166">
        <v>0</v>
      </c>
      <c r="AB3284" s="166">
        <v>0</v>
      </c>
      <c r="AC3284" s="166">
        <v>0</v>
      </c>
      <c r="AD3284" s="166">
        <v>0</v>
      </c>
      <c r="AE3284" s="166">
        <v>0</v>
      </c>
      <c r="AF3284" s="166">
        <v>0</v>
      </c>
      <c r="AG3284" s="166">
        <v>0</v>
      </c>
      <c r="AH3284" s="166">
        <v>0</v>
      </c>
      <c r="AI3284" s="166">
        <v>0</v>
      </c>
      <c r="AJ3284" s="166">
        <v>0</v>
      </c>
      <c r="AK3284" s="166">
        <v>0</v>
      </c>
      <c r="AL3284" s="166">
        <v>0</v>
      </c>
      <c r="AM3284" s="166">
        <v>0</v>
      </c>
      <c r="AN3284" s="166">
        <v>0</v>
      </c>
      <c r="AO3284" s="166">
        <v>0</v>
      </c>
      <c r="AP3284" s="166">
        <v>0</v>
      </c>
      <c r="AQ3284" s="166">
        <v>0</v>
      </c>
      <c r="AR3284" s="166">
        <v>0</v>
      </c>
      <c r="AS3284" s="166">
        <v>0</v>
      </c>
      <c r="AT3284" s="166">
        <v>0</v>
      </c>
      <c r="AU3284" s="166">
        <v>0</v>
      </c>
      <c r="AV3284" s="166">
        <v>0</v>
      </c>
      <c r="AW3284" s="166">
        <v>0</v>
      </c>
      <c r="AX3284" s="166">
        <v>0</v>
      </c>
      <c r="AY3284" s="166">
        <v>0</v>
      </c>
      <c r="AZ3284" s="166">
        <v>0</v>
      </c>
      <c r="BA3284" s="166">
        <v>0</v>
      </c>
      <c r="BB3284" s="166">
        <v>0</v>
      </c>
      <c r="BC3284" s="166">
        <v>0</v>
      </c>
      <c r="BD3284" s="166">
        <v>0</v>
      </c>
      <c r="BE3284" s="166">
        <v>0</v>
      </c>
      <c r="BF3284" s="166">
        <v>0</v>
      </c>
      <c r="BG3284" s="166">
        <v>0</v>
      </c>
      <c r="BH3284" s="166">
        <v>0</v>
      </c>
      <c r="BI3284" s="166">
        <v>0</v>
      </c>
      <c r="BJ3284" s="166">
        <v>0</v>
      </c>
      <c r="BK3284" s="166">
        <v>0</v>
      </c>
      <c r="BL3284" s="166">
        <v>0</v>
      </c>
      <c r="BM3284" s="166">
        <v>0</v>
      </c>
      <c r="BN3284" s="166">
        <v>0</v>
      </c>
      <c r="BO3284" s="166">
        <v>0</v>
      </c>
      <c r="BP3284" s="166">
        <v>0</v>
      </c>
      <c r="BQ3284" s="166">
        <v>0</v>
      </c>
      <c r="BR3284" s="166">
        <v>31954286.976179399</v>
      </c>
      <c r="BS3284" s="166">
        <v>31954286.976179399</v>
      </c>
      <c r="BT3284" s="168">
        <v>0</v>
      </c>
      <c r="BU3284" s="166">
        <v>0</v>
      </c>
      <c r="BV3284" s="166">
        <v>0</v>
      </c>
      <c r="BW3284" s="166">
        <v>0</v>
      </c>
      <c r="BX3284" s="166">
        <v>0</v>
      </c>
      <c r="BY3284" s="166">
        <v>0</v>
      </c>
      <c r="BZ3284" s="166">
        <v>0</v>
      </c>
      <c r="CA3284" s="166">
        <v>0</v>
      </c>
      <c r="CB3284" s="166">
        <v>0</v>
      </c>
      <c r="CC3284" s="166">
        <v>0</v>
      </c>
      <c r="CD3284" s="166">
        <v>0</v>
      </c>
      <c r="CE3284" s="166">
        <v>0</v>
      </c>
      <c r="CF3284" s="166">
        <v>0</v>
      </c>
      <c r="CG3284" s="166">
        <v>0</v>
      </c>
      <c r="CH3284" s="166">
        <v>0</v>
      </c>
      <c r="CI3284" s="166">
        <v>0</v>
      </c>
      <c r="CJ3284" s="166">
        <v>0</v>
      </c>
      <c r="CK3284" s="166">
        <v>0</v>
      </c>
      <c r="CL3284" s="166">
        <v>0</v>
      </c>
      <c r="CM3284" s="166">
        <v>0</v>
      </c>
      <c r="CN3284" s="166">
        <v>0</v>
      </c>
      <c r="CO3284" s="166">
        <v>0</v>
      </c>
      <c r="CP3284" s="166">
        <v>0</v>
      </c>
      <c r="CQ3284" s="166">
        <v>0</v>
      </c>
      <c r="CR3284" s="166">
        <v>0</v>
      </c>
      <c r="CS3284" s="166">
        <v>0</v>
      </c>
      <c r="CT3284" s="166">
        <v>0</v>
      </c>
      <c r="CU3284" s="166">
        <v>0</v>
      </c>
      <c r="CV3284" s="166">
        <v>0</v>
      </c>
      <c r="CW3284" s="166">
        <v>0</v>
      </c>
      <c r="CX3284" s="166">
        <v>0</v>
      </c>
      <c r="CY3284" s="166">
        <v>0</v>
      </c>
      <c r="CZ3284" s="166">
        <v>0</v>
      </c>
    </row>
    <row r="3285" spans="1:104" x14ac:dyDescent="0.2">
      <c r="A3285" s="177" t="s">
        <v>569</v>
      </c>
      <c r="B3285" s="166">
        <v>32627265.292011801</v>
      </c>
      <c r="C3285" s="166">
        <v>32627265.292011801</v>
      </c>
      <c r="D3285" s="166">
        <v>0</v>
      </c>
      <c r="E3285" s="166">
        <v>0</v>
      </c>
      <c r="F3285" s="166">
        <v>0</v>
      </c>
      <c r="G3285" s="166">
        <v>0</v>
      </c>
      <c r="H3285" s="166">
        <v>0</v>
      </c>
      <c r="I3285" s="166">
        <v>0</v>
      </c>
      <c r="J3285" s="166">
        <v>0</v>
      </c>
      <c r="K3285" s="166">
        <v>0</v>
      </c>
      <c r="L3285" s="166">
        <v>0</v>
      </c>
      <c r="M3285" s="166">
        <v>0</v>
      </c>
      <c r="N3285" s="166">
        <v>0</v>
      </c>
      <c r="O3285" s="166">
        <v>0</v>
      </c>
      <c r="P3285" s="166">
        <v>0</v>
      </c>
      <c r="Q3285" s="166">
        <v>0</v>
      </c>
      <c r="R3285" s="166">
        <v>0</v>
      </c>
      <c r="S3285" s="166">
        <v>0</v>
      </c>
      <c r="T3285" s="166">
        <v>0</v>
      </c>
      <c r="U3285" s="166">
        <v>0</v>
      </c>
      <c r="V3285" s="166">
        <v>0</v>
      </c>
      <c r="W3285" s="166">
        <v>0</v>
      </c>
      <c r="X3285" s="166">
        <v>0</v>
      </c>
      <c r="Y3285" s="166">
        <v>0</v>
      </c>
      <c r="Z3285" s="166">
        <v>0</v>
      </c>
      <c r="AA3285" s="166">
        <v>0</v>
      </c>
      <c r="AB3285" s="166">
        <v>0</v>
      </c>
      <c r="AC3285" s="166">
        <v>0</v>
      </c>
      <c r="AD3285" s="166">
        <v>0</v>
      </c>
      <c r="AE3285" s="166">
        <v>0</v>
      </c>
      <c r="AF3285" s="166">
        <v>0</v>
      </c>
      <c r="AG3285" s="166">
        <v>0</v>
      </c>
      <c r="AH3285" s="166">
        <v>0</v>
      </c>
      <c r="AI3285" s="166">
        <v>0</v>
      </c>
      <c r="AJ3285" s="166">
        <v>0</v>
      </c>
      <c r="AK3285" s="166">
        <v>0</v>
      </c>
      <c r="AL3285" s="166">
        <v>0</v>
      </c>
      <c r="AM3285" s="166">
        <v>0</v>
      </c>
      <c r="AN3285" s="166">
        <v>0</v>
      </c>
      <c r="AO3285" s="166">
        <v>0</v>
      </c>
      <c r="AP3285" s="166">
        <v>0</v>
      </c>
      <c r="AQ3285" s="166">
        <v>0</v>
      </c>
      <c r="AR3285" s="166">
        <v>0</v>
      </c>
      <c r="AS3285" s="166">
        <v>0</v>
      </c>
      <c r="AT3285" s="166">
        <v>0</v>
      </c>
      <c r="AU3285" s="166">
        <v>0</v>
      </c>
      <c r="AV3285" s="166">
        <v>0</v>
      </c>
      <c r="AW3285" s="166">
        <v>0</v>
      </c>
      <c r="AX3285" s="166">
        <v>0</v>
      </c>
      <c r="AY3285" s="166">
        <v>0</v>
      </c>
      <c r="AZ3285" s="166">
        <v>0</v>
      </c>
      <c r="BA3285" s="166">
        <v>0</v>
      </c>
      <c r="BB3285" s="166">
        <v>0</v>
      </c>
      <c r="BC3285" s="166">
        <v>0</v>
      </c>
      <c r="BD3285" s="166">
        <v>0</v>
      </c>
      <c r="BE3285" s="166">
        <v>0</v>
      </c>
      <c r="BF3285" s="166">
        <v>0</v>
      </c>
      <c r="BG3285" s="166">
        <v>0</v>
      </c>
      <c r="BH3285" s="166">
        <v>0</v>
      </c>
      <c r="BI3285" s="166">
        <v>0</v>
      </c>
      <c r="BJ3285" s="166">
        <v>0</v>
      </c>
      <c r="BK3285" s="166">
        <v>0</v>
      </c>
      <c r="BL3285" s="166">
        <v>0</v>
      </c>
      <c r="BM3285" s="166">
        <v>0</v>
      </c>
      <c r="BN3285" s="166">
        <v>0</v>
      </c>
      <c r="BO3285" s="166">
        <v>0</v>
      </c>
      <c r="BP3285" s="166">
        <v>0</v>
      </c>
      <c r="BQ3285" s="166">
        <v>0</v>
      </c>
      <c r="BR3285" s="166">
        <v>32627265.292011801</v>
      </c>
      <c r="BS3285" s="166">
        <v>32627265.292011801</v>
      </c>
      <c r="BT3285" s="168">
        <v>0</v>
      </c>
      <c r="BU3285" s="166">
        <v>0</v>
      </c>
      <c r="BV3285" s="166">
        <v>0</v>
      </c>
      <c r="BW3285" s="166">
        <v>0</v>
      </c>
      <c r="BX3285" s="166">
        <v>0</v>
      </c>
      <c r="BY3285" s="166">
        <v>0</v>
      </c>
      <c r="BZ3285" s="166">
        <v>0</v>
      </c>
      <c r="CA3285" s="166">
        <v>0</v>
      </c>
      <c r="CB3285" s="166">
        <v>0</v>
      </c>
      <c r="CC3285" s="166">
        <v>0</v>
      </c>
      <c r="CD3285" s="166">
        <v>0</v>
      </c>
      <c r="CE3285" s="166">
        <v>0</v>
      </c>
      <c r="CF3285" s="166">
        <v>0</v>
      </c>
      <c r="CG3285" s="166">
        <v>0</v>
      </c>
      <c r="CH3285" s="166">
        <v>0</v>
      </c>
      <c r="CI3285" s="166">
        <v>0</v>
      </c>
      <c r="CJ3285" s="166">
        <v>0</v>
      </c>
      <c r="CK3285" s="166">
        <v>0</v>
      </c>
      <c r="CL3285" s="166">
        <v>0</v>
      </c>
      <c r="CM3285" s="166">
        <v>0</v>
      </c>
      <c r="CN3285" s="166">
        <v>0</v>
      </c>
      <c r="CO3285" s="166">
        <v>0</v>
      </c>
      <c r="CP3285" s="166">
        <v>0</v>
      </c>
      <c r="CQ3285" s="166">
        <v>0</v>
      </c>
      <c r="CR3285" s="166">
        <v>0</v>
      </c>
      <c r="CS3285" s="166">
        <v>0</v>
      </c>
      <c r="CT3285" s="166">
        <v>0</v>
      </c>
      <c r="CU3285" s="166">
        <v>0</v>
      </c>
      <c r="CV3285" s="166">
        <v>0</v>
      </c>
      <c r="CW3285" s="166">
        <v>0</v>
      </c>
      <c r="CX3285" s="166">
        <v>0</v>
      </c>
      <c r="CY3285" s="166">
        <v>0</v>
      </c>
      <c r="CZ3285" s="166">
        <v>0</v>
      </c>
    </row>
    <row r="3286" spans="1:104" x14ac:dyDescent="0.2">
      <c r="A3286" s="167" t="s">
        <v>570</v>
      </c>
      <c r="B3286" s="166">
        <v>0</v>
      </c>
      <c r="C3286" s="166">
        <v>0</v>
      </c>
      <c r="D3286" s="166">
        <v>0</v>
      </c>
      <c r="E3286" s="166">
        <v>0</v>
      </c>
      <c r="F3286" s="166">
        <v>0</v>
      </c>
      <c r="G3286" s="166">
        <v>0</v>
      </c>
      <c r="H3286" s="166">
        <v>0</v>
      </c>
      <c r="I3286" s="166">
        <v>0</v>
      </c>
      <c r="J3286" s="166">
        <v>0</v>
      </c>
      <c r="K3286" s="166">
        <v>0</v>
      </c>
      <c r="L3286" s="166">
        <v>0</v>
      </c>
      <c r="M3286" s="166">
        <v>0</v>
      </c>
      <c r="N3286" s="166">
        <v>0</v>
      </c>
      <c r="O3286" s="166">
        <v>0</v>
      </c>
      <c r="P3286" s="166">
        <v>0</v>
      </c>
      <c r="Q3286" s="166">
        <v>0</v>
      </c>
      <c r="R3286" s="166">
        <v>0</v>
      </c>
      <c r="S3286" s="166">
        <v>0</v>
      </c>
      <c r="T3286" s="166">
        <v>0</v>
      </c>
      <c r="U3286" s="166">
        <v>0</v>
      </c>
      <c r="V3286" s="166">
        <v>0</v>
      </c>
      <c r="W3286" s="166">
        <v>0</v>
      </c>
      <c r="X3286" s="166">
        <v>0</v>
      </c>
      <c r="Y3286" s="166">
        <v>0</v>
      </c>
      <c r="Z3286" s="166">
        <v>0</v>
      </c>
      <c r="AA3286" s="166">
        <v>0</v>
      </c>
      <c r="AB3286" s="166">
        <v>0</v>
      </c>
      <c r="AC3286" s="166">
        <v>0</v>
      </c>
      <c r="AD3286" s="166">
        <v>0</v>
      </c>
      <c r="AE3286" s="166">
        <v>0</v>
      </c>
      <c r="AF3286" s="166">
        <v>0</v>
      </c>
      <c r="AG3286" s="166">
        <v>0</v>
      </c>
      <c r="AH3286" s="166">
        <v>0</v>
      </c>
      <c r="AI3286" s="166">
        <v>0</v>
      </c>
      <c r="AJ3286" s="166">
        <v>0</v>
      </c>
      <c r="AK3286" s="166">
        <v>0</v>
      </c>
      <c r="AL3286" s="166">
        <v>0</v>
      </c>
      <c r="AM3286" s="166">
        <v>0</v>
      </c>
      <c r="AN3286" s="166">
        <v>0</v>
      </c>
      <c r="AO3286" s="166">
        <v>0</v>
      </c>
      <c r="AP3286" s="166">
        <v>0</v>
      </c>
      <c r="AQ3286" s="166">
        <v>0</v>
      </c>
      <c r="AR3286" s="166">
        <v>0</v>
      </c>
      <c r="AS3286" s="166">
        <v>0</v>
      </c>
      <c r="AT3286" s="166">
        <v>0</v>
      </c>
      <c r="AU3286" s="166">
        <v>0</v>
      </c>
      <c r="AV3286" s="166">
        <v>0</v>
      </c>
      <c r="AW3286" s="166">
        <v>0</v>
      </c>
      <c r="AX3286" s="166">
        <v>0</v>
      </c>
      <c r="AY3286" s="166">
        <v>0</v>
      </c>
      <c r="AZ3286" s="166">
        <v>0</v>
      </c>
      <c r="BA3286" s="166">
        <v>0</v>
      </c>
      <c r="BB3286" s="166">
        <v>0</v>
      </c>
      <c r="BC3286" s="166">
        <v>0</v>
      </c>
      <c r="BD3286" s="166">
        <v>0</v>
      </c>
      <c r="BE3286" s="166">
        <v>0</v>
      </c>
      <c r="BF3286" s="166">
        <v>0</v>
      </c>
      <c r="BG3286" s="166">
        <v>0</v>
      </c>
      <c r="BH3286" s="166">
        <v>0</v>
      </c>
      <c r="BI3286" s="166">
        <v>0</v>
      </c>
      <c r="BJ3286" s="166">
        <v>0</v>
      </c>
      <c r="BK3286" s="166">
        <v>0</v>
      </c>
      <c r="BL3286" s="166">
        <v>0</v>
      </c>
      <c r="BM3286" s="166">
        <v>0</v>
      </c>
      <c r="BN3286" s="166">
        <v>0</v>
      </c>
      <c r="BO3286" s="166">
        <v>0</v>
      </c>
      <c r="BP3286" s="166">
        <v>0</v>
      </c>
      <c r="BQ3286" s="166">
        <v>0</v>
      </c>
      <c r="BR3286" s="166">
        <v>0</v>
      </c>
      <c r="BS3286" s="166">
        <v>0</v>
      </c>
      <c r="BT3286" s="168">
        <v>0</v>
      </c>
      <c r="BU3286" s="166">
        <v>0</v>
      </c>
      <c r="BV3286" s="166">
        <v>0</v>
      </c>
      <c r="BW3286" s="166">
        <v>0</v>
      </c>
      <c r="BX3286" s="166">
        <v>0</v>
      </c>
      <c r="BY3286" s="166">
        <v>0</v>
      </c>
      <c r="BZ3286" s="166">
        <v>0</v>
      </c>
      <c r="CA3286" s="166">
        <v>0</v>
      </c>
      <c r="CB3286" s="166">
        <v>0</v>
      </c>
      <c r="CC3286" s="166">
        <v>0</v>
      </c>
      <c r="CD3286" s="166">
        <v>0</v>
      </c>
      <c r="CE3286" s="166">
        <v>0</v>
      </c>
      <c r="CF3286" s="166">
        <v>0</v>
      </c>
      <c r="CG3286" s="166">
        <v>0</v>
      </c>
      <c r="CH3286" s="166">
        <v>0</v>
      </c>
      <c r="CI3286" s="166">
        <v>0</v>
      </c>
      <c r="CJ3286" s="166">
        <v>0</v>
      </c>
      <c r="CK3286" s="166">
        <v>0</v>
      </c>
      <c r="CL3286" s="166">
        <v>0</v>
      </c>
      <c r="CM3286" s="166">
        <v>0</v>
      </c>
      <c r="CN3286" s="166">
        <v>0</v>
      </c>
      <c r="CO3286" s="166">
        <v>0</v>
      </c>
      <c r="CP3286" s="166">
        <v>0</v>
      </c>
      <c r="CQ3286" s="166">
        <v>0</v>
      </c>
      <c r="CR3286" s="166">
        <v>0</v>
      </c>
      <c r="CS3286" s="166">
        <v>0</v>
      </c>
      <c r="CT3286" s="166">
        <v>0</v>
      </c>
      <c r="CU3286" s="166">
        <v>0</v>
      </c>
      <c r="CV3286" s="166">
        <v>0</v>
      </c>
      <c r="CW3286" s="166">
        <v>0</v>
      </c>
      <c r="CX3286" s="166">
        <v>0</v>
      </c>
      <c r="CY3286" s="166">
        <v>0</v>
      </c>
      <c r="CZ3286" s="166">
        <v>0</v>
      </c>
    </row>
    <row r="3287" spans="1:104" x14ac:dyDescent="0.2">
      <c r="A3287" s="167" t="s">
        <v>571</v>
      </c>
      <c r="B3287" s="166">
        <v>57999119.296135299</v>
      </c>
      <c r="C3287" s="166">
        <v>57999119.296135299</v>
      </c>
      <c r="D3287" s="166">
        <v>0</v>
      </c>
      <c r="E3287" s="166">
        <v>0</v>
      </c>
      <c r="F3287" s="166">
        <v>0</v>
      </c>
      <c r="G3287" s="166">
        <v>0</v>
      </c>
      <c r="H3287" s="166">
        <v>0</v>
      </c>
      <c r="I3287" s="166">
        <v>0</v>
      </c>
      <c r="J3287" s="166">
        <v>0</v>
      </c>
      <c r="K3287" s="166">
        <v>0</v>
      </c>
      <c r="L3287" s="166">
        <v>0</v>
      </c>
      <c r="M3287" s="166">
        <v>0</v>
      </c>
      <c r="N3287" s="166">
        <v>0</v>
      </c>
      <c r="O3287" s="166">
        <v>0</v>
      </c>
      <c r="P3287" s="166">
        <v>0</v>
      </c>
      <c r="Q3287" s="166">
        <v>0</v>
      </c>
      <c r="R3287" s="166">
        <v>0</v>
      </c>
      <c r="S3287" s="166">
        <v>0</v>
      </c>
      <c r="T3287" s="166">
        <v>0</v>
      </c>
      <c r="U3287" s="166">
        <v>0</v>
      </c>
      <c r="V3287" s="166">
        <v>0</v>
      </c>
      <c r="W3287" s="166">
        <v>0</v>
      </c>
      <c r="X3287" s="166">
        <v>0</v>
      </c>
      <c r="Y3287" s="166">
        <v>0</v>
      </c>
      <c r="Z3287" s="166">
        <v>0</v>
      </c>
      <c r="AA3287" s="166">
        <v>0</v>
      </c>
      <c r="AB3287" s="166">
        <v>0</v>
      </c>
      <c r="AC3287" s="166">
        <v>0</v>
      </c>
      <c r="AD3287" s="166">
        <v>0</v>
      </c>
      <c r="AE3287" s="166">
        <v>0</v>
      </c>
      <c r="AF3287" s="166">
        <v>0</v>
      </c>
      <c r="AG3287" s="166">
        <v>0</v>
      </c>
      <c r="AH3287" s="166">
        <v>0</v>
      </c>
      <c r="AI3287" s="166">
        <v>0</v>
      </c>
      <c r="AJ3287" s="166">
        <v>0</v>
      </c>
      <c r="AK3287" s="166">
        <v>0</v>
      </c>
      <c r="AL3287" s="166">
        <v>0</v>
      </c>
      <c r="AM3287" s="166">
        <v>0</v>
      </c>
      <c r="AN3287" s="166">
        <v>0</v>
      </c>
      <c r="AO3287" s="166">
        <v>0</v>
      </c>
      <c r="AP3287" s="166">
        <v>0</v>
      </c>
      <c r="AQ3287" s="166">
        <v>0</v>
      </c>
      <c r="AR3287" s="166">
        <v>0</v>
      </c>
      <c r="AS3287" s="166">
        <v>0</v>
      </c>
      <c r="AT3287" s="166">
        <v>0</v>
      </c>
      <c r="AU3287" s="166">
        <v>0</v>
      </c>
      <c r="AV3287" s="166">
        <v>0</v>
      </c>
      <c r="AW3287" s="166">
        <v>0</v>
      </c>
      <c r="AX3287" s="166">
        <v>0</v>
      </c>
      <c r="AY3287" s="166">
        <v>0</v>
      </c>
      <c r="AZ3287" s="166">
        <v>0</v>
      </c>
      <c r="BA3287" s="166">
        <v>0</v>
      </c>
      <c r="BB3287" s="166">
        <v>0</v>
      </c>
      <c r="BC3287" s="166">
        <v>0</v>
      </c>
      <c r="BD3287" s="166">
        <v>0</v>
      </c>
      <c r="BE3287" s="166">
        <v>0</v>
      </c>
      <c r="BF3287" s="166">
        <v>0</v>
      </c>
      <c r="BG3287" s="166">
        <v>0</v>
      </c>
      <c r="BH3287" s="166">
        <v>0</v>
      </c>
      <c r="BI3287" s="166">
        <v>0</v>
      </c>
      <c r="BJ3287" s="166">
        <v>0</v>
      </c>
      <c r="BK3287" s="166">
        <v>0</v>
      </c>
      <c r="BL3287" s="166">
        <v>0</v>
      </c>
      <c r="BM3287" s="166">
        <v>0</v>
      </c>
      <c r="BN3287" s="166">
        <v>0</v>
      </c>
      <c r="BO3287" s="166">
        <v>0</v>
      </c>
      <c r="BP3287" s="166">
        <v>0</v>
      </c>
      <c r="BQ3287" s="166">
        <v>0</v>
      </c>
      <c r="BR3287" s="166">
        <v>57999119.296135299</v>
      </c>
      <c r="BS3287" s="166">
        <v>57999119.296135299</v>
      </c>
      <c r="BT3287" s="168">
        <v>0</v>
      </c>
      <c r="BU3287" s="166">
        <v>0</v>
      </c>
      <c r="BV3287" s="166">
        <v>0</v>
      </c>
      <c r="BW3287" s="166">
        <v>0</v>
      </c>
      <c r="BX3287" s="166">
        <v>0</v>
      </c>
      <c r="BY3287" s="166">
        <v>0</v>
      </c>
      <c r="BZ3287" s="166">
        <v>0</v>
      </c>
      <c r="CA3287" s="166">
        <v>0</v>
      </c>
      <c r="CB3287" s="166">
        <v>0</v>
      </c>
      <c r="CC3287" s="166">
        <v>0</v>
      </c>
      <c r="CD3287" s="166">
        <v>0</v>
      </c>
      <c r="CE3287" s="166">
        <v>0</v>
      </c>
      <c r="CF3287" s="166">
        <v>0</v>
      </c>
      <c r="CG3287" s="166">
        <v>0</v>
      </c>
      <c r="CH3287" s="166">
        <v>0</v>
      </c>
      <c r="CI3287" s="166">
        <v>0</v>
      </c>
      <c r="CJ3287" s="166">
        <v>0</v>
      </c>
      <c r="CK3287" s="166">
        <v>0</v>
      </c>
      <c r="CL3287" s="166">
        <v>0</v>
      </c>
      <c r="CM3287" s="166">
        <v>0</v>
      </c>
      <c r="CN3287" s="166">
        <v>0</v>
      </c>
      <c r="CO3287" s="166">
        <v>0</v>
      </c>
      <c r="CP3287" s="166">
        <v>0</v>
      </c>
      <c r="CQ3287" s="166">
        <v>0</v>
      </c>
      <c r="CR3287" s="166">
        <v>0</v>
      </c>
      <c r="CS3287" s="166">
        <v>0</v>
      </c>
      <c r="CT3287" s="166">
        <v>0</v>
      </c>
      <c r="CU3287" s="166">
        <v>0</v>
      </c>
      <c r="CV3287" s="166">
        <v>0</v>
      </c>
      <c r="CW3287" s="166">
        <v>0</v>
      </c>
      <c r="CX3287" s="166">
        <v>0</v>
      </c>
      <c r="CY3287" s="166">
        <v>0</v>
      </c>
      <c r="CZ3287" s="166">
        <v>0</v>
      </c>
    </row>
    <row r="3288" spans="1:104" x14ac:dyDescent="0.2">
      <c r="A3288" s="167" t="s">
        <v>572</v>
      </c>
      <c r="B3288" s="166">
        <v>27775979.406896099</v>
      </c>
      <c r="C3288" s="166">
        <v>27775979.406896099</v>
      </c>
      <c r="D3288" s="166">
        <v>0</v>
      </c>
      <c r="E3288" s="166">
        <v>0</v>
      </c>
      <c r="F3288" s="166">
        <v>0</v>
      </c>
      <c r="G3288" s="166">
        <v>0</v>
      </c>
      <c r="H3288" s="166">
        <v>0</v>
      </c>
      <c r="I3288" s="166">
        <v>0</v>
      </c>
      <c r="J3288" s="166">
        <v>0</v>
      </c>
      <c r="K3288" s="166">
        <v>0</v>
      </c>
      <c r="L3288" s="166">
        <v>0</v>
      </c>
      <c r="M3288" s="166">
        <v>0</v>
      </c>
      <c r="N3288" s="166">
        <v>0</v>
      </c>
      <c r="O3288" s="166">
        <v>0</v>
      </c>
      <c r="P3288" s="166">
        <v>0</v>
      </c>
      <c r="Q3288" s="166">
        <v>0</v>
      </c>
      <c r="R3288" s="166">
        <v>0</v>
      </c>
      <c r="S3288" s="166">
        <v>0</v>
      </c>
      <c r="T3288" s="166">
        <v>0</v>
      </c>
      <c r="U3288" s="166">
        <v>0</v>
      </c>
      <c r="V3288" s="166">
        <v>0</v>
      </c>
      <c r="W3288" s="166">
        <v>0</v>
      </c>
      <c r="X3288" s="166">
        <v>0</v>
      </c>
      <c r="Y3288" s="166">
        <v>0</v>
      </c>
      <c r="Z3288" s="166">
        <v>0</v>
      </c>
      <c r="AA3288" s="166">
        <v>0</v>
      </c>
      <c r="AB3288" s="166">
        <v>0</v>
      </c>
      <c r="AC3288" s="166">
        <v>0</v>
      </c>
      <c r="AD3288" s="166">
        <v>0</v>
      </c>
      <c r="AE3288" s="166">
        <v>0</v>
      </c>
      <c r="AF3288" s="166">
        <v>0</v>
      </c>
      <c r="AG3288" s="166">
        <v>0</v>
      </c>
      <c r="AH3288" s="166">
        <v>0</v>
      </c>
      <c r="AI3288" s="166">
        <v>0</v>
      </c>
      <c r="AJ3288" s="166">
        <v>0</v>
      </c>
      <c r="AK3288" s="166">
        <v>0</v>
      </c>
      <c r="AL3288" s="166">
        <v>0</v>
      </c>
      <c r="AM3288" s="166">
        <v>0</v>
      </c>
      <c r="AN3288" s="166">
        <v>0</v>
      </c>
      <c r="AO3288" s="166">
        <v>0</v>
      </c>
      <c r="AP3288" s="166">
        <v>0</v>
      </c>
      <c r="AQ3288" s="166">
        <v>0</v>
      </c>
      <c r="AR3288" s="166">
        <v>0</v>
      </c>
      <c r="AS3288" s="166">
        <v>0</v>
      </c>
      <c r="AT3288" s="166">
        <v>0</v>
      </c>
      <c r="AU3288" s="166">
        <v>0</v>
      </c>
      <c r="AV3288" s="166">
        <v>0</v>
      </c>
      <c r="AW3288" s="166">
        <v>0</v>
      </c>
      <c r="AX3288" s="166">
        <v>0</v>
      </c>
      <c r="AY3288" s="166">
        <v>0</v>
      </c>
      <c r="AZ3288" s="166">
        <v>0</v>
      </c>
      <c r="BA3288" s="166">
        <v>0</v>
      </c>
      <c r="BB3288" s="166">
        <v>0</v>
      </c>
      <c r="BC3288" s="166">
        <v>0</v>
      </c>
      <c r="BD3288" s="166">
        <v>0</v>
      </c>
      <c r="BE3288" s="166">
        <v>0</v>
      </c>
      <c r="BF3288" s="166">
        <v>0</v>
      </c>
      <c r="BG3288" s="166">
        <v>0</v>
      </c>
      <c r="BH3288" s="166">
        <v>0</v>
      </c>
      <c r="BI3288" s="166">
        <v>0</v>
      </c>
      <c r="BJ3288" s="166">
        <v>0</v>
      </c>
      <c r="BK3288" s="166">
        <v>0</v>
      </c>
      <c r="BL3288" s="166">
        <v>0</v>
      </c>
      <c r="BM3288" s="166">
        <v>0</v>
      </c>
      <c r="BN3288" s="166">
        <v>0</v>
      </c>
      <c r="BO3288" s="166">
        <v>0</v>
      </c>
      <c r="BP3288" s="166">
        <v>0</v>
      </c>
      <c r="BQ3288" s="166">
        <v>0</v>
      </c>
      <c r="BR3288" s="166">
        <v>27775979.406896099</v>
      </c>
      <c r="BS3288" s="166">
        <v>27775979.406896099</v>
      </c>
      <c r="BT3288" s="168">
        <v>0</v>
      </c>
      <c r="BU3288" s="166">
        <v>0</v>
      </c>
      <c r="BV3288" s="166">
        <v>0</v>
      </c>
      <c r="BW3288" s="166">
        <v>0</v>
      </c>
      <c r="BX3288" s="166">
        <v>0</v>
      </c>
      <c r="BY3288" s="166">
        <v>0</v>
      </c>
      <c r="BZ3288" s="166">
        <v>0</v>
      </c>
      <c r="CA3288" s="166">
        <v>0</v>
      </c>
      <c r="CB3288" s="166">
        <v>0</v>
      </c>
      <c r="CC3288" s="166">
        <v>0</v>
      </c>
      <c r="CD3288" s="166">
        <v>0</v>
      </c>
      <c r="CE3288" s="166">
        <v>0</v>
      </c>
      <c r="CF3288" s="166">
        <v>0</v>
      </c>
      <c r="CG3288" s="166">
        <v>0</v>
      </c>
      <c r="CH3288" s="166">
        <v>0</v>
      </c>
      <c r="CI3288" s="166">
        <v>0</v>
      </c>
      <c r="CJ3288" s="166">
        <v>0</v>
      </c>
      <c r="CK3288" s="166">
        <v>0</v>
      </c>
      <c r="CL3288" s="166">
        <v>0</v>
      </c>
      <c r="CM3288" s="166">
        <v>0</v>
      </c>
      <c r="CN3288" s="166">
        <v>0</v>
      </c>
      <c r="CO3288" s="166">
        <v>0</v>
      </c>
      <c r="CP3288" s="166">
        <v>0</v>
      </c>
      <c r="CQ3288" s="166">
        <v>0</v>
      </c>
      <c r="CR3288" s="166">
        <v>0</v>
      </c>
      <c r="CS3288" s="166">
        <v>0</v>
      </c>
      <c r="CT3288" s="166">
        <v>0</v>
      </c>
      <c r="CU3288" s="166">
        <v>0</v>
      </c>
      <c r="CV3288" s="166">
        <v>0</v>
      </c>
      <c r="CW3288" s="166">
        <v>0</v>
      </c>
      <c r="CX3288" s="166">
        <v>0</v>
      </c>
      <c r="CY3288" s="166">
        <v>0</v>
      </c>
      <c r="CZ3288" s="166">
        <v>0</v>
      </c>
    </row>
    <row r="3289" spans="1:104" x14ac:dyDescent="0.2">
      <c r="A3289" s="167" t="s">
        <v>573</v>
      </c>
      <c r="B3289" s="166">
        <v>9173583.1990187392</v>
      </c>
      <c r="C3289" s="166">
        <v>9173583.1990187392</v>
      </c>
      <c r="D3289" s="166">
        <v>0</v>
      </c>
      <c r="E3289" s="166">
        <v>0</v>
      </c>
      <c r="F3289" s="166">
        <v>0</v>
      </c>
      <c r="G3289" s="166">
        <v>0</v>
      </c>
      <c r="H3289" s="166">
        <v>0</v>
      </c>
      <c r="I3289" s="166">
        <v>0</v>
      </c>
      <c r="J3289" s="166">
        <v>0</v>
      </c>
      <c r="K3289" s="166">
        <v>0</v>
      </c>
      <c r="L3289" s="166">
        <v>0</v>
      </c>
      <c r="M3289" s="166">
        <v>0</v>
      </c>
      <c r="N3289" s="166">
        <v>0</v>
      </c>
      <c r="O3289" s="166">
        <v>0</v>
      </c>
      <c r="P3289" s="166">
        <v>0</v>
      </c>
      <c r="Q3289" s="166">
        <v>0</v>
      </c>
      <c r="R3289" s="166">
        <v>0</v>
      </c>
      <c r="S3289" s="166">
        <v>0</v>
      </c>
      <c r="T3289" s="166">
        <v>0</v>
      </c>
      <c r="U3289" s="166">
        <v>0</v>
      </c>
      <c r="V3289" s="166">
        <v>0</v>
      </c>
      <c r="W3289" s="166">
        <v>0</v>
      </c>
      <c r="X3289" s="166">
        <v>0</v>
      </c>
      <c r="Y3289" s="166">
        <v>0</v>
      </c>
      <c r="Z3289" s="166">
        <v>0</v>
      </c>
      <c r="AA3289" s="166">
        <v>0</v>
      </c>
      <c r="AB3289" s="166">
        <v>0</v>
      </c>
      <c r="AC3289" s="166">
        <v>0</v>
      </c>
      <c r="AD3289" s="166">
        <v>0</v>
      </c>
      <c r="AE3289" s="166">
        <v>0</v>
      </c>
      <c r="AF3289" s="166">
        <v>0</v>
      </c>
      <c r="AG3289" s="166">
        <v>0</v>
      </c>
      <c r="AH3289" s="166">
        <v>0</v>
      </c>
      <c r="AI3289" s="166">
        <v>0</v>
      </c>
      <c r="AJ3289" s="166">
        <v>0</v>
      </c>
      <c r="AK3289" s="166">
        <v>0</v>
      </c>
      <c r="AL3289" s="166">
        <v>0</v>
      </c>
      <c r="AM3289" s="166">
        <v>0</v>
      </c>
      <c r="AN3289" s="166">
        <v>0</v>
      </c>
      <c r="AO3289" s="166">
        <v>0</v>
      </c>
      <c r="AP3289" s="166">
        <v>0</v>
      </c>
      <c r="AQ3289" s="166">
        <v>0</v>
      </c>
      <c r="AR3289" s="166">
        <v>0</v>
      </c>
      <c r="AS3289" s="166">
        <v>0</v>
      </c>
      <c r="AT3289" s="166">
        <v>0</v>
      </c>
      <c r="AU3289" s="166">
        <v>0</v>
      </c>
      <c r="AV3289" s="166">
        <v>0</v>
      </c>
      <c r="AW3289" s="166">
        <v>0</v>
      </c>
      <c r="AX3289" s="166">
        <v>0</v>
      </c>
      <c r="AY3289" s="166">
        <v>0</v>
      </c>
      <c r="AZ3289" s="166">
        <v>0</v>
      </c>
      <c r="BA3289" s="166">
        <v>0</v>
      </c>
      <c r="BB3289" s="166">
        <v>0</v>
      </c>
      <c r="BC3289" s="166">
        <v>0</v>
      </c>
      <c r="BD3289" s="166">
        <v>0</v>
      </c>
      <c r="BE3289" s="166">
        <v>0</v>
      </c>
      <c r="BF3289" s="166">
        <v>0</v>
      </c>
      <c r="BG3289" s="166">
        <v>0</v>
      </c>
      <c r="BH3289" s="166">
        <v>0</v>
      </c>
      <c r="BI3289" s="166">
        <v>0</v>
      </c>
      <c r="BJ3289" s="166">
        <v>0</v>
      </c>
      <c r="BK3289" s="166">
        <v>0</v>
      </c>
      <c r="BL3289" s="166">
        <v>0</v>
      </c>
      <c r="BM3289" s="166">
        <v>0</v>
      </c>
      <c r="BN3289" s="166">
        <v>0</v>
      </c>
      <c r="BO3289" s="166">
        <v>0</v>
      </c>
      <c r="BP3289" s="166">
        <v>0</v>
      </c>
      <c r="BQ3289" s="166">
        <v>0</v>
      </c>
      <c r="BR3289" s="166">
        <v>9173583.1990187392</v>
      </c>
      <c r="BS3289" s="166">
        <v>9173583.1990187392</v>
      </c>
      <c r="BT3289" s="168">
        <v>0</v>
      </c>
      <c r="BU3289" s="166">
        <v>0</v>
      </c>
      <c r="BV3289" s="166">
        <v>0</v>
      </c>
      <c r="BW3289" s="166">
        <v>0</v>
      </c>
      <c r="BX3289" s="166">
        <v>0</v>
      </c>
      <c r="BY3289" s="166">
        <v>0</v>
      </c>
      <c r="BZ3289" s="166">
        <v>0</v>
      </c>
      <c r="CA3289" s="166">
        <v>0</v>
      </c>
      <c r="CB3289" s="166">
        <v>0</v>
      </c>
      <c r="CC3289" s="166">
        <v>0</v>
      </c>
      <c r="CD3289" s="166">
        <v>0</v>
      </c>
      <c r="CE3289" s="166">
        <v>0</v>
      </c>
      <c r="CF3289" s="166">
        <v>0</v>
      </c>
      <c r="CG3289" s="166">
        <v>0</v>
      </c>
      <c r="CH3289" s="166">
        <v>0</v>
      </c>
      <c r="CI3289" s="166">
        <v>0</v>
      </c>
      <c r="CJ3289" s="166">
        <v>0</v>
      </c>
      <c r="CK3289" s="166">
        <v>0</v>
      </c>
      <c r="CL3289" s="166">
        <v>0</v>
      </c>
      <c r="CM3289" s="166">
        <v>0</v>
      </c>
      <c r="CN3289" s="166">
        <v>0</v>
      </c>
      <c r="CO3289" s="166">
        <v>0</v>
      </c>
      <c r="CP3289" s="166">
        <v>0</v>
      </c>
      <c r="CQ3289" s="166">
        <v>0</v>
      </c>
      <c r="CR3289" s="166">
        <v>0</v>
      </c>
      <c r="CS3289" s="166">
        <v>0</v>
      </c>
      <c r="CT3289" s="166">
        <v>0</v>
      </c>
      <c r="CU3289" s="166">
        <v>0</v>
      </c>
      <c r="CV3289" s="166">
        <v>0</v>
      </c>
      <c r="CW3289" s="166">
        <v>0</v>
      </c>
      <c r="CX3289" s="166">
        <v>0</v>
      </c>
      <c r="CY3289" s="166">
        <v>0</v>
      </c>
      <c r="CZ3289" s="166">
        <v>0</v>
      </c>
    </row>
    <row r="3290" spans="1:104" x14ac:dyDescent="0.2">
      <c r="A3290" s="167" t="s">
        <v>574</v>
      </c>
      <c r="B3290" s="166">
        <v>3073879.6368442201</v>
      </c>
      <c r="C3290" s="166">
        <v>3073879.6368442201</v>
      </c>
      <c r="D3290" s="166">
        <v>0</v>
      </c>
      <c r="E3290" s="166">
        <v>0</v>
      </c>
      <c r="F3290" s="166">
        <v>0</v>
      </c>
      <c r="G3290" s="166">
        <v>0</v>
      </c>
      <c r="H3290" s="166">
        <v>0</v>
      </c>
      <c r="I3290" s="166">
        <v>0</v>
      </c>
      <c r="J3290" s="166">
        <v>0</v>
      </c>
      <c r="K3290" s="166">
        <v>0</v>
      </c>
      <c r="L3290" s="166">
        <v>0</v>
      </c>
      <c r="M3290" s="166">
        <v>0</v>
      </c>
      <c r="N3290" s="166">
        <v>0</v>
      </c>
      <c r="O3290" s="166">
        <v>0</v>
      </c>
      <c r="P3290" s="166">
        <v>0</v>
      </c>
      <c r="Q3290" s="166">
        <v>0</v>
      </c>
      <c r="R3290" s="166">
        <v>0</v>
      </c>
      <c r="S3290" s="166">
        <v>0</v>
      </c>
      <c r="T3290" s="166">
        <v>0</v>
      </c>
      <c r="U3290" s="166">
        <v>0</v>
      </c>
      <c r="V3290" s="166">
        <v>0</v>
      </c>
      <c r="W3290" s="166">
        <v>0</v>
      </c>
      <c r="X3290" s="166">
        <v>0</v>
      </c>
      <c r="Y3290" s="166">
        <v>0</v>
      </c>
      <c r="Z3290" s="166">
        <v>0</v>
      </c>
      <c r="AA3290" s="166">
        <v>0</v>
      </c>
      <c r="AB3290" s="166">
        <v>0</v>
      </c>
      <c r="AC3290" s="166">
        <v>0</v>
      </c>
      <c r="AD3290" s="166">
        <v>0</v>
      </c>
      <c r="AE3290" s="166">
        <v>0</v>
      </c>
      <c r="AF3290" s="166">
        <v>0</v>
      </c>
      <c r="AG3290" s="166">
        <v>0</v>
      </c>
      <c r="AH3290" s="166">
        <v>0</v>
      </c>
      <c r="AI3290" s="166">
        <v>0</v>
      </c>
      <c r="AJ3290" s="166">
        <v>0</v>
      </c>
      <c r="AK3290" s="166">
        <v>0</v>
      </c>
      <c r="AL3290" s="166">
        <v>0</v>
      </c>
      <c r="AM3290" s="166">
        <v>0</v>
      </c>
      <c r="AN3290" s="166">
        <v>0</v>
      </c>
      <c r="AO3290" s="166">
        <v>0</v>
      </c>
      <c r="AP3290" s="166">
        <v>0</v>
      </c>
      <c r="AQ3290" s="166">
        <v>0</v>
      </c>
      <c r="AR3290" s="166">
        <v>0</v>
      </c>
      <c r="AS3290" s="166">
        <v>0</v>
      </c>
      <c r="AT3290" s="166">
        <v>0</v>
      </c>
      <c r="AU3290" s="166">
        <v>0</v>
      </c>
      <c r="AV3290" s="166">
        <v>0</v>
      </c>
      <c r="AW3290" s="166">
        <v>0</v>
      </c>
      <c r="AX3290" s="166">
        <v>0</v>
      </c>
      <c r="AY3290" s="166">
        <v>0</v>
      </c>
      <c r="AZ3290" s="166">
        <v>0</v>
      </c>
      <c r="BA3290" s="166">
        <v>0</v>
      </c>
      <c r="BB3290" s="166">
        <v>0</v>
      </c>
      <c r="BC3290" s="166">
        <v>0</v>
      </c>
      <c r="BD3290" s="166">
        <v>0</v>
      </c>
      <c r="BE3290" s="166">
        <v>0</v>
      </c>
      <c r="BF3290" s="166">
        <v>0</v>
      </c>
      <c r="BG3290" s="166">
        <v>0</v>
      </c>
      <c r="BH3290" s="166">
        <v>0</v>
      </c>
      <c r="BI3290" s="166">
        <v>0</v>
      </c>
      <c r="BJ3290" s="166">
        <v>0</v>
      </c>
      <c r="BK3290" s="166">
        <v>0</v>
      </c>
      <c r="BL3290" s="166">
        <v>0</v>
      </c>
      <c r="BM3290" s="166">
        <v>0</v>
      </c>
      <c r="BN3290" s="166">
        <v>0</v>
      </c>
      <c r="BO3290" s="166">
        <v>0</v>
      </c>
      <c r="BP3290" s="166">
        <v>0</v>
      </c>
      <c r="BQ3290" s="166">
        <v>0</v>
      </c>
      <c r="BR3290" s="166">
        <v>3073879.6368442201</v>
      </c>
      <c r="BS3290" s="166">
        <v>3073879.6368442201</v>
      </c>
      <c r="BT3290" s="168">
        <v>0</v>
      </c>
      <c r="BU3290" s="166">
        <v>0</v>
      </c>
      <c r="BV3290" s="166">
        <v>0</v>
      </c>
      <c r="BW3290" s="166">
        <v>0</v>
      </c>
      <c r="BX3290" s="166">
        <v>0</v>
      </c>
      <c r="BY3290" s="166">
        <v>0</v>
      </c>
      <c r="BZ3290" s="166">
        <v>0</v>
      </c>
      <c r="CA3290" s="166">
        <v>0</v>
      </c>
      <c r="CB3290" s="166">
        <v>0</v>
      </c>
      <c r="CC3290" s="166">
        <v>0</v>
      </c>
      <c r="CD3290" s="166">
        <v>0</v>
      </c>
      <c r="CE3290" s="166">
        <v>0</v>
      </c>
      <c r="CF3290" s="166">
        <v>0</v>
      </c>
      <c r="CG3290" s="166">
        <v>0</v>
      </c>
      <c r="CH3290" s="166">
        <v>0</v>
      </c>
      <c r="CI3290" s="166">
        <v>0</v>
      </c>
      <c r="CJ3290" s="166">
        <v>0</v>
      </c>
      <c r="CK3290" s="166">
        <v>0</v>
      </c>
      <c r="CL3290" s="166">
        <v>0</v>
      </c>
      <c r="CM3290" s="166">
        <v>0</v>
      </c>
      <c r="CN3290" s="166">
        <v>0</v>
      </c>
      <c r="CO3290" s="166">
        <v>0</v>
      </c>
      <c r="CP3290" s="166">
        <v>0</v>
      </c>
      <c r="CQ3290" s="166">
        <v>0</v>
      </c>
      <c r="CR3290" s="166">
        <v>0</v>
      </c>
      <c r="CS3290" s="166">
        <v>0</v>
      </c>
      <c r="CT3290" s="166">
        <v>0</v>
      </c>
      <c r="CU3290" s="166">
        <v>0</v>
      </c>
      <c r="CV3290" s="166">
        <v>0</v>
      </c>
      <c r="CW3290" s="166">
        <v>0</v>
      </c>
      <c r="CX3290" s="166">
        <v>0</v>
      </c>
      <c r="CY3290" s="166">
        <v>0</v>
      </c>
      <c r="CZ3290" s="166">
        <v>0</v>
      </c>
    </row>
    <row r="3291" spans="1:104" x14ac:dyDescent="0.2">
      <c r="A3291" s="167" t="s">
        <v>575</v>
      </c>
      <c r="B3291" s="166">
        <v>20343962.225691602</v>
      </c>
      <c r="C3291" s="166">
        <v>20343962.225691602</v>
      </c>
      <c r="D3291" s="166">
        <v>0</v>
      </c>
      <c r="E3291" s="166">
        <v>0</v>
      </c>
      <c r="F3291" s="166">
        <v>0</v>
      </c>
      <c r="G3291" s="166">
        <v>0</v>
      </c>
      <c r="H3291" s="166">
        <v>0</v>
      </c>
      <c r="I3291" s="166">
        <v>0</v>
      </c>
      <c r="J3291" s="166">
        <v>0</v>
      </c>
      <c r="K3291" s="166">
        <v>0</v>
      </c>
      <c r="L3291" s="166">
        <v>0</v>
      </c>
      <c r="M3291" s="166">
        <v>0</v>
      </c>
      <c r="N3291" s="166">
        <v>0</v>
      </c>
      <c r="O3291" s="166">
        <v>0</v>
      </c>
      <c r="P3291" s="166">
        <v>0</v>
      </c>
      <c r="Q3291" s="166">
        <v>0</v>
      </c>
      <c r="R3291" s="166">
        <v>0</v>
      </c>
      <c r="S3291" s="166">
        <v>0</v>
      </c>
      <c r="T3291" s="166">
        <v>0</v>
      </c>
      <c r="U3291" s="166">
        <v>0</v>
      </c>
      <c r="V3291" s="166">
        <v>0</v>
      </c>
      <c r="W3291" s="166">
        <v>0</v>
      </c>
      <c r="X3291" s="166">
        <v>0</v>
      </c>
      <c r="Y3291" s="166">
        <v>0</v>
      </c>
      <c r="Z3291" s="166">
        <v>0</v>
      </c>
      <c r="AA3291" s="166">
        <v>0</v>
      </c>
      <c r="AB3291" s="166">
        <v>0</v>
      </c>
      <c r="AC3291" s="166">
        <v>0</v>
      </c>
      <c r="AD3291" s="166">
        <v>0</v>
      </c>
      <c r="AE3291" s="166">
        <v>0</v>
      </c>
      <c r="AF3291" s="166">
        <v>0</v>
      </c>
      <c r="AG3291" s="166">
        <v>0</v>
      </c>
      <c r="AH3291" s="166">
        <v>0</v>
      </c>
      <c r="AI3291" s="166">
        <v>0</v>
      </c>
      <c r="AJ3291" s="166">
        <v>0</v>
      </c>
      <c r="AK3291" s="166">
        <v>0</v>
      </c>
      <c r="AL3291" s="166">
        <v>0</v>
      </c>
      <c r="AM3291" s="166">
        <v>0</v>
      </c>
      <c r="AN3291" s="166">
        <v>0</v>
      </c>
      <c r="AO3291" s="166">
        <v>0</v>
      </c>
      <c r="AP3291" s="166">
        <v>0</v>
      </c>
      <c r="AQ3291" s="166">
        <v>0</v>
      </c>
      <c r="AR3291" s="166">
        <v>0</v>
      </c>
      <c r="AS3291" s="166">
        <v>0</v>
      </c>
      <c r="AT3291" s="166">
        <v>0</v>
      </c>
      <c r="AU3291" s="166">
        <v>0</v>
      </c>
      <c r="AV3291" s="166">
        <v>0</v>
      </c>
      <c r="AW3291" s="166">
        <v>0</v>
      </c>
      <c r="AX3291" s="166">
        <v>0</v>
      </c>
      <c r="AY3291" s="166">
        <v>0</v>
      </c>
      <c r="AZ3291" s="166">
        <v>0</v>
      </c>
      <c r="BA3291" s="166">
        <v>0</v>
      </c>
      <c r="BB3291" s="166">
        <v>0</v>
      </c>
      <c r="BC3291" s="166">
        <v>0</v>
      </c>
      <c r="BD3291" s="166">
        <v>0</v>
      </c>
      <c r="BE3291" s="166">
        <v>0</v>
      </c>
      <c r="BF3291" s="166">
        <v>0</v>
      </c>
      <c r="BG3291" s="166">
        <v>0</v>
      </c>
      <c r="BH3291" s="166">
        <v>0</v>
      </c>
      <c r="BI3291" s="166">
        <v>0</v>
      </c>
      <c r="BJ3291" s="166">
        <v>0</v>
      </c>
      <c r="BK3291" s="166">
        <v>0</v>
      </c>
      <c r="BL3291" s="166">
        <v>0</v>
      </c>
      <c r="BM3291" s="166">
        <v>0</v>
      </c>
      <c r="BN3291" s="166">
        <v>0</v>
      </c>
      <c r="BO3291" s="166">
        <v>0</v>
      </c>
      <c r="BP3291" s="166">
        <v>0</v>
      </c>
      <c r="BQ3291" s="166">
        <v>0</v>
      </c>
      <c r="BR3291" s="166">
        <v>20343962.225691602</v>
      </c>
      <c r="BS3291" s="166">
        <v>20343962.225691602</v>
      </c>
      <c r="BT3291" s="168">
        <v>0</v>
      </c>
      <c r="BU3291" s="166">
        <v>0</v>
      </c>
      <c r="BV3291" s="166">
        <v>0</v>
      </c>
      <c r="BW3291" s="166">
        <v>0</v>
      </c>
      <c r="BX3291" s="166">
        <v>0</v>
      </c>
      <c r="BY3291" s="166">
        <v>0</v>
      </c>
      <c r="BZ3291" s="166">
        <v>0</v>
      </c>
      <c r="CA3291" s="166">
        <v>0</v>
      </c>
      <c r="CB3291" s="166">
        <v>0</v>
      </c>
      <c r="CC3291" s="166">
        <v>0</v>
      </c>
      <c r="CD3291" s="166">
        <v>0</v>
      </c>
      <c r="CE3291" s="166">
        <v>0</v>
      </c>
      <c r="CF3291" s="166">
        <v>0</v>
      </c>
      <c r="CG3291" s="166">
        <v>0</v>
      </c>
      <c r="CH3291" s="166">
        <v>0</v>
      </c>
      <c r="CI3291" s="166">
        <v>0</v>
      </c>
      <c r="CJ3291" s="166">
        <v>0</v>
      </c>
      <c r="CK3291" s="166">
        <v>0</v>
      </c>
      <c r="CL3291" s="166">
        <v>0</v>
      </c>
      <c r="CM3291" s="166">
        <v>0</v>
      </c>
      <c r="CN3291" s="166">
        <v>0</v>
      </c>
      <c r="CO3291" s="166">
        <v>0</v>
      </c>
      <c r="CP3291" s="166">
        <v>0</v>
      </c>
      <c r="CQ3291" s="166">
        <v>0</v>
      </c>
      <c r="CR3291" s="166">
        <v>0</v>
      </c>
      <c r="CS3291" s="166">
        <v>0</v>
      </c>
      <c r="CT3291" s="166">
        <v>0</v>
      </c>
      <c r="CU3291" s="166">
        <v>0</v>
      </c>
      <c r="CV3291" s="166">
        <v>0</v>
      </c>
      <c r="CW3291" s="166">
        <v>0</v>
      </c>
      <c r="CX3291" s="166">
        <v>0</v>
      </c>
      <c r="CY3291" s="166">
        <v>0</v>
      </c>
      <c r="CZ3291" s="166">
        <v>0</v>
      </c>
    </row>
    <row r="3292" spans="1:104" x14ac:dyDescent="0.2">
      <c r="A3292" s="167" t="s">
        <v>576</v>
      </c>
      <c r="B3292" s="166">
        <v>0</v>
      </c>
      <c r="C3292" s="166">
        <v>0</v>
      </c>
      <c r="D3292" s="166">
        <v>0</v>
      </c>
      <c r="E3292" s="166">
        <v>0</v>
      </c>
      <c r="F3292" s="166">
        <v>0</v>
      </c>
      <c r="G3292" s="166">
        <v>0</v>
      </c>
      <c r="H3292" s="166">
        <v>0</v>
      </c>
      <c r="I3292" s="166">
        <v>0</v>
      </c>
      <c r="J3292" s="166">
        <v>0</v>
      </c>
      <c r="K3292" s="166">
        <v>0</v>
      </c>
      <c r="L3292" s="166">
        <v>0</v>
      </c>
      <c r="M3292" s="166">
        <v>0</v>
      </c>
      <c r="N3292" s="166">
        <v>0</v>
      </c>
      <c r="O3292" s="166">
        <v>0</v>
      </c>
      <c r="P3292" s="166">
        <v>0</v>
      </c>
      <c r="Q3292" s="166">
        <v>0</v>
      </c>
      <c r="R3292" s="166">
        <v>0</v>
      </c>
      <c r="S3292" s="166">
        <v>0</v>
      </c>
      <c r="T3292" s="166">
        <v>0</v>
      </c>
      <c r="U3292" s="166">
        <v>0</v>
      </c>
      <c r="V3292" s="166">
        <v>0</v>
      </c>
      <c r="W3292" s="166">
        <v>0</v>
      </c>
      <c r="X3292" s="166">
        <v>0</v>
      </c>
      <c r="Y3292" s="166">
        <v>0</v>
      </c>
      <c r="Z3292" s="166">
        <v>0</v>
      </c>
      <c r="AA3292" s="166">
        <v>0</v>
      </c>
      <c r="AB3292" s="166">
        <v>0</v>
      </c>
      <c r="AC3292" s="166">
        <v>0</v>
      </c>
      <c r="AD3292" s="166">
        <v>0</v>
      </c>
      <c r="AE3292" s="166">
        <v>0</v>
      </c>
      <c r="AF3292" s="166">
        <v>0</v>
      </c>
      <c r="AG3292" s="166">
        <v>0</v>
      </c>
      <c r="AH3292" s="166">
        <v>0</v>
      </c>
      <c r="AI3292" s="166">
        <v>0</v>
      </c>
      <c r="AJ3292" s="166">
        <v>0</v>
      </c>
      <c r="AK3292" s="166">
        <v>0</v>
      </c>
      <c r="AL3292" s="166">
        <v>0</v>
      </c>
      <c r="AM3292" s="166">
        <v>0</v>
      </c>
      <c r="AN3292" s="166">
        <v>0</v>
      </c>
      <c r="AO3292" s="166">
        <v>0</v>
      </c>
      <c r="AP3292" s="166">
        <v>0</v>
      </c>
      <c r="AQ3292" s="166">
        <v>0</v>
      </c>
      <c r="AR3292" s="166">
        <v>0</v>
      </c>
      <c r="AS3292" s="166">
        <v>0</v>
      </c>
      <c r="AT3292" s="166">
        <v>0</v>
      </c>
      <c r="AU3292" s="166">
        <v>0</v>
      </c>
      <c r="AV3292" s="166">
        <v>0</v>
      </c>
      <c r="AW3292" s="166">
        <v>0</v>
      </c>
      <c r="AX3292" s="166">
        <v>0</v>
      </c>
      <c r="AY3292" s="166">
        <v>0</v>
      </c>
      <c r="AZ3292" s="166">
        <v>0</v>
      </c>
      <c r="BA3292" s="166">
        <v>0</v>
      </c>
      <c r="BB3292" s="166">
        <v>0</v>
      </c>
      <c r="BC3292" s="166">
        <v>0</v>
      </c>
      <c r="BD3292" s="166">
        <v>0</v>
      </c>
      <c r="BE3292" s="166">
        <v>0</v>
      </c>
      <c r="BF3292" s="166">
        <v>0</v>
      </c>
      <c r="BG3292" s="166">
        <v>0</v>
      </c>
      <c r="BH3292" s="166">
        <v>0</v>
      </c>
      <c r="BI3292" s="166">
        <v>0</v>
      </c>
      <c r="BJ3292" s="166">
        <v>0</v>
      </c>
      <c r="BK3292" s="166">
        <v>0</v>
      </c>
      <c r="BL3292" s="166">
        <v>0</v>
      </c>
      <c r="BM3292" s="166">
        <v>0</v>
      </c>
      <c r="BN3292" s="166">
        <v>0</v>
      </c>
      <c r="BO3292" s="166">
        <v>0</v>
      </c>
      <c r="BP3292" s="166">
        <v>0</v>
      </c>
      <c r="BQ3292" s="166">
        <v>0</v>
      </c>
      <c r="BR3292" s="166">
        <v>0</v>
      </c>
      <c r="BS3292" s="166">
        <v>0</v>
      </c>
      <c r="BT3292" s="168">
        <v>0</v>
      </c>
      <c r="BU3292" s="166">
        <v>0</v>
      </c>
      <c r="BV3292" s="166">
        <v>0</v>
      </c>
      <c r="BW3292" s="166">
        <v>0</v>
      </c>
      <c r="BX3292" s="166">
        <v>0</v>
      </c>
      <c r="BY3292" s="166">
        <v>0</v>
      </c>
      <c r="BZ3292" s="166">
        <v>0</v>
      </c>
      <c r="CA3292" s="166">
        <v>0</v>
      </c>
      <c r="CB3292" s="166">
        <v>0</v>
      </c>
      <c r="CC3292" s="166">
        <v>0</v>
      </c>
      <c r="CD3292" s="166">
        <v>0</v>
      </c>
      <c r="CE3292" s="166">
        <v>0</v>
      </c>
      <c r="CF3292" s="166">
        <v>0</v>
      </c>
      <c r="CG3292" s="166">
        <v>0</v>
      </c>
      <c r="CH3292" s="166">
        <v>0</v>
      </c>
      <c r="CI3292" s="166">
        <v>0</v>
      </c>
      <c r="CJ3292" s="166">
        <v>0</v>
      </c>
      <c r="CK3292" s="166">
        <v>0</v>
      </c>
      <c r="CL3292" s="166">
        <v>0</v>
      </c>
      <c r="CM3292" s="166">
        <v>0</v>
      </c>
      <c r="CN3292" s="166">
        <v>0</v>
      </c>
      <c r="CO3292" s="166">
        <v>0</v>
      </c>
      <c r="CP3292" s="166">
        <v>0</v>
      </c>
      <c r="CQ3292" s="166">
        <v>0</v>
      </c>
      <c r="CR3292" s="166">
        <v>0</v>
      </c>
      <c r="CS3292" s="166">
        <v>0</v>
      </c>
      <c r="CT3292" s="166">
        <v>0</v>
      </c>
      <c r="CU3292" s="166">
        <v>0</v>
      </c>
      <c r="CV3292" s="166">
        <v>0</v>
      </c>
      <c r="CW3292" s="166">
        <v>0</v>
      </c>
      <c r="CX3292" s="166">
        <v>0</v>
      </c>
      <c r="CY3292" s="166">
        <v>0</v>
      </c>
      <c r="CZ3292" s="166">
        <v>0</v>
      </c>
    </row>
    <row r="3293" spans="1:104" x14ac:dyDescent="0.2">
      <c r="A3293" s="177" t="s">
        <v>577</v>
      </c>
      <c r="B3293" s="166">
        <v>118366523.764586</v>
      </c>
      <c r="C3293" s="166">
        <v>118366523.764586</v>
      </c>
      <c r="D3293" s="166">
        <v>0</v>
      </c>
      <c r="E3293" s="166">
        <v>0</v>
      </c>
      <c r="F3293" s="166">
        <v>0</v>
      </c>
      <c r="G3293" s="166">
        <v>0</v>
      </c>
      <c r="H3293" s="166">
        <v>0</v>
      </c>
      <c r="I3293" s="166">
        <v>0</v>
      </c>
      <c r="J3293" s="166">
        <v>0</v>
      </c>
      <c r="K3293" s="166">
        <v>0</v>
      </c>
      <c r="L3293" s="166">
        <v>0</v>
      </c>
      <c r="M3293" s="166">
        <v>0</v>
      </c>
      <c r="N3293" s="166">
        <v>0</v>
      </c>
      <c r="O3293" s="166">
        <v>0</v>
      </c>
      <c r="P3293" s="166">
        <v>0</v>
      </c>
      <c r="Q3293" s="166">
        <v>0</v>
      </c>
      <c r="R3293" s="166">
        <v>0</v>
      </c>
      <c r="S3293" s="166">
        <v>0</v>
      </c>
      <c r="T3293" s="166">
        <v>0</v>
      </c>
      <c r="U3293" s="166">
        <v>0</v>
      </c>
      <c r="V3293" s="166">
        <v>0</v>
      </c>
      <c r="W3293" s="166">
        <v>0</v>
      </c>
      <c r="X3293" s="166">
        <v>0</v>
      </c>
      <c r="Y3293" s="166">
        <v>0</v>
      </c>
      <c r="Z3293" s="166">
        <v>0</v>
      </c>
      <c r="AA3293" s="166">
        <v>0</v>
      </c>
      <c r="AB3293" s="166">
        <v>0</v>
      </c>
      <c r="AC3293" s="166">
        <v>0</v>
      </c>
      <c r="AD3293" s="166">
        <v>0</v>
      </c>
      <c r="AE3293" s="166">
        <v>0</v>
      </c>
      <c r="AF3293" s="166">
        <v>0</v>
      </c>
      <c r="AG3293" s="166">
        <v>0</v>
      </c>
      <c r="AH3293" s="166">
        <v>0</v>
      </c>
      <c r="AI3293" s="166">
        <v>0</v>
      </c>
      <c r="AJ3293" s="166">
        <v>0</v>
      </c>
      <c r="AK3293" s="166">
        <v>0</v>
      </c>
      <c r="AL3293" s="166">
        <v>0</v>
      </c>
      <c r="AM3293" s="166">
        <v>0</v>
      </c>
      <c r="AN3293" s="166">
        <v>0</v>
      </c>
      <c r="AO3293" s="166">
        <v>0</v>
      </c>
      <c r="AP3293" s="166">
        <v>0</v>
      </c>
      <c r="AQ3293" s="166">
        <v>0</v>
      </c>
      <c r="AR3293" s="166">
        <v>0</v>
      </c>
      <c r="AS3293" s="166">
        <v>0</v>
      </c>
      <c r="AT3293" s="166">
        <v>0</v>
      </c>
      <c r="AU3293" s="166">
        <v>0</v>
      </c>
      <c r="AV3293" s="166">
        <v>0</v>
      </c>
      <c r="AW3293" s="166">
        <v>0</v>
      </c>
      <c r="AX3293" s="166">
        <v>0</v>
      </c>
      <c r="AY3293" s="166">
        <v>0</v>
      </c>
      <c r="AZ3293" s="166">
        <v>0</v>
      </c>
      <c r="BA3293" s="166">
        <v>0</v>
      </c>
      <c r="BB3293" s="166">
        <v>0</v>
      </c>
      <c r="BC3293" s="166">
        <v>0</v>
      </c>
      <c r="BD3293" s="166">
        <v>0</v>
      </c>
      <c r="BE3293" s="166">
        <v>0</v>
      </c>
      <c r="BF3293" s="166">
        <v>0</v>
      </c>
      <c r="BG3293" s="166">
        <v>0</v>
      </c>
      <c r="BH3293" s="166">
        <v>0</v>
      </c>
      <c r="BI3293" s="166">
        <v>0</v>
      </c>
      <c r="BJ3293" s="166">
        <v>0</v>
      </c>
      <c r="BK3293" s="166">
        <v>0</v>
      </c>
      <c r="BL3293" s="166">
        <v>0</v>
      </c>
      <c r="BM3293" s="166">
        <v>0</v>
      </c>
      <c r="BN3293" s="166">
        <v>0</v>
      </c>
      <c r="BO3293" s="166">
        <v>0</v>
      </c>
      <c r="BP3293" s="166">
        <v>0</v>
      </c>
      <c r="BQ3293" s="166">
        <v>0</v>
      </c>
      <c r="BR3293" s="166">
        <v>118366523.764586</v>
      </c>
      <c r="BS3293" s="166">
        <v>118366523.764586</v>
      </c>
      <c r="BT3293" s="168">
        <v>0</v>
      </c>
      <c r="BU3293" s="166">
        <v>0</v>
      </c>
      <c r="BV3293" s="166">
        <v>0</v>
      </c>
      <c r="BW3293" s="166">
        <v>0</v>
      </c>
      <c r="BX3293" s="166">
        <v>0</v>
      </c>
      <c r="BY3293" s="166">
        <v>0</v>
      </c>
      <c r="BZ3293" s="166">
        <v>0</v>
      </c>
      <c r="CA3293" s="166">
        <v>0</v>
      </c>
      <c r="CB3293" s="166">
        <v>0</v>
      </c>
      <c r="CC3293" s="166">
        <v>0</v>
      </c>
      <c r="CD3293" s="166">
        <v>0</v>
      </c>
      <c r="CE3293" s="166">
        <v>0</v>
      </c>
      <c r="CF3293" s="166">
        <v>0</v>
      </c>
      <c r="CG3293" s="166">
        <v>0</v>
      </c>
      <c r="CH3293" s="166">
        <v>0</v>
      </c>
      <c r="CI3293" s="166">
        <v>0</v>
      </c>
      <c r="CJ3293" s="166">
        <v>0</v>
      </c>
      <c r="CK3293" s="166">
        <v>0</v>
      </c>
      <c r="CL3293" s="166">
        <v>0</v>
      </c>
      <c r="CM3293" s="166">
        <v>0</v>
      </c>
      <c r="CN3293" s="166">
        <v>0</v>
      </c>
      <c r="CO3293" s="166">
        <v>0</v>
      </c>
      <c r="CP3293" s="166">
        <v>0</v>
      </c>
      <c r="CQ3293" s="166">
        <v>0</v>
      </c>
      <c r="CR3293" s="166">
        <v>0</v>
      </c>
      <c r="CS3293" s="166">
        <v>0</v>
      </c>
      <c r="CT3293" s="166">
        <v>0</v>
      </c>
      <c r="CU3293" s="166">
        <v>0</v>
      </c>
      <c r="CV3293" s="166">
        <v>0</v>
      </c>
      <c r="CW3293" s="166">
        <v>0</v>
      </c>
      <c r="CX3293" s="166">
        <v>0</v>
      </c>
      <c r="CY3293" s="166">
        <v>0</v>
      </c>
      <c r="CZ3293" s="166">
        <v>0</v>
      </c>
    </row>
    <row r="3294" spans="1:104" x14ac:dyDescent="0.2">
      <c r="A3294" s="167" t="s">
        <v>578</v>
      </c>
      <c r="B3294" s="166">
        <v>0</v>
      </c>
      <c r="C3294" s="166">
        <v>0</v>
      </c>
      <c r="D3294" s="166">
        <v>0</v>
      </c>
      <c r="E3294" s="166">
        <v>0</v>
      </c>
      <c r="F3294" s="166">
        <v>0</v>
      </c>
      <c r="G3294" s="166">
        <v>0</v>
      </c>
      <c r="H3294" s="166">
        <v>0</v>
      </c>
      <c r="I3294" s="166">
        <v>0</v>
      </c>
      <c r="J3294" s="166">
        <v>0</v>
      </c>
      <c r="K3294" s="166">
        <v>0</v>
      </c>
      <c r="L3294" s="166">
        <v>0</v>
      </c>
      <c r="M3294" s="166">
        <v>0</v>
      </c>
      <c r="N3294" s="166">
        <v>0</v>
      </c>
      <c r="O3294" s="166">
        <v>0</v>
      </c>
      <c r="P3294" s="166">
        <v>0</v>
      </c>
      <c r="Q3294" s="166">
        <v>0</v>
      </c>
      <c r="R3294" s="166">
        <v>0</v>
      </c>
      <c r="S3294" s="166">
        <v>0</v>
      </c>
      <c r="T3294" s="166">
        <v>0</v>
      </c>
      <c r="U3294" s="166">
        <v>0</v>
      </c>
      <c r="V3294" s="166">
        <v>0</v>
      </c>
      <c r="W3294" s="166">
        <v>0</v>
      </c>
      <c r="X3294" s="166">
        <v>0</v>
      </c>
      <c r="Y3294" s="166">
        <v>0</v>
      </c>
      <c r="Z3294" s="166">
        <v>0</v>
      </c>
      <c r="AA3294" s="166">
        <v>0</v>
      </c>
      <c r="AB3294" s="166">
        <v>0</v>
      </c>
      <c r="AC3294" s="166">
        <v>0</v>
      </c>
      <c r="AD3294" s="166">
        <v>0</v>
      </c>
      <c r="AE3294" s="166">
        <v>0</v>
      </c>
      <c r="AF3294" s="166">
        <v>0</v>
      </c>
      <c r="AG3294" s="166">
        <v>0</v>
      </c>
      <c r="AH3294" s="166">
        <v>0</v>
      </c>
      <c r="AI3294" s="166">
        <v>0</v>
      </c>
      <c r="AJ3294" s="166">
        <v>0</v>
      </c>
      <c r="AK3294" s="166">
        <v>0</v>
      </c>
      <c r="AL3294" s="166">
        <v>0</v>
      </c>
      <c r="AM3294" s="166">
        <v>0</v>
      </c>
      <c r="AN3294" s="166">
        <v>0</v>
      </c>
      <c r="AO3294" s="166">
        <v>0</v>
      </c>
      <c r="AP3294" s="166">
        <v>0</v>
      </c>
      <c r="AQ3294" s="166">
        <v>0</v>
      </c>
      <c r="AR3294" s="166">
        <v>0</v>
      </c>
      <c r="AS3294" s="166">
        <v>0</v>
      </c>
      <c r="AT3294" s="166">
        <v>0</v>
      </c>
      <c r="AU3294" s="166">
        <v>0</v>
      </c>
      <c r="AV3294" s="166">
        <v>0</v>
      </c>
      <c r="AW3294" s="166">
        <v>0</v>
      </c>
      <c r="AX3294" s="166">
        <v>0</v>
      </c>
      <c r="AY3294" s="166">
        <v>0</v>
      </c>
      <c r="AZ3294" s="166">
        <v>0</v>
      </c>
      <c r="BA3294" s="166">
        <v>0</v>
      </c>
      <c r="BB3294" s="166">
        <v>0</v>
      </c>
      <c r="BC3294" s="166">
        <v>0</v>
      </c>
      <c r="BD3294" s="166">
        <v>0</v>
      </c>
      <c r="BE3294" s="166">
        <v>0</v>
      </c>
      <c r="BF3294" s="166">
        <v>0</v>
      </c>
      <c r="BG3294" s="166">
        <v>0</v>
      </c>
      <c r="BH3294" s="166">
        <v>0</v>
      </c>
      <c r="BI3294" s="166">
        <v>0</v>
      </c>
      <c r="BJ3294" s="166">
        <v>0</v>
      </c>
      <c r="BK3294" s="166">
        <v>0</v>
      </c>
      <c r="BL3294" s="166">
        <v>0</v>
      </c>
      <c r="BM3294" s="166">
        <v>0</v>
      </c>
      <c r="BN3294" s="166">
        <v>0</v>
      </c>
      <c r="BO3294" s="166">
        <v>0</v>
      </c>
      <c r="BP3294" s="166">
        <v>0</v>
      </c>
      <c r="BQ3294" s="166">
        <v>0</v>
      </c>
      <c r="BR3294" s="166">
        <v>0</v>
      </c>
      <c r="BS3294" s="166">
        <v>0</v>
      </c>
      <c r="BT3294" s="168">
        <v>0</v>
      </c>
      <c r="BU3294" s="166">
        <v>0</v>
      </c>
      <c r="BV3294" s="166">
        <v>0</v>
      </c>
      <c r="BW3294" s="166">
        <v>0</v>
      </c>
      <c r="BX3294" s="166">
        <v>0</v>
      </c>
      <c r="BY3294" s="166">
        <v>0</v>
      </c>
      <c r="BZ3294" s="166">
        <v>0</v>
      </c>
      <c r="CA3294" s="166">
        <v>0</v>
      </c>
      <c r="CB3294" s="166">
        <v>0</v>
      </c>
      <c r="CC3294" s="166">
        <v>0</v>
      </c>
      <c r="CD3294" s="166">
        <v>0</v>
      </c>
      <c r="CE3294" s="166">
        <v>0</v>
      </c>
      <c r="CF3294" s="166">
        <v>0</v>
      </c>
      <c r="CG3294" s="166">
        <v>0</v>
      </c>
      <c r="CH3294" s="166">
        <v>0</v>
      </c>
      <c r="CI3294" s="166">
        <v>0</v>
      </c>
      <c r="CJ3294" s="166">
        <v>0</v>
      </c>
      <c r="CK3294" s="166">
        <v>0</v>
      </c>
      <c r="CL3294" s="166">
        <v>0</v>
      </c>
      <c r="CM3294" s="166">
        <v>0</v>
      </c>
      <c r="CN3294" s="166">
        <v>0</v>
      </c>
      <c r="CO3294" s="166">
        <v>0</v>
      </c>
      <c r="CP3294" s="166">
        <v>0</v>
      </c>
      <c r="CQ3294" s="166">
        <v>0</v>
      </c>
      <c r="CR3294" s="166">
        <v>0</v>
      </c>
      <c r="CS3294" s="166">
        <v>0</v>
      </c>
      <c r="CT3294" s="166">
        <v>0</v>
      </c>
      <c r="CU3294" s="166">
        <v>0</v>
      </c>
      <c r="CV3294" s="166">
        <v>0</v>
      </c>
      <c r="CW3294" s="166">
        <v>0</v>
      </c>
      <c r="CX3294" s="166">
        <v>0</v>
      </c>
      <c r="CY3294" s="166">
        <v>0</v>
      </c>
      <c r="CZ3294" s="166">
        <v>0</v>
      </c>
    </row>
    <row r="3295" spans="1:104" x14ac:dyDescent="0.2">
      <c r="A3295" s="167" t="s">
        <v>579</v>
      </c>
      <c r="B3295" s="166">
        <v>88002.159999999902</v>
      </c>
      <c r="C3295" s="166">
        <v>88002.159999999902</v>
      </c>
      <c r="D3295" s="166">
        <v>0</v>
      </c>
      <c r="E3295" s="166">
        <v>0</v>
      </c>
      <c r="F3295" s="166">
        <v>0</v>
      </c>
      <c r="G3295" s="166">
        <v>0</v>
      </c>
      <c r="H3295" s="166">
        <v>0</v>
      </c>
      <c r="I3295" s="166">
        <v>0</v>
      </c>
      <c r="J3295" s="166">
        <v>0</v>
      </c>
      <c r="K3295" s="166">
        <v>0</v>
      </c>
      <c r="L3295" s="166">
        <v>0</v>
      </c>
      <c r="M3295" s="166">
        <v>0</v>
      </c>
      <c r="N3295" s="166">
        <v>0</v>
      </c>
      <c r="O3295" s="166">
        <v>0</v>
      </c>
      <c r="P3295" s="166">
        <v>0</v>
      </c>
      <c r="Q3295" s="166">
        <v>0</v>
      </c>
      <c r="R3295" s="166">
        <v>0</v>
      </c>
      <c r="S3295" s="166">
        <v>0</v>
      </c>
      <c r="T3295" s="166">
        <v>0</v>
      </c>
      <c r="U3295" s="166">
        <v>0</v>
      </c>
      <c r="V3295" s="166">
        <v>0</v>
      </c>
      <c r="W3295" s="166">
        <v>0</v>
      </c>
      <c r="X3295" s="166">
        <v>0</v>
      </c>
      <c r="Y3295" s="166">
        <v>0</v>
      </c>
      <c r="Z3295" s="166">
        <v>0</v>
      </c>
      <c r="AA3295" s="166">
        <v>0</v>
      </c>
      <c r="AB3295" s="166">
        <v>0</v>
      </c>
      <c r="AC3295" s="166">
        <v>0</v>
      </c>
      <c r="AD3295" s="166">
        <v>0</v>
      </c>
      <c r="AE3295" s="166">
        <v>0</v>
      </c>
      <c r="AF3295" s="166">
        <v>0</v>
      </c>
      <c r="AG3295" s="166">
        <v>0</v>
      </c>
      <c r="AH3295" s="166">
        <v>0</v>
      </c>
      <c r="AI3295" s="166">
        <v>0</v>
      </c>
      <c r="AJ3295" s="166">
        <v>0</v>
      </c>
      <c r="AK3295" s="166">
        <v>0</v>
      </c>
      <c r="AL3295" s="166">
        <v>0</v>
      </c>
      <c r="AM3295" s="166">
        <v>0</v>
      </c>
      <c r="AN3295" s="166">
        <v>0</v>
      </c>
      <c r="AO3295" s="166">
        <v>0</v>
      </c>
      <c r="AP3295" s="166">
        <v>0</v>
      </c>
      <c r="AQ3295" s="166">
        <v>0</v>
      </c>
      <c r="AR3295" s="166">
        <v>0</v>
      </c>
      <c r="AS3295" s="166">
        <v>0</v>
      </c>
      <c r="AT3295" s="166">
        <v>0</v>
      </c>
      <c r="AU3295" s="166">
        <v>0</v>
      </c>
      <c r="AV3295" s="166">
        <v>0</v>
      </c>
      <c r="AW3295" s="166">
        <v>0</v>
      </c>
      <c r="AX3295" s="166">
        <v>0</v>
      </c>
      <c r="AY3295" s="166">
        <v>0</v>
      </c>
      <c r="AZ3295" s="166">
        <v>0</v>
      </c>
      <c r="BA3295" s="166">
        <v>0</v>
      </c>
      <c r="BB3295" s="166">
        <v>0</v>
      </c>
      <c r="BC3295" s="166">
        <v>0</v>
      </c>
      <c r="BD3295" s="166">
        <v>0</v>
      </c>
      <c r="BE3295" s="166">
        <v>0</v>
      </c>
      <c r="BF3295" s="166">
        <v>0</v>
      </c>
      <c r="BG3295" s="166">
        <v>0</v>
      </c>
      <c r="BH3295" s="166">
        <v>0</v>
      </c>
      <c r="BI3295" s="166">
        <v>0</v>
      </c>
      <c r="BJ3295" s="166">
        <v>0</v>
      </c>
      <c r="BK3295" s="166">
        <v>0</v>
      </c>
      <c r="BL3295" s="166">
        <v>0</v>
      </c>
      <c r="BM3295" s="166">
        <v>0</v>
      </c>
      <c r="BN3295" s="166">
        <v>0</v>
      </c>
      <c r="BO3295" s="166">
        <v>0</v>
      </c>
      <c r="BP3295" s="166">
        <v>0</v>
      </c>
      <c r="BQ3295" s="166">
        <v>0</v>
      </c>
      <c r="BR3295" s="166">
        <v>88002.159999999902</v>
      </c>
      <c r="BS3295" s="166">
        <v>88002.159999999902</v>
      </c>
      <c r="BT3295" s="168">
        <v>0</v>
      </c>
      <c r="BU3295" s="166">
        <v>0</v>
      </c>
      <c r="BV3295" s="166">
        <v>0</v>
      </c>
      <c r="BW3295" s="166">
        <v>0</v>
      </c>
      <c r="BX3295" s="166">
        <v>0</v>
      </c>
      <c r="BY3295" s="166">
        <v>0</v>
      </c>
      <c r="BZ3295" s="166">
        <v>0</v>
      </c>
      <c r="CA3295" s="166">
        <v>0</v>
      </c>
      <c r="CB3295" s="166">
        <v>0</v>
      </c>
      <c r="CC3295" s="166">
        <v>0</v>
      </c>
      <c r="CD3295" s="166">
        <v>0</v>
      </c>
      <c r="CE3295" s="166">
        <v>0</v>
      </c>
      <c r="CF3295" s="166">
        <v>0</v>
      </c>
      <c r="CG3295" s="166">
        <v>0</v>
      </c>
      <c r="CH3295" s="166">
        <v>0</v>
      </c>
      <c r="CI3295" s="166">
        <v>0</v>
      </c>
      <c r="CJ3295" s="166">
        <v>0</v>
      </c>
      <c r="CK3295" s="166">
        <v>0</v>
      </c>
      <c r="CL3295" s="166">
        <v>0</v>
      </c>
      <c r="CM3295" s="166">
        <v>0</v>
      </c>
      <c r="CN3295" s="166">
        <v>0</v>
      </c>
      <c r="CO3295" s="166">
        <v>0</v>
      </c>
      <c r="CP3295" s="166">
        <v>0</v>
      </c>
      <c r="CQ3295" s="166">
        <v>0</v>
      </c>
      <c r="CR3295" s="166">
        <v>0</v>
      </c>
      <c r="CS3295" s="166">
        <v>0</v>
      </c>
      <c r="CT3295" s="166">
        <v>0</v>
      </c>
      <c r="CU3295" s="166">
        <v>0</v>
      </c>
      <c r="CV3295" s="166">
        <v>0</v>
      </c>
      <c r="CW3295" s="166">
        <v>0</v>
      </c>
      <c r="CX3295" s="166">
        <v>0</v>
      </c>
      <c r="CY3295" s="166">
        <v>0</v>
      </c>
      <c r="CZ3295" s="166">
        <v>0</v>
      </c>
    </row>
    <row r="3296" spans="1:104" x14ac:dyDescent="0.2">
      <c r="A3296" s="167" t="s">
        <v>580</v>
      </c>
      <c r="B3296" s="166">
        <v>815195.22</v>
      </c>
      <c r="C3296" s="166">
        <v>815195.22</v>
      </c>
      <c r="D3296" s="166">
        <v>0</v>
      </c>
      <c r="E3296" s="166">
        <v>0</v>
      </c>
      <c r="F3296" s="166">
        <v>0</v>
      </c>
      <c r="G3296" s="166">
        <v>0</v>
      </c>
      <c r="H3296" s="166">
        <v>0</v>
      </c>
      <c r="I3296" s="166">
        <v>0</v>
      </c>
      <c r="J3296" s="166">
        <v>0</v>
      </c>
      <c r="K3296" s="166">
        <v>0</v>
      </c>
      <c r="L3296" s="166">
        <v>0</v>
      </c>
      <c r="M3296" s="166">
        <v>0</v>
      </c>
      <c r="N3296" s="166">
        <v>0</v>
      </c>
      <c r="O3296" s="166">
        <v>0</v>
      </c>
      <c r="P3296" s="166">
        <v>0</v>
      </c>
      <c r="Q3296" s="166">
        <v>0</v>
      </c>
      <c r="R3296" s="166">
        <v>0</v>
      </c>
      <c r="S3296" s="166">
        <v>0</v>
      </c>
      <c r="T3296" s="166">
        <v>0</v>
      </c>
      <c r="U3296" s="166">
        <v>0</v>
      </c>
      <c r="V3296" s="166">
        <v>0</v>
      </c>
      <c r="W3296" s="166">
        <v>0</v>
      </c>
      <c r="X3296" s="166">
        <v>0</v>
      </c>
      <c r="Y3296" s="166">
        <v>0</v>
      </c>
      <c r="Z3296" s="166">
        <v>0</v>
      </c>
      <c r="AA3296" s="166">
        <v>0</v>
      </c>
      <c r="AB3296" s="166">
        <v>0</v>
      </c>
      <c r="AC3296" s="166">
        <v>0</v>
      </c>
      <c r="AD3296" s="166">
        <v>0</v>
      </c>
      <c r="AE3296" s="166">
        <v>0</v>
      </c>
      <c r="AF3296" s="166">
        <v>0</v>
      </c>
      <c r="AG3296" s="166">
        <v>0</v>
      </c>
      <c r="AH3296" s="166">
        <v>0</v>
      </c>
      <c r="AI3296" s="166">
        <v>0</v>
      </c>
      <c r="AJ3296" s="166">
        <v>0</v>
      </c>
      <c r="AK3296" s="166">
        <v>0</v>
      </c>
      <c r="AL3296" s="166">
        <v>0</v>
      </c>
      <c r="AM3296" s="166">
        <v>0</v>
      </c>
      <c r="AN3296" s="166">
        <v>0</v>
      </c>
      <c r="AO3296" s="166">
        <v>0</v>
      </c>
      <c r="AP3296" s="166">
        <v>0</v>
      </c>
      <c r="AQ3296" s="166">
        <v>0</v>
      </c>
      <c r="AR3296" s="166">
        <v>0</v>
      </c>
      <c r="AS3296" s="166">
        <v>0</v>
      </c>
      <c r="AT3296" s="166">
        <v>0</v>
      </c>
      <c r="AU3296" s="166">
        <v>0</v>
      </c>
      <c r="AV3296" s="166">
        <v>0</v>
      </c>
      <c r="AW3296" s="166">
        <v>0</v>
      </c>
      <c r="AX3296" s="166">
        <v>0</v>
      </c>
      <c r="AY3296" s="166">
        <v>0</v>
      </c>
      <c r="AZ3296" s="166">
        <v>0</v>
      </c>
      <c r="BA3296" s="166">
        <v>0</v>
      </c>
      <c r="BB3296" s="166">
        <v>0</v>
      </c>
      <c r="BC3296" s="166">
        <v>0</v>
      </c>
      <c r="BD3296" s="166">
        <v>0</v>
      </c>
      <c r="BE3296" s="166">
        <v>0</v>
      </c>
      <c r="BF3296" s="166">
        <v>0</v>
      </c>
      <c r="BG3296" s="166">
        <v>0</v>
      </c>
      <c r="BH3296" s="166">
        <v>0</v>
      </c>
      <c r="BI3296" s="166">
        <v>0</v>
      </c>
      <c r="BJ3296" s="166">
        <v>0</v>
      </c>
      <c r="BK3296" s="166">
        <v>0</v>
      </c>
      <c r="BL3296" s="166">
        <v>0</v>
      </c>
      <c r="BM3296" s="166">
        <v>0</v>
      </c>
      <c r="BN3296" s="166">
        <v>0</v>
      </c>
      <c r="BO3296" s="166">
        <v>0</v>
      </c>
      <c r="BP3296" s="166">
        <v>0</v>
      </c>
      <c r="BQ3296" s="166">
        <v>0</v>
      </c>
      <c r="BR3296" s="166">
        <v>815195.22</v>
      </c>
      <c r="BS3296" s="166">
        <v>815195.22</v>
      </c>
      <c r="BT3296" s="168">
        <v>0</v>
      </c>
      <c r="BU3296" s="166">
        <v>0</v>
      </c>
      <c r="BV3296" s="166">
        <v>0</v>
      </c>
      <c r="BW3296" s="166">
        <v>0</v>
      </c>
      <c r="BX3296" s="166">
        <v>0</v>
      </c>
      <c r="BY3296" s="166">
        <v>0</v>
      </c>
      <c r="BZ3296" s="166">
        <v>0</v>
      </c>
      <c r="CA3296" s="166">
        <v>0</v>
      </c>
      <c r="CB3296" s="166">
        <v>0</v>
      </c>
      <c r="CC3296" s="166">
        <v>0</v>
      </c>
      <c r="CD3296" s="166">
        <v>0</v>
      </c>
      <c r="CE3296" s="166">
        <v>0</v>
      </c>
      <c r="CF3296" s="166">
        <v>0</v>
      </c>
      <c r="CG3296" s="166">
        <v>0</v>
      </c>
      <c r="CH3296" s="166">
        <v>0</v>
      </c>
      <c r="CI3296" s="166">
        <v>0</v>
      </c>
      <c r="CJ3296" s="166">
        <v>0</v>
      </c>
      <c r="CK3296" s="166">
        <v>0</v>
      </c>
      <c r="CL3296" s="166">
        <v>0</v>
      </c>
      <c r="CM3296" s="166">
        <v>0</v>
      </c>
      <c r="CN3296" s="166">
        <v>0</v>
      </c>
      <c r="CO3296" s="166">
        <v>0</v>
      </c>
      <c r="CP3296" s="166">
        <v>0</v>
      </c>
      <c r="CQ3296" s="166">
        <v>0</v>
      </c>
      <c r="CR3296" s="166">
        <v>0</v>
      </c>
      <c r="CS3296" s="166">
        <v>0</v>
      </c>
      <c r="CT3296" s="166">
        <v>0</v>
      </c>
      <c r="CU3296" s="166">
        <v>0</v>
      </c>
      <c r="CV3296" s="166">
        <v>0</v>
      </c>
      <c r="CW3296" s="166">
        <v>0</v>
      </c>
      <c r="CX3296" s="166">
        <v>0</v>
      </c>
      <c r="CY3296" s="166">
        <v>0</v>
      </c>
      <c r="CZ3296" s="166">
        <v>0</v>
      </c>
    </row>
    <row r="3297" spans="1:104" x14ac:dyDescent="0.2">
      <c r="A3297" s="167" t="s">
        <v>581</v>
      </c>
      <c r="B3297" s="166">
        <v>54394068.119999997</v>
      </c>
      <c r="C3297" s="166">
        <v>54394068.119999997</v>
      </c>
      <c r="D3297" s="166">
        <v>0</v>
      </c>
      <c r="E3297" s="166">
        <v>0</v>
      </c>
      <c r="F3297" s="166">
        <v>0</v>
      </c>
      <c r="G3297" s="166">
        <v>0</v>
      </c>
      <c r="H3297" s="166">
        <v>0</v>
      </c>
      <c r="I3297" s="166">
        <v>0</v>
      </c>
      <c r="J3297" s="166">
        <v>0</v>
      </c>
      <c r="K3297" s="166">
        <v>0</v>
      </c>
      <c r="L3297" s="166">
        <v>0</v>
      </c>
      <c r="M3297" s="166">
        <v>0</v>
      </c>
      <c r="N3297" s="166">
        <v>0</v>
      </c>
      <c r="O3297" s="166">
        <v>0</v>
      </c>
      <c r="P3297" s="166">
        <v>0</v>
      </c>
      <c r="Q3297" s="166">
        <v>0</v>
      </c>
      <c r="R3297" s="166">
        <v>0</v>
      </c>
      <c r="S3297" s="166">
        <v>0</v>
      </c>
      <c r="T3297" s="166">
        <v>0</v>
      </c>
      <c r="U3297" s="166">
        <v>0</v>
      </c>
      <c r="V3297" s="166">
        <v>0</v>
      </c>
      <c r="W3297" s="166">
        <v>0</v>
      </c>
      <c r="X3297" s="166">
        <v>0</v>
      </c>
      <c r="Y3297" s="166">
        <v>0</v>
      </c>
      <c r="Z3297" s="166">
        <v>0</v>
      </c>
      <c r="AA3297" s="166">
        <v>0</v>
      </c>
      <c r="AB3297" s="166">
        <v>0</v>
      </c>
      <c r="AC3297" s="166">
        <v>0</v>
      </c>
      <c r="AD3297" s="166">
        <v>0</v>
      </c>
      <c r="AE3297" s="166">
        <v>0</v>
      </c>
      <c r="AF3297" s="166">
        <v>0</v>
      </c>
      <c r="AG3297" s="166">
        <v>0</v>
      </c>
      <c r="AH3297" s="166">
        <v>0</v>
      </c>
      <c r="AI3297" s="166">
        <v>0</v>
      </c>
      <c r="AJ3297" s="166">
        <v>0</v>
      </c>
      <c r="AK3297" s="166">
        <v>0</v>
      </c>
      <c r="AL3297" s="166">
        <v>0</v>
      </c>
      <c r="AM3297" s="166">
        <v>0</v>
      </c>
      <c r="AN3297" s="166">
        <v>0</v>
      </c>
      <c r="AO3297" s="166">
        <v>0</v>
      </c>
      <c r="AP3297" s="166">
        <v>0</v>
      </c>
      <c r="AQ3297" s="166">
        <v>0</v>
      </c>
      <c r="AR3297" s="166">
        <v>0</v>
      </c>
      <c r="AS3297" s="166">
        <v>0</v>
      </c>
      <c r="AT3297" s="166">
        <v>0</v>
      </c>
      <c r="AU3297" s="166">
        <v>0</v>
      </c>
      <c r="AV3297" s="166">
        <v>0</v>
      </c>
      <c r="AW3297" s="166">
        <v>0</v>
      </c>
      <c r="AX3297" s="166">
        <v>0</v>
      </c>
      <c r="AY3297" s="166">
        <v>0</v>
      </c>
      <c r="AZ3297" s="166">
        <v>0</v>
      </c>
      <c r="BA3297" s="166">
        <v>0</v>
      </c>
      <c r="BB3297" s="166">
        <v>0</v>
      </c>
      <c r="BC3297" s="166">
        <v>0</v>
      </c>
      <c r="BD3297" s="166">
        <v>0</v>
      </c>
      <c r="BE3297" s="166">
        <v>0</v>
      </c>
      <c r="BF3297" s="166">
        <v>0</v>
      </c>
      <c r="BG3297" s="166">
        <v>0</v>
      </c>
      <c r="BH3297" s="166">
        <v>0</v>
      </c>
      <c r="BI3297" s="166">
        <v>0</v>
      </c>
      <c r="BJ3297" s="166">
        <v>0</v>
      </c>
      <c r="BK3297" s="166">
        <v>0</v>
      </c>
      <c r="BL3297" s="166">
        <v>0</v>
      </c>
      <c r="BM3297" s="166">
        <v>0</v>
      </c>
      <c r="BN3297" s="166">
        <v>0</v>
      </c>
      <c r="BO3297" s="166">
        <v>0</v>
      </c>
      <c r="BP3297" s="166">
        <v>0</v>
      </c>
      <c r="BQ3297" s="166">
        <v>0</v>
      </c>
      <c r="BR3297" s="166">
        <v>54394068.119999997</v>
      </c>
      <c r="BS3297" s="166">
        <v>54394068.119999997</v>
      </c>
      <c r="BT3297" s="168">
        <v>0</v>
      </c>
      <c r="BU3297" s="166">
        <v>0</v>
      </c>
      <c r="BV3297" s="166">
        <v>0</v>
      </c>
      <c r="BW3297" s="166">
        <v>0</v>
      </c>
      <c r="BX3297" s="166">
        <v>0</v>
      </c>
      <c r="BY3297" s="166">
        <v>0</v>
      </c>
      <c r="BZ3297" s="166">
        <v>0</v>
      </c>
      <c r="CA3297" s="166">
        <v>0</v>
      </c>
      <c r="CB3297" s="166">
        <v>0</v>
      </c>
      <c r="CC3297" s="166">
        <v>0</v>
      </c>
      <c r="CD3297" s="166">
        <v>0</v>
      </c>
      <c r="CE3297" s="166">
        <v>0</v>
      </c>
      <c r="CF3297" s="166">
        <v>0</v>
      </c>
      <c r="CG3297" s="166">
        <v>0</v>
      </c>
      <c r="CH3297" s="166">
        <v>0</v>
      </c>
      <c r="CI3297" s="166">
        <v>0</v>
      </c>
      <c r="CJ3297" s="166">
        <v>0</v>
      </c>
      <c r="CK3297" s="166">
        <v>0</v>
      </c>
      <c r="CL3297" s="166">
        <v>0</v>
      </c>
      <c r="CM3297" s="166">
        <v>0</v>
      </c>
      <c r="CN3297" s="166">
        <v>0</v>
      </c>
      <c r="CO3297" s="166">
        <v>0</v>
      </c>
      <c r="CP3297" s="166">
        <v>0</v>
      </c>
      <c r="CQ3297" s="166">
        <v>0</v>
      </c>
      <c r="CR3297" s="166">
        <v>0</v>
      </c>
      <c r="CS3297" s="166">
        <v>0</v>
      </c>
      <c r="CT3297" s="166">
        <v>0</v>
      </c>
      <c r="CU3297" s="166">
        <v>0</v>
      </c>
      <c r="CV3297" s="166">
        <v>0</v>
      </c>
      <c r="CW3297" s="166">
        <v>0</v>
      </c>
      <c r="CX3297" s="166">
        <v>0</v>
      </c>
      <c r="CY3297" s="166">
        <v>0</v>
      </c>
      <c r="CZ3297" s="166">
        <v>0</v>
      </c>
    </row>
    <row r="3298" spans="1:104" x14ac:dyDescent="0.2">
      <c r="A3298" s="167" t="s">
        <v>582</v>
      </c>
      <c r="B3298" s="166">
        <v>38717675.814000003</v>
      </c>
      <c r="C3298" s="166">
        <v>38717675.814000003</v>
      </c>
      <c r="D3298" s="166">
        <v>0</v>
      </c>
      <c r="E3298" s="166">
        <v>0</v>
      </c>
      <c r="F3298" s="166">
        <v>0</v>
      </c>
      <c r="G3298" s="166">
        <v>0</v>
      </c>
      <c r="H3298" s="166">
        <v>0</v>
      </c>
      <c r="I3298" s="166">
        <v>0</v>
      </c>
      <c r="J3298" s="166">
        <v>0</v>
      </c>
      <c r="K3298" s="166">
        <v>0</v>
      </c>
      <c r="L3298" s="166">
        <v>0</v>
      </c>
      <c r="M3298" s="166">
        <v>0</v>
      </c>
      <c r="N3298" s="166">
        <v>0</v>
      </c>
      <c r="O3298" s="166">
        <v>0</v>
      </c>
      <c r="P3298" s="166">
        <v>0</v>
      </c>
      <c r="Q3298" s="166">
        <v>0</v>
      </c>
      <c r="R3298" s="166">
        <v>0</v>
      </c>
      <c r="S3298" s="166">
        <v>0</v>
      </c>
      <c r="T3298" s="166">
        <v>0</v>
      </c>
      <c r="U3298" s="166">
        <v>0</v>
      </c>
      <c r="V3298" s="166">
        <v>0</v>
      </c>
      <c r="W3298" s="166">
        <v>0</v>
      </c>
      <c r="X3298" s="166">
        <v>0</v>
      </c>
      <c r="Y3298" s="166">
        <v>0</v>
      </c>
      <c r="Z3298" s="166">
        <v>0</v>
      </c>
      <c r="AA3298" s="166">
        <v>0</v>
      </c>
      <c r="AB3298" s="166">
        <v>0</v>
      </c>
      <c r="AC3298" s="166">
        <v>0</v>
      </c>
      <c r="AD3298" s="166">
        <v>0</v>
      </c>
      <c r="AE3298" s="166">
        <v>0</v>
      </c>
      <c r="AF3298" s="166">
        <v>0</v>
      </c>
      <c r="AG3298" s="166">
        <v>0</v>
      </c>
      <c r="AH3298" s="166">
        <v>0</v>
      </c>
      <c r="AI3298" s="166">
        <v>0</v>
      </c>
      <c r="AJ3298" s="166">
        <v>0</v>
      </c>
      <c r="AK3298" s="166">
        <v>0</v>
      </c>
      <c r="AL3298" s="166">
        <v>0</v>
      </c>
      <c r="AM3298" s="166">
        <v>0</v>
      </c>
      <c r="AN3298" s="166">
        <v>0</v>
      </c>
      <c r="AO3298" s="166">
        <v>0</v>
      </c>
      <c r="AP3298" s="166">
        <v>0</v>
      </c>
      <c r="AQ3298" s="166">
        <v>0</v>
      </c>
      <c r="AR3298" s="166">
        <v>0</v>
      </c>
      <c r="AS3298" s="166">
        <v>0</v>
      </c>
      <c r="AT3298" s="166">
        <v>0</v>
      </c>
      <c r="AU3298" s="166">
        <v>0</v>
      </c>
      <c r="AV3298" s="166">
        <v>0</v>
      </c>
      <c r="AW3298" s="166">
        <v>0</v>
      </c>
      <c r="AX3298" s="166">
        <v>0</v>
      </c>
      <c r="AY3298" s="166">
        <v>0</v>
      </c>
      <c r="AZ3298" s="166">
        <v>0</v>
      </c>
      <c r="BA3298" s="166">
        <v>0</v>
      </c>
      <c r="BB3298" s="166">
        <v>0</v>
      </c>
      <c r="BC3298" s="166">
        <v>0</v>
      </c>
      <c r="BD3298" s="166">
        <v>0</v>
      </c>
      <c r="BE3298" s="166">
        <v>0</v>
      </c>
      <c r="BF3298" s="166">
        <v>0</v>
      </c>
      <c r="BG3298" s="166">
        <v>0</v>
      </c>
      <c r="BH3298" s="166">
        <v>0</v>
      </c>
      <c r="BI3298" s="166">
        <v>0</v>
      </c>
      <c r="BJ3298" s="166">
        <v>0</v>
      </c>
      <c r="BK3298" s="166">
        <v>0</v>
      </c>
      <c r="BL3298" s="166">
        <v>0</v>
      </c>
      <c r="BM3298" s="166">
        <v>0</v>
      </c>
      <c r="BN3298" s="166">
        <v>0</v>
      </c>
      <c r="BO3298" s="166">
        <v>0</v>
      </c>
      <c r="BP3298" s="166">
        <v>0</v>
      </c>
      <c r="BQ3298" s="166">
        <v>0</v>
      </c>
      <c r="BR3298" s="166">
        <v>38717675.814000003</v>
      </c>
      <c r="BS3298" s="166">
        <v>38717675.814000003</v>
      </c>
      <c r="BT3298" s="168">
        <v>0</v>
      </c>
      <c r="BU3298" s="166">
        <v>0</v>
      </c>
      <c r="BV3298" s="166">
        <v>0</v>
      </c>
      <c r="BW3298" s="166">
        <v>0</v>
      </c>
      <c r="BX3298" s="166">
        <v>0</v>
      </c>
      <c r="BY3298" s="166">
        <v>0</v>
      </c>
      <c r="BZ3298" s="166">
        <v>0</v>
      </c>
      <c r="CA3298" s="166">
        <v>0</v>
      </c>
      <c r="CB3298" s="166">
        <v>0</v>
      </c>
      <c r="CC3298" s="166">
        <v>0</v>
      </c>
      <c r="CD3298" s="166">
        <v>0</v>
      </c>
      <c r="CE3298" s="166">
        <v>0</v>
      </c>
      <c r="CF3298" s="166">
        <v>0</v>
      </c>
      <c r="CG3298" s="166">
        <v>0</v>
      </c>
      <c r="CH3298" s="166">
        <v>0</v>
      </c>
      <c r="CI3298" s="166">
        <v>0</v>
      </c>
      <c r="CJ3298" s="166">
        <v>0</v>
      </c>
      <c r="CK3298" s="166">
        <v>0</v>
      </c>
      <c r="CL3298" s="166">
        <v>0</v>
      </c>
      <c r="CM3298" s="166">
        <v>0</v>
      </c>
      <c r="CN3298" s="166">
        <v>0</v>
      </c>
      <c r="CO3298" s="166">
        <v>0</v>
      </c>
      <c r="CP3298" s="166">
        <v>0</v>
      </c>
      <c r="CQ3298" s="166">
        <v>0</v>
      </c>
      <c r="CR3298" s="166">
        <v>0</v>
      </c>
      <c r="CS3298" s="166">
        <v>0</v>
      </c>
      <c r="CT3298" s="166">
        <v>0</v>
      </c>
      <c r="CU3298" s="166">
        <v>0</v>
      </c>
      <c r="CV3298" s="166">
        <v>0</v>
      </c>
      <c r="CW3298" s="166">
        <v>0</v>
      </c>
      <c r="CX3298" s="166">
        <v>0</v>
      </c>
      <c r="CY3298" s="166">
        <v>0</v>
      </c>
      <c r="CZ3298" s="166">
        <v>0</v>
      </c>
    </row>
    <row r="3299" spans="1:104" x14ac:dyDescent="0.2">
      <c r="A3299" s="167" t="s">
        <v>583</v>
      </c>
      <c r="B3299" s="166">
        <v>0</v>
      </c>
      <c r="C3299" s="166">
        <v>0</v>
      </c>
      <c r="D3299" s="166">
        <v>0</v>
      </c>
      <c r="E3299" s="166">
        <v>0</v>
      </c>
      <c r="F3299" s="166">
        <v>0</v>
      </c>
      <c r="G3299" s="166">
        <v>0</v>
      </c>
      <c r="H3299" s="166">
        <v>0</v>
      </c>
      <c r="I3299" s="166">
        <v>0</v>
      </c>
      <c r="J3299" s="166">
        <v>0</v>
      </c>
      <c r="K3299" s="166">
        <v>0</v>
      </c>
      <c r="L3299" s="166">
        <v>0</v>
      </c>
      <c r="M3299" s="166">
        <v>0</v>
      </c>
      <c r="N3299" s="166">
        <v>0</v>
      </c>
      <c r="O3299" s="166">
        <v>0</v>
      </c>
      <c r="P3299" s="166">
        <v>0</v>
      </c>
      <c r="Q3299" s="166">
        <v>0</v>
      </c>
      <c r="R3299" s="166">
        <v>0</v>
      </c>
      <c r="S3299" s="166">
        <v>0</v>
      </c>
      <c r="T3299" s="166">
        <v>0</v>
      </c>
      <c r="U3299" s="166">
        <v>0</v>
      </c>
      <c r="V3299" s="166">
        <v>0</v>
      </c>
      <c r="W3299" s="166">
        <v>0</v>
      </c>
      <c r="X3299" s="166">
        <v>0</v>
      </c>
      <c r="Y3299" s="166">
        <v>0</v>
      </c>
      <c r="Z3299" s="166">
        <v>0</v>
      </c>
      <c r="AA3299" s="166">
        <v>0</v>
      </c>
      <c r="AB3299" s="166">
        <v>0</v>
      </c>
      <c r="AC3299" s="166">
        <v>0</v>
      </c>
      <c r="AD3299" s="166">
        <v>0</v>
      </c>
      <c r="AE3299" s="166">
        <v>0</v>
      </c>
      <c r="AF3299" s="166">
        <v>0</v>
      </c>
      <c r="AG3299" s="166">
        <v>0</v>
      </c>
      <c r="AH3299" s="166">
        <v>0</v>
      </c>
      <c r="AI3299" s="166">
        <v>0</v>
      </c>
      <c r="AJ3299" s="166">
        <v>0</v>
      </c>
      <c r="AK3299" s="166">
        <v>0</v>
      </c>
      <c r="AL3299" s="166">
        <v>0</v>
      </c>
      <c r="AM3299" s="166">
        <v>0</v>
      </c>
      <c r="AN3299" s="166">
        <v>0</v>
      </c>
      <c r="AO3299" s="166">
        <v>0</v>
      </c>
      <c r="AP3299" s="166">
        <v>0</v>
      </c>
      <c r="AQ3299" s="166">
        <v>0</v>
      </c>
      <c r="AR3299" s="166">
        <v>0</v>
      </c>
      <c r="AS3299" s="166">
        <v>0</v>
      </c>
      <c r="AT3299" s="166">
        <v>0</v>
      </c>
      <c r="AU3299" s="166">
        <v>0</v>
      </c>
      <c r="AV3299" s="166">
        <v>0</v>
      </c>
      <c r="AW3299" s="166">
        <v>0</v>
      </c>
      <c r="AX3299" s="166">
        <v>0</v>
      </c>
      <c r="AY3299" s="166">
        <v>0</v>
      </c>
      <c r="AZ3299" s="166">
        <v>0</v>
      </c>
      <c r="BA3299" s="166">
        <v>0</v>
      </c>
      <c r="BB3299" s="166">
        <v>0</v>
      </c>
      <c r="BC3299" s="166">
        <v>0</v>
      </c>
      <c r="BD3299" s="166">
        <v>0</v>
      </c>
      <c r="BE3299" s="166">
        <v>0</v>
      </c>
      <c r="BF3299" s="166">
        <v>0</v>
      </c>
      <c r="BG3299" s="166">
        <v>0</v>
      </c>
      <c r="BH3299" s="166">
        <v>0</v>
      </c>
      <c r="BI3299" s="166">
        <v>0</v>
      </c>
      <c r="BJ3299" s="166">
        <v>0</v>
      </c>
      <c r="BK3299" s="166">
        <v>0</v>
      </c>
      <c r="BL3299" s="166">
        <v>0</v>
      </c>
      <c r="BM3299" s="166">
        <v>0</v>
      </c>
      <c r="BN3299" s="166">
        <v>0</v>
      </c>
      <c r="BO3299" s="166">
        <v>0</v>
      </c>
      <c r="BP3299" s="166">
        <v>0</v>
      </c>
      <c r="BQ3299" s="166">
        <v>0</v>
      </c>
      <c r="BR3299" s="166">
        <v>0</v>
      </c>
      <c r="BS3299" s="166">
        <v>0</v>
      </c>
      <c r="BT3299" s="168">
        <v>0</v>
      </c>
      <c r="BU3299" s="166">
        <v>0</v>
      </c>
      <c r="BV3299" s="166">
        <v>0</v>
      </c>
      <c r="BW3299" s="166">
        <v>0</v>
      </c>
      <c r="BX3299" s="166">
        <v>0</v>
      </c>
      <c r="BY3299" s="166">
        <v>0</v>
      </c>
      <c r="BZ3299" s="166">
        <v>0</v>
      </c>
      <c r="CA3299" s="166">
        <v>0</v>
      </c>
      <c r="CB3299" s="166">
        <v>0</v>
      </c>
      <c r="CC3299" s="166">
        <v>0</v>
      </c>
      <c r="CD3299" s="166">
        <v>0</v>
      </c>
      <c r="CE3299" s="166">
        <v>0</v>
      </c>
      <c r="CF3299" s="166">
        <v>0</v>
      </c>
      <c r="CG3299" s="166">
        <v>0</v>
      </c>
      <c r="CH3299" s="166">
        <v>0</v>
      </c>
      <c r="CI3299" s="166">
        <v>0</v>
      </c>
      <c r="CJ3299" s="166">
        <v>0</v>
      </c>
      <c r="CK3299" s="166">
        <v>0</v>
      </c>
      <c r="CL3299" s="166">
        <v>0</v>
      </c>
      <c r="CM3299" s="166">
        <v>0</v>
      </c>
      <c r="CN3299" s="166">
        <v>0</v>
      </c>
      <c r="CO3299" s="166">
        <v>0</v>
      </c>
      <c r="CP3299" s="166">
        <v>0</v>
      </c>
      <c r="CQ3299" s="166">
        <v>0</v>
      </c>
      <c r="CR3299" s="166">
        <v>0</v>
      </c>
      <c r="CS3299" s="166">
        <v>0</v>
      </c>
      <c r="CT3299" s="166">
        <v>0</v>
      </c>
      <c r="CU3299" s="166">
        <v>0</v>
      </c>
      <c r="CV3299" s="166">
        <v>0</v>
      </c>
      <c r="CW3299" s="166">
        <v>0</v>
      </c>
      <c r="CX3299" s="166">
        <v>0</v>
      </c>
      <c r="CY3299" s="166">
        <v>0</v>
      </c>
      <c r="CZ3299" s="166">
        <v>0</v>
      </c>
    </row>
    <row r="3300" spans="1:104" x14ac:dyDescent="0.2">
      <c r="A3300" s="177" t="s">
        <v>584</v>
      </c>
      <c r="B3300" s="166">
        <v>94014941.313999996</v>
      </c>
      <c r="C3300" s="166">
        <v>94014941.313999996</v>
      </c>
      <c r="D3300" s="166">
        <v>0</v>
      </c>
      <c r="E3300" s="166">
        <v>0</v>
      </c>
      <c r="F3300" s="166">
        <v>0</v>
      </c>
      <c r="G3300" s="166">
        <v>0</v>
      </c>
      <c r="H3300" s="166">
        <v>0</v>
      </c>
      <c r="I3300" s="166">
        <v>0</v>
      </c>
      <c r="J3300" s="166">
        <v>0</v>
      </c>
      <c r="K3300" s="166">
        <v>0</v>
      </c>
      <c r="L3300" s="166">
        <v>0</v>
      </c>
      <c r="M3300" s="166">
        <v>0</v>
      </c>
      <c r="N3300" s="166">
        <v>0</v>
      </c>
      <c r="O3300" s="166">
        <v>0</v>
      </c>
      <c r="P3300" s="166">
        <v>0</v>
      </c>
      <c r="Q3300" s="166">
        <v>0</v>
      </c>
      <c r="R3300" s="166">
        <v>0</v>
      </c>
      <c r="S3300" s="166">
        <v>0</v>
      </c>
      <c r="T3300" s="166">
        <v>0</v>
      </c>
      <c r="U3300" s="166">
        <v>0</v>
      </c>
      <c r="V3300" s="166">
        <v>0</v>
      </c>
      <c r="W3300" s="166">
        <v>0</v>
      </c>
      <c r="X3300" s="166">
        <v>0</v>
      </c>
      <c r="Y3300" s="166">
        <v>0</v>
      </c>
      <c r="Z3300" s="166">
        <v>0</v>
      </c>
      <c r="AA3300" s="166">
        <v>0</v>
      </c>
      <c r="AB3300" s="166">
        <v>0</v>
      </c>
      <c r="AC3300" s="166">
        <v>0</v>
      </c>
      <c r="AD3300" s="166">
        <v>0</v>
      </c>
      <c r="AE3300" s="166">
        <v>0</v>
      </c>
      <c r="AF3300" s="166">
        <v>0</v>
      </c>
      <c r="AG3300" s="166">
        <v>0</v>
      </c>
      <c r="AH3300" s="166">
        <v>0</v>
      </c>
      <c r="AI3300" s="166">
        <v>0</v>
      </c>
      <c r="AJ3300" s="166">
        <v>0</v>
      </c>
      <c r="AK3300" s="166">
        <v>0</v>
      </c>
      <c r="AL3300" s="166">
        <v>0</v>
      </c>
      <c r="AM3300" s="166">
        <v>0</v>
      </c>
      <c r="AN3300" s="166">
        <v>0</v>
      </c>
      <c r="AO3300" s="166">
        <v>0</v>
      </c>
      <c r="AP3300" s="166">
        <v>0</v>
      </c>
      <c r="AQ3300" s="166">
        <v>0</v>
      </c>
      <c r="AR3300" s="166">
        <v>0</v>
      </c>
      <c r="AS3300" s="166">
        <v>0</v>
      </c>
      <c r="AT3300" s="166">
        <v>0</v>
      </c>
      <c r="AU3300" s="166">
        <v>0</v>
      </c>
      <c r="AV3300" s="166">
        <v>0</v>
      </c>
      <c r="AW3300" s="166">
        <v>0</v>
      </c>
      <c r="AX3300" s="166">
        <v>0</v>
      </c>
      <c r="AY3300" s="166">
        <v>0</v>
      </c>
      <c r="AZ3300" s="166">
        <v>0</v>
      </c>
      <c r="BA3300" s="166">
        <v>0</v>
      </c>
      <c r="BB3300" s="166">
        <v>0</v>
      </c>
      <c r="BC3300" s="166">
        <v>0</v>
      </c>
      <c r="BD3300" s="166">
        <v>0</v>
      </c>
      <c r="BE3300" s="166">
        <v>0</v>
      </c>
      <c r="BF3300" s="166">
        <v>0</v>
      </c>
      <c r="BG3300" s="166">
        <v>0</v>
      </c>
      <c r="BH3300" s="166">
        <v>0</v>
      </c>
      <c r="BI3300" s="166">
        <v>0</v>
      </c>
      <c r="BJ3300" s="166">
        <v>0</v>
      </c>
      <c r="BK3300" s="166">
        <v>0</v>
      </c>
      <c r="BL3300" s="166">
        <v>0</v>
      </c>
      <c r="BM3300" s="166">
        <v>0</v>
      </c>
      <c r="BN3300" s="166">
        <v>0</v>
      </c>
      <c r="BO3300" s="166">
        <v>0</v>
      </c>
      <c r="BP3300" s="166">
        <v>0</v>
      </c>
      <c r="BQ3300" s="166">
        <v>0</v>
      </c>
      <c r="BR3300" s="166">
        <v>94014941.313999996</v>
      </c>
      <c r="BS3300" s="166">
        <v>94014941.313999996</v>
      </c>
      <c r="BT3300" s="168">
        <v>0</v>
      </c>
      <c r="BU3300" s="166">
        <v>0</v>
      </c>
      <c r="BV3300" s="166">
        <v>0</v>
      </c>
      <c r="BW3300" s="166">
        <v>0</v>
      </c>
      <c r="BX3300" s="166">
        <v>0</v>
      </c>
      <c r="BY3300" s="166">
        <v>0</v>
      </c>
      <c r="BZ3300" s="166">
        <v>0</v>
      </c>
      <c r="CA3300" s="166">
        <v>0</v>
      </c>
      <c r="CB3300" s="166">
        <v>0</v>
      </c>
      <c r="CC3300" s="166">
        <v>0</v>
      </c>
      <c r="CD3300" s="166">
        <v>0</v>
      </c>
      <c r="CE3300" s="166">
        <v>0</v>
      </c>
      <c r="CF3300" s="166">
        <v>0</v>
      </c>
      <c r="CG3300" s="166">
        <v>0</v>
      </c>
      <c r="CH3300" s="166">
        <v>0</v>
      </c>
      <c r="CI3300" s="166">
        <v>0</v>
      </c>
      <c r="CJ3300" s="166">
        <v>0</v>
      </c>
      <c r="CK3300" s="166">
        <v>0</v>
      </c>
      <c r="CL3300" s="166">
        <v>0</v>
      </c>
      <c r="CM3300" s="166">
        <v>0</v>
      </c>
      <c r="CN3300" s="166">
        <v>0</v>
      </c>
      <c r="CO3300" s="166">
        <v>0</v>
      </c>
      <c r="CP3300" s="166">
        <v>0</v>
      </c>
      <c r="CQ3300" s="166">
        <v>0</v>
      </c>
      <c r="CR3300" s="166">
        <v>0</v>
      </c>
      <c r="CS3300" s="166">
        <v>0</v>
      </c>
      <c r="CT3300" s="166">
        <v>0</v>
      </c>
      <c r="CU3300" s="166">
        <v>0</v>
      </c>
      <c r="CV3300" s="166">
        <v>0</v>
      </c>
      <c r="CW3300" s="166">
        <v>0</v>
      </c>
      <c r="CX3300" s="166">
        <v>0</v>
      </c>
      <c r="CY3300" s="166">
        <v>0</v>
      </c>
      <c r="CZ3300" s="166">
        <v>0</v>
      </c>
    </row>
    <row r="3301" spans="1:104" x14ac:dyDescent="0.2">
      <c r="A3301" s="167" t="s">
        <v>585</v>
      </c>
      <c r="B3301" s="166">
        <v>0</v>
      </c>
      <c r="C3301" s="166">
        <v>0</v>
      </c>
      <c r="D3301" s="166">
        <v>0</v>
      </c>
      <c r="E3301" s="166">
        <v>0</v>
      </c>
      <c r="F3301" s="166">
        <v>0</v>
      </c>
      <c r="G3301" s="166">
        <v>0</v>
      </c>
      <c r="H3301" s="166">
        <v>0</v>
      </c>
      <c r="I3301" s="166">
        <v>0</v>
      </c>
      <c r="J3301" s="166">
        <v>0</v>
      </c>
      <c r="K3301" s="166">
        <v>0</v>
      </c>
      <c r="L3301" s="166">
        <v>0</v>
      </c>
      <c r="M3301" s="166">
        <v>0</v>
      </c>
      <c r="N3301" s="166">
        <v>0</v>
      </c>
      <c r="O3301" s="166">
        <v>0</v>
      </c>
      <c r="P3301" s="166">
        <v>0</v>
      </c>
      <c r="Q3301" s="166">
        <v>0</v>
      </c>
      <c r="R3301" s="166">
        <v>0</v>
      </c>
      <c r="S3301" s="166">
        <v>0</v>
      </c>
      <c r="T3301" s="166">
        <v>0</v>
      </c>
      <c r="U3301" s="166">
        <v>0</v>
      </c>
      <c r="V3301" s="166">
        <v>0</v>
      </c>
      <c r="W3301" s="166">
        <v>0</v>
      </c>
      <c r="X3301" s="166">
        <v>0</v>
      </c>
      <c r="Y3301" s="166">
        <v>0</v>
      </c>
      <c r="Z3301" s="166">
        <v>0</v>
      </c>
      <c r="AA3301" s="166">
        <v>0</v>
      </c>
      <c r="AB3301" s="166">
        <v>0</v>
      </c>
      <c r="AC3301" s="166">
        <v>0</v>
      </c>
      <c r="AD3301" s="166">
        <v>0</v>
      </c>
      <c r="AE3301" s="166">
        <v>0</v>
      </c>
      <c r="AF3301" s="166">
        <v>0</v>
      </c>
      <c r="AG3301" s="166">
        <v>0</v>
      </c>
      <c r="AH3301" s="166">
        <v>0</v>
      </c>
      <c r="AI3301" s="166">
        <v>0</v>
      </c>
      <c r="AJ3301" s="166">
        <v>0</v>
      </c>
      <c r="AK3301" s="166">
        <v>0</v>
      </c>
      <c r="AL3301" s="166">
        <v>0</v>
      </c>
      <c r="AM3301" s="166">
        <v>0</v>
      </c>
      <c r="AN3301" s="166">
        <v>0</v>
      </c>
      <c r="AO3301" s="166">
        <v>0</v>
      </c>
      <c r="AP3301" s="166">
        <v>0</v>
      </c>
      <c r="AQ3301" s="166">
        <v>0</v>
      </c>
      <c r="AR3301" s="166">
        <v>0</v>
      </c>
      <c r="AS3301" s="166">
        <v>0</v>
      </c>
      <c r="AT3301" s="166">
        <v>0</v>
      </c>
      <c r="AU3301" s="166">
        <v>0</v>
      </c>
      <c r="AV3301" s="166">
        <v>0</v>
      </c>
      <c r="AW3301" s="166">
        <v>0</v>
      </c>
      <c r="AX3301" s="166">
        <v>0</v>
      </c>
      <c r="AY3301" s="166">
        <v>0</v>
      </c>
      <c r="AZ3301" s="166">
        <v>0</v>
      </c>
      <c r="BA3301" s="166">
        <v>0</v>
      </c>
      <c r="BB3301" s="166">
        <v>0</v>
      </c>
      <c r="BC3301" s="166">
        <v>0</v>
      </c>
      <c r="BD3301" s="166">
        <v>0</v>
      </c>
      <c r="BE3301" s="166">
        <v>0</v>
      </c>
      <c r="BF3301" s="166">
        <v>0</v>
      </c>
      <c r="BG3301" s="166">
        <v>0</v>
      </c>
      <c r="BH3301" s="166">
        <v>0</v>
      </c>
      <c r="BI3301" s="166">
        <v>0</v>
      </c>
      <c r="BJ3301" s="166">
        <v>0</v>
      </c>
      <c r="BK3301" s="166">
        <v>0</v>
      </c>
      <c r="BL3301" s="166">
        <v>0</v>
      </c>
      <c r="BM3301" s="166">
        <v>0</v>
      </c>
      <c r="BN3301" s="166">
        <v>0</v>
      </c>
      <c r="BO3301" s="166">
        <v>0</v>
      </c>
      <c r="BP3301" s="166">
        <v>0</v>
      </c>
      <c r="BQ3301" s="166">
        <v>0</v>
      </c>
      <c r="BR3301" s="166">
        <v>0</v>
      </c>
      <c r="BS3301" s="166">
        <v>0</v>
      </c>
      <c r="BT3301" s="168">
        <v>0</v>
      </c>
      <c r="BU3301" s="166">
        <v>0</v>
      </c>
      <c r="BV3301" s="166">
        <v>0</v>
      </c>
      <c r="BW3301" s="166">
        <v>0</v>
      </c>
      <c r="BX3301" s="166">
        <v>0</v>
      </c>
      <c r="BY3301" s="166">
        <v>0</v>
      </c>
      <c r="BZ3301" s="166">
        <v>0</v>
      </c>
      <c r="CA3301" s="166">
        <v>0</v>
      </c>
      <c r="CB3301" s="166">
        <v>0</v>
      </c>
      <c r="CC3301" s="166">
        <v>0</v>
      </c>
      <c r="CD3301" s="166">
        <v>0</v>
      </c>
      <c r="CE3301" s="166">
        <v>0</v>
      </c>
      <c r="CF3301" s="166">
        <v>0</v>
      </c>
      <c r="CG3301" s="166">
        <v>0</v>
      </c>
      <c r="CH3301" s="166">
        <v>0</v>
      </c>
      <c r="CI3301" s="166">
        <v>0</v>
      </c>
      <c r="CJ3301" s="166">
        <v>0</v>
      </c>
      <c r="CK3301" s="166">
        <v>0</v>
      </c>
      <c r="CL3301" s="166">
        <v>0</v>
      </c>
      <c r="CM3301" s="166">
        <v>0</v>
      </c>
      <c r="CN3301" s="166">
        <v>0</v>
      </c>
      <c r="CO3301" s="166">
        <v>0</v>
      </c>
      <c r="CP3301" s="166">
        <v>0</v>
      </c>
      <c r="CQ3301" s="166">
        <v>0</v>
      </c>
      <c r="CR3301" s="166">
        <v>0</v>
      </c>
      <c r="CS3301" s="166">
        <v>0</v>
      </c>
      <c r="CT3301" s="166">
        <v>0</v>
      </c>
      <c r="CU3301" s="166">
        <v>0</v>
      </c>
      <c r="CV3301" s="166">
        <v>0</v>
      </c>
      <c r="CW3301" s="166">
        <v>0</v>
      </c>
      <c r="CX3301" s="166">
        <v>0</v>
      </c>
      <c r="CY3301" s="166">
        <v>0</v>
      </c>
      <c r="CZ3301" s="166">
        <v>0</v>
      </c>
    </row>
    <row r="3302" spans="1:104" x14ac:dyDescent="0.2">
      <c r="A3302" s="177" t="s">
        <v>586</v>
      </c>
      <c r="B3302" s="166">
        <v>10493572.1299999</v>
      </c>
      <c r="C3302" s="166">
        <v>10493572.1299999</v>
      </c>
      <c r="D3302" s="166">
        <v>0</v>
      </c>
      <c r="E3302" s="166">
        <v>0</v>
      </c>
      <c r="F3302" s="166">
        <v>0</v>
      </c>
      <c r="G3302" s="166">
        <v>0</v>
      </c>
      <c r="H3302" s="166">
        <v>0</v>
      </c>
      <c r="I3302" s="166">
        <v>0</v>
      </c>
      <c r="J3302" s="166">
        <v>0</v>
      </c>
      <c r="K3302" s="166">
        <v>0</v>
      </c>
      <c r="L3302" s="166">
        <v>0</v>
      </c>
      <c r="M3302" s="166">
        <v>0</v>
      </c>
      <c r="N3302" s="166">
        <v>0</v>
      </c>
      <c r="O3302" s="166">
        <v>0</v>
      </c>
      <c r="P3302" s="166">
        <v>0</v>
      </c>
      <c r="Q3302" s="166">
        <v>0</v>
      </c>
      <c r="R3302" s="166">
        <v>0</v>
      </c>
      <c r="S3302" s="166">
        <v>0</v>
      </c>
      <c r="T3302" s="166">
        <v>0</v>
      </c>
      <c r="U3302" s="166">
        <v>0</v>
      </c>
      <c r="V3302" s="166">
        <v>0</v>
      </c>
      <c r="W3302" s="166">
        <v>0</v>
      </c>
      <c r="X3302" s="166">
        <v>0</v>
      </c>
      <c r="Y3302" s="166">
        <v>0</v>
      </c>
      <c r="Z3302" s="166">
        <v>0</v>
      </c>
      <c r="AA3302" s="166">
        <v>0</v>
      </c>
      <c r="AB3302" s="166">
        <v>0</v>
      </c>
      <c r="AC3302" s="166">
        <v>0</v>
      </c>
      <c r="AD3302" s="166">
        <v>0</v>
      </c>
      <c r="AE3302" s="166">
        <v>0</v>
      </c>
      <c r="AF3302" s="166">
        <v>0</v>
      </c>
      <c r="AG3302" s="166">
        <v>0</v>
      </c>
      <c r="AH3302" s="166">
        <v>0</v>
      </c>
      <c r="AI3302" s="166">
        <v>0</v>
      </c>
      <c r="AJ3302" s="166">
        <v>0</v>
      </c>
      <c r="AK3302" s="166">
        <v>0</v>
      </c>
      <c r="AL3302" s="166">
        <v>0</v>
      </c>
      <c r="AM3302" s="166">
        <v>0</v>
      </c>
      <c r="AN3302" s="166">
        <v>0</v>
      </c>
      <c r="AO3302" s="166">
        <v>0</v>
      </c>
      <c r="AP3302" s="166">
        <v>0</v>
      </c>
      <c r="AQ3302" s="166">
        <v>0</v>
      </c>
      <c r="AR3302" s="166">
        <v>0</v>
      </c>
      <c r="AS3302" s="166">
        <v>0</v>
      </c>
      <c r="AT3302" s="166">
        <v>0</v>
      </c>
      <c r="AU3302" s="166">
        <v>0</v>
      </c>
      <c r="AV3302" s="166">
        <v>0</v>
      </c>
      <c r="AW3302" s="166">
        <v>0</v>
      </c>
      <c r="AX3302" s="166">
        <v>0</v>
      </c>
      <c r="AY3302" s="166">
        <v>0</v>
      </c>
      <c r="AZ3302" s="166">
        <v>0</v>
      </c>
      <c r="BA3302" s="166">
        <v>0</v>
      </c>
      <c r="BB3302" s="166">
        <v>0</v>
      </c>
      <c r="BC3302" s="166">
        <v>0</v>
      </c>
      <c r="BD3302" s="166">
        <v>0</v>
      </c>
      <c r="BE3302" s="166">
        <v>0</v>
      </c>
      <c r="BF3302" s="166">
        <v>0</v>
      </c>
      <c r="BG3302" s="166">
        <v>0</v>
      </c>
      <c r="BH3302" s="166">
        <v>0</v>
      </c>
      <c r="BI3302" s="166">
        <v>0</v>
      </c>
      <c r="BJ3302" s="166">
        <v>0</v>
      </c>
      <c r="BK3302" s="166">
        <v>0</v>
      </c>
      <c r="BL3302" s="166">
        <v>0</v>
      </c>
      <c r="BM3302" s="166">
        <v>0</v>
      </c>
      <c r="BN3302" s="166">
        <v>0</v>
      </c>
      <c r="BO3302" s="166">
        <v>0</v>
      </c>
      <c r="BP3302" s="166">
        <v>0</v>
      </c>
      <c r="BQ3302" s="166">
        <v>0</v>
      </c>
      <c r="BR3302" s="166">
        <v>10493572.1299999</v>
      </c>
      <c r="BS3302" s="166">
        <v>10493572.1299999</v>
      </c>
      <c r="BT3302" s="168">
        <v>0</v>
      </c>
      <c r="BU3302" s="166">
        <v>0</v>
      </c>
      <c r="BV3302" s="166">
        <v>0</v>
      </c>
      <c r="BW3302" s="166">
        <v>0</v>
      </c>
      <c r="BX3302" s="166">
        <v>0</v>
      </c>
      <c r="BY3302" s="166">
        <v>0</v>
      </c>
      <c r="BZ3302" s="166">
        <v>0</v>
      </c>
      <c r="CA3302" s="166">
        <v>0</v>
      </c>
      <c r="CB3302" s="166">
        <v>0</v>
      </c>
      <c r="CC3302" s="166">
        <v>0</v>
      </c>
      <c r="CD3302" s="166">
        <v>0</v>
      </c>
      <c r="CE3302" s="166">
        <v>0</v>
      </c>
      <c r="CF3302" s="166">
        <v>0</v>
      </c>
      <c r="CG3302" s="166">
        <v>0</v>
      </c>
      <c r="CH3302" s="166">
        <v>0</v>
      </c>
      <c r="CI3302" s="166">
        <v>0</v>
      </c>
      <c r="CJ3302" s="166">
        <v>0</v>
      </c>
      <c r="CK3302" s="166">
        <v>0</v>
      </c>
      <c r="CL3302" s="166">
        <v>0</v>
      </c>
      <c r="CM3302" s="166">
        <v>0</v>
      </c>
      <c r="CN3302" s="166">
        <v>0</v>
      </c>
      <c r="CO3302" s="166">
        <v>0</v>
      </c>
      <c r="CP3302" s="166">
        <v>0</v>
      </c>
      <c r="CQ3302" s="166">
        <v>0</v>
      </c>
      <c r="CR3302" s="166">
        <v>0</v>
      </c>
      <c r="CS3302" s="166">
        <v>0</v>
      </c>
      <c r="CT3302" s="166">
        <v>0</v>
      </c>
      <c r="CU3302" s="166">
        <v>0</v>
      </c>
      <c r="CV3302" s="166">
        <v>0</v>
      </c>
      <c r="CW3302" s="166">
        <v>0</v>
      </c>
      <c r="CX3302" s="166">
        <v>0</v>
      </c>
      <c r="CY3302" s="166">
        <v>0</v>
      </c>
      <c r="CZ3302" s="166">
        <v>0</v>
      </c>
    </row>
    <row r="3303" spans="1:104" x14ac:dyDescent="0.2">
      <c r="A3303" s="167" t="s">
        <v>587</v>
      </c>
      <c r="B3303" s="166">
        <v>0</v>
      </c>
      <c r="C3303" s="166">
        <v>0</v>
      </c>
      <c r="D3303" s="166">
        <v>0</v>
      </c>
      <c r="E3303" s="166">
        <v>0</v>
      </c>
      <c r="F3303" s="166">
        <v>0</v>
      </c>
      <c r="G3303" s="166">
        <v>0</v>
      </c>
      <c r="H3303" s="166">
        <v>0</v>
      </c>
      <c r="I3303" s="166">
        <v>0</v>
      </c>
      <c r="J3303" s="166">
        <v>0</v>
      </c>
      <c r="K3303" s="166">
        <v>0</v>
      </c>
      <c r="L3303" s="166">
        <v>0</v>
      </c>
      <c r="M3303" s="166">
        <v>0</v>
      </c>
      <c r="N3303" s="166">
        <v>0</v>
      </c>
      <c r="O3303" s="166">
        <v>0</v>
      </c>
      <c r="P3303" s="166">
        <v>0</v>
      </c>
      <c r="Q3303" s="166">
        <v>0</v>
      </c>
      <c r="R3303" s="166">
        <v>0</v>
      </c>
      <c r="S3303" s="166">
        <v>0</v>
      </c>
      <c r="T3303" s="166">
        <v>0</v>
      </c>
      <c r="U3303" s="166">
        <v>0</v>
      </c>
      <c r="V3303" s="166">
        <v>0</v>
      </c>
      <c r="W3303" s="166">
        <v>0</v>
      </c>
      <c r="X3303" s="166">
        <v>0</v>
      </c>
      <c r="Y3303" s="166">
        <v>0</v>
      </c>
      <c r="Z3303" s="166">
        <v>0</v>
      </c>
      <c r="AA3303" s="166">
        <v>0</v>
      </c>
      <c r="AB3303" s="166">
        <v>0</v>
      </c>
      <c r="AC3303" s="166">
        <v>0</v>
      </c>
      <c r="AD3303" s="166">
        <v>0</v>
      </c>
      <c r="AE3303" s="166">
        <v>0</v>
      </c>
      <c r="AF3303" s="166">
        <v>0</v>
      </c>
      <c r="AG3303" s="166">
        <v>0</v>
      </c>
      <c r="AH3303" s="166">
        <v>0</v>
      </c>
      <c r="AI3303" s="166">
        <v>0</v>
      </c>
      <c r="AJ3303" s="166">
        <v>0</v>
      </c>
      <c r="AK3303" s="166">
        <v>0</v>
      </c>
      <c r="AL3303" s="166">
        <v>0</v>
      </c>
      <c r="AM3303" s="166">
        <v>0</v>
      </c>
      <c r="AN3303" s="166">
        <v>0</v>
      </c>
      <c r="AO3303" s="166">
        <v>0</v>
      </c>
      <c r="AP3303" s="166">
        <v>0</v>
      </c>
      <c r="AQ3303" s="166">
        <v>0</v>
      </c>
      <c r="AR3303" s="166">
        <v>0</v>
      </c>
      <c r="AS3303" s="166">
        <v>0</v>
      </c>
      <c r="AT3303" s="166">
        <v>0</v>
      </c>
      <c r="AU3303" s="166">
        <v>0</v>
      </c>
      <c r="AV3303" s="166">
        <v>0</v>
      </c>
      <c r="AW3303" s="166">
        <v>0</v>
      </c>
      <c r="AX3303" s="166">
        <v>0</v>
      </c>
      <c r="AY3303" s="166">
        <v>0</v>
      </c>
      <c r="AZ3303" s="166">
        <v>0</v>
      </c>
      <c r="BA3303" s="166">
        <v>0</v>
      </c>
      <c r="BB3303" s="166">
        <v>0</v>
      </c>
      <c r="BC3303" s="166">
        <v>0</v>
      </c>
      <c r="BD3303" s="166">
        <v>0</v>
      </c>
      <c r="BE3303" s="166">
        <v>0</v>
      </c>
      <c r="BF3303" s="166">
        <v>0</v>
      </c>
      <c r="BG3303" s="166">
        <v>0</v>
      </c>
      <c r="BH3303" s="166">
        <v>0</v>
      </c>
      <c r="BI3303" s="166">
        <v>0</v>
      </c>
      <c r="BJ3303" s="166">
        <v>0</v>
      </c>
      <c r="BK3303" s="166">
        <v>0</v>
      </c>
      <c r="BL3303" s="166">
        <v>0</v>
      </c>
      <c r="BM3303" s="166">
        <v>0</v>
      </c>
      <c r="BN3303" s="166">
        <v>0</v>
      </c>
      <c r="BO3303" s="166">
        <v>0</v>
      </c>
      <c r="BP3303" s="166">
        <v>0</v>
      </c>
      <c r="BQ3303" s="166">
        <v>0</v>
      </c>
      <c r="BR3303" s="166">
        <v>0</v>
      </c>
      <c r="BS3303" s="166">
        <v>0</v>
      </c>
      <c r="BT3303" s="168">
        <v>0</v>
      </c>
      <c r="BU3303" s="166">
        <v>0</v>
      </c>
      <c r="BV3303" s="166">
        <v>0</v>
      </c>
      <c r="BW3303" s="166">
        <v>0</v>
      </c>
      <c r="BX3303" s="166">
        <v>0</v>
      </c>
      <c r="BY3303" s="166">
        <v>0</v>
      </c>
      <c r="BZ3303" s="166">
        <v>0</v>
      </c>
      <c r="CA3303" s="166">
        <v>0</v>
      </c>
      <c r="CB3303" s="166">
        <v>0</v>
      </c>
      <c r="CC3303" s="166">
        <v>0</v>
      </c>
      <c r="CD3303" s="166">
        <v>0</v>
      </c>
      <c r="CE3303" s="166">
        <v>0</v>
      </c>
      <c r="CF3303" s="166">
        <v>0</v>
      </c>
      <c r="CG3303" s="166">
        <v>0</v>
      </c>
      <c r="CH3303" s="166">
        <v>0</v>
      </c>
      <c r="CI3303" s="166">
        <v>0</v>
      </c>
      <c r="CJ3303" s="166">
        <v>0</v>
      </c>
      <c r="CK3303" s="166">
        <v>0</v>
      </c>
      <c r="CL3303" s="166">
        <v>0</v>
      </c>
      <c r="CM3303" s="166">
        <v>0</v>
      </c>
      <c r="CN3303" s="166">
        <v>0</v>
      </c>
      <c r="CO3303" s="166">
        <v>0</v>
      </c>
      <c r="CP3303" s="166">
        <v>0</v>
      </c>
      <c r="CQ3303" s="166">
        <v>0</v>
      </c>
      <c r="CR3303" s="166">
        <v>0</v>
      </c>
      <c r="CS3303" s="166">
        <v>0</v>
      </c>
      <c r="CT3303" s="166">
        <v>0</v>
      </c>
      <c r="CU3303" s="166">
        <v>0</v>
      </c>
      <c r="CV3303" s="166">
        <v>0</v>
      </c>
      <c r="CW3303" s="166">
        <v>0</v>
      </c>
      <c r="CX3303" s="166">
        <v>0</v>
      </c>
      <c r="CY3303" s="166">
        <v>0</v>
      </c>
      <c r="CZ3303" s="166">
        <v>0</v>
      </c>
    </row>
    <row r="3304" spans="1:104" x14ac:dyDescent="0.2">
      <c r="A3304" s="167" t="s">
        <v>588</v>
      </c>
      <c r="B3304" s="166">
        <v>7438768.5499999998</v>
      </c>
      <c r="C3304" s="166">
        <v>7438768.5499999998</v>
      </c>
      <c r="D3304" s="166">
        <v>0</v>
      </c>
      <c r="E3304" s="166">
        <v>0</v>
      </c>
      <c r="F3304" s="166">
        <v>0</v>
      </c>
      <c r="G3304" s="166">
        <v>0</v>
      </c>
      <c r="H3304" s="166">
        <v>0</v>
      </c>
      <c r="I3304" s="166">
        <v>0</v>
      </c>
      <c r="J3304" s="166">
        <v>0</v>
      </c>
      <c r="K3304" s="166">
        <v>0</v>
      </c>
      <c r="L3304" s="166">
        <v>0</v>
      </c>
      <c r="M3304" s="166">
        <v>0</v>
      </c>
      <c r="N3304" s="166">
        <v>0</v>
      </c>
      <c r="O3304" s="166">
        <v>0</v>
      </c>
      <c r="P3304" s="166">
        <v>0</v>
      </c>
      <c r="Q3304" s="166">
        <v>0</v>
      </c>
      <c r="R3304" s="166">
        <v>0</v>
      </c>
      <c r="S3304" s="166">
        <v>0</v>
      </c>
      <c r="T3304" s="166">
        <v>0</v>
      </c>
      <c r="U3304" s="166">
        <v>0</v>
      </c>
      <c r="V3304" s="166">
        <v>0</v>
      </c>
      <c r="W3304" s="166">
        <v>0</v>
      </c>
      <c r="X3304" s="166">
        <v>0</v>
      </c>
      <c r="Y3304" s="166">
        <v>0</v>
      </c>
      <c r="Z3304" s="166">
        <v>0</v>
      </c>
      <c r="AA3304" s="166">
        <v>0</v>
      </c>
      <c r="AB3304" s="166">
        <v>0</v>
      </c>
      <c r="AC3304" s="166">
        <v>0</v>
      </c>
      <c r="AD3304" s="166">
        <v>0</v>
      </c>
      <c r="AE3304" s="166">
        <v>0</v>
      </c>
      <c r="AF3304" s="166">
        <v>0</v>
      </c>
      <c r="AG3304" s="166">
        <v>0</v>
      </c>
      <c r="AH3304" s="166">
        <v>0</v>
      </c>
      <c r="AI3304" s="166">
        <v>0</v>
      </c>
      <c r="AJ3304" s="166">
        <v>0</v>
      </c>
      <c r="AK3304" s="166">
        <v>0</v>
      </c>
      <c r="AL3304" s="166">
        <v>0</v>
      </c>
      <c r="AM3304" s="166">
        <v>0</v>
      </c>
      <c r="AN3304" s="166">
        <v>0</v>
      </c>
      <c r="AO3304" s="166">
        <v>0</v>
      </c>
      <c r="AP3304" s="166">
        <v>0</v>
      </c>
      <c r="AQ3304" s="166">
        <v>0</v>
      </c>
      <c r="AR3304" s="166">
        <v>0</v>
      </c>
      <c r="AS3304" s="166">
        <v>0</v>
      </c>
      <c r="AT3304" s="166">
        <v>0</v>
      </c>
      <c r="AU3304" s="166">
        <v>0</v>
      </c>
      <c r="AV3304" s="166">
        <v>0</v>
      </c>
      <c r="AW3304" s="166">
        <v>0</v>
      </c>
      <c r="AX3304" s="166">
        <v>0</v>
      </c>
      <c r="AY3304" s="166">
        <v>0</v>
      </c>
      <c r="AZ3304" s="166">
        <v>0</v>
      </c>
      <c r="BA3304" s="166">
        <v>0</v>
      </c>
      <c r="BB3304" s="166">
        <v>0</v>
      </c>
      <c r="BC3304" s="166">
        <v>0</v>
      </c>
      <c r="BD3304" s="166">
        <v>0</v>
      </c>
      <c r="BE3304" s="166">
        <v>0</v>
      </c>
      <c r="BF3304" s="166">
        <v>0</v>
      </c>
      <c r="BG3304" s="166">
        <v>0</v>
      </c>
      <c r="BH3304" s="166">
        <v>0</v>
      </c>
      <c r="BI3304" s="166">
        <v>0</v>
      </c>
      <c r="BJ3304" s="166">
        <v>0</v>
      </c>
      <c r="BK3304" s="166">
        <v>0</v>
      </c>
      <c r="BL3304" s="166">
        <v>0</v>
      </c>
      <c r="BM3304" s="166">
        <v>0</v>
      </c>
      <c r="BN3304" s="166">
        <v>0</v>
      </c>
      <c r="BO3304" s="166">
        <v>0</v>
      </c>
      <c r="BP3304" s="166">
        <v>0</v>
      </c>
      <c r="BQ3304" s="166">
        <v>0</v>
      </c>
      <c r="BR3304" s="166">
        <v>7438768.5499999998</v>
      </c>
      <c r="BS3304" s="166">
        <v>7438768.5499999998</v>
      </c>
      <c r="BT3304" s="168">
        <v>0</v>
      </c>
      <c r="BU3304" s="166">
        <v>0</v>
      </c>
      <c r="BV3304" s="166">
        <v>0</v>
      </c>
      <c r="BW3304" s="166">
        <v>0</v>
      </c>
      <c r="BX3304" s="166">
        <v>0</v>
      </c>
      <c r="BY3304" s="166">
        <v>0</v>
      </c>
      <c r="BZ3304" s="166">
        <v>0</v>
      </c>
      <c r="CA3304" s="166">
        <v>0</v>
      </c>
      <c r="CB3304" s="166">
        <v>0</v>
      </c>
      <c r="CC3304" s="166">
        <v>0</v>
      </c>
      <c r="CD3304" s="166">
        <v>0</v>
      </c>
      <c r="CE3304" s="166">
        <v>0</v>
      </c>
      <c r="CF3304" s="166">
        <v>0</v>
      </c>
      <c r="CG3304" s="166">
        <v>0</v>
      </c>
      <c r="CH3304" s="166">
        <v>0</v>
      </c>
      <c r="CI3304" s="166">
        <v>0</v>
      </c>
      <c r="CJ3304" s="166">
        <v>0</v>
      </c>
      <c r="CK3304" s="166">
        <v>0</v>
      </c>
      <c r="CL3304" s="166">
        <v>0</v>
      </c>
      <c r="CM3304" s="166">
        <v>0</v>
      </c>
      <c r="CN3304" s="166">
        <v>0</v>
      </c>
      <c r="CO3304" s="166">
        <v>0</v>
      </c>
      <c r="CP3304" s="166">
        <v>0</v>
      </c>
      <c r="CQ3304" s="166">
        <v>0</v>
      </c>
      <c r="CR3304" s="166">
        <v>0</v>
      </c>
      <c r="CS3304" s="166">
        <v>0</v>
      </c>
      <c r="CT3304" s="166">
        <v>0</v>
      </c>
      <c r="CU3304" s="166">
        <v>0</v>
      </c>
      <c r="CV3304" s="166">
        <v>0</v>
      </c>
      <c r="CW3304" s="166">
        <v>0</v>
      </c>
      <c r="CX3304" s="166">
        <v>0</v>
      </c>
      <c r="CY3304" s="166">
        <v>0</v>
      </c>
      <c r="CZ3304" s="166">
        <v>0</v>
      </c>
    </row>
    <row r="3305" spans="1:104" x14ac:dyDescent="0.2">
      <c r="A3305" s="167" t="s">
        <v>589</v>
      </c>
      <c r="B3305" s="166">
        <v>0</v>
      </c>
      <c r="C3305" s="166">
        <v>0</v>
      </c>
      <c r="D3305" s="166">
        <v>0</v>
      </c>
      <c r="E3305" s="166">
        <v>0</v>
      </c>
      <c r="F3305" s="166">
        <v>0</v>
      </c>
      <c r="G3305" s="166">
        <v>0</v>
      </c>
      <c r="H3305" s="166">
        <v>0</v>
      </c>
      <c r="I3305" s="166">
        <v>0</v>
      </c>
      <c r="J3305" s="166">
        <v>0</v>
      </c>
      <c r="K3305" s="166">
        <v>0</v>
      </c>
      <c r="L3305" s="166">
        <v>0</v>
      </c>
      <c r="M3305" s="166">
        <v>0</v>
      </c>
      <c r="N3305" s="166">
        <v>0</v>
      </c>
      <c r="O3305" s="166">
        <v>0</v>
      </c>
      <c r="P3305" s="166">
        <v>0</v>
      </c>
      <c r="Q3305" s="166">
        <v>0</v>
      </c>
      <c r="R3305" s="166">
        <v>0</v>
      </c>
      <c r="S3305" s="166">
        <v>0</v>
      </c>
      <c r="T3305" s="166">
        <v>0</v>
      </c>
      <c r="U3305" s="166">
        <v>0</v>
      </c>
      <c r="V3305" s="166">
        <v>0</v>
      </c>
      <c r="W3305" s="166">
        <v>0</v>
      </c>
      <c r="X3305" s="166">
        <v>0</v>
      </c>
      <c r="Y3305" s="166">
        <v>0</v>
      </c>
      <c r="Z3305" s="166">
        <v>0</v>
      </c>
      <c r="AA3305" s="166">
        <v>0</v>
      </c>
      <c r="AB3305" s="166">
        <v>0</v>
      </c>
      <c r="AC3305" s="166">
        <v>0</v>
      </c>
      <c r="AD3305" s="166">
        <v>0</v>
      </c>
      <c r="AE3305" s="166">
        <v>0</v>
      </c>
      <c r="AF3305" s="166">
        <v>0</v>
      </c>
      <c r="AG3305" s="166">
        <v>0</v>
      </c>
      <c r="AH3305" s="166">
        <v>0</v>
      </c>
      <c r="AI3305" s="166">
        <v>0</v>
      </c>
      <c r="AJ3305" s="166">
        <v>0</v>
      </c>
      <c r="AK3305" s="166">
        <v>0</v>
      </c>
      <c r="AL3305" s="166">
        <v>0</v>
      </c>
      <c r="AM3305" s="166">
        <v>0</v>
      </c>
      <c r="AN3305" s="166">
        <v>0</v>
      </c>
      <c r="AO3305" s="166">
        <v>0</v>
      </c>
      <c r="AP3305" s="166">
        <v>0</v>
      </c>
      <c r="AQ3305" s="166">
        <v>0</v>
      </c>
      <c r="AR3305" s="166">
        <v>0</v>
      </c>
      <c r="AS3305" s="166">
        <v>0</v>
      </c>
      <c r="AT3305" s="166">
        <v>0</v>
      </c>
      <c r="AU3305" s="166">
        <v>0</v>
      </c>
      <c r="AV3305" s="166">
        <v>0</v>
      </c>
      <c r="AW3305" s="166">
        <v>0</v>
      </c>
      <c r="AX3305" s="166">
        <v>0</v>
      </c>
      <c r="AY3305" s="166">
        <v>0</v>
      </c>
      <c r="AZ3305" s="166">
        <v>0</v>
      </c>
      <c r="BA3305" s="166">
        <v>0</v>
      </c>
      <c r="BB3305" s="166">
        <v>0</v>
      </c>
      <c r="BC3305" s="166">
        <v>0</v>
      </c>
      <c r="BD3305" s="166">
        <v>0</v>
      </c>
      <c r="BE3305" s="166">
        <v>0</v>
      </c>
      <c r="BF3305" s="166">
        <v>0</v>
      </c>
      <c r="BG3305" s="166">
        <v>0</v>
      </c>
      <c r="BH3305" s="166">
        <v>0</v>
      </c>
      <c r="BI3305" s="166">
        <v>0</v>
      </c>
      <c r="BJ3305" s="166">
        <v>0</v>
      </c>
      <c r="BK3305" s="166">
        <v>0</v>
      </c>
      <c r="BL3305" s="166">
        <v>0</v>
      </c>
      <c r="BM3305" s="166">
        <v>0</v>
      </c>
      <c r="BN3305" s="166">
        <v>0</v>
      </c>
      <c r="BO3305" s="166">
        <v>0</v>
      </c>
      <c r="BP3305" s="166">
        <v>0</v>
      </c>
      <c r="BQ3305" s="166">
        <v>0</v>
      </c>
      <c r="BR3305" s="166">
        <v>0</v>
      </c>
      <c r="BS3305" s="166">
        <v>0</v>
      </c>
      <c r="BT3305" s="168">
        <v>0</v>
      </c>
      <c r="BU3305" s="166">
        <v>0</v>
      </c>
      <c r="BV3305" s="166">
        <v>0</v>
      </c>
      <c r="BW3305" s="166">
        <v>0</v>
      </c>
      <c r="BX3305" s="166">
        <v>0</v>
      </c>
      <c r="BY3305" s="166">
        <v>0</v>
      </c>
      <c r="BZ3305" s="166">
        <v>0</v>
      </c>
      <c r="CA3305" s="166">
        <v>0</v>
      </c>
      <c r="CB3305" s="166">
        <v>0</v>
      </c>
      <c r="CC3305" s="166">
        <v>0</v>
      </c>
      <c r="CD3305" s="166">
        <v>0</v>
      </c>
      <c r="CE3305" s="166">
        <v>0</v>
      </c>
      <c r="CF3305" s="166">
        <v>0</v>
      </c>
      <c r="CG3305" s="166">
        <v>0</v>
      </c>
      <c r="CH3305" s="166">
        <v>0</v>
      </c>
      <c r="CI3305" s="166">
        <v>0</v>
      </c>
      <c r="CJ3305" s="166">
        <v>0</v>
      </c>
      <c r="CK3305" s="166">
        <v>0</v>
      </c>
      <c r="CL3305" s="166">
        <v>0</v>
      </c>
      <c r="CM3305" s="166">
        <v>0</v>
      </c>
      <c r="CN3305" s="166">
        <v>0</v>
      </c>
      <c r="CO3305" s="166">
        <v>0</v>
      </c>
      <c r="CP3305" s="166">
        <v>0</v>
      </c>
      <c r="CQ3305" s="166">
        <v>0</v>
      </c>
      <c r="CR3305" s="166">
        <v>0</v>
      </c>
      <c r="CS3305" s="166">
        <v>0</v>
      </c>
      <c r="CT3305" s="166">
        <v>0</v>
      </c>
      <c r="CU3305" s="166">
        <v>0</v>
      </c>
      <c r="CV3305" s="166">
        <v>0</v>
      </c>
      <c r="CW3305" s="166">
        <v>0</v>
      </c>
      <c r="CX3305" s="166">
        <v>0</v>
      </c>
      <c r="CY3305" s="166">
        <v>0</v>
      </c>
      <c r="CZ3305" s="166">
        <v>0</v>
      </c>
    </row>
    <row r="3306" spans="1:104" x14ac:dyDescent="0.2">
      <c r="A3306" s="177" t="s">
        <v>590</v>
      </c>
      <c r="B3306" s="166">
        <v>7438768.5499999998</v>
      </c>
      <c r="C3306" s="166">
        <v>7438768.5499999998</v>
      </c>
      <c r="D3306" s="166">
        <v>0</v>
      </c>
      <c r="E3306" s="166">
        <v>0</v>
      </c>
      <c r="F3306" s="166">
        <v>0</v>
      </c>
      <c r="G3306" s="166">
        <v>0</v>
      </c>
      <c r="H3306" s="166">
        <v>0</v>
      </c>
      <c r="I3306" s="166">
        <v>0</v>
      </c>
      <c r="J3306" s="166">
        <v>0</v>
      </c>
      <c r="K3306" s="166">
        <v>0</v>
      </c>
      <c r="L3306" s="166">
        <v>0</v>
      </c>
      <c r="M3306" s="166">
        <v>0</v>
      </c>
      <c r="N3306" s="166">
        <v>0</v>
      </c>
      <c r="O3306" s="166">
        <v>0</v>
      </c>
      <c r="P3306" s="166">
        <v>0</v>
      </c>
      <c r="Q3306" s="166">
        <v>0</v>
      </c>
      <c r="R3306" s="166">
        <v>0</v>
      </c>
      <c r="S3306" s="166">
        <v>0</v>
      </c>
      <c r="T3306" s="166">
        <v>0</v>
      </c>
      <c r="U3306" s="166">
        <v>0</v>
      </c>
      <c r="V3306" s="166">
        <v>0</v>
      </c>
      <c r="W3306" s="166">
        <v>0</v>
      </c>
      <c r="X3306" s="166">
        <v>0</v>
      </c>
      <c r="Y3306" s="166">
        <v>0</v>
      </c>
      <c r="Z3306" s="166">
        <v>0</v>
      </c>
      <c r="AA3306" s="166">
        <v>0</v>
      </c>
      <c r="AB3306" s="166">
        <v>0</v>
      </c>
      <c r="AC3306" s="166">
        <v>0</v>
      </c>
      <c r="AD3306" s="166">
        <v>0</v>
      </c>
      <c r="AE3306" s="166">
        <v>0</v>
      </c>
      <c r="AF3306" s="166">
        <v>0</v>
      </c>
      <c r="AG3306" s="166">
        <v>0</v>
      </c>
      <c r="AH3306" s="166">
        <v>0</v>
      </c>
      <c r="AI3306" s="166">
        <v>0</v>
      </c>
      <c r="AJ3306" s="166">
        <v>0</v>
      </c>
      <c r="AK3306" s="166">
        <v>0</v>
      </c>
      <c r="AL3306" s="166">
        <v>0</v>
      </c>
      <c r="AM3306" s="166">
        <v>0</v>
      </c>
      <c r="AN3306" s="166">
        <v>0</v>
      </c>
      <c r="AO3306" s="166">
        <v>0</v>
      </c>
      <c r="AP3306" s="166">
        <v>0</v>
      </c>
      <c r="AQ3306" s="166">
        <v>0</v>
      </c>
      <c r="AR3306" s="166">
        <v>0</v>
      </c>
      <c r="AS3306" s="166">
        <v>0</v>
      </c>
      <c r="AT3306" s="166">
        <v>0</v>
      </c>
      <c r="AU3306" s="166">
        <v>0</v>
      </c>
      <c r="AV3306" s="166">
        <v>0</v>
      </c>
      <c r="AW3306" s="166">
        <v>0</v>
      </c>
      <c r="AX3306" s="166">
        <v>0</v>
      </c>
      <c r="AY3306" s="166">
        <v>0</v>
      </c>
      <c r="AZ3306" s="166">
        <v>0</v>
      </c>
      <c r="BA3306" s="166">
        <v>0</v>
      </c>
      <c r="BB3306" s="166">
        <v>0</v>
      </c>
      <c r="BC3306" s="166">
        <v>0</v>
      </c>
      <c r="BD3306" s="166">
        <v>0</v>
      </c>
      <c r="BE3306" s="166">
        <v>0</v>
      </c>
      <c r="BF3306" s="166">
        <v>0</v>
      </c>
      <c r="BG3306" s="166">
        <v>0</v>
      </c>
      <c r="BH3306" s="166">
        <v>0</v>
      </c>
      <c r="BI3306" s="166">
        <v>0</v>
      </c>
      <c r="BJ3306" s="166">
        <v>0</v>
      </c>
      <c r="BK3306" s="166">
        <v>0</v>
      </c>
      <c r="BL3306" s="166">
        <v>0</v>
      </c>
      <c r="BM3306" s="166">
        <v>0</v>
      </c>
      <c r="BN3306" s="166">
        <v>0</v>
      </c>
      <c r="BO3306" s="166">
        <v>0</v>
      </c>
      <c r="BP3306" s="166">
        <v>0</v>
      </c>
      <c r="BQ3306" s="166">
        <v>0</v>
      </c>
      <c r="BR3306" s="166">
        <v>7438768.5499999998</v>
      </c>
      <c r="BS3306" s="166">
        <v>7438768.5499999998</v>
      </c>
      <c r="BT3306" s="168">
        <v>0</v>
      </c>
      <c r="BU3306" s="166">
        <v>0</v>
      </c>
      <c r="BV3306" s="166">
        <v>0</v>
      </c>
      <c r="BW3306" s="166">
        <v>0</v>
      </c>
      <c r="BX3306" s="166">
        <v>0</v>
      </c>
      <c r="BY3306" s="166">
        <v>0</v>
      </c>
      <c r="BZ3306" s="166">
        <v>0</v>
      </c>
      <c r="CA3306" s="166">
        <v>0</v>
      </c>
      <c r="CB3306" s="166">
        <v>0</v>
      </c>
      <c r="CC3306" s="166">
        <v>0</v>
      </c>
      <c r="CD3306" s="166">
        <v>0</v>
      </c>
      <c r="CE3306" s="166">
        <v>0</v>
      </c>
      <c r="CF3306" s="166">
        <v>0</v>
      </c>
      <c r="CG3306" s="166">
        <v>0</v>
      </c>
      <c r="CH3306" s="166">
        <v>0</v>
      </c>
      <c r="CI3306" s="166">
        <v>0</v>
      </c>
      <c r="CJ3306" s="166">
        <v>0</v>
      </c>
      <c r="CK3306" s="166">
        <v>0</v>
      </c>
      <c r="CL3306" s="166">
        <v>0</v>
      </c>
      <c r="CM3306" s="166">
        <v>0</v>
      </c>
      <c r="CN3306" s="166">
        <v>0</v>
      </c>
      <c r="CO3306" s="166">
        <v>0</v>
      </c>
      <c r="CP3306" s="166">
        <v>0</v>
      </c>
      <c r="CQ3306" s="166">
        <v>0</v>
      </c>
      <c r="CR3306" s="166">
        <v>0</v>
      </c>
      <c r="CS3306" s="166">
        <v>0</v>
      </c>
      <c r="CT3306" s="166">
        <v>0</v>
      </c>
      <c r="CU3306" s="166">
        <v>0</v>
      </c>
      <c r="CV3306" s="166">
        <v>0</v>
      </c>
      <c r="CW3306" s="166">
        <v>0</v>
      </c>
      <c r="CX3306" s="166">
        <v>0</v>
      </c>
      <c r="CY3306" s="166">
        <v>0</v>
      </c>
      <c r="CZ3306" s="166">
        <v>0</v>
      </c>
    </row>
    <row r="3307" spans="1:104" x14ac:dyDescent="0.2">
      <c r="A3307" s="167" t="s">
        <v>591</v>
      </c>
      <c r="B3307" s="166">
        <v>0</v>
      </c>
      <c r="C3307" s="166">
        <v>0</v>
      </c>
      <c r="D3307" s="166">
        <v>0</v>
      </c>
      <c r="E3307" s="166">
        <v>0</v>
      </c>
      <c r="F3307" s="166">
        <v>0</v>
      </c>
      <c r="G3307" s="166">
        <v>0</v>
      </c>
      <c r="H3307" s="166">
        <v>0</v>
      </c>
      <c r="I3307" s="166">
        <v>0</v>
      </c>
      <c r="J3307" s="166">
        <v>0</v>
      </c>
      <c r="K3307" s="166">
        <v>0</v>
      </c>
      <c r="L3307" s="166">
        <v>0</v>
      </c>
      <c r="M3307" s="166">
        <v>0</v>
      </c>
      <c r="N3307" s="166">
        <v>0</v>
      </c>
      <c r="O3307" s="166">
        <v>0</v>
      </c>
      <c r="P3307" s="166">
        <v>0</v>
      </c>
      <c r="Q3307" s="166">
        <v>0</v>
      </c>
      <c r="R3307" s="166">
        <v>0</v>
      </c>
      <c r="S3307" s="166">
        <v>0</v>
      </c>
      <c r="T3307" s="166">
        <v>0</v>
      </c>
      <c r="U3307" s="166">
        <v>0</v>
      </c>
      <c r="V3307" s="166">
        <v>0</v>
      </c>
      <c r="W3307" s="166">
        <v>0</v>
      </c>
      <c r="X3307" s="166">
        <v>0</v>
      </c>
      <c r="Y3307" s="166">
        <v>0</v>
      </c>
      <c r="Z3307" s="166">
        <v>0</v>
      </c>
      <c r="AA3307" s="166">
        <v>0</v>
      </c>
      <c r="AB3307" s="166">
        <v>0</v>
      </c>
      <c r="AC3307" s="166">
        <v>0</v>
      </c>
      <c r="AD3307" s="166">
        <v>0</v>
      </c>
      <c r="AE3307" s="166">
        <v>0</v>
      </c>
      <c r="AF3307" s="166">
        <v>0</v>
      </c>
      <c r="AG3307" s="166">
        <v>0</v>
      </c>
      <c r="AH3307" s="166">
        <v>0</v>
      </c>
      <c r="AI3307" s="166">
        <v>0</v>
      </c>
      <c r="AJ3307" s="166">
        <v>0</v>
      </c>
      <c r="AK3307" s="166">
        <v>0</v>
      </c>
      <c r="AL3307" s="166">
        <v>0</v>
      </c>
      <c r="AM3307" s="166">
        <v>0</v>
      </c>
      <c r="AN3307" s="166">
        <v>0</v>
      </c>
      <c r="AO3307" s="166">
        <v>0</v>
      </c>
      <c r="AP3307" s="166">
        <v>0</v>
      </c>
      <c r="AQ3307" s="166">
        <v>0</v>
      </c>
      <c r="AR3307" s="166">
        <v>0</v>
      </c>
      <c r="AS3307" s="166">
        <v>0</v>
      </c>
      <c r="AT3307" s="166">
        <v>0</v>
      </c>
      <c r="AU3307" s="166">
        <v>0</v>
      </c>
      <c r="AV3307" s="166">
        <v>0</v>
      </c>
      <c r="AW3307" s="166">
        <v>0</v>
      </c>
      <c r="AX3307" s="166">
        <v>0</v>
      </c>
      <c r="AY3307" s="166">
        <v>0</v>
      </c>
      <c r="AZ3307" s="166">
        <v>0</v>
      </c>
      <c r="BA3307" s="166">
        <v>0</v>
      </c>
      <c r="BB3307" s="166">
        <v>0</v>
      </c>
      <c r="BC3307" s="166">
        <v>0</v>
      </c>
      <c r="BD3307" s="166">
        <v>0</v>
      </c>
      <c r="BE3307" s="166">
        <v>0</v>
      </c>
      <c r="BF3307" s="166">
        <v>0</v>
      </c>
      <c r="BG3307" s="166">
        <v>0</v>
      </c>
      <c r="BH3307" s="166">
        <v>0</v>
      </c>
      <c r="BI3307" s="166">
        <v>0</v>
      </c>
      <c r="BJ3307" s="166">
        <v>0</v>
      </c>
      <c r="BK3307" s="166">
        <v>0</v>
      </c>
      <c r="BL3307" s="166">
        <v>0</v>
      </c>
      <c r="BM3307" s="166">
        <v>0</v>
      </c>
      <c r="BN3307" s="166">
        <v>0</v>
      </c>
      <c r="BO3307" s="166">
        <v>0</v>
      </c>
      <c r="BP3307" s="166">
        <v>0</v>
      </c>
      <c r="BQ3307" s="166">
        <v>0</v>
      </c>
      <c r="BR3307" s="166">
        <v>0</v>
      </c>
      <c r="BS3307" s="166">
        <v>0</v>
      </c>
      <c r="BT3307" s="168">
        <v>0</v>
      </c>
      <c r="BU3307" s="166">
        <v>0</v>
      </c>
      <c r="BV3307" s="166">
        <v>0</v>
      </c>
      <c r="BW3307" s="166">
        <v>0</v>
      </c>
      <c r="BX3307" s="166">
        <v>0</v>
      </c>
      <c r="BY3307" s="166">
        <v>0</v>
      </c>
      <c r="BZ3307" s="166">
        <v>0</v>
      </c>
      <c r="CA3307" s="166">
        <v>0</v>
      </c>
      <c r="CB3307" s="166">
        <v>0</v>
      </c>
      <c r="CC3307" s="166">
        <v>0</v>
      </c>
      <c r="CD3307" s="166">
        <v>0</v>
      </c>
      <c r="CE3307" s="166">
        <v>0</v>
      </c>
      <c r="CF3307" s="166">
        <v>0</v>
      </c>
      <c r="CG3307" s="166">
        <v>0</v>
      </c>
      <c r="CH3307" s="166">
        <v>0</v>
      </c>
      <c r="CI3307" s="166">
        <v>0</v>
      </c>
      <c r="CJ3307" s="166">
        <v>0</v>
      </c>
      <c r="CK3307" s="166">
        <v>0</v>
      </c>
      <c r="CL3307" s="166">
        <v>0</v>
      </c>
      <c r="CM3307" s="166">
        <v>0</v>
      </c>
      <c r="CN3307" s="166">
        <v>0</v>
      </c>
      <c r="CO3307" s="166">
        <v>0</v>
      </c>
      <c r="CP3307" s="166">
        <v>0</v>
      </c>
      <c r="CQ3307" s="166">
        <v>0</v>
      </c>
      <c r="CR3307" s="166">
        <v>0</v>
      </c>
      <c r="CS3307" s="166">
        <v>0</v>
      </c>
      <c r="CT3307" s="166">
        <v>0</v>
      </c>
      <c r="CU3307" s="166">
        <v>0</v>
      </c>
      <c r="CV3307" s="166">
        <v>0</v>
      </c>
      <c r="CW3307" s="166">
        <v>0</v>
      </c>
      <c r="CX3307" s="166">
        <v>0</v>
      </c>
      <c r="CY3307" s="166">
        <v>0</v>
      </c>
      <c r="CZ3307" s="166">
        <v>0</v>
      </c>
    </row>
    <row r="3308" spans="1:104" x14ac:dyDescent="0.2">
      <c r="A3308" s="167" t="s">
        <v>592</v>
      </c>
      <c r="B3308" s="166">
        <v>0</v>
      </c>
      <c r="C3308" s="166">
        <v>0</v>
      </c>
      <c r="D3308" s="166">
        <v>0</v>
      </c>
      <c r="E3308" s="166">
        <v>0</v>
      </c>
      <c r="F3308" s="166">
        <v>0</v>
      </c>
      <c r="G3308" s="166">
        <v>0</v>
      </c>
      <c r="H3308" s="166">
        <v>0</v>
      </c>
      <c r="I3308" s="166">
        <v>0</v>
      </c>
      <c r="J3308" s="166">
        <v>0</v>
      </c>
      <c r="K3308" s="166">
        <v>0</v>
      </c>
      <c r="L3308" s="166">
        <v>0</v>
      </c>
      <c r="M3308" s="166">
        <v>0</v>
      </c>
      <c r="N3308" s="166">
        <v>0</v>
      </c>
      <c r="O3308" s="166">
        <v>0</v>
      </c>
      <c r="P3308" s="166">
        <v>0</v>
      </c>
      <c r="Q3308" s="166">
        <v>0</v>
      </c>
      <c r="R3308" s="166">
        <v>0</v>
      </c>
      <c r="S3308" s="166">
        <v>0</v>
      </c>
      <c r="T3308" s="166">
        <v>0</v>
      </c>
      <c r="U3308" s="166">
        <v>0</v>
      </c>
      <c r="V3308" s="166">
        <v>0</v>
      </c>
      <c r="W3308" s="166">
        <v>0</v>
      </c>
      <c r="X3308" s="166">
        <v>0</v>
      </c>
      <c r="Y3308" s="166">
        <v>0</v>
      </c>
      <c r="Z3308" s="166">
        <v>0</v>
      </c>
      <c r="AA3308" s="166">
        <v>0</v>
      </c>
      <c r="AB3308" s="166">
        <v>0</v>
      </c>
      <c r="AC3308" s="166">
        <v>0</v>
      </c>
      <c r="AD3308" s="166">
        <v>0</v>
      </c>
      <c r="AE3308" s="166">
        <v>0</v>
      </c>
      <c r="AF3308" s="166">
        <v>0</v>
      </c>
      <c r="AG3308" s="166">
        <v>0</v>
      </c>
      <c r="AH3308" s="166">
        <v>0</v>
      </c>
      <c r="AI3308" s="166">
        <v>0</v>
      </c>
      <c r="AJ3308" s="166">
        <v>0</v>
      </c>
      <c r="AK3308" s="166">
        <v>0</v>
      </c>
      <c r="AL3308" s="166">
        <v>0</v>
      </c>
      <c r="AM3308" s="166">
        <v>0</v>
      </c>
      <c r="AN3308" s="166">
        <v>0</v>
      </c>
      <c r="AO3308" s="166">
        <v>0</v>
      </c>
      <c r="AP3308" s="166">
        <v>0</v>
      </c>
      <c r="AQ3308" s="166">
        <v>0</v>
      </c>
      <c r="AR3308" s="166">
        <v>0</v>
      </c>
      <c r="AS3308" s="166">
        <v>0</v>
      </c>
      <c r="AT3308" s="166">
        <v>0</v>
      </c>
      <c r="AU3308" s="166">
        <v>0</v>
      </c>
      <c r="AV3308" s="166">
        <v>0</v>
      </c>
      <c r="AW3308" s="166">
        <v>0</v>
      </c>
      <c r="AX3308" s="166">
        <v>0</v>
      </c>
      <c r="AY3308" s="166">
        <v>0</v>
      </c>
      <c r="AZ3308" s="166">
        <v>0</v>
      </c>
      <c r="BA3308" s="166">
        <v>0</v>
      </c>
      <c r="BB3308" s="166">
        <v>0</v>
      </c>
      <c r="BC3308" s="166">
        <v>0</v>
      </c>
      <c r="BD3308" s="166">
        <v>0</v>
      </c>
      <c r="BE3308" s="166">
        <v>0</v>
      </c>
      <c r="BF3308" s="166">
        <v>0</v>
      </c>
      <c r="BG3308" s="166">
        <v>0</v>
      </c>
      <c r="BH3308" s="166">
        <v>0</v>
      </c>
      <c r="BI3308" s="166">
        <v>0</v>
      </c>
      <c r="BJ3308" s="166">
        <v>0</v>
      </c>
      <c r="BK3308" s="166">
        <v>0</v>
      </c>
      <c r="BL3308" s="166">
        <v>0</v>
      </c>
      <c r="BM3308" s="166">
        <v>0</v>
      </c>
      <c r="BN3308" s="166">
        <v>0</v>
      </c>
      <c r="BO3308" s="166">
        <v>0</v>
      </c>
      <c r="BP3308" s="166">
        <v>0</v>
      </c>
      <c r="BQ3308" s="166">
        <v>0</v>
      </c>
      <c r="BR3308" s="166">
        <v>0</v>
      </c>
      <c r="BS3308" s="166">
        <v>0</v>
      </c>
      <c r="BT3308" s="168">
        <v>0</v>
      </c>
      <c r="BU3308" s="166">
        <v>0</v>
      </c>
      <c r="BV3308" s="166">
        <v>0</v>
      </c>
      <c r="BW3308" s="166">
        <v>0</v>
      </c>
      <c r="BX3308" s="166">
        <v>0</v>
      </c>
      <c r="BY3308" s="166">
        <v>0</v>
      </c>
      <c r="BZ3308" s="166">
        <v>0</v>
      </c>
      <c r="CA3308" s="166">
        <v>0</v>
      </c>
      <c r="CB3308" s="166">
        <v>0</v>
      </c>
      <c r="CC3308" s="166">
        <v>0</v>
      </c>
      <c r="CD3308" s="166">
        <v>0</v>
      </c>
      <c r="CE3308" s="166">
        <v>0</v>
      </c>
      <c r="CF3308" s="166">
        <v>0</v>
      </c>
      <c r="CG3308" s="166">
        <v>0</v>
      </c>
      <c r="CH3308" s="166">
        <v>0</v>
      </c>
      <c r="CI3308" s="166">
        <v>0</v>
      </c>
      <c r="CJ3308" s="166">
        <v>0</v>
      </c>
      <c r="CK3308" s="166">
        <v>0</v>
      </c>
      <c r="CL3308" s="166">
        <v>0</v>
      </c>
      <c r="CM3308" s="166">
        <v>0</v>
      </c>
      <c r="CN3308" s="166">
        <v>0</v>
      </c>
      <c r="CO3308" s="166">
        <v>0</v>
      </c>
      <c r="CP3308" s="166">
        <v>0</v>
      </c>
      <c r="CQ3308" s="166">
        <v>0</v>
      </c>
      <c r="CR3308" s="166">
        <v>0</v>
      </c>
      <c r="CS3308" s="166">
        <v>0</v>
      </c>
      <c r="CT3308" s="166">
        <v>0</v>
      </c>
      <c r="CU3308" s="166">
        <v>0</v>
      </c>
      <c r="CV3308" s="166">
        <v>0</v>
      </c>
      <c r="CW3308" s="166">
        <v>0</v>
      </c>
      <c r="CX3308" s="166">
        <v>0</v>
      </c>
      <c r="CY3308" s="166">
        <v>0</v>
      </c>
      <c r="CZ3308" s="166">
        <v>0</v>
      </c>
    </row>
    <row r="3309" spans="1:104" x14ac:dyDescent="0.2">
      <c r="A3309" s="167" t="s">
        <v>593</v>
      </c>
      <c r="B3309" s="166">
        <v>0</v>
      </c>
      <c r="C3309" s="166">
        <v>0</v>
      </c>
      <c r="D3309" s="166">
        <v>0</v>
      </c>
      <c r="E3309" s="166">
        <v>0</v>
      </c>
      <c r="F3309" s="166">
        <v>0</v>
      </c>
      <c r="G3309" s="166">
        <v>0</v>
      </c>
      <c r="H3309" s="166">
        <v>0</v>
      </c>
      <c r="I3309" s="166">
        <v>0</v>
      </c>
      <c r="J3309" s="166">
        <v>0</v>
      </c>
      <c r="K3309" s="166">
        <v>0</v>
      </c>
      <c r="L3309" s="166">
        <v>0</v>
      </c>
      <c r="M3309" s="166">
        <v>0</v>
      </c>
      <c r="N3309" s="166">
        <v>0</v>
      </c>
      <c r="O3309" s="166">
        <v>0</v>
      </c>
      <c r="P3309" s="166">
        <v>0</v>
      </c>
      <c r="Q3309" s="166">
        <v>0</v>
      </c>
      <c r="R3309" s="166">
        <v>0</v>
      </c>
      <c r="S3309" s="166">
        <v>0</v>
      </c>
      <c r="T3309" s="166">
        <v>0</v>
      </c>
      <c r="U3309" s="166">
        <v>0</v>
      </c>
      <c r="V3309" s="166">
        <v>0</v>
      </c>
      <c r="W3309" s="166">
        <v>0</v>
      </c>
      <c r="X3309" s="166">
        <v>0</v>
      </c>
      <c r="Y3309" s="166">
        <v>0</v>
      </c>
      <c r="Z3309" s="166">
        <v>0</v>
      </c>
      <c r="AA3309" s="166">
        <v>0</v>
      </c>
      <c r="AB3309" s="166">
        <v>0</v>
      </c>
      <c r="AC3309" s="166">
        <v>0</v>
      </c>
      <c r="AD3309" s="166">
        <v>0</v>
      </c>
      <c r="AE3309" s="166">
        <v>0</v>
      </c>
      <c r="AF3309" s="166">
        <v>0</v>
      </c>
      <c r="AG3309" s="166">
        <v>0</v>
      </c>
      <c r="AH3309" s="166">
        <v>0</v>
      </c>
      <c r="AI3309" s="166">
        <v>0</v>
      </c>
      <c r="AJ3309" s="166">
        <v>0</v>
      </c>
      <c r="AK3309" s="166">
        <v>0</v>
      </c>
      <c r="AL3309" s="166">
        <v>0</v>
      </c>
      <c r="AM3309" s="166">
        <v>0</v>
      </c>
      <c r="AN3309" s="166">
        <v>0</v>
      </c>
      <c r="AO3309" s="166">
        <v>0</v>
      </c>
      <c r="AP3309" s="166">
        <v>0</v>
      </c>
      <c r="AQ3309" s="166">
        <v>0</v>
      </c>
      <c r="AR3309" s="166">
        <v>0</v>
      </c>
      <c r="AS3309" s="166">
        <v>0</v>
      </c>
      <c r="AT3309" s="166">
        <v>0</v>
      </c>
      <c r="AU3309" s="166">
        <v>0</v>
      </c>
      <c r="AV3309" s="166">
        <v>0</v>
      </c>
      <c r="AW3309" s="166">
        <v>0</v>
      </c>
      <c r="AX3309" s="166">
        <v>0</v>
      </c>
      <c r="AY3309" s="166">
        <v>0</v>
      </c>
      <c r="AZ3309" s="166">
        <v>0</v>
      </c>
      <c r="BA3309" s="166">
        <v>0</v>
      </c>
      <c r="BB3309" s="166">
        <v>0</v>
      </c>
      <c r="BC3309" s="166">
        <v>0</v>
      </c>
      <c r="BD3309" s="166">
        <v>0</v>
      </c>
      <c r="BE3309" s="166">
        <v>0</v>
      </c>
      <c r="BF3309" s="166">
        <v>0</v>
      </c>
      <c r="BG3309" s="166">
        <v>0</v>
      </c>
      <c r="BH3309" s="166">
        <v>0</v>
      </c>
      <c r="BI3309" s="166">
        <v>0</v>
      </c>
      <c r="BJ3309" s="166">
        <v>0</v>
      </c>
      <c r="BK3309" s="166">
        <v>0</v>
      </c>
      <c r="BL3309" s="166">
        <v>0</v>
      </c>
      <c r="BM3309" s="166">
        <v>0</v>
      </c>
      <c r="BN3309" s="166">
        <v>0</v>
      </c>
      <c r="BO3309" s="166">
        <v>0</v>
      </c>
      <c r="BP3309" s="166">
        <v>0</v>
      </c>
      <c r="BQ3309" s="166">
        <v>0</v>
      </c>
      <c r="BR3309" s="166">
        <v>0</v>
      </c>
      <c r="BS3309" s="166">
        <v>0</v>
      </c>
      <c r="BT3309" s="168">
        <v>0</v>
      </c>
      <c r="BU3309" s="166">
        <v>0</v>
      </c>
      <c r="BV3309" s="166">
        <v>0</v>
      </c>
      <c r="BW3309" s="166">
        <v>0</v>
      </c>
      <c r="BX3309" s="166">
        <v>0</v>
      </c>
      <c r="BY3309" s="166">
        <v>0</v>
      </c>
      <c r="BZ3309" s="166">
        <v>0</v>
      </c>
      <c r="CA3309" s="166">
        <v>0</v>
      </c>
      <c r="CB3309" s="166">
        <v>0</v>
      </c>
      <c r="CC3309" s="166">
        <v>0</v>
      </c>
      <c r="CD3309" s="166">
        <v>0</v>
      </c>
      <c r="CE3309" s="166">
        <v>0</v>
      </c>
      <c r="CF3309" s="166">
        <v>0</v>
      </c>
      <c r="CG3309" s="166">
        <v>0</v>
      </c>
      <c r="CH3309" s="166">
        <v>0</v>
      </c>
      <c r="CI3309" s="166">
        <v>0</v>
      </c>
      <c r="CJ3309" s="166">
        <v>0</v>
      </c>
      <c r="CK3309" s="166">
        <v>0</v>
      </c>
      <c r="CL3309" s="166">
        <v>0</v>
      </c>
      <c r="CM3309" s="166">
        <v>0</v>
      </c>
      <c r="CN3309" s="166">
        <v>0</v>
      </c>
      <c r="CO3309" s="166">
        <v>0</v>
      </c>
      <c r="CP3309" s="166">
        <v>0</v>
      </c>
      <c r="CQ3309" s="166">
        <v>0</v>
      </c>
      <c r="CR3309" s="166">
        <v>0</v>
      </c>
      <c r="CS3309" s="166">
        <v>0</v>
      </c>
      <c r="CT3309" s="166">
        <v>0</v>
      </c>
      <c r="CU3309" s="166">
        <v>0</v>
      </c>
      <c r="CV3309" s="166">
        <v>0</v>
      </c>
      <c r="CW3309" s="166">
        <v>0</v>
      </c>
      <c r="CX3309" s="166">
        <v>0</v>
      </c>
      <c r="CY3309" s="166">
        <v>0</v>
      </c>
      <c r="CZ3309" s="166">
        <v>0</v>
      </c>
    </row>
    <row r="3310" spans="1:104" x14ac:dyDescent="0.2">
      <c r="A3310" s="167" t="s">
        <v>594</v>
      </c>
      <c r="B3310" s="166">
        <v>0</v>
      </c>
      <c r="C3310" s="166">
        <v>0</v>
      </c>
      <c r="D3310" s="166">
        <v>0</v>
      </c>
      <c r="E3310" s="166">
        <v>0</v>
      </c>
      <c r="F3310" s="166">
        <v>0</v>
      </c>
      <c r="G3310" s="166">
        <v>0</v>
      </c>
      <c r="H3310" s="166">
        <v>0</v>
      </c>
      <c r="I3310" s="166">
        <v>0</v>
      </c>
      <c r="J3310" s="166">
        <v>0</v>
      </c>
      <c r="K3310" s="166">
        <v>0</v>
      </c>
      <c r="L3310" s="166">
        <v>0</v>
      </c>
      <c r="M3310" s="166">
        <v>0</v>
      </c>
      <c r="N3310" s="166">
        <v>0</v>
      </c>
      <c r="O3310" s="166">
        <v>0</v>
      </c>
      <c r="P3310" s="166">
        <v>0</v>
      </c>
      <c r="Q3310" s="166">
        <v>0</v>
      </c>
      <c r="R3310" s="166">
        <v>0</v>
      </c>
      <c r="S3310" s="166">
        <v>0</v>
      </c>
      <c r="T3310" s="166">
        <v>0</v>
      </c>
      <c r="U3310" s="166">
        <v>0</v>
      </c>
      <c r="V3310" s="166">
        <v>0</v>
      </c>
      <c r="W3310" s="166">
        <v>0</v>
      </c>
      <c r="X3310" s="166">
        <v>0</v>
      </c>
      <c r="Y3310" s="166">
        <v>0</v>
      </c>
      <c r="Z3310" s="166">
        <v>0</v>
      </c>
      <c r="AA3310" s="166">
        <v>0</v>
      </c>
      <c r="AB3310" s="166">
        <v>0</v>
      </c>
      <c r="AC3310" s="166">
        <v>0</v>
      </c>
      <c r="AD3310" s="166">
        <v>0</v>
      </c>
      <c r="AE3310" s="166">
        <v>0</v>
      </c>
      <c r="AF3310" s="166">
        <v>0</v>
      </c>
      <c r="AG3310" s="166">
        <v>0</v>
      </c>
      <c r="AH3310" s="166">
        <v>0</v>
      </c>
      <c r="AI3310" s="166">
        <v>0</v>
      </c>
      <c r="AJ3310" s="166">
        <v>0</v>
      </c>
      <c r="AK3310" s="166">
        <v>0</v>
      </c>
      <c r="AL3310" s="166">
        <v>0</v>
      </c>
      <c r="AM3310" s="166">
        <v>0</v>
      </c>
      <c r="AN3310" s="166">
        <v>0</v>
      </c>
      <c r="AO3310" s="166">
        <v>0</v>
      </c>
      <c r="AP3310" s="166">
        <v>0</v>
      </c>
      <c r="AQ3310" s="166">
        <v>0</v>
      </c>
      <c r="AR3310" s="166">
        <v>0</v>
      </c>
      <c r="AS3310" s="166">
        <v>0</v>
      </c>
      <c r="AT3310" s="166">
        <v>0</v>
      </c>
      <c r="AU3310" s="166">
        <v>0</v>
      </c>
      <c r="AV3310" s="166">
        <v>0</v>
      </c>
      <c r="AW3310" s="166">
        <v>0</v>
      </c>
      <c r="AX3310" s="166">
        <v>0</v>
      </c>
      <c r="AY3310" s="166">
        <v>0</v>
      </c>
      <c r="AZ3310" s="166">
        <v>0</v>
      </c>
      <c r="BA3310" s="166">
        <v>0</v>
      </c>
      <c r="BB3310" s="166">
        <v>0</v>
      </c>
      <c r="BC3310" s="166">
        <v>0</v>
      </c>
      <c r="BD3310" s="166">
        <v>0</v>
      </c>
      <c r="BE3310" s="166">
        <v>0</v>
      </c>
      <c r="BF3310" s="166">
        <v>0</v>
      </c>
      <c r="BG3310" s="166">
        <v>0</v>
      </c>
      <c r="BH3310" s="166">
        <v>0</v>
      </c>
      <c r="BI3310" s="166">
        <v>0</v>
      </c>
      <c r="BJ3310" s="166">
        <v>0</v>
      </c>
      <c r="BK3310" s="166">
        <v>0</v>
      </c>
      <c r="BL3310" s="166">
        <v>0</v>
      </c>
      <c r="BM3310" s="166">
        <v>0</v>
      </c>
      <c r="BN3310" s="166">
        <v>0</v>
      </c>
      <c r="BO3310" s="166">
        <v>0</v>
      </c>
      <c r="BP3310" s="166">
        <v>0</v>
      </c>
      <c r="BQ3310" s="166">
        <v>0</v>
      </c>
      <c r="BR3310" s="166">
        <v>0</v>
      </c>
      <c r="BS3310" s="166">
        <v>0</v>
      </c>
      <c r="BT3310" s="168">
        <v>0</v>
      </c>
      <c r="BU3310" s="166">
        <v>0</v>
      </c>
      <c r="BV3310" s="166">
        <v>0</v>
      </c>
      <c r="BW3310" s="166">
        <v>0</v>
      </c>
      <c r="BX3310" s="166">
        <v>0</v>
      </c>
      <c r="BY3310" s="166">
        <v>0</v>
      </c>
      <c r="BZ3310" s="166">
        <v>0</v>
      </c>
      <c r="CA3310" s="166">
        <v>0</v>
      </c>
      <c r="CB3310" s="166">
        <v>0</v>
      </c>
      <c r="CC3310" s="166">
        <v>0</v>
      </c>
      <c r="CD3310" s="166">
        <v>0</v>
      </c>
      <c r="CE3310" s="166">
        <v>0</v>
      </c>
      <c r="CF3310" s="166">
        <v>0</v>
      </c>
      <c r="CG3310" s="166">
        <v>0</v>
      </c>
      <c r="CH3310" s="166">
        <v>0</v>
      </c>
      <c r="CI3310" s="166">
        <v>0</v>
      </c>
      <c r="CJ3310" s="166">
        <v>0</v>
      </c>
      <c r="CK3310" s="166">
        <v>0</v>
      </c>
      <c r="CL3310" s="166">
        <v>0</v>
      </c>
      <c r="CM3310" s="166">
        <v>0</v>
      </c>
      <c r="CN3310" s="166">
        <v>0</v>
      </c>
      <c r="CO3310" s="166">
        <v>0</v>
      </c>
      <c r="CP3310" s="166">
        <v>0</v>
      </c>
      <c r="CQ3310" s="166">
        <v>0</v>
      </c>
      <c r="CR3310" s="166">
        <v>0</v>
      </c>
      <c r="CS3310" s="166">
        <v>0</v>
      </c>
      <c r="CT3310" s="166">
        <v>0</v>
      </c>
      <c r="CU3310" s="166">
        <v>0</v>
      </c>
      <c r="CV3310" s="166">
        <v>0</v>
      </c>
      <c r="CW3310" s="166">
        <v>0</v>
      </c>
      <c r="CX3310" s="166">
        <v>0</v>
      </c>
      <c r="CY3310" s="166">
        <v>0</v>
      </c>
      <c r="CZ3310" s="166">
        <v>0</v>
      </c>
    </row>
    <row r="3311" spans="1:104" x14ac:dyDescent="0.2">
      <c r="A3311" s="167" t="s">
        <v>595</v>
      </c>
      <c r="B3311" s="166">
        <v>33310645.010000002</v>
      </c>
      <c r="C3311" s="166">
        <v>33310645.010000002</v>
      </c>
      <c r="D3311" s="166">
        <v>0</v>
      </c>
      <c r="E3311" s="166">
        <v>0</v>
      </c>
      <c r="F3311" s="166">
        <v>0</v>
      </c>
      <c r="G3311" s="166">
        <v>0</v>
      </c>
      <c r="H3311" s="166">
        <v>0</v>
      </c>
      <c r="I3311" s="166">
        <v>0</v>
      </c>
      <c r="J3311" s="166">
        <v>0</v>
      </c>
      <c r="K3311" s="166">
        <v>0</v>
      </c>
      <c r="L3311" s="166">
        <v>0</v>
      </c>
      <c r="M3311" s="166">
        <v>0</v>
      </c>
      <c r="N3311" s="166">
        <v>0</v>
      </c>
      <c r="O3311" s="166">
        <v>0</v>
      </c>
      <c r="P3311" s="166">
        <v>0</v>
      </c>
      <c r="Q3311" s="166">
        <v>0</v>
      </c>
      <c r="R3311" s="166">
        <v>0</v>
      </c>
      <c r="S3311" s="166">
        <v>0</v>
      </c>
      <c r="T3311" s="166">
        <v>0</v>
      </c>
      <c r="U3311" s="166">
        <v>0</v>
      </c>
      <c r="V3311" s="166">
        <v>0</v>
      </c>
      <c r="W3311" s="166">
        <v>0</v>
      </c>
      <c r="X3311" s="166">
        <v>0</v>
      </c>
      <c r="Y3311" s="166">
        <v>0</v>
      </c>
      <c r="Z3311" s="166">
        <v>0</v>
      </c>
      <c r="AA3311" s="166">
        <v>0</v>
      </c>
      <c r="AB3311" s="166">
        <v>0</v>
      </c>
      <c r="AC3311" s="166">
        <v>0</v>
      </c>
      <c r="AD3311" s="166">
        <v>0</v>
      </c>
      <c r="AE3311" s="166">
        <v>0</v>
      </c>
      <c r="AF3311" s="166">
        <v>0</v>
      </c>
      <c r="AG3311" s="166">
        <v>0</v>
      </c>
      <c r="AH3311" s="166">
        <v>0</v>
      </c>
      <c r="AI3311" s="166">
        <v>0</v>
      </c>
      <c r="AJ3311" s="166">
        <v>0</v>
      </c>
      <c r="AK3311" s="166">
        <v>0</v>
      </c>
      <c r="AL3311" s="166">
        <v>0</v>
      </c>
      <c r="AM3311" s="166">
        <v>0</v>
      </c>
      <c r="AN3311" s="166">
        <v>0</v>
      </c>
      <c r="AO3311" s="166">
        <v>0</v>
      </c>
      <c r="AP3311" s="166">
        <v>0</v>
      </c>
      <c r="AQ3311" s="166">
        <v>0</v>
      </c>
      <c r="AR3311" s="166">
        <v>0</v>
      </c>
      <c r="AS3311" s="166">
        <v>0</v>
      </c>
      <c r="AT3311" s="166">
        <v>0</v>
      </c>
      <c r="AU3311" s="166">
        <v>0</v>
      </c>
      <c r="AV3311" s="166">
        <v>0</v>
      </c>
      <c r="AW3311" s="166">
        <v>0</v>
      </c>
      <c r="AX3311" s="166">
        <v>0</v>
      </c>
      <c r="AY3311" s="166">
        <v>0</v>
      </c>
      <c r="AZ3311" s="166">
        <v>0</v>
      </c>
      <c r="BA3311" s="166">
        <v>0</v>
      </c>
      <c r="BB3311" s="166">
        <v>0</v>
      </c>
      <c r="BC3311" s="166">
        <v>0</v>
      </c>
      <c r="BD3311" s="166">
        <v>0</v>
      </c>
      <c r="BE3311" s="166">
        <v>0</v>
      </c>
      <c r="BF3311" s="166">
        <v>0</v>
      </c>
      <c r="BG3311" s="166">
        <v>0</v>
      </c>
      <c r="BH3311" s="166">
        <v>0</v>
      </c>
      <c r="BI3311" s="166">
        <v>0</v>
      </c>
      <c r="BJ3311" s="166">
        <v>0</v>
      </c>
      <c r="BK3311" s="166">
        <v>0</v>
      </c>
      <c r="BL3311" s="166">
        <v>0</v>
      </c>
      <c r="BM3311" s="166">
        <v>0</v>
      </c>
      <c r="BN3311" s="166">
        <v>0</v>
      </c>
      <c r="BO3311" s="166">
        <v>0</v>
      </c>
      <c r="BP3311" s="166">
        <v>0</v>
      </c>
      <c r="BQ3311" s="166">
        <v>0</v>
      </c>
      <c r="BR3311" s="166">
        <v>33310645.010000002</v>
      </c>
      <c r="BS3311" s="166">
        <v>33310645.010000002</v>
      </c>
      <c r="BT3311" s="168">
        <v>0</v>
      </c>
      <c r="BU3311" s="166">
        <v>0</v>
      </c>
      <c r="BV3311" s="166">
        <v>0</v>
      </c>
      <c r="BW3311" s="166">
        <v>0</v>
      </c>
      <c r="BX3311" s="166">
        <v>0</v>
      </c>
      <c r="BY3311" s="166">
        <v>0</v>
      </c>
      <c r="BZ3311" s="166">
        <v>0</v>
      </c>
      <c r="CA3311" s="166">
        <v>0</v>
      </c>
      <c r="CB3311" s="166">
        <v>0</v>
      </c>
      <c r="CC3311" s="166">
        <v>0</v>
      </c>
      <c r="CD3311" s="166">
        <v>0</v>
      </c>
      <c r="CE3311" s="166">
        <v>0</v>
      </c>
      <c r="CF3311" s="166">
        <v>0</v>
      </c>
      <c r="CG3311" s="166">
        <v>0</v>
      </c>
      <c r="CH3311" s="166">
        <v>0</v>
      </c>
      <c r="CI3311" s="166">
        <v>0</v>
      </c>
      <c r="CJ3311" s="166">
        <v>0</v>
      </c>
      <c r="CK3311" s="166">
        <v>0</v>
      </c>
      <c r="CL3311" s="166">
        <v>0</v>
      </c>
      <c r="CM3311" s="166">
        <v>0</v>
      </c>
      <c r="CN3311" s="166">
        <v>0</v>
      </c>
      <c r="CO3311" s="166">
        <v>0</v>
      </c>
      <c r="CP3311" s="166">
        <v>0</v>
      </c>
      <c r="CQ3311" s="166">
        <v>0</v>
      </c>
      <c r="CR3311" s="166">
        <v>0</v>
      </c>
      <c r="CS3311" s="166">
        <v>0</v>
      </c>
      <c r="CT3311" s="166">
        <v>0</v>
      </c>
      <c r="CU3311" s="166">
        <v>0</v>
      </c>
      <c r="CV3311" s="166">
        <v>0</v>
      </c>
      <c r="CW3311" s="166">
        <v>0</v>
      </c>
      <c r="CX3311" s="166">
        <v>0</v>
      </c>
      <c r="CY3311" s="166">
        <v>0</v>
      </c>
      <c r="CZ3311" s="166">
        <v>0</v>
      </c>
    </row>
    <row r="3312" spans="1:104" x14ac:dyDescent="0.2">
      <c r="A3312" s="167" t="s">
        <v>596</v>
      </c>
      <c r="B3312" s="166">
        <v>177375577.73063099</v>
      </c>
      <c r="C3312" s="166">
        <v>177375577.73063099</v>
      </c>
      <c r="D3312" s="166">
        <v>0</v>
      </c>
      <c r="E3312" s="166">
        <v>0</v>
      </c>
      <c r="F3312" s="166">
        <v>0</v>
      </c>
      <c r="G3312" s="166">
        <v>0</v>
      </c>
      <c r="H3312" s="166">
        <v>0</v>
      </c>
      <c r="I3312" s="166">
        <v>0</v>
      </c>
      <c r="J3312" s="166">
        <v>0</v>
      </c>
      <c r="K3312" s="166">
        <v>0</v>
      </c>
      <c r="L3312" s="166">
        <v>0</v>
      </c>
      <c r="M3312" s="166">
        <v>0</v>
      </c>
      <c r="N3312" s="166">
        <v>0</v>
      </c>
      <c r="O3312" s="166">
        <v>0</v>
      </c>
      <c r="P3312" s="166">
        <v>0</v>
      </c>
      <c r="Q3312" s="166">
        <v>0</v>
      </c>
      <c r="R3312" s="166">
        <v>0</v>
      </c>
      <c r="S3312" s="166">
        <v>0</v>
      </c>
      <c r="T3312" s="166">
        <v>0</v>
      </c>
      <c r="U3312" s="166">
        <v>0</v>
      </c>
      <c r="V3312" s="166">
        <v>0</v>
      </c>
      <c r="W3312" s="166">
        <v>0</v>
      </c>
      <c r="X3312" s="166">
        <v>0</v>
      </c>
      <c r="Y3312" s="166">
        <v>0</v>
      </c>
      <c r="Z3312" s="166">
        <v>0</v>
      </c>
      <c r="AA3312" s="166">
        <v>0</v>
      </c>
      <c r="AB3312" s="166">
        <v>0</v>
      </c>
      <c r="AC3312" s="166">
        <v>0</v>
      </c>
      <c r="AD3312" s="166">
        <v>0</v>
      </c>
      <c r="AE3312" s="166">
        <v>0</v>
      </c>
      <c r="AF3312" s="166">
        <v>0</v>
      </c>
      <c r="AG3312" s="166">
        <v>0</v>
      </c>
      <c r="AH3312" s="166">
        <v>0</v>
      </c>
      <c r="AI3312" s="166">
        <v>0</v>
      </c>
      <c r="AJ3312" s="166">
        <v>0</v>
      </c>
      <c r="AK3312" s="166">
        <v>0</v>
      </c>
      <c r="AL3312" s="166">
        <v>0</v>
      </c>
      <c r="AM3312" s="166">
        <v>0</v>
      </c>
      <c r="AN3312" s="166">
        <v>0</v>
      </c>
      <c r="AO3312" s="166">
        <v>0</v>
      </c>
      <c r="AP3312" s="166">
        <v>0</v>
      </c>
      <c r="AQ3312" s="166">
        <v>0</v>
      </c>
      <c r="AR3312" s="166">
        <v>0</v>
      </c>
      <c r="AS3312" s="166">
        <v>0</v>
      </c>
      <c r="AT3312" s="166">
        <v>0</v>
      </c>
      <c r="AU3312" s="166">
        <v>0</v>
      </c>
      <c r="AV3312" s="166">
        <v>0</v>
      </c>
      <c r="AW3312" s="166">
        <v>0</v>
      </c>
      <c r="AX3312" s="166">
        <v>0</v>
      </c>
      <c r="AY3312" s="166">
        <v>0</v>
      </c>
      <c r="AZ3312" s="166">
        <v>0</v>
      </c>
      <c r="BA3312" s="166">
        <v>0</v>
      </c>
      <c r="BB3312" s="166">
        <v>0</v>
      </c>
      <c r="BC3312" s="166">
        <v>0</v>
      </c>
      <c r="BD3312" s="166">
        <v>0</v>
      </c>
      <c r="BE3312" s="166">
        <v>0</v>
      </c>
      <c r="BF3312" s="166">
        <v>0</v>
      </c>
      <c r="BG3312" s="166">
        <v>0</v>
      </c>
      <c r="BH3312" s="166">
        <v>0</v>
      </c>
      <c r="BI3312" s="166">
        <v>0</v>
      </c>
      <c r="BJ3312" s="166">
        <v>0</v>
      </c>
      <c r="BK3312" s="166">
        <v>0</v>
      </c>
      <c r="BL3312" s="166">
        <v>0</v>
      </c>
      <c r="BM3312" s="166">
        <v>0</v>
      </c>
      <c r="BN3312" s="166">
        <v>0</v>
      </c>
      <c r="BO3312" s="166">
        <v>0</v>
      </c>
      <c r="BP3312" s="166">
        <v>0</v>
      </c>
      <c r="BQ3312" s="166">
        <v>0</v>
      </c>
      <c r="BR3312" s="166">
        <v>177375577.73063099</v>
      </c>
      <c r="BS3312" s="166">
        <v>177375577.73063099</v>
      </c>
      <c r="BT3312" s="168">
        <v>0</v>
      </c>
      <c r="BU3312" s="166">
        <v>0</v>
      </c>
      <c r="BV3312" s="166">
        <v>0</v>
      </c>
      <c r="BW3312" s="166">
        <v>0</v>
      </c>
      <c r="BX3312" s="166">
        <v>0</v>
      </c>
      <c r="BY3312" s="166">
        <v>0</v>
      </c>
      <c r="BZ3312" s="166">
        <v>0</v>
      </c>
      <c r="CA3312" s="166">
        <v>0</v>
      </c>
      <c r="CB3312" s="166">
        <v>0</v>
      </c>
      <c r="CC3312" s="166">
        <v>0</v>
      </c>
      <c r="CD3312" s="166">
        <v>0</v>
      </c>
      <c r="CE3312" s="166">
        <v>0</v>
      </c>
      <c r="CF3312" s="166">
        <v>0</v>
      </c>
      <c r="CG3312" s="166">
        <v>0</v>
      </c>
      <c r="CH3312" s="166">
        <v>0</v>
      </c>
      <c r="CI3312" s="166">
        <v>0</v>
      </c>
      <c r="CJ3312" s="166">
        <v>0</v>
      </c>
      <c r="CK3312" s="166">
        <v>0</v>
      </c>
      <c r="CL3312" s="166">
        <v>0</v>
      </c>
      <c r="CM3312" s="166">
        <v>0</v>
      </c>
      <c r="CN3312" s="166">
        <v>0</v>
      </c>
      <c r="CO3312" s="166">
        <v>0</v>
      </c>
      <c r="CP3312" s="166">
        <v>0</v>
      </c>
      <c r="CQ3312" s="166">
        <v>0</v>
      </c>
      <c r="CR3312" s="166">
        <v>0</v>
      </c>
      <c r="CS3312" s="166">
        <v>0</v>
      </c>
      <c r="CT3312" s="166">
        <v>0</v>
      </c>
      <c r="CU3312" s="166">
        <v>0</v>
      </c>
      <c r="CV3312" s="166">
        <v>0</v>
      </c>
      <c r="CW3312" s="166">
        <v>0</v>
      </c>
      <c r="CX3312" s="166">
        <v>0</v>
      </c>
      <c r="CY3312" s="166">
        <v>0</v>
      </c>
      <c r="CZ3312" s="166">
        <v>0</v>
      </c>
    </row>
    <row r="3313" spans="1:104" x14ac:dyDescent="0.2">
      <c r="A3313" s="167" t="s">
        <v>597</v>
      </c>
      <c r="B3313" s="166">
        <v>0</v>
      </c>
      <c r="C3313" s="166">
        <v>0</v>
      </c>
      <c r="D3313" s="166">
        <v>0</v>
      </c>
      <c r="E3313" s="166">
        <v>0</v>
      </c>
      <c r="F3313" s="166">
        <v>0</v>
      </c>
      <c r="G3313" s="166">
        <v>0</v>
      </c>
      <c r="H3313" s="166">
        <v>0</v>
      </c>
      <c r="I3313" s="166">
        <v>0</v>
      </c>
      <c r="J3313" s="166">
        <v>0</v>
      </c>
      <c r="K3313" s="166">
        <v>0</v>
      </c>
      <c r="L3313" s="166">
        <v>0</v>
      </c>
      <c r="M3313" s="166">
        <v>0</v>
      </c>
      <c r="N3313" s="166">
        <v>0</v>
      </c>
      <c r="O3313" s="166">
        <v>0</v>
      </c>
      <c r="P3313" s="166">
        <v>0</v>
      </c>
      <c r="Q3313" s="166">
        <v>0</v>
      </c>
      <c r="R3313" s="166">
        <v>0</v>
      </c>
      <c r="S3313" s="166">
        <v>0</v>
      </c>
      <c r="T3313" s="166">
        <v>0</v>
      </c>
      <c r="U3313" s="166">
        <v>0</v>
      </c>
      <c r="V3313" s="166">
        <v>0</v>
      </c>
      <c r="W3313" s="166">
        <v>0</v>
      </c>
      <c r="X3313" s="166">
        <v>0</v>
      </c>
      <c r="Y3313" s="166">
        <v>0</v>
      </c>
      <c r="Z3313" s="166">
        <v>0</v>
      </c>
      <c r="AA3313" s="166">
        <v>0</v>
      </c>
      <c r="AB3313" s="166">
        <v>0</v>
      </c>
      <c r="AC3313" s="166">
        <v>0</v>
      </c>
      <c r="AD3313" s="166">
        <v>0</v>
      </c>
      <c r="AE3313" s="166">
        <v>0</v>
      </c>
      <c r="AF3313" s="166">
        <v>0</v>
      </c>
      <c r="AG3313" s="166">
        <v>0</v>
      </c>
      <c r="AH3313" s="166">
        <v>0</v>
      </c>
      <c r="AI3313" s="166">
        <v>0</v>
      </c>
      <c r="AJ3313" s="166">
        <v>0</v>
      </c>
      <c r="AK3313" s="166">
        <v>0</v>
      </c>
      <c r="AL3313" s="166">
        <v>0</v>
      </c>
      <c r="AM3313" s="166">
        <v>0</v>
      </c>
      <c r="AN3313" s="166">
        <v>0</v>
      </c>
      <c r="AO3313" s="166">
        <v>0</v>
      </c>
      <c r="AP3313" s="166">
        <v>0</v>
      </c>
      <c r="AQ3313" s="166">
        <v>0</v>
      </c>
      <c r="AR3313" s="166">
        <v>0</v>
      </c>
      <c r="AS3313" s="166">
        <v>0</v>
      </c>
      <c r="AT3313" s="166">
        <v>0</v>
      </c>
      <c r="AU3313" s="166">
        <v>0</v>
      </c>
      <c r="AV3313" s="166">
        <v>0</v>
      </c>
      <c r="AW3313" s="166">
        <v>0</v>
      </c>
      <c r="AX3313" s="166">
        <v>0</v>
      </c>
      <c r="AY3313" s="166">
        <v>0</v>
      </c>
      <c r="AZ3313" s="166">
        <v>0</v>
      </c>
      <c r="BA3313" s="166">
        <v>0</v>
      </c>
      <c r="BB3313" s="166">
        <v>0</v>
      </c>
      <c r="BC3313" s="166">
        <v>0</v>
      </c>
      <c r="BD3313" s="166">
        <v>0</v>
      </c>
      <c r="BE3313" s="166">
        <v>0</v>
      </c>
      <c r="BF3313" s="166">
        <v>0</v>
      </c>
      <c r="BG3313" s="166">
        <v>0</v>
      </c>
      <c r="BH3313" s="166">
        <v>0</v>
      </c>
      <c r="BI3313" s="166">
        <v>0</v>
      </c>
      <c r="BJ3313" s="166">
        <v>0</v>
      </c>
      <c r="BK3313" s="166">
        <v>0</v>
      </c>
      <c r="BL3313" s="166">
        <v>0</v>
      </c>
      <c r="BM3313" s="166">
        <v>0</v>
      </c>
      <c r="BN3313" s="166">
        <v>0</v>
      </c>
      <c r="BO3313" s="166">
        <v>0</v>
      </c>
      <c r="BP3313" s="166">
        <v>0</v>
      </c>
      <c r="BQ3313" s="166">
        <v>0</v>
      </c>
      <c r="BR3313" s="166">
        <v>0</v>
      </c>
      <c r="BS3313" s="166">
        <v>0</v>
      </c>
      <c r="BT3313" s="168">
        <v>0</v>
      </c>
      <c r="BU3313" s="166">
        <v>0</v>
      </c>
      <c r="BV3313" s="166">
        <v>0</v>
      </c>
      <c r="BW3313" s="166">
        <v>0</v>
      </c>
      <c r="BX3313" s="166">
        <v>0</v>
      </c>
      <c r="BY3313" s="166">
        <v>0</v>
      </c>
      <c r="BZ3313" s="166">
        <v>0</v>
      </c>
      <c r="CA3313" s="166">
        <v>0</v>
      </c>
      <c r="CB3313" s="166">
        <v>0</v>
      </c>
      <c r="CC3313" s="166">
        <v>0</v>
      </c>
      <c r="CD3313" s="166">
        <v>0</v>
      </c>
      <c r="CE3313" s="166">
        <v>0</v>
      </c>
      <c r="CF3313" s="166">
        <v>0</v>
      </c>
      <c r="CG3313" s="166">
        <v>0</v>
      </c>
      <c r="CH3313" s="166">
        <v>0</v>
      </c>
      <c r="CI3313" s="166">
        <v>0</v>
      </c>
      <c r="CJ3313" s="166">
        <v>0</v>
      </c>
      <c r="CK3313" s="166">
        <v>0</v>
      </c>
      <c r="CL3313" s="166">
        <v>0</v>
      </c>
      <c r="CM3313" s="166">
        <v>0</v>
      </c>
      <c r="CN3313" s="166">
        <v>0</v>
      </c>
      <c r="CO3313" s="166">
        <v>0</v>
      </c>
      <c r="CP3313" s="166">
        <v>0</v>
      </c>
      <c r="CQ3313" s="166">
        <v>0</v>
      </c>
      <c r="CR3313" s="166">
        <v>0</v>
      </c>
      <c r="CS3313" s="166">
        <v>0</v>
      </c>
      <c r="CT3313" s="166">
        <v>0</v>
      </c>
      <c r="CU3313" s="166">
        <v>0</v>
      </c>
      <c r="CV3313" s="166">
        <v>0</v>
      </c>
      <c r="CW3313" s="166">
        <v>0</v>
      </c>
      <c r="CX3313" s="166">
        <v>0</v>
      </c>
      <c r="CY3313" s="166">
        <v>0</v>
      </c>
      <c r="CZ3313" s="166">
        <v>0</v>
      </c>
    </row>
    <row r="3314" spans="1:104" x14ac:dyDescent="0.2">
      <c r="A3314" s="167" t="s">
        <v>598</v>
      </c>
      <c r="B3314" s="166">
        <v>0</v>
      </c>
      <c r="C3314" s="166">
        <v>0</v>
      </c>
      <c r="D3314" s="166">
        <v>0</v>
      </c>
      <c r="E3314" s="166">
        <v>0</v>
      </c>
      <c r="F3314" s="166">
        <v>0</v>
      </c>
      <c r="G3314" s="166">
        <v>0</v>
      </c>
      <c r="H3314" s="166">
        <v>0</v>
      </c>
      <c r="I3314" s="166">
        <v>0</v>
      </c>
      <c r="J3314" s="166">
        <v>0</v>
      </c>
      <c r="K3314" s="166">
        <v>0</v>
      </c>
      <c r="L3314" s="166">
        <v>0</v>
      </c>
      <c r="M3314" s="166">
        <v>0</v>
      </c>
      <c r="N3314" s="166">
        <v>0</v>
      </c>
      <c r="O3314" s="166">
        <v>0</v>
      </c>
      <c r="P3314" s="166">
        <v>0</v>
      </c>
      <c r="Q3314" s="166">
        <v>0</v>
      </c>
      <c r="R3314" s="166">
        <v>0</v>
      </c>
      <c r="S3314" s="166">
        <v>0</v>
      </c>
      <c r="T3314" s="166">
        <v>0</v>
      </c>
      <c r="U3314" s="166">
        <v>0</v>
      </c>
      <c r="V3314" s="166">
        <v>0</v>
      </c>
      <c r="W3314" s="166">
        <v>0</v>
      </c>
      <c r="X3314" s="166">
        <v>0</v>
      </c>
      <c r="Y3314" s="166">
        <v>0</v>
      </c>
      <c r="Z3314" s="166">
        <v>0</v>
      </c>
      <c r="AA3314" s="166">
        <v>0</v>
      </c>
      <c r="AB3314" s="166">
        <v>0</v>
      </c>
      <c r="AC3314" s="166">
        <v>0</v>
      </c>
      <c r="AD3314" s="166">
        <v>0</v>
      </c>
      <c r="AE3314" s="166">
        <v>0</v>
      </c>
      <c r="AF3314" s="166">
        <v>0</v>
      </c>
      <c r="AG3314" s="166">
        <v>0</v>
      </c>
      <c r="AH3314" s="166">
        <v>0</v>
      </c>
      <c r="AI3314" s="166">
        <v>0</v>
      </c>
      <c r="AJ3314" s="166">
        <v>0</v>
      </c>
      <c r="AK3314" s="166">
        <v>0</v>
      </c>
      <c r="AL3314" s="166">
        <v>0</v>
      </c>
      <c r="AM3314" s="166">
        <v>0</v>
      </c>
      <c r="AN3314" s="166">
        <v>0</v>
      </c>
      <c r="AO3314" s="166">
        <v>0</v>
      </c>
      <c r="AP3314" s="166">
        <v>0</v>
      </c>
      <c r="AQ3314" s="166">
        <v>0</v>
      </c>
      <c r="AR3314" s="166">
        <v>0</v>
      </c>
      <c r="AS3314" s="166">
        <v>0</v>
      </c>
      <c r="AT3314" s="166">
        <v>0</v>
      </c>
      <c r="AU3314" s="166">
        <v>0</v>
      </c>
      <c r="AV3314" s="166">
        <v>0</v>
      </c>
      <c r="AW3314" s="166">
        <v>0</v>
      </c>
      <c r="AX3314" s="166">
        <v>0</v>
      </c>
      <c r="AY3314" s="166">
        <v>0</v>
      </c>
      <c r="AZ3314" s="166">
        <v>0</v>
      </c>
      <c r="BA3314" s="166">
        <v>0</v>
      </c>
      <c r="BB3314" s="166">
        <v>0</v>
      </c>
      <c r="BC3314" s="166">
        <v>0</v>
      </c>
      <c r="BD3314" s="166">
        <v>0</v>
      </c>
      <c r="BE3314" s="166">
        <v>0</v>
      </c>
      <c r="BF3314" s="166">
        <v>0</v>
      </c>
      <c r="BG3314" s="166">
        <v>0</v>
      </c>
      <c r="BH3314" s="166">
        <v>0</v>
      </c>
      <c r="BI3314" s="166">
        <v>0</v>
      </c>
      <c r="BJ3314" s="166">
        <v>0</v>
      </c>
      <c r="BK3314" s="166">
        <v>0</v>
      </c>
      <c r="BL3314" s="166">
        <v>0</v>
      </c>
      <c r="BM3314" s="166">
        <v>0</v>
      </c>
      <c r="BN3314" s="166">
        <v>0</v>
      </c>
      <c r="BO3314" s="166">
        <v>0</v>
      </c>
      <c r="BP3314" s="166">
        <v>0</v>
      </c>
      <c r="BQ3314" s="166">
        <v>0</v>
      </c>
      <c r="BR3314" s="166">
        <v>0</v>
      </c>
      <c r="BS3314" s="166">
        <v>0</v>
      </c>
      <c r="BT3314" s="168">
        <v>0</v>
      </c>
      <c r="BU3314" s="166">
        <v>0</v>
      </c>
      <c r="BV3314" s="166">
        <v>0</v>
      </c>
      <c r="BW3314" s="166">
        <v>0</v>
      </c>
      <c r="BX3314" s="166">
        <v>0</v>
      </c>
      <c r="BY3314" s="166">
        <v>0</v>
      </c>
      <c r="BZ3314" s="166">
        <v>0</v>
      </c>
      <c r="CA3314" s="166">
        <v>0</v>
      </c>
      <c r="CB3314" s="166">
        <v>0</v>
      </c>
      <c r="CC3314" s="166">
        <v>0</v>
      </c>
      <c r="CD3314" s="166">
        <v>0</v>
      </c>
      <c r="CE3314" s="166">
        <v>0</v>
      </c>
      <c r="CF3314" s="166">
        <v>0</v>
      </c>
      <c r="CG3314" s="166">
        <v>0</v>
      </c>
      <c r="CH3314" s="166">
        <v>0</v>
      </c>
      <c r="CI3314" s="166">
        <v>0</v>
      </c>
      <c r="CJ3314" s="166">
        <v>0</v>
      </c>
      <c r="CK3314" s="166">
        <v>0</v>
      </c>
      <c r="CL3314" s="166">
        <v>0</v>
      </c>
      <c r="CM3314" s="166">
        <v>0</v>
      </c>
      <c r="CN3314" s="166">
        <v>0</v>
      </c>
      <c r="CO3314" s="166">
        <v>0</v>
      </c>
      <c r="CP3314" s="166">
        <v>0</v>
      </c>
      <c r="CQ3314" s="166">
        <v>0</v>
      </c>
      <c r="CR3314" s="166">
        <v>0</v>
      </c>
      <c r="CS3314" s="166">
        <v>0</v>
      </c>
      <c r="CT3314" s="166">
        <v>0</v>
      </c>
      <c r="CU3314" s="166">
        <v>0</v>
      </c>
      <c r="CV3314" s="166">
        <v>0</v>
      </c>
      <c r="CW3314" s="166">
        <v>0</v>
      </c>
      <c r="CX3314" s="166">
        <v>0</v>
      </c>
      <c r="CY3314" s="166">
        <v>0</v>
      </c>
      <c r="CZ3314" s="166">
        <v>0</v>
      </c>
    </row>
    <row r="3315" spans="1:104" x14ac:dyDescent="0.2">
      <c r="A3315" s="167" t="s">
        <v>599</v>
      </c>
      <c r="B3315" s="166">
        <v>0</v>
      </c>
      <c r="C3315" s="166">
        <v>0</v>
      </c>
      <c r="D3315" s="166">
        <v>0</v>
      </c>
      <c r="E3315" s="166">
        <v>0</v>
      </c>
      <c r="F3315" s="166">
        <v>0</v>
      </c>
      <c r="G3315" s="166">
        <v>0</v>
      </c>
      <c r="H3315" s="166">
        <v>0</v>
      </c>
      <c r="I3315" s="166">
        <v>0</v>
      </c>
      <c r="J3315" s="166">
        <v>0</v>
      </c>
      <c r="K3315" s="166">
        <v>0</v>
      </c>
      <c r="L3315" s="166">
        <v>0</v>
      </c>
      <c r="M3315" s="166">
        <v>0</v>
      </c>
      <c r="N3315" s="166">
        <v>0</v>
      </c>
      <c r="O3315" s="166">
        <v>0</v>
      </c>
      <c r="P3315" s="166">
        <v>0</v>
      </c>
      <c r="Q3315" s="166">
        <v>0</v>
      </c>
      <c r="R3315" s="166">
        <v>0</v>
      </c>
      <c r="S3315" s="166">
        <v>0</v>
      </c>
      <c r="T3315" s="166">
        <v>0</v>
      </c>
      <c r="U3315" s="166">
        <v>0</v>
      </c>
      <c r="V3315" s="166">
        <v>0</v>
      </c>
      <c r="W3315" s="166">
        <v>0</v>
      </c>
      <c r="X3315" s="166">
        <v>0</v>
      </c>
      <c r="Y3315" s="166">
        <v>0</v>
      </c>
      <c r="Z3315" s="166">
        <v>0</v>
      </c>
      <c r="AA3315" s="166">
        <v>0</v>
      </c>
      <c r="AB3315" s="166">
        <v>0</v>
      </c>
      <c r="AC3315" s="166">
        <v>0</v>
      </c>
      <c r="AD3315" s="166">
        <v>0</v>
      </c>
      <c r="AE3315" s="166">
        <v>0</v>
      </c>
      <c r="AF3315" s="166">
        <v>0</v>
      </c>
      <c r="AG3315" s="166">
        <v>0</v>
      </c>
      <c r="AH3315" s="166">
        <v>0</v>
      </c>
      <c r="AI3315" s="166">
        <v>0</v>
      </c>
      <c r="AJ3315" s="166">
        <v>0</v>
      </c>
      <c r="AK3315" s="166">
        <v>0</v>
      </c>
      <c r="AL3315" s="166">
        <v>0</v>
      </c>
      <c r="AM3315" s="166">
        <v>0</v>
      </c>
      <c r="AN3315" s="166">
        <v>0</v>
      </c>
      <c r="AO3315" s="166">
        <v>0</v>
      </c>
      <c r="AP3315" s="166">
        <v>0</v>
      </c>
      <c r="AQ3315" s="166">
        <v>0</v>
      </c>
      <c r="AR3315" s="166">
        <v>0</v>
      </c>
      <c r="AS3315" s="166">
        <v>0</v>
      </c>
      <c r="AT3315" s="166">
        <v>0</v>
      </c>
      <c r="AU3315" s="166">
        <v>0</v>
      </c>
      <c r="AV3315" s="166">
        <v>0</v>
      </c>
      <c r="AW3315" s="166">
        <v>0</v>
      </c>
      <c r="AX3315" s="166">
        <v>0</v>
      </c>
      <c r="AY3315" s="166">
        <v>0</v>
      </c>
      <c r="AZ3315" s="166">
        <v>0</v>
      </c>
      <c r="BA3315" s="166">
        <v>0</v>
      </c>
      <c r="BB3315" s="166">
        <v>0</v>
      </c>
      <c r="BC3315" s="166">
        <v>0</v>
      </c>
      <c r="BD3315" s="166">
        <v>0</v>
      </c>
      <c r="BE3315" s="166">
        <v>0</v>
      </c>
      <c r="BF3315" s="166">
        <v>0</v>
      </c>
      <c r="BG3315" s="166">
        <v>0</v>
      </c>
      <c r="BH3315" s="166">
        <v>0</v>
      </c>
      <c r="BI3315" s="166">
        <v>0</v>
      </c>
      <c r="BJ3315" s="166">
        <v>0</v>
      </c>
      <c r="BK3315" s="166">
        <v>0</v>
      </c>
      <c r="BL3315" s="166">
        <v>0</v>
      </c>
      <c r="BM3315" s="166">
        <v>0</v>
      </c>
      <c r="BN3315" s="166">
        <v>0</v>
      </c>
      <c r="BO3315" s="166">
        <v>0</v>
      </c>
      <c r="BP3315" s="166">
        <v>0</v>
      </c>
      <c r="BQ3315" s="166">
        <v>0</v>
      </c>
      <c r="BR3315" s="166">
        <v>0</v>
      </c>
      <c r="BS3315" s="166">
        <v>0</v>
      </c>
      <c r="BT3315" s="168">
        <v>0</v>
      </c>
      <c r="BU3315" s="166">
        <v>0</v>
      </c>
      <c r="BV3315" s="166">
        <v>0</v>
      </c>
      <c r="BW3315" s="166">
        <v>0</v>
      </c>
      <c r="BX3315" s="166">
        <v>0</v>
      </c>
      <c r="BY3315" s="166">
        <v>0</v>
      </c>
      <c r="BZ3315" s="166">
        <v>0</v>
      </c>
      <c r="CA3315" s="166">
        <v>0</v>
      </c>
      <c r="CB3315" s="166">
        <v>0</v>
      </c>
      <c r="CC3315" s="166">
        <v>0</v>
      </c>
      <c r="CD3315" s="166">
        <v>0</v>
      </c>
      <c r="CE3315" s="166">
        <v>0</v>
      </c>
      <c r="CF3315" s="166">
        <v>0</v>
      </c>
      <c r="CG3315" s="166">
        <v>0</v>
      </c>
      <c r="CH3315" s="166">
        <v>0</v>
      </c>
      <c r="CI3315" s="166">
        <v>0</v>
      </c>
      <c r="CJ3315" s="166">
        <v>0</v>
      </c>
      <c r="CK3315" s="166">
        <v>0</v>
      </c>
      <c r="CL3315" s="166">
        <v>0</v>
      </c>
      <c r="CM3315" s="166">
        <v>0</v>
      </c>
      <c r="CN3315" s="166">
        <v>0</v>
      </c>
      <c r="CO3315" s="166">
        <v>0</v>
      </c>
      <c r="CP3315" s="166">
        <v>0</v>
      </c>
      <c r="CQ3315" s="166">
        <v>0</v>
      </c>
      <c r="CR3315" s="166">
        <v>0</v>
      </c>
      <c r="CS3315" s="166">
        <v>0</v>
      </c>
      <c r="CT3315" s="166">
        <v>0</v>
      </c>
      <c r="CU3315" s="166">
        <v>0</v>
      </c>
      <c r="CV3315" s="166">
        <v>0</v>
      </c>
      <c r="CW3315" s="166">
        <v>0</v>
      </c>
      <c r="CX3315" s="166">
        <v>0</v>
      </c>
      <c r="CY3315" s="166">
        <v>0</v>
      </c>
      <c r="CZ3315" s="166">
        <v>0</v>
      </c>
    </row>
    <row r="3316" spans="1:104" x14ac:dyDescent="0.2">
      <c r="A3316" s="167" t="s">
        <v>600</v>
      </c>
      <c r="B3316" s="166">
        <v>0</v>
      </c>
      <c r="C3316" s="166">
        <v>0</v>
      </c>
      <c r="D3316" s="166">
        <v>0</v>
      </c>
      <c r="E3316" s="166">
        <v>0</v>
      </c>
      <c r="F3316" s="166">
        <v>0</v>
      </c>
      <c r="G3316" s="166">
        <v>0</v>
      </c>
      <c r="H3316" s="166">
        <v>0</v>
      </c>
      <c r="I3316" s="166">
        <v>0</v>
      </c>
      <c r="J3316" s="166">
        <v>0</v>
      </c>
      <c r="K3316" s="166">
        <v>0</v>
      </c>
      <c r="L3316" s="166">
        <v>0</v>
      </c>
      <c r="M3316" s="166">
        <v>0</v>
      </c>
      <c r="N3316" s="166">
        <v>0</v>
      </c>
      <c r="O3316" s="166">
        <v>0</v>
      </c>
      <c r="P3316" s="166">
        <v>0</v>
      </c>
      <c r="Q3316" s="166">
        <v>0</v>
      </c>
      <c r="R3316" s="166">
        <v>0</v>
      </c>
      <c r="S3316" s="166">
        <v>0</v>
      </c>
      <c r="T3316" s="166">
        <v>0</v>
      </c>
      <c r="U3316" s="166">
        <v>0</v>
      </c>
      <c r="V3316" s="166">
        <v>0</v>
      </c>
      <c r="W3316" s="166">
        <v>0</v>
      </c>
      <c r="X3316" s="166">
        <v>0</v>
      </c>
      <c r="Y3316" s="166">
        <v>0</v>
      </c>
      <c r="Z3316" s="166">
        <v>0</v>
      </c>
      <c r="AA3316" s="166">
        <v>0</v>
      </c>
      <c r="AB3316" s="166">
        <v>0</v>
      </c>
      <c r="AC3316" s="166">
        <v>0</v>
      </c>
      <c r="AD3316" s="166">
        <v>0</v>
      </c>
      <c r="AE3316" s="166">
        <v>0</v>
      </c>
      <c r="AF3316" s="166">
        <v>0</v>
      </c>
      <c r="AG3316" s="166">
        <v>0</v>
      </c>
      <c r="AH3316" s="166">
        <v>0</v>
      </c>
      <c r="AI3316" s="166">
        <v>0</v>
      </c>
      <c r="AJ3316" s="166">
        <v>0</v>
      </c>
      <c r="AK3316" s="166">
        <v>0</v>
      </c>
      <c r="AL3316" s="166">
        <v>0</v>
      </c>
      <c r="AM3316" s="166">
        <v>0</v>
      </c>
      <c r="AN3316" s="166">
        <v>0</v>
      </c>
      <c r="AO3316" s="166">
        <v>0</v>
      </c>
      <c r="AP3316" s="166">
        <v>0</v>
      </c>
      <c r="AQ3316" s="166">
        <v>0</v>
      </c>
      <c r="AR3316" s="166">
        <v>0</v>
      </c>
      <c r="AS3316" s="166">
        <v>0</v>
      </c>
      <c r="AT3316" s="166">
        <v>0</v>
      </c>
      <c r="AU3316" s="166">
        <v>0</v>
      </c>
      <c r="AV3316" s="166">
        <v>0</v>
      </c>
      <c r="AW3316" s="166">
        <v>0</v>
      </c>
      <c r="AX3316" s="166">
        <v>0</v>
      </c>
      <c r="AY3316" s="166">
        <v>0</v>
      </c>
      <c r="AZ3316" s="166">
        <v>0</v>
      </c>
      <c r="BA3316" s="166">
        <v>0</v>
      </c>
      <c r="BB3316" s="166">
        <v>0</v>
      </c>
      <c r="BC3316" s="166">
        <v>0</v>
      </c>
      <c r="BD3316" s="166">
        <v>0</v>
      </c>
      <c r="BE3316" s="166">
        <v>0</v>
      </c>
      <c r="BF3316" s="166">
        <v>0</v>
      </c>
      <c r="BG3316" s="166">
        <v>0</v>
      </c>
      <c r="BH3316" s="166">
        <v>0</v>
      </c>
      <c r="BI3316" s="166">
        <v>0</v>
      </c>
      <c r="BJ3316" s="166">
        <v>0</v>
      </c>
      <c r="BK3316" s="166">
        <v>0</v>
      </c>
      <c r="BL3316" s="166">
        <v>0</v>
      </c>
      <c r="BM3316" s="166">
        <v>0</v>
      </c>
      <c r="BN3316" s="166">
        <v>0</v>
      </c>
      <c r="BO3316" s="166">
        <v>0</v>
      </c>
      <c r="BP3316" s="166">
        <v>0</v>
      </c>
      <c r="BQ3316" s="166">
        <v>0</v>
      </c>
      <c r="BR3316" s="166">
        <v>0</v>
      </c>
      <c r="BS3316" s="166">
        <v>0</v>
      </c>
      <c r="BT3316" s="168">
        <v>0</v>
      </c>
      <c r="BU3316" s="166">
        <v>0</v>
      </c>
      <c r="BV3316" s="166">
        <v>0</v>
      </c>
      <c r="BW3316" s="166">
        <v>0</v>
      </c>
      <c r="BX3316" s="166">
        <v>0</v>
      </c>
      <c r="BY3316" s="166">
        <v>0</v>
      </c>
      <c r="BZ3316" s="166">
        <v>0</v>
      </c>
      <c r="CA3316" s="166">
        <v>0</v>
      </c>
      <c r="CB3316" s="166">
        <v>0</v>
      </c>
      <c r="CC3316" s="166">
        <v>0</v>
      </c>
      <c r="CD3316" s="166">
        <v>0</v>
      </c>
      <c r="CE3316" s="166">
        <v>0</v>
      </c>
      <c r="CF3316" s="166">
        <v>0</v>
      </c>
      <c r="CG3316" s="166">
        <v>0</v>
      </c>
      <c r="CH3316" s="166">
        <v>0</v>
      </c>
      <c r="CI3316" s="166">
        <v>0</v>
      </c>
      <c r="CJ3316" s="166">
        <v>0</v>
      </c>
      <c r="CK3316" s="166">
        <v>0</v>
      </c>
      <c r="CL3316" s="166">
        <v>0</v>
      </c>
      <c r="CM3316" s="166">
        <v>0</v>
      </c>
      <c r="CN3316" s="166">
        <v>0</v>
      </c>
      <c r="CO3316" s="166">
        <v>0</v>
      </c>
      <c r="CP3316" s="166">
        <v>0</v>
      </c>
      <c r="CQ3316" s="166">
        <v>0</v>
      </c>
      <c r="CR3316" s="166">
        <v>0</v>
      </c>
      <c r="CS3316" s="166">
        <v>0</v>
      </c>
      <c r="CT3316" s="166">
        <v>0</v>
      </c>
      <c r="CU3316" s="166">
        <v>0</v>
      </c>
      <c r="CV3316" s="166">
        <v>0</v>
      </c>
      <c r="CW3316" s="166">
        <v>0</v>
      </c>
      <c r="CX3316" s="166">
        <v>0</v>
      </c>
      <c r="CY3316" s="166">
        <v>0</v>
      </c>
      <c r="CZ3316" s="166">
        <v>0</v>
      </c>
    </row>
    <row r="3317" spans="1:104" x14ac:dyDescent="0.2">
      <c r="A3317" s="167" t="s">
        <v>601</v>
      </c>
      <c r="B3317" s="166">
        <v>0</v>
      </c>
      <c r="C3317" s="166">
        <v>0</v>
      </c>
      <c r="D3317" s="166">
        <v>0</v>
      </c>
      <c r="E3317" s="166">
        <v>0</v>
      </c>
      <c r="F3317" s="166">
        <v>0</v>
      </c>
      <c r="G3317" s="166">
        <v>0</v>
      </c>
      <c r="H3317" s="166">
        <v>0</v>
      </c>
      <c r="I3317" s="166">
        <v>0</v>
      </c>
      <c r="J3317" s="166">
        <v>0</v>
      </c>
      <c r="K3317" s="166">
        <v>0</v>
      </c>
      <c r="L3317" s="166">
        <v>0</v>
      </c>
      <c r="M3317" s="166">
        <v>0</v>
      </c>
      <c r="N3317" s="166">
        <v>0</v>
      </c>
      <c r="O3317" s="166">
        <v>0</v>
      </c>
      <c r="P3317" s="166">
        <v>0</v>
      </c>
      <c r="Q3317" s="166">
        <v>0</v>
      </c>
      <c r="R3317" s="166">
        <v>0</v>
      </c>
      <c r="S3317" s="166">
        <v>0</v>
      </c>
      <c r="T3317" s="166">
        <v>0</v>
      </c>
      <c r="U3317" s="166">
        <v>0</v>
      </c>
      <c r="V3317" s="166">
        <v>0</v>
      </c>
      <c r="W3317" s="166">
        <v>0</v>
      </c>
      <c r="X3317" s="166">
        <v>0</v>
      </c>
      <c r="Y3317" s="166">
        <v>0</v>
      </c>
      <c r="Z3317" s="166">
        <v>0</v>
      </c>
      <c r="AA3317" s="166">
        <v>0</v>
      </c>
      <c r="AB3317" s="166">
        <v>0</v>
      </c>
      <c r="AC3317" s="166">
        <v>0</v>
      </c>
      <c r="AD3317" s="166">
        <v>0</v>
      </c>
      <c r="AE3317" s="166">
        <v>0</v>
      </c>
      <c r="AF3317" s="166">
        <v>0</v>
      </c>
      <c r="AG3317" s="166">
        <v>0</v>
      </c>
      <c r="AH3317" s="166">
        <v>0</v>
      </c>
      <c r="AI3317" s="166">
        <v>0</v>
      </c>
      <c r="AJ3317" s="166">
        <v>0</v>
      </c>
      <c r="AK3317" s="166">
        <v>0</v>
      </c>
      <c r="AL3317" s="166">
        <v>0</v>
      </c>
      <c r="AM3317" s="166">
        <v>0</v>
      </c>
      <c r="AN3317" s="166">
        <v>0</v>
      </c>
      <c r="AO3317" s="166">
        <v>0</v>
      </c>
      <c r="AP3317" s="166">
        <v>0</v>
      </c>
      <c r="AQ3317" s="166">
        <v>0</v>
      </c>
      <c r="AR3317" s="166">
        <v>0</v>
      </c>
      <c r="AS3317" s="166">
        <v>0</v>
      </c>
      <c r="AT3317" s="166">
        <v>0</v>
      </c>
      <c r="AU3317" s="166">
        <v>0</v>
      </c>
      <c r="AV3317" s="166">
        <v>0</v>
      </c>
      <c r="AW3317" s="166">
        <v>0</v>
      </c>
      <c r="AX3317" s="166">
        <v>0</v>
      </c>
      <c r="AY3317" s="166">
        <v>0</v>
      </c>
      <c r="AZ3317" s="166">
        <v>0</v>
      </c>
      <c r="BA3317" s="166">
        <v>0</v>
      </c>
      <c r="BB3317" s="166">
        <v>0</v>
      </c>
      <c r="BC3317" s="166">
        <v>0</v>
      </c>
      <c r="BD3317" s="166">
        <v>0</v>
      </c>
      <c r="BE3317" s="166">
        <v>0</v>
      </c>
      <c r="BF3317" s="166">
        <v>0</v>
      </c>
      <c r="BG3317" s="166">
        <v>0</v>
      </c>
      <c r="BH3317" s="166">
        <v>0</v>
      </c>
      <c r="BI3317" s="166">
        <v>0</v>
      </c>
      <c r="BJ3317" s="166">
        <v>0</v>
      </c>
      <c r="BK3317" s="166">
        <v>0</v>
      </c>
      <c r="BL3317" s="166">
        <v>0</v>
      </c>
      <c r="BM3317" s="166">
        <v>0</v>
      </c>
      <c r="BN3317" s="166">
        <v>0</v>
      </c>
      <c r="BO3317" s="166">
        <v>0</v>
      </c>
      <c r="BP3317" s="166">
        <v>0</v>
      </c>
      <c r="BQ3317" s="166">
        <v>0</v>
      </c>
      <c r="BR3317" s="166">
        <v>0</v>
      </c>
      <c r="BS3317" s="166">
        <v>0</v>
      </c>
      <c r="BT3317" s="168">
        <v>0</v>
      </c>
      <c r="BU3317" s="166">
        <v>0</v>
      </c>
      <c r="BV3317" s="166">
        <v>0</v>
      </c>
      <c r="BW3317" s="166">
        <v>0</v>
      </c>
      <c r="BX3317" s="166">
        <v>0</v>
      </c>
      <c r="BY3317" s="166">
        <v>0</v>
      </c>
      <c r="BZ3317" s="166">
        <v>0</v>
      </c>
      <c r="CA3317" s="166">
        <v>0</v>
      </c>
      <c r="CB3317" s="166">
        <v>0</v>
      </c>
      <c r="CC3317" s="166">
        <v>0</v>
      </c>
      <c r="CD3317" s="166">
        <v>0</v>
      </c>
      <c r="CE3317" s="166">
        <v>0</v>
      </c>
      <c r="CF3317" s="166">
        <v>0</v>
      </c>
      <c r="CG3317" s="166">
        <v>0</v>
      </c>
      <c r="CH3317" s="166">
        <v>0</v>
      </c>
      <c r="CI3317" s="166">
        <v>0</v>
      </c>
      <c r="CJ3317" s="166">
        <v>0</v>
      </c>
      <c r="CK3317" s="166">
        <v>0</v>
      </c>
      <c r="CL3317" s="166">
        <v>0</v>
      </c>
      <c r="CM3317" s="166">
        <v>0</v>
      </c>
      <c r="CN3317" s="166">
        <v>0</v>
      </c>
      <c r="CO3317" s="166">
        <v>0</v>
      </c>
      <c r="CP3317" s="166">
        <v>0</v>
      </c>
      <c r="CQ3317" s="166">
        <v>0</v>
      </c>
      <c r="CR3317" s="166">
        <v>0</v>
      </c>
      <c r="CS3317" s="166">
        <v>0</v>
      </c>
      <c r="CT3317" s="166">
        <v>0</v>
      </c>
      <c r="CU3317" s="166">
        <v>0</v>
      </c>
      <c r="CV3317" s="166">
        <v>0</v>
      </c>
      <c r="CW3317" s="166">
        <v>0</v>
      </c>
      <c r="CX3317" s="166">
        <v>0</v>
      </c>
      <c r="CY3317" s="166">
        <v>0</v>
      </c>
      <c r="CZ3317" s="166">
        <v>0</v>
      </c>
    </row>
    <row r="3318" spans="1:104" x14ac:dyDescent="0.2">
      <c r="A3318" s="177" t="s">
        <v>602</v>
      </c>
      <c r="B3318" s="166">
        <v>210686222.74063101</v>
      </c>
      <c r="C3318" s="166">
        <v>210686222.74063101</v>
      </c>
      <c r="D3318" s="166">
        <v>0</v>
      </c>
      <c r="E3318" s="166">
        <v>0</v>
      </c>
      <c r="F3318" s="166">
        <v>0</v>
      </c>
      <c r="G3318" s="166">
        <v>0</v>
      </c>
      <c r="H3318" s="166">
        <v>0</v>
      </c>
      <c r="I3318" s="166">
        <v>0</v>
      </c>
      <c r="J3318" s="166">
        <v>0</v>
      </c>
      <c r="K3318" s="166">
        <v>0</v>
      </c>
      <c r="L3318" s="166">
        <v>0</v>
      </c>
      <c r="M3318" s="166">
        <v>0</v>
      </c>
      <c r="N3318" s="166">
        <v>0</v>
      </c>
      <c r="O3318" s="166">
        <v>0</v>
      </c>
      <c r="P3318" s="166">
        <v>0</v>
      </c>
      <c r="Q3318" s="166">
        <v>0</v>
      </c>
      <c r="R3318" s="166">
        <v>0</v>
      </c>
      <c r="S3318" s="166">
        <v>0</v>
      </c>
      <c r="T3318" s="166">
        <v>0</v>
      </c>
      <c r="U3318" s="166">
        <v>0</v>
      </c>
      <c r="V3318" s="166">
        <v>0</v>
      </c>
      <c r="W3318" s="166">
        <v>0</v>
      </c>
      <c r="X3318" s="166">
        <v>0</v>
      </c>
      <c r="Y3318" s="166">
        <v>0</v>
      </c>
      <c r="Z3318" s="166">
        <v>0</v>
      </c>
      <c r="AA3318" s="166">
        <v>0</v>
      </c>
      <c r="AB3318" s="166">
        <v>0</v>
      </c>
      <c r="AC3318" s="166">
        <v>0</v>
      </c>
      <c r="AD3318" s="166">
        <v>0</v>
      </c>
      <c r="AE3318" s="166">
        <v>0</v>
      </c>
      <c r="AF3318" s="166">
        <v>0</v>
      </c>
      <c r="AG3318" s="166">
        <v>0</v>
      </c>
      <c r="AH3318" s="166">
        <v>0</v>
      </c>
      <c r="AI3318" s="166">
        <v>0</v>
      </c>
      <c r="AJ3318" s="166">
        <v>0</v>
      </c>
      <c r="AK3318" s="166">
        <v>0</v>
      </c>
      <c r="AL3318" s="166">
        <v>0</v>
      </c>
      <c r="AM3318" s="166">
        <v>0</v>
      </c>
      <c r="AN3318" s="166">
        <v>0</v>
      </c>
      <c r="AO3318" s="166">
        <v>0</v>
      </c>
      <c r="AP3318" s="166">
        <v>0</v>
      </c>
      <c r="AQ3318" s="166">
        <v>0</v>
      </c>
      <c r="AR3318" s="166">
        <v>0</v>
      </c>
      <c r="AS3318" s="166">
        <v>0</v>
      </c>
      <c r="AT3318" s="166">
        <v>0</v>
      </c>
      <c r="AU3318" s="166">
        <v>0</v>
      </c>
      <c r="AV3318" s="166">
        <v>0</v>
      </c>
      <c r="AW3318" s="166">
        <v>0</v>
      </c>
      <c r="AX3318" s="166">
        <v>0</v>
      </c>
      <c r="AY3318" s="166">
        <v>0</v>
      </c>
      <c r="AZ3318" s="166">
        <v>0</v>
      </c>
      <c r="BA3318" s="166">
        <v>0</v>
      </c>
      <c r="BB3318" s="166">
        <v>0</v>
      </c>
      <c r="BC3318" s="166">
        <v>0</v>
      </c>
      <c r="BD3318" s="166">
        <v>0</v>
      </c>
      <c r="BE3318" s="166">
        <v>0</v>
      </c>
      <c r="BF3318" s="166">
        <v>0</v>
      </c>
      <c r="BG3318" s="166">
        <v>0</v>
      </c>
      <c r="BH3318" s="166">
        <v>0</v>
      </c>
      <c r="BI3318" s="166">
        <v>0</v>
      </c>
      <c r="BJ3318" s="166">
        <v>0</v>
      </c>
      <c r="BK3318" s="166">
        <v>0</v>
      </c>
      <c r="BL3318" s="166">
        <v>0</v>
      </c>
      <c r="BM3318" s="166">
        <v>0</v>
      </c>
      <c r="BN3318" s="166">
        <v>0</v>
      </c>
      <c r="BO3318" s="166">
        <v>0</v>
      </c>
      <c r="BP3318" s="166">
        <v>0</v>
      </c>
      <c r="BQ3318" s="166">
        <v>0</v>
      </c>
      <c r="BR3318" s="166">
        <v>210686222.74063101</v>
      </c>
      <c r="BS3318" s="166">
        <v>210686222.74063101</v>
      </c>
      <c r="BT3318" s="168">
        <v>0</v>
      </c>
      <c r="BU3318" s="166">
        <v>0</v>
      </c>
      <c r="BV3318" s="166">
        <v>0</v>
      </c>
      <c r="BW3318" s="166">
        <v>0</v>
      </c>
      <c r="BX3318" s="166">
        <v>0</v>
      </c>
      <c r="BY3318" s="166">
        <v>0</v>
      </c>
      <c r="BZ3318" s="166">
        <v>0</v>
      </c>
      <c r="CA3318" s="166">
        <v>0</v>
      </c>
      <c r="CB3318" s="166">
        <v>0</v>
      </c>
      <c r="CC3318" s="166">
        <v>0</v>
      </c>
      <c r="CD3318" s="166">
        <v>0</v>
      </c>
      <c r="CE3318" s="166">
        <v>0</v>
      </c>
      <c r="CF3318" s="166">
        <v>0</v>
      </c>
      <c r="CG3318" s="166">
        <v>0</v>
      </c>
      <c r="CH3318" s="166">
        <v>0</v>
      </c>
      <c r="CI3318" s="166">
        <v>0</v>
      </c>
      <c r="CJ3318" s="166">
        <v>0</v>
      </c>
      <c r="CK3318" s="166">
        <v>0</v>
      </c>
      <c r="CL3318" s="166">
        <v>0</v>
      </c>
      <c r="CM3318" s="166">
        <v>0</v>
      </c>
      <c r="CN3318" s="166">
        <v>0</v>
      </c>
      <c r="CO3318" s="166">
        <v>0</v>
      </c>
      <c r="CP3318" s="166">
        <v>0</v>
      </c>
      <c r="CQ3318" s="166">
        <v>0</v>
      </c>
      <c r="CR3318" s="166">
        <v>0</v>
      </c>
      <c r="CS3318" s="166">
        <v>0</v>
      </c>
      <c r="CT3318" s="166">
        <v>0</v>
      </c>
      <c r="CU3318" s="166">
        <v>0</v>
      </c>
      <c r="CV3318" s="166">
        <v>0</v>
      </c>
      <c r="CW3318" s="166">
        <v>0</v>
      </c>
      <c r="CX3318" s="166">
        <v>0</v>
      </c>
      <c r="CY3318" s="166">
        <v>0</v>
      </c>
      <c r="CZ3318" s="166">
        <v>0</v>
      </c>
    </row>
    <row r="3319" spans="1:104" x14ac:dyDescent="0.2">
      <c r="A3319" s="167" t="s">
        <v>603</v>
      </c>
      <c r="B3319" s="166">
        <v>0</v>
      </c>
      <c r="C3319" s="166">
        <v>0</v>
      </c>
      <c r="D3319" s="166">
        <v>0</v>
      </c>
      <c r="E3319" s="166">
        <v>0</v>
      </c>
      <c r="F3319" s="166">
        <v>0</v>
      </c>
      <c r="G3319" s="166">
        <v>0</v>
      </c>
      <c r="H3319" s="166">
        <v>0</v>
      </c>
      <c r="I3319" s="166">
        <v>0</v>
      </c>
      <c r="J3319" s="166">
        <v>0</v>
      </c>
      <c r="K3319" s="166">
        <v>0</v>
      </c>
      <c r="L3319" s="166">
        <v>0</v>
      </c>
      <c r="M3319" s="166">
        <v>0</v>
      </c>
      <c r="N3319" s="166">
        <v>0</v>
      </c>
      <c r="O3319" s="166">
        <v>0</v>
      </c>
      <c r="P3319" s="166">
        <v>0</v>
      </c>
      <c r="Q3319" s="166">
        <v>0</v>
      </c>
      <c r="R3319" s="166">
        <v>0</v>
      </c>
      <c r="S3319" s="166">
        <v>0</v>
      </c>
      <c r="T3319" s="166">
        <v>0</v>
      </c>
      <c r="U3319" s="166">
        <v>0</v>
      </c>
      <c r="V3319" s="166">
        <v>0</v>
      </c>
      <c r="W3319" s="166">
        <v>0</v>
      </c>
      <c r="X3319" s="166">
        <v>0</v>
      </c>
      <c r="Y3319" s="166">
        <v>0</v>
      </c>
      <c r="Z3319" s="166">
        <v>0</v>
      </c>
      <c r="AA3319" s="166">
        <v>0</v>
      </c>
      <c r="AB3319" s="166">
        <v>0</v>
      </c>
      <c r="AC3319" s="166">
        <v>0</v>
      </c>
      <c r="AD3319" s="166">
        <v>0</v>
      </c>
      <c r="AE3319" s="166">
        <v>0</v>
      </c>
      <c r="AF3319" s="166">
        <v>0</v>
      </c>
      <c r="AG3319" s="166">
        <v>0</v>
      </c>
      <c r="AH3319" s="166">
        <v>0</v>
      </c>
      <c r="AI3319" s="166">
        <v>0</v>
      </c>
      <c r="AJ3319" s="166">
        <v>0</v>
      </c>
      <c r="AK3319" s="166">
        <v>0</v>
      </c>
      <c r="AL3319" s="166">
        <v>0</v>
      </c>
      <c r="AM3319" s="166">
        <v>0</v>
      </c>
      <c r="AN3319" s="166">
        <v>0</v>
      </c>
      <c r="AO3319" s="166">
        <v>0</v>
      </c>
      <c r="AP3319" s="166">
        <v>0</v>
      </c>
      <c r="AQ3319" s="166">
        <v>0</v>
      </c>
      <c r="AR3319" s="166">
        <v>0</v>
      </c>
      <c r="AS3319" s="166">
        <v>0</v>
      </c>
      <c r="AT3319" s="166">
        <v>0</v>
      </c>
      <c r="AU3319" s="166">
        <v>0</v>
      </c>
      <c r="AV3319" s="166">
        <v>0</v>
      </c>
      <c r="AW3319" s="166">
        <v>0</v>
      </c>
      <c r="AX3319" s="166">
        <v>0</v>
      </c>
      <c r="AY3319" s="166">
        <v>0</v>
      </c>
      <c r="AZ3319" s="166">
        <v>0</v>
      </c>
      <c r="BA3319" s="166">
        <v>0</v>
      </c>
      <c r="BB3319" s="166">
        <v>0</v>
      </c>
      <c r="BC3319" s="166">
        <v>0</v>
      </c>
      <c r="BD3319" s="166">
        <v>0</v>
      </c>
      <c r="BE3319" s="166">
        <v>0</v>
      </c>
      <c r="BF3319" s="166">
        <v>0</v>
      </c>
      <c r="BG3319" s="166">
        <v>0</v>
      </c>
      <c r="BH3319" s="166">
        <v>0</v>
      </c>
      <c r="BI3319" s="166">
        <v>0</v>
      </c>
      <c r="BJ3319" s="166">
        <v>0</v>
      </c>
      <c r="BK3319" s="166">
        <v>0</v>
      </c>
      <c r="BL3319" s="166">
        <v>0</v>
      </c>
      <c r="BM3319" s="166">
        <v>0</v>
      </c>
      <c r="BN3319" s="166">
        <v>0</v>
      </c>
      <c r="BO3319" s="166">
        <v>0</v>
      </c>
      <c r="BP3319" s="166">
        <v>0</v>
      </c>
      <c r="BQ3319" s="166">
        <v>0</v>
      </c>
      <c r="BR3319" s="166">
        <v>0</v>
      </c>
      <c r="BS3319" s="166">
        <v>0</v>
      </c>
      <c r="BT3319" s="168">
        <v>0</v>
      </c>
      <c r="BU3319" s="166">
        <v>0</v>
      </c>
      <c r="BV3319" s="166">
        <v>0</v>
      </c>
      <c r="BW3319" s="166">
        <v>0</v>
      </c>
      <c r="BX3319" s="166">
        <v>0</v>
      </c>
      <c r="BY3319" s="166">
        <v>0</v>
      </c>
      <c r="BZ3319" s="166">
        <v>0</v>
      </c>
      <c r="CA3319" s="166">
        <v>0</v>
      </c>
      <c r="CB3319" s="166">
        <v>0</v>
      </c>
      <c r="CC3319" s="166">
        <v>0</v>
      </c>
      <c r="CD3319" s="166">
        <v>0</v>
      </c>
      <c r="CE3319" s="166">
        <v>0</v>
      </c>
      <c r="CF3319" s="166">
        <v>0</v>
      </c>
      <c r="CG3319" s="166">
        <v>0</v>
      </c>
      <c r="CH3319" s="166">
        <v>0</v>
      </c>
      <c r="CI3319" s="166">
        <v>0</v>
      </c>
      <c r="CJ3319" s="166">
        <v>0</v>
      </c>
      <c r="CK3319" s="166">
        <v>0</v>
      </c>
      <c r="CL3319" s="166">
        <v>0</v>
      </c>
      <c r="CM3319" s="166">
        <v>0</v>
      </c>
      <c r="CN3319" s="166">
        <v>0</v>
      </c>
      <c r="CO3319" s="166">
        <v>0</v>
      </c>
      <c r="CP3319" s="166">
        <v>0</v>
      </c>
      <c r="CQ3319" s="166">
        <v>0</v>
      </c>
      <c r="CR3319" s="166">
        <v>0</v>
      </c>
      <c r="CS3319" s="166">
        <v>0</v>
      </c>
      <c r="CT3319" s="166">
        <v>0</v>
      </c>
      <c r="CU3319" s="166">
        <v>0</v>
      </c>
      <c r="CV3319" s="166">
        <v>0</v>
      </c>
      <c r="CW3319" s="166">
        <v>0</v>
      </c>
      <c r="CX3319" s="166">
        <v>0</v>
      </c>
      <c r="CY3319" s="166">
        <v>0</v>
      </c>
      <c r="CZ3319" s="166">
        <v>0</v>
      </c>
    </row>
    <row r="3320" spans="1:104" x14ac:dyDescent="0.2">
      <c r="A3320" s="177" t="s">
        <v>604</v>
      </c>
      <c r="B3320" s="166">
        <v>699449212.63675702</v>
      </c>
      <c r="C3320" s="166">
        <v>699449212.63675702</v>
      </c>
      <c r="D3320" s="166">
        <v>0</v>
      </c>
      <c r="E3320" s="166">
        <v>0</v>
      </c>
      <c r="F3320" s="166">
        <v>0</v>
      </c>
      <c r="G3320" s="166">
        <v>0</v>
      </c>
      <c r="H3320" s="166">
        <v>0</v>
      </c>
      <c r="I3320" s="166">
        <v>0</v>
      </c>
      <c r="J3320" s="166">
        <v>0</v>
      </c>
      <c r="K3320" s="166">
        <v>0</v>
      </c>
      <c r="L3320" s="166">
        <v>0</v>
      </c>
      <c r="M3320" s="166">
        <v>0</v>
      </c>
      <c r="N3320" s="166">
        <v>0</v>
      </c>
      <c r="O3320" s="166">
        <v>0</v>
      </c>
      <c r="P3320" s="166">
        <v>0</v>
      </c>
      <c r="Q3320" s="166">
        <v>0</v>
      </c>
      <c r="R3320" s="166">
        <v>0</v>
      </c>
      <c r="S3320" s="166">
        <v>0</v>
      </c>
      <c r="T3320" s="166">
        <v>0</v>
      </c>
      <c r="U3320" s="166">
        <v>0</v>
      </c>
      <c r="V3320" s="166">
        <v>0</v>
      </c>
      <c r="W3320" s="166">
        <v>0</v>
      </c>
      <c r="X3320" s="166">
        <v>0</v>
      </c>
      <c r="Y3320" s="166">
        <v>0</v>
      </c>
      <c r="Z3320" s="166">
        <v>0</v>
      </c>
      <c r="AA3320" s="166">
        <v>0</v>
      </c>
      <c r="AB3320" s="166">
        <v>0</v>
      </c>
      <c r="AC3320" s="166">
        <v>0</v>
      </c>
      <c r="AD3320" s="166">
        <v>0</v>
      </c>
      <c r="AE3320" s="166">
        <v>0</v>
      </c>
      <c r="AF3320" s="166">
        <v>0</v>
      </c>
      <c r="AG3320" s="166">
        <v>0</v>
      </c>
      <c r="AH3320" s="166">
        <v>0</v>
      </c>
      <c r="AI3320" s="166">
        <v>0</v>
      </c>
      <c r="AJ3320" s="166">
        <v>0</v>
      </c>
      <c r="AK3320" s="166">
        <v>0</v>
      </c>
      <c r="AL3320" s="166">
        <v>0</v>
      </c>
      <c r="AM3320" s="166">
        <v>0</v>
      </c>
      <c r="AN3320" s="166">
        <v>0</v>
      </c>
      <c r="AO3320" s="166">
        <v>0</v>
      </c>
      <c r="AP3320" s="166">
        <v>0</v>
      </c>
      <c r="AQ3320" s="166">
        <v>0</v>
      </c>
      <c r="AR3320" s="166">
        <v>0</v>
      </c>
      <c r="AS3320" s="166">
        <v>0</v>
      </c>
      <c r="AT3320" s="166">
        <v>0</v>
      </c>
      <c r="AU3320" s="166">
        <v>0</v>
      </c>
      <c r="AV3320" s="166">
        <v>0</v>
      </c>
      <c r="AW3320" s="166">
        <v>0</v>
      </c>
      <c r="AX3320" s="166">
        <v>0</v>
      </c>
      <c r="AY3320" s="166">
        <v>0</v>
      </c>
      <c r="AZ3320" s="166">
        <v>0</v>
      </c>
      <c r="BA3320" s="166">
        <v>0</v>
      </c>
      <c r="BB3320" s="166">
        <v>0</v>
      </c>
      <c r="BC3320" s="166">
        <v>0</v>
      </c>
      <c r="BD3320" s="166">
        <v>0</v>
      </c>
      <c r="BE3320" s="166">
        <v>0</v>
      </c>
      <c r="BF3320" s="166">
        <v>0</v>
      </c>
      <c r="BG3320" s="166">
        <v>0</v>
      </c>
      <c r="BH3320" s="166">
        <v>0</v>
      </c>
      <c r="BI3320" s="166">
        <v>0</v>
      </c>
      <c r="BJ3320" s="166">
        <v>0</v>
      </c>
      <c r="BK3320" s="166">
        <v>0</v>
      </c>
      <c r="BL3320" s="166">
        <v>0</v>
      </c>
      <c r="BM3320" s="166">
        <v>0</v>
      </c>
      <c r="BN3320" s="166">
        <v>0</v>
      </c>
      <c r="BO3320" s="166">
        <v>0</v>
      </c>
      <c r="BP3320" s="166">
        <v>0</v>
      </c>
      <c r="BQ3320" s="166">
        <v>0</v>
      </c>
      <c r="BR3320" s="166">
        <v>699449212.63675702</v>
      </c>
      <c r="BS3320" s="166">
        <v>699449212.63675702</v>
      </c>
      <c r="BT3320" s="168">
        <v>0</v>
      </c>
      <c r="BU3320" s="166">
        <v>0</v>
      </c>
      <c r="BV3320" s="166">
        <v>0</v>
      </c>
      <c r="BW3320" s="166">
        <v>0</v>
      </c>
      <c r="BX3320" s="166">
        <v>0</v>
      </c>
      <c r="BY3320" s="166">
        <v>0</v>
      </c>
      <c r="BZ3320" s="166">
        <v>0</v>
      </c>
      <c r="CA3320" s="166">
        <v>0</v>
      </c>
      <c r="CB3320" s="166">
        <v>0</v>
      </c>
      <c r="CC3320" s="166">
        <v>0</v>
      </c>
      <c r="CD3320" s="166">
        <v>0</v>
      </c>
      <c r="CE3320" s="166">
        <v>0</v>
      </c>
      <c r="CF3320" s="166">
        <v>0</v>
      </c>
      <c r="CG3320" s="166">
        <v>0</v>
      </c>
      <c r="CH3320" s="166">
        <v>0</v>
      </c>
      <c r="CI3320" s="166">
        <v>0</v>
      </c>
      <c r="CJ3320" s="166">
        <v>0</v>
      </c>
      <c r="CK3320" s="166">
        <v>0</v>
      </c>
      <c r="CL3320" s="166">
        <v>0</v>
      </c>
      <c r="CM3320" s="166">
        <v>0</v>
      </c>
      <c r="CN3320" s="166">
        <v>0</v>
      </c>
      <c r="CO3320" s="166">
        <v>0</v>
      </c>
      <c r="CP3320" s="166">
        <v>0</v>
      </c>
      <c r="CQ3320" s="166">
        <v>0</v>
      </c>
      <c r="CR3320" s="166">
        <v>0</v>
      </c>
      <c r="CS3320" s="166">
        <v>0</v>
      </c>
      <c r="CT3320" s="166">
        <v>0</v>
      </c>
      <c r="CU3320" s="166">
        <v>0</v>
      </c>
      <c r="CV3320" s="166">
        <v>0</v>
      </c>
      <c r="CW3320" s="166">
        <v>0</v>
      </c>
      <c r="CX3320" s="166">
        <v>0</v>
      </c>
      <c r="CY3320" s="166">
        <v>0</v>
      </c>
      <c r="CZ3320" s="166">
        <v>0</v>
      </c>
    </row>
    <row r="3321" spans="1:104" x14ac:dyDescent="0.2">
      <c r="A3321" s="167" t="s">
        <v>605</v>
      </c>
      <c r="B3321" s="166">
        <v>0</v>
      </c>
      <c r="C3321" s="166">
        <v>0</v>
      </c>
      <c r="D3321" s="166">
        <v>0</v>
      </c>
      <c r="E3321" s="166">
        <v>0</v>
      </c>
      <c r="F3321" s="166">
        <v>0</v>
      </c>
      <c r="G3321" s="166">
        <v>0</v>
      </c>
      <c r="H3321" s="166">
        <v>0</v>
      </c>
      <c r="I3321" s="166">
        <v>0</v>
      </c>
      <c r="J3321" s="166">
        <v>0</v>
      </c>
      <c r="K3321" s="166">
        <v>0</v>
      </c>
      <c r="L3321" s="166">
        <v>0</v>
      </c>
      <c r="M3321" s="166">
        <v>0</v>
      </c>
      <c r="N3321" s="166">
        <v>0</v>
      </c>
      <c r="O3321" s="166">
        <v>0</v>
      </c>
      <c r="P3321" s="166">
        <v>0</v>
      </c>
      <c r="Q3321" s="166">
        <v>0</v>
      </c>
      <c r="R3321" s="166">
        <v>0</v>
      </c>
      <c r="S3321" s="166">
        <v>0</v>
      </c>
      <c r="T3321" s="166">
        <v>0</v>
      </c>
      <c r="U3321" s="166">
        <v>0</v>
      </c>
      <c r="V3321" s="166">
        <v>0</v>
      </c>
      <c r="W3321" s="166">
        <v>0</v>
      </c>
      <c r="X3321" s="166">
        <v>0</v>
      </c>
      <c r="Y3321" s="166">
        <v>0</v>
      </c>
      <c r="Z3321" s="166">
        <v>0</v>
      </c>
      <c r="AA3321" s="166">
        <v>0</v>
      </c>
      <c r="AB3321" s="166">
        <v>0</v>
      </c>
      <c r="AC3321" s="166">
        <v>0</v>
      </c>
      <c r="AD3321" s="166">
        <v>0</v>
      </c>
      <c r="AE3321" s="166">
        <v>0</v>
      </c>
      <c r="AF3321" s="166">
        <v>0</v>
      </c>
      <c r="AG3321" s="166">
        <v>0</v>
      </c>
      <c r="AH3321" s="166">
        <v>0</v>
      </c>
      <c r="AI3321" s="166">
        <v>0</v>
      </c>
      <c r="AJ3321" s="166">
        <v>0</v>
      </c>
      <c r="AK3321" s="166">
        <v>0</v>
      </c>
      <c r="AL3321" s="166">
        <v>0</v>
      </c>
      <c r="AM3321" s="166">
        <v>0</v>
      </c>
      <c r="AN3321" s="166">
        <v>0</v>
      </c>
      <c r="AO3321" s="166">
        <v>0</v>
      </c>
      <c r="AP3321" s="166">
        <v>0</v>
      </c>
      <c r="AQ3321" s="166">
        <v>0</v>
      </c>
      <c r="AR3321" s="166">
        <v>0</v>
      </c>
      <c r="AS3321" s="166">
        <v>0</v>
      </c>
      <c r="AT3321" s="166">
        <v>0</v>
      </c>
      <c r="AU3321" s="166">
        <v>0</v>
      </c>
      <c r="AV3321" s="166">
        <v>0</v>
      </c>
      <c r="AW3321" s="166">
        <v>0</v>
      </c>
      <c r="AX3321" s="166">
        <v>0</v>
      </c>
      <c r="AY3321" s="166">
        <v>0</v>
      </c>
      <c r="AZ3321" s="166">
        <v>0</v>
      </c>
      <c r="BA3321" s="166">
        <v>0</v>
      </c>
      <c r="BB3321" s="166">
        <v>0</v>
      </c>
      <c r="BC3321" s="166">
        <v>0</v>
      </c>
      <c r="BD3321" s="166">
        <v>0</v>
      </c>
      <c r="BE3321" s="166">
        <v>0</v>
      </c>
      <c r="BF3321" s="166">
        <v>0</v>
      </c>
      <c r="BG3321" s="166">
        <v>0</v>
      </c>
      <c r="BH3321" s="166">
        <v>0</v>
      </c>
      <c r="BI3321" s="166">
        <v>0</v>
      </c>
      <c r="BJ3321" s="166">
        <v>0</v>
      </c>
      <c r="BK3321" s="166">
        <v>0</v>
      </c>
      <c r="BL3321" s="166">
        <v>0</v>
      </c>
      <c r="BM3321" s="166">
        <v>0</v>
      </c>
      <c r="BN3321" s="166">
        <v>0</v>
      </c>
      <c r="BO3321" s="166">
        <v>0</v>
      </c>
      <c r="BP3321" s="166">
        <v>0</v>
      </c>
      <c r="BQ3321" s="166">
        <v>0</v>
      </c>
      <c r="BR3321" s="166">
        <v>0</v>
      </c>
      <c r="BS3321" s="166">
        <v>0</v>
      </c>
      <c r="BT3321" s="168">
        <v>0</v>
      </c>
      <c r="BU3321" s="166">
        <v>0</v>
      </c>
      <c r="BV3321" s="166">
        <v>0</v>
      </c>
      <c r="BW3321" s="166">
        <v>0</v>
      </c>
      <c r="BX3321" s="166">
        <v>0</v>
      </c>
      <c r="BY3321" s="166">
        <v>0</v>
      </c>
      <c r="BZ3321" s="166">
        <v>0</v>
      </c>
      <c r="CA3321" s="166">
        <v>0</v>
      </c>
      <c r="CB3321" s="166">
        <v>0</v>
      </c>
      <c r="CC3321" s="166">
        <v>0</v>
      </c>
      <c r="CD3321" s="166">
        <v>0</v>
      </c>
      <c r="CE3321" s="166">
        <v>0</v>
      </c>
      <c r="CF3321" s="166">
        <v>0</v>
      </c>
      <c r="CG3321" s="166">
        <v>0</v>
      </c>
      <c r="CH3321" s="166">
        <v>0</v>
      </c>
      <c r="CI3321" s="166">
        <v>0</v>
      </c>
      <c r="CJ3321" s="166">
        <v>0</v>
      </c>
      <c r="CK3321" s="166">
        <v>0</v>
      </c>
      <c r="CL3321" s="166">
        <v>0</v>
      </c>
      <c r="CM3321" s="166">
        <v>0</v>
      </c>
      <c r="CN3321" s="166">
        <v>0</v>
      </c>
      <c r="CO3321" s="166">
        <v>0</v>
      </c>
      <c r="CP3321" s="166">
        <v>0</v>
      </c>
      <c r="CQ3321" s="166">
        <v>0</v>
      </c>
      <c r="CR3321" s="166">
        <v>0</v>
      </c>
      <c r="CS3321" s="166">
        <v>0</v>
      </c>
      <c r="CT3321" s="166">
        <v>0</v>
      </c>
      <c r="CU3321" s="166">
        <v>0</v>
      </c>
      <c r="CV3321" s="166">
        <v>0</v>
      </c>
      <c r="CW3321" s="166">
        <v>0</v>
      </c>
      <c r="CX3321" s="166">
        <v>0</v>
      </c>
      <c r="CY3321" s="166">
        <v>0</v>
      </c>
      <c r="CZ3321" s="166">
        <v>0</v>
      </c>
    </row>
    <row r="3322" spans="1:104" x14ac:dyDescent="0.2">
      <c r="A3322" s="167" t="s">
        <v>606</v>
      </c>
    </row>
    <row r="3323" spans="1:104" x14ac:dyDescent="0.2">
      <c r="A3323" s="167" t="s">
        <v>607</v>
      </c>
      <c r="B3323" s="166">
        <v>89140065.710888103</v>
      </c>
      <c r="C3323" s="166">
        <v>89140065.710888103</v>
      </c>
      <c r="D3323" s="166">
        <v>0</v>
      </c>
      <c r="E3323" s="166">
        <v>0</v>
      </c>
      <c r="F3323" s="166">
        <v>0</v>
      </c>
      <c r="G3323" s="166">
        <v>0</v>
      </c>
      <c r="H3323" s="166">
        <v>0</v>
      </c>
      <c r="I3323" s="166">
        <v>0</v>
      </c>
      <c r="J3323" s="166">
        <v>0</v>
      </c>
      <c r="K3323" s="166">
        <v>0</v>
      </c>
      <c r="L3323" s="166">
        <v>0</v>
      </c>
      <c r="M3323" s="166">
        <v>0</v>
      </c>
      <c r="N3323" s="166">
        <v>0</v>
      </c>
      <c r="O3323" s="166">
        <v>0</v>
      </c>
      <c r="P3323" s="166">
        <v>0</v>
      </c>
      <c r="Q3323" s="166">
        <v>0</v>
      </c>
      <c r="R3323" s="166">
        <v>0</v>
      </c>
      <c r="S3323" s="166">
        <v>0</v>
      </c>
      <c r="T3323" s="166">
        <v>0</v>
      </c>
      <c r="U3323" s="166">
        <v>0</v>
      </c>
      <c r="V3323" s="166">
        <v>0</v>
      </c>
      <c r="W3323" s="166">
        <v>0</v>
      </c>
      <c r="X3323" s="166">
        <v>0</v>
      </c>
      <c r="Y3323" s="166">
        <v>0</v>
      </c>
      <c r="Z3323" s="166">
        <v>0</v>
      </c>
      <c r="AA3323" s="166">
        <v>0</v>
      </c>
      <c r="AB3323" s="166">
        <v>0</v>
      </c>
      <c r="AC3323" s="166">
        <v>0</v>
      </c>
      <c r="AD3323" s="166">
        <v>0</v>
      </c>
      <c r="AE3323" s="166">
        <v>0</v>
      </c>
      <c r="AF3323" s="166">
        <v>0</v>
      </c>
      <c r="AG3323" s="166">
        <v>0</v>
      </c>
      <c r="AH3323" s="166">
        <v>0</v>
      </c>
      <c r="AI3323" s="166">
        <v>0</v>
      </c>
      <c r="AJ3323" s="166">
        <v>0</v>
      </c>
      <c r="AK3323" s="166">
        <v>0</v>
      </c>
      <c r="AL3323" s="166">
        <v>0</v>
      </c>
      <c r="AM3323" s="166">
        <v>0</v>
      </c>
      <c r="AN3323" s="166">
        <v>0</v>
      </c>
      <c r="AO3323" s="166">
        <v>0</v>
      </c>
      <c r="AP3323" s="166">
        <v>0</v>
      </c>
      <c r="AQ3323" s="166">
        <v>0</v>
      </c>
      <c r="AR3323" s="166">
        <v>0</v>
      </c>
      <c r="AS3323" s="166">
        <v>0</v>
      </c>
      <c r="AT3323" s="166">
        <v>0</v>
      </c>
      <c r="AU3323" s="166">
        <v>0</v>
      </c>
      <c r="AV3323" s="166">
        <v>0</v>
      </c>
      <c r="AW3323" s="166">
        <v>0</v>
      </c>
      <c r="AX3323" s="166">
        <v>0</v>
      </c>
      <c r="AY3323" s="166">
        <v>0</v>
      </c>
      <c r="AZ3323" s="166">
        <v>0</v>
      </c>
      <c r="BA3323" s="166">
        <v>0</v>
      </c>
      <c r="BB3323" s="166">
        <v>0</v>
      </c>
      <c r="BC3323" s="166">
        <v>0</v>
      </c>
      <c r="BD3323" s="166">
        <v>0</v>
      </c>
      <c r="BE3323" s="166">
        <v>0</v>
      </c>
      <c r="BF3323" s="166">
        <v>0</v>
      </c>
      <c r="BG3323" s="166">
        <v>0</v>
      </c>
      <c r="BH3323" s="166">
        <v>0</v>
      </c>
      <c r="BI3323" s="166">
        <v>0</v>
      </c>
      <c r="BJ3323" s="166">
        <v>0</v>
      </c>
      <c r="BK3323" s="166">
        <v>0</v>
      </c>
      <c r="BL3323" s="166">
        <v>0</v>
      </c>
      <c r="BM3323" s="166">
        <v>0</v>
      </c>
      <c r="BN3323" s="166">
        <v>0</v>
      </c>
      <c r="BO3323" s="166">
        <v>0</v>
      </c>
      <c r="BP3323" s="166">
        <v>0</v>
      </c>
      <c r="BQ3323" s="166">
        <v>0</v>
      </c>
      <c r="BR3323" s="166">
        <v>89140065.710888103</v>
      </c>
      <c r="BS3323" s="166">
        <v>89140065.710888103</v>
      </c>
      <c r="BT3323" s="168">
        <v>0</v>
      </c>
      <c r="BU3323" s="166">
        <v>0</v>
      </c>
      <c r="BV3323" s="166">
        <v>0</v>
      </c>
      <c r="BW3323" s="166">
        <v>0</v>
      </c>
      <c r="BX3323" s="166">
        <v>0</v>
      </c>
      <c r="BY3323" s="166">
        <v>0</v>
      </c>
      <c r="BZ3323" s="166">
        <v>0</v>
      </c>
      <c r="CA3323" s="166">
        <v>0</v>
      </c>
      <c r="CB3323" s="166">
        <v>0</v>
      </c>
      <c r="CC3323" s="166">
        <v>0</v>
      </c>
      <c r="CD3323" s="166">
        <v>0</v>
      </c>
      <c r="CE3323" s="166">
        <v>0</v>
      </c>
      <c r="CF3323" s="166">
        <v>0</v>
      </c>
      <c r="CG3323" s="166">
        <v>0</v>
      </c>
      <c r="CH3323" s="166">
        <v>0</v>
      </c>
      <c r="CI3323" s="166">
        <v>0</v>
      </c>
      <c r="CJ3323" s="166">
        <v>0</v>
      </c>
      <c r="CK3323" s="166">
        <v>0</v>
      </c>
      <c r="CL3323" s="166">
        <v>0</v>
      </c>
      <c r="CM3323" s="166">
        <v>0</v>
      </c>
      <c r="CN3323" s="166">
        <v>0</v>
      </c>
      <c r="CO3323" s="166">
        <v>0</v>
      </c>
      <c r="CP3323" s="166">
        <v>0</v>
      </c>
      <c r="CQ3323" s="166">
        <v>0</v>
      </c>
      <c r="CR3323" s="166">
        <v>0</v>
      </c>
      <c r="CS3323" s="166">
        <v>0</v>
      </c>
      <c r="CT3323" s="166">
        <v>0</v>
      </c>
      <c r="CU3323" s="166">
        <v>0</v>
      </c>
      <c r="CV3323" s="166">
        <v>0</v>
      </c>
      <c r="CW3323" s="166">
        <v>0</v>
      </c>
      <c r="CX3323" s="166">
        <v>0</v>
      </c>
      <c r="CY3323" s="166">
        <v>0</v>
      </c>
      <c r="CZ3323" s="166">
        <v>0</v>
      </c>
    </row>
    <row r="3324" spans="1:104" x14ac:dyDescent="0.2">
      <c r="A3324" s="167" t="s">
        <v>608</v>
      </c>
      <c r="B3324" s="166">
        <v>13294956.2194483</v>
      </c>
      <c r="C3324" s="166">
        <v>13294956.2194483</v>
      </c>
      <c r="D3324" s="166">
        <v>0</v>
      </c>
      <c r="E3324" s="166">
        <v>0</v>
      </c>
      <c r="F3324" s="166">
        <v>0</v>
      </c>
      <c r="G3324" s="166">
        <v>0</v>
      </c>
      <c r="H3324" s="166">
        <v>0</v>
      </c>
      <c r="I3324" s="166">
        <v>0</v>
      </c>
      <c r="J3324" s="166">
        <v>0</v>
      </c>
      <c r="K3324" s="166">
        <v>0</v>
      </c>
      <c r="L3324" s="166">
        <v>0</v>
      </c>
      <c r="M3324" s="166">
        <v>0</v>
      </c>
      <c r="N3324" s="166">
        <v>0</v>
      </c>
      <c r="O3324" s="166">
        <v>0</v>
      </c>
      <c r="P3324" s="166">
        <v>0</v>
      </c>
      <c r="Q3324" s="166">
        <v>0</v>
      </c>
      <c r="R3324" s="166">
        <v>0</v>
      </c>
      <c r="S3324" s="166">
        <v>0</v>
      </c>
      <c r="T3324" s="166">
        <v>0</v>
      </c>
      <c r="U3324" s="166">
        <v>0</v>
      </c>
      <c r="V3324" s="166">
        <v>0</v>
      </c>
      <c r="W3324" s="166">
        <v>0</v>
      </c>
      <c r="X3324" s="166">
        <v>0</v>
      </c>
      <c r="Y3324" s="166">
        <v>0</v>
      </c>
      <c r="Z3324" s="166">
        <v>0</v>
      </c>
      <c r="AA3324" s="166">
        <v>0</v>
      </c>
      <c r="AB3324" s="166">
        <v>0</v>
      </c>
      <c r="AC3324" s="166">
        <v>0</v>
      </c>
      <c r="AD3324" s="166">
        <v>0</v>
      </c>
      <c r="AE3324" s="166">
        <v>0</v>
      </c>
      <c r="AF3324" s="166">
        <v>0</v>
      </c>
      <c r="AG3324" s="166">
        <v>0</v>
      </c>
      <c r="AH3324" s="166">
        <v>0</v>
      </c>
      <c r="AI3324" s="166">
        <v>0</v>
      </c>
      <c r="AJ3324" s="166">
        <v>0</v>
      </c>
      <c r="AK3324" s="166">
        <v>0</v>
      </c>
      <c r="AL3324" s="166">
        <v>0</v>
      </c>
      <c r="AM3324" s="166">
        <v>0</v>
      </c>
      <c r="AN3324" s="166">
        <v>0</v>
      </c>
      <c r="AO3324" s="166">
        <v>0</v>
      </c>
      <c r="AP3324" s="166">
        <v>0</v>
      </c>
      <c r="AQ3324" s="166">
        <v>0</v>
      </c>
      <c r="AR3324" s="166">
        <v>0</v>
      </c>
      <c r="AS3324" s="166">
        <v>0</v>
      </c>
      <c r="AT3324" s="166">
        <v>0</v>
      </c>
      <c r="AU3324" s="166">
        <v>0</v>
      </c>
      <c r="AV3324" s="166">
        <v>0</v>
      </c>
      <c r="AW3324" s="166">
        <v>0</v>
      </c>
      <c r="AX3324" s="166">
        <v>0</v>
      </c>
      <c r="AY3324" s="166">
        <v>0</v>
      </c>
      <c r="AZ3324" s="166">
        <v>0</v>
      </c>
      <c r="BA3324" s="166">
        <v>0</v>
      </c>
      <c r="BB3324" s="166">
        <v>0</v>
      </c>
      <c r="BC3324" s="166">
        <v>0</v>
      </c>
      <c r="BD3324" s="166">
        <v>0</v>
      </c>
      <c r="BE3324" s="166">
        <v>0</v>
      </c>
      <c r="BF3324" s="166">
        <v>0</v>
      </c>
      <c r="BG3324" s="166">
        <v>0</v>
      </c>
      <c r="BH3324" s="166">
        <v>0</v>
      </c>
      <c r="BI3324" s="166">
        <v>0</v>
      </c>
      <c r="BJ3324" s="166">
        <v>0</v>
      </c>
      <c r="BK3324" s="166">
        <v>0</v>
      </c>
      <c r="BL3324" s="166">
        <v>0</v>
      </c>
      <c r="BM3324" s="166">
        <v>0</v>
      </c>
      <c r="BN3324" s="166">
        <v>0</v>
      </c>
      <c r="BO3324" s="166">
        <v>0</v>
      </c>
      <c r="BP3324" s="166">
        <v>0</v>
      </c>
      <c r="BQ3324" s="166">
        <v>0</v>
      </c>
      <c r="BR3324" s="166">
        <v>13294956.2194483</v>
      </c>
      <c r="BS3324" s="166">
        <v>13294956.2194483</v>
      </c>
      <c r="BT3324" s="168">
        <v>0</v>
      </c>
      <c r="BU3324" s="166">
        <v>0</v>
      </c>
      <c r="BV3324" s="166">
        <v>0</v>
      </c>
      <c r="BW3324" s="166">
        <v>0</v>
      </c>
      <c r="BX3324" s="166">
        <v>0</v>
      </c>
      <c r="BY3324" s="166">
        <v>0</v>
      </c>
      <c r="BZ3324" s="166">
        <v>0</v>
      </c>
      <c r="CA3324" s="166">
        <v>0</v>
      </c>
      <c r="CB3324" s="166">
        <v>0</v>
      </c>
      <c r="CC3324" s="166">
        <v>0</v>
      </c>
      <c r="CD3324" s="166">
        <v>0</v>
      </c>
      <c r="CE3324" s="166">
        <v>0</v>
      </c>
      <c r="CF3324" s="166">
        <v>0</v>
      </c>
      <c r="CG3324" s="166">
        <v>0</v>
      </c>
      <c r="CH3324" s="166">
        <v>0</v>
      </c>
      <c r="CI3324" s="166">
        <v>0</v>
      </c>
      <c r="CJ3324" s="166">
        <v>0</v>
      </c>
      <c r="CK3324" s="166">
        <v>0</v>
      </c>
      <c r="CL3324" s="166">
        <v>0</v>
      </c>
      <c r="CM3324" s="166">
        <v>0</v>
      </c>
      <c r="CN3324" s="166">
        <v>0</v>
      </c>
      <c r="CO3324" s="166">
        <v>0</v>
      </c>
      <c r="CP3324" s="166">
        <v>0</v>
      </c>
      <c r="CQ3324" s="166">
        <v>0</v>
      </c>
      <c r="CR3324" s="166">
        <v>0</v>
      </c>
      <c r="CS3324" s="166">
        <v>0</v>
      </c>
      <c r="CT3324" s="166">
        <v>0</v>
      </c>
      <c r="CU3324" s="166">
        <v>0</v>
      </c>
      <c r="CV3324" s="166">
        <v>0</v>
      </c>
      <c r="CW3324" s="166">
        <v>0</v>
      </c>
      <c r="CX3324" s="166">
        <v>0</v>
      </c>
      <c r="CY3324" s="166">
        <v>0</v>
      </c>
      <c r="CZ3324" s="166">
        <v>0</v>
      </c>
    </row>
    <row r="3325" spans="1:104" x14ac:dyDescent="0.2">
      <c r="A3325" s="167" t="s">
        <v>609</v>
      </c>
      <c r="B3325" s="166">
        <v>12337049.0562187</v>
      </c>
      <c r="C3325" s="166">
        <v>12337049.0562187</v>
      </c>
      <c r="D3325" s="166">
        <v>0</v>
      </c>
      <c r="E3325" s="166">
        <v>0</v>
      </c>
      <c r="F3325" s="166">
        <v>0</v>
      </c>
      <c r="G3325" s="166">
        <v>0</v>
      </c>
      <c r="H3325" s="166">
        <v>0</v>
      </c>
      <c r="I3325" s="166">
        <v>0</v>
      </c>
      <c r="J3325" s="166">
        <v>0</v>
      </c>
      <c r="K3325" s="166">
        <v>0</v>
      </c>
      <c r="L3325" s="166">
        <v>0</v>
      </c>
      <c r="M3325" s="166">
        <v>0</v>
      </c>
      <c r="N3325" s="166">
        <v>0</v>
      </c>
      <c r="O3325" s="166">
        <v>0</v>
      </c>
      <c r="P3325" s="166">
        <v>0</v>
      </c>
      <c r="Q3325" s="166">
        <v>0</v>
      </c>
      <c r="R3325" s="166">
        <v>0</v>
      </c>
      <c r="S3325" s="166">
        <v>0</v>
      </c>
      <c r="T3325" s="166">
        <v>0</v>
      </c>
      <c r="U3325" s="166">
        <v>0</v>
      </c>
      <c r="V3325" s="166">
        <v>0</v>
      </c>
      <c r="W3325" s="166">
        <v>0</v>
      </c>
      <c r="X3325" s="166">
        <v>0</v>
      </c>
      <c r="Y3325" s="166">
        <v>0</v>
      </c>
      <c r="Z3325" s="166">
        <v>0</v>
      </c>
      <c r="AA3325" s="166">
        <v>0</v>
      </c>
      <c r="AB3325" s="166">
        <v>0</v>
      </c>
      <c r="AC3325" s="166">
        <v>0</v>
      </c>
      <c r="AD3325" s="166">
        <v>0</v>
      </c>
      <c r="AE3325" s="166">
        <v>0</v>
      </c>
      <c r="AF3325" s="166">
        <v>0</v>
      </c>
      <c r="AG3325" s="166">
        <v>0</v>
      </c>
      <c r="AH3325" s="166">
        <v>0</v>
      </c>
      <c r="AI3325" s="166">
        <v>0</v>
      </c>
      <c r="AJ3325" s="166">
        <v>0</v>
      </c>
      <c r="AK3325" s="166">
        <v>0</v>
      </c>
      <c r="AL3325" s="166">
        <v>0</v>
      </c>
      <c r="AM3325" s="166">
        <v>0</v>
      </c>
      <c r="AN3325" s="166">
        <v>0</v>
      </c>
      <c r="AO3325" s="166">
        <v>0</v>
      </c>
      <c r="AP3325" s="166">
        <v>0</v>
      </c>
      <c r="AQ3325" s="166">
        <v>0</v>
      </c>
      <c r="AR3325" s="166">
        <v>0</v>
      </c>
      <c r="AS3325" s="166">
        <v>0</v>
      </c>
      <c r="AT3325" s="166">
        <v>0</v>
      </c>
      <c r="AU3325" s="166">
        <v>0</v>
      </c>
      <c r="AV3325" s="166">
        <v>0</v>
      </c>
      <c r="AW3325" s="166">
        <v>0</v>
      </c>
      <c r="AX3325" s="166">
        <v>0</v>
      </c>
      <c r="AY3325" s="166">
        <v>0</v>
      </c>
      <c r="AZ3325" s="166">
        <v>0</v>
      </c>
      <c r="BA3325" s="166">
        <v>0</v>
      </c>
      <c r="BB3325" s="166">
        <v>0</v>
      </c>
      <c r="BC3325" s="166">
        <v>0</v>
      </c>
      <c r="BD3325" s="166">
        <v>0</v>
      </c>
      <c r="BE3325" s="166">
        <v>0</v>
      </c>
      <c r="BF3325" s="166">
        <v>0</v>
      </c>
      <c r="BG3325" s="166">
        <v>0</v>
      </c>
      <c r="BH3325" s="166">
        <v>0</v>
      </c>
      <c r="BI3325" s="166">
        <v>0</v>
      </c>
      <c r="BJ3325" s="166">
        <v>0</v>
      </c>
      <c r="BK3325" s="166">
        <v>0</v>
      </c>
      <c r="BL3325" s="166">
        <v>0</v>
      </c>
      <c r="BM3325" s="166">
        <v>0</v>
      </c>
      <c r="BN3325" s="166">
        <v>0</v>
      </c>
      <c r="BO3325" s="166">
        <v>0</v>
      </c>
      <c r="BP3325" s="166">
        <v>0</v>
      </c>
      <c r="BQ3325" s="166">
        <v>0</v>
      </c>
      <c r="BR3325" s="166">
        <v>12337049.0562187</v>
      </c>
      <c r="BS3325" s="166">
        <v>12337049.0562187</v>
      </c>
      <c r="BT3325" s="168">
        <v>0</v>
      </c>
      <c r="BU3325" s="166">
        <v>0</v>
      </c>
      <c r="BV3325" s="166">
        <v>0</v>
      </c>
      <c r="BW3325" s="166">
        <v>0</v>
      </c>
      <c r="BX3325" s="166">
        <v>0</v>
      </c>
      <c r="BY3325" s="166">
        <v>0</v>
      </c>
      <c r="BZ3325" s="166">
        <v>0</v>
      </c>
      <c r="CA3325" s="166">
        <v>0</v>
      </c>
      <c r="CB3325" s="166">
        <v>0</v>
      </c>
      <c r="CC3325" s="166">
        <v>0</v>
      </c>
      <c r="CD3325" s="166">
        <v>0</v>
      </c>
      <c r="CE3325" s="166">
        <v>0</v>
      </c>
      <c r="CF3325" s="166">
        <v>0</v>
      </c>
      <c r="CG3325" s="166">
        <v>0</v>
      </c>
      <c r="CH3325" s="166">
        <v>0</v>
      </c>
      <c r="CI3325" s="166">
        <v>0</v>
      </c>
      <c r="CJ3325" s="166">
        <v>0</v>
      </c>
      <c r="CK3325" s="166">
        <v>0</v>
      </c>
      <c r="CL3325" s="166">
        <v>0</v>
      </c>
      <c r="CM3325" s="166">
        <v>0</v>
      </c>
      <c r="CN3325" s="166">
        <v>0</v>
      </c>
      <c r="CO3325" s="166">
        <v>0</v>
      </c>
      <c r="CP3325" s="166">
        <v>0</v>
      </c>
      <c r="CQ3325" s="166">
        <v>0</v>
      </c>
      <c r="CR3325" s="166">
        <v>0</v>
      </c>
      <c r="CS3325" s="166">
        <v>0</v>
      </c>
      <c r="CT3325" s="166">
        <v>0</v>
      </c>
      <c r="CU3325" s="166">
        <v>0</v>
      </c>
      <c r="CV3325" s="166">
        <v>0</v>
      </c>
      <c r="CW3325" s="166">
        <v>0</v>
      </c>
      <c r="CX3325" s="166">
        <v>0</v>
      </c>
      <c r="CY3325" s="166">
        <v>0</v>
      </c>
      <c r="CZ3325" s="166">
        <v>0</v>
      </c>
    </row>
    <row r="3326" spans="1:104" x14ac:dyDescent="0.2">
      <c r="A3326" s="167" t="s">
        <v>610</v>
      </c>
      <c r="B3326" s="166">
        <v>100664299.37846699</v>
      </c>
      <c r="C3326" s="166">
        <v>100664299.37846699</v>
      </c>
      <c r="D3326" s="166">
        <v>0</v>
      </c>
      <c r="E3326" s="166">
        <v>0</v>
      </c>
      <c r="F3326" s="166">
        <v>0</v>
      </c>
      <c r="G3326" s="166">
        <v>0</v>
      </c>
      <c r="H3326" s="166">
        <v>0</v>
      </c>
      <c r="I3326" s="166">
        <v>0</v>
      </c>
      <c r="J3326" s="166">
        <v>0</v>
      </c>
      <c r="K3326" s="166">
        <v>0</v>
      </c>
      <c r="L3326" s="166">
        <v>0</v>
      </c>
      <c r="M3326" s="166">
        <v>0</v>
      </c>
      <c r="N3326" s="166">
        <v>0</v>
      </c>
      <c r="O3326" s="166">
        <v>0</v>
      </c>
      <c r="P3326" s="166">
        <v>0</v>
      </c>
      <c r="Q3326" s="166">
        <v>0</v>
      </c>
      <c r="R3326" s="166">
        <v>0</v>
      </c>
      <c r="S3326" s="166">
        <v>0</v>
      </c>
      <c r="T3326" s="166">
        <v>0</v>
      </c>
      <c r="U3326" s="166">
        <v>0</v>
      </c>
      <c r="V3326" s="166">
        <v>0</v>
      </c>
      <c r="W3326" s="166">
        <v>0</v>
      </c>
      <c r="X3326" s="166">
        <v>0</v>
      </c>
      <c r="Y3326" s="166">
        <v>0</v>
      </c>
      <c r="Z3326" s="166">
        <v>0</v>
      </c>
      <c r="AA3326" s="166">
        <v>0</v>
      </c>
      <c r="AB3326" s="166">
        <v>0</v>
      </c>
      <c r="AC3326" s="166">
        <v>0</v>
      </c>
      <c r="AD3326" s="166">
        <v>0</v>
      </c>
      <c r="AE3326" s="166">
        <v>0</v>
      </c>
      <c r="AF3326" s="166">
        <v>0</v>
      </c>
      <c r="AG3326" s="166">
        <v>0</v>
      </c>
      <c r="AH3326" s="166">
        <v>0</v>
      </c>
      <c r="AI3326" s="166">
        <v>0</v>
      </c>
      <c r="AJ3326" s="166">
        <v>0</v>
      </c>
      <c r="AK3326" s="166">
        <v>0</v>
      </c>
      <c r="AL3326" s="166">
        <v>0</v>
      </c>
      <c r="AM3326" s="166">
        <v>0</v>
      </c>
      <c r="AN3326" s="166">
        <v>0</v>
      </c>
      <c r="AO3326" s="166">
        <v>0</v>
      </c>
      <c r="AP3326" s="166">
        <v>0</v>
      </c>
      <c r="AQ3326" s="166">
        <v>0</v>
      </c>
      <c r="AR3326" s="166">
        <v>0</v>
      </c>
      <c r="AS3326" s="166">
        <v>0</v>
      </c>
      <c r="AT3326" s="166">
        <v>0</v>
      </c>
      <c r="AU3326" s="166">
        <v>0</v>
      </c>
      <c r="AV3326" s="166">
        <v>0</v>
      </c>
      <c r="AW3326" s="166">
        <v>0</v>
      </c>
      <c r="AX3326" s="166">
        <v>0</v>
      </c>
      <c r="AY3326" s="166">
        <v>0</v>
      </c>
      <c r="AZ3326" s="166">
        <v>0</v>
      </c>
      <c r="BA3326" s="166">
        <v>0</v>
      </c>
      <c r="BB3326" s="166">
        <v>0</v>
      </c>
      <c r="BC3326" s="166">
        <v>0</v>
      </c>
      <c r="BD3326" s="166">
        <v>0</v>
      </c>
      <c r="BE3326" s="166">
        <v>0</v>
      </c>
      <c r="BF3326" s="166">
        <v>0</v>
      </c>
      <c r="BG3326" s="166">
        <v>0</v>
      </c>
      <c r="BH3326" s="166">
        <v>0</v>
      </c>
      <c r="BI3326" s="166">
        <v>0</v>
      </c>
      <c r="BJ3326" s="166">
        <v>0</v>
      </c>
      <c r="BK3326" s="166">
        <v>0</v>
      </c>
      <c r="BL3326" s="166">
        <v>0</v>
      </c>
      <c r="BM3326" s="166">
        <v>0</v>
      </c>
      <c r="BN3326" s="166">
        <v>0</v>
      </c>
      <c r="BO3326" s="166">
        <v>0</v>
      </c>
      <c r="BP3326" s="166">
        <v>0</v>
      </c>
      <c r="BQ3326" s="166">
        <v>0</v>
      </c>
      <c r="BR3326" s="166">
        <v>100664299.37846699</v>
      </c>
      <c r="BS3326" s="166">
        <v>100664299.37846699</v>
      </c>
      <c r="BT3326" s="168">
        <v>0</v>
      </c>
      <c r="BU3326" s="166">
        <v>0</v>
      </c>
      <c r="BV3326" s="166">
        <v>0</v>
      </c>
      <c r="BW3326" s="166">
        <v>0</v>
      </c>
      <c r="BX3326" s="166">
        <v>0</v>
      </c>
      <c r="BY3326" s="166">
        <v>0</v>
      </c>
      <c r="BZ3326" s="166">
        <v>0</v>
      </c>
      <c r="CA3326" s="166">
        <v>0</v>
      </c>
      <c r="CB3326" s="166">
        <v>0</v>
      </c>
      <c r="CC3326" s="166">
        <v>0</v>
      </c>
      <c r="CD3326" s="166">
        <v>0</v>
      </c>
      <c r="CE3326" s="166">
        <v>0</v>
      </c>
      <c r="CF3326" s="166">
        <v>0</v>
      </c>
      <c r="CG3326" s="166">
        <v>0</v>
      </c>
      <c r="CH3326" s="166">
        <v>0</v>
      </c>
      <c r="CI3326" s="166">
        <v>0</v>
      </c>
      <c r="CJ3326" s="166">
        <v>0</v>
      </c>
      <c r="CK3326" s="166">
        <v>0</v>
      </c>
      <c r="CL3326" s="166">
        <v>0</v>
      </c>
      <c r="CM3326" s="166">
        <v>0</v>
      </c>
      <c r="CN3326" s="166">
        <v>0</v>
      </c>
      <c r="CO3326" s="166">
        <v>0</v>
      </c>
      <c r="CP3326" s="166">
        <v>0</v>
      </c>
      <c r="CQ3326" s="166">
        <v>0</v>
      </c>
      <c r="CR3326" s="166">
        <v>0</v>
      </c>
      <c r="CS3326" s="166">
        <v>0</v>
      </c>
      <c r="CT3326" s="166">
        <v>0</v>
      </c>
      <c r="CU3326" s="166">
        <v>0</v>
      </c>
      <c r="CV3326" s="166">
        <v>0</v>
      </c>
      <c r="CW3326" s="166">
        <v>0</v>
      </c>
      <c r="CX3326" s="166">
        <v>0</v>
      </c>
      <c r="CY3326" s="166">
        <v>0</v>
      </c>
      <c r="CZ3326" s="166">
        <v>0</v>
      </c>
    </row>
    <row r="3327" spans="1:104" x14ac:dyDescent="0.2">
      <c r="A3327" s="167" t="s">
        <v>611</v>
      </c>
      <c r="B3327" s="166">
        <v>6571801.42826741</v>
      </c>
      <c r="C3327" s="166">
        <v>6571801.42826741</v>
      </c>
      <c r="D3327" s="166">
        <v>0</v>
      </c>
      <c r="E3327" s="166">
        <v>0</v>
      </c>
      <c r="F3327" s="166">
        <v>0</v>
      </c>
      <c r="G3327" s="166">
        <v>0</v>
      </c>
      <c r="H3327" s="166">
        <v>0</v>
      </c>
      <c r="I3327" s="166">
        <v>0</v>
      </c>
      <c r="J3327" s="166">
        <v>0</v>
      </c>
      <c r="K3327" s="166">
        <v>0</v>
      </c>
      <c r="L3327" s="166">
        <v>0</v>
      </c>
      <c r="M3327" s="166">
        <v>0</v>
      </c>
      <c r="N3327" s="166">
        <v>0</v>
      </c>
      <c r="O3327" s="166">
        <v>0</v>
      </c>
      <c r="P3327" s="166">
        <v>0</v>
      </c>
      <c r="Q3327" s="166">
        <v>0</v>
      </c>
      <c r="R3327" s="166">
        <v>0</v>
      </c>
      <c r="S3327" s="166">
        <v>0</v>
      </c>
      <c r="T3327" s="166">
        <v>0</v>
      </c>
      <c r="U3327" s="166">
        <v>0</v>
      </c>
      <c r="V3327" s="166">
        <v>0</v>
      </c>
      <c r="W3327" s="166">
        <v>0</v>
      </c>
      <c r="X3327" s="166">
        <v>0</v>
      </c>
      <c r="Y3327" s="166">
        <v>0</v>
      </c>
      <c r="Z3327" s="166">
        <v>0</v>
      </c>
      <c r="AA3327" s="166">
        <v>0</v>
      </c>
      <c r="AB3327" s="166">
        <v>0</v>
      </c>
      <c r="AC3327" s="166">
        <v>0</v>
      </c>
      <c r="AD3327" s="166">
        <v>0</v>
      </c>
      <c r="AE3327" s="166">
        <v>0</v>
      </c>
      <c r="AF3327" s="166">
        <v>0</v>
      </c>
      <c r="AG3327" s="166">
        <v>0</v>
      </c>
      <c r="AH3327" s="166">
        <v>0</v>
      </c>
      <c r="AI3327" s="166">
        <v>0</v>
      </c>
      <c r="AJ3327" s="166">
        <v>0</v>
      </c>
      <c r="AK3327" s="166">
        <v>0</v>
      </c>
      <c r="AL3327" s="166">
        <v>0</v>
      </c>
      <c r="AM3327" s="166">
        <v>0</v>
      </c>
      <c r="AN3327" s="166">
        <v>0</v>
      </c>
      <c r="AO3327" s="166">
        <v>0</v>
      </c>
      <c r="AP3327" s="166">
        <v>0</v>
      </c>
      <c r="AQ3327" s="166">
        <v>0</v>
      </c>
      <c r="AR3327" s="166">
        <v>0</v>
      </c>
      <c r="AS3327" s="166">
        <v>0</v>
      </c>
      <c r="AT3327" s="166">
        <v>0</v>
      </c>
      <c r="AU3327" s="166">
        <v>0</v>
      </c>
      <c r="AV3327" s="166">
        <v>0</v>
      </c>
      <c r="AW3327" s="166">
        <v>0</v>
      </c>
      <c r="AX3327" s="166">
        <v>0</v>
      </c>
      <c r="AY3327" s="166">
        <v>0</v>
      </c>
      <c r="AZ3327" s="166">
        <v>0</v>
      </c>
      <c r="BA3327" s="166">
        <v>0</v>
      </c>
      <c r="BB3327" s="166">
        <v>0</v>
      </c>
      <c r="BC3327" s="166">
        <v>0</v>
      </c>
      <c r="BD3327" s="166">
        <v>0</v>
      </c>
      <c r="BE3327" s="166">
        <v>0</v>
      </c>
      <c r="BF3327" s="166">
        <v>0</v>
      </c>
      <c r="BG3327" s="166">
        <v>0</v>
      </c>
      <c r="BH3327" s="166">
        <v>0</v>
      </c>
      <c r="BI3327" s="166">
        <v>0</v>
      </c>
      <c r="BJ3327" s="166">
        <v>0</v>
      </c>
      <c r="BK3327" s="166">
        <v>0</v>
      </c>
      <c r="BL3327" s="166">
        <v>0</v>
      </c>
      <c r="BM3327" s="166">
        <v>0</v>
      </c>
      <c r="BN3327" s="166">
        <v>0</v>
      </c>
      <c r="BO3327" s="166">
        <v>0</v>
      </c>
      <c r="BP3327" s="166">
        <v>0</v>
      </c>
      <c r="BQ3327" s="166">
        <v>0</v>
      </c>
      <c r="BR3327" s="166">
        <v>6571801.42826741</v>
      </c>
      <c r="BS3327" s="166">
        <v>6571801.42826741</v>
      </c>
      <c r="BT3327" s="168">
        <v>0</v>
      </c>
      <c r="BU3327" s="166">
        <v>0</v>
      </c>
      <c r="BV3327" s="166">
        <v>0</v>
      </c>
      <c r="BW3327" s="166">
        <v>0</v>
      </c>
      <c r="BX3327" s="166">
        <v>0</v>
      </c>
      <c r="BY3327" s="166">
        <v>0</v>
      </c>
      <c r="BZ3327" s="166">
        <v>0</v>
      </c>
      <c r="CA3327" s="166">
        <v>0</v>
      </c>
      <c r="CB3327" s="166">
        <v>0</v>
      </c>
      <c r="CC3327" s="166">
        <v>0</v>
      </c>
      <c r="CD3327" s="166">
        <v>0</v>
      </c>
      <c r="CE3327" s="166">
        <v>0</v>
      </c>
      <c r="CF3327" s="166">
        <v>0</v>
      </c>
      <c r="CG3327" s="166">
        <v>0</v>
      </c>
      <c r="CH3327" s="166">
        <v>0</v>
      </c>
      <c r="CI3327" s="166">
        <v>0</v>
      </c>
      <c r="CJ3327" s="166">
        <v>0</v>
      </c>
      <c r="CK3327" s="166">
        <v>0</v>
      </c>
      <c r="CL3327" s="166">
        <v>0</v>
      </c>
      <c r="CM3327" s="166">
        <v>0</v>
      </c>
      <c r="CN3327" s="166">
        <v>0</v>
      </c>
      <c r="CO3327" s="166">
        <v>0</v>
      </c>
      <c r="CP3327" s="166">
        <v>0</v>
      </c>
      <c r="CQ3327" s="166">
        <v>0</v>
      </c>
      <c r="CR3327" s="166">
        <v>0</v>
      </c>
      <c r="CS3327" s="166">
        <v>0</v>
      </c>
      <c r="CT3327" s="166">
        <v>0</v>
      </c>
      <c r="CU3327" s="166">
        <v>0</v>
      </c>
      <c r="CV3327" s="166">
        <v>0</v>
      </c>
      <c r="CW3327" s="166">
        <v>0</v>
      </c>
      <c r="CX3327" s="166">
        <v>0</v>
      </c>
      <c r="CY3327" s="166">
        <v>0</v>
      </c>
      <c r="CZ3327" s="166">
        <v>0</v>
      </c>
    </row>
    <row r="3328" spans="1:104" x14ac:dyDescent="0.2">
      <c r="A3328" s="167" t="s">
        <v>612</v>
      </c>
      <c r="B3328" s="166">
        <v>3813747.0522375698</v>
      </c>
      <c r="C3328" s="166">
        <v>3813747.0522375698</v>
      </c>
      <c r="D3328" s="166">
        <v>0</v>
      </c>
      <c r="E3328" s="166">
        <v>0</v>
      </c>
      <c r="F3328" s="166">
        <v>0</v>
      </c>
      <c r="G3328" s="166">
        <v>0</v>
      </c>
      <c r="H3328" s="166">
        <v>0</v>
      </c>
      <c r="I3328" s="166">
        <v>0</v>
      </c>
      <c r="J3328" s="166">
        <v>0</v>
      </c>
      <c r="K3328" s="166">
        <v>0</v>
      </c>
      <c r="L3328" s="166">
        <v>0</v>
      </c>
      <c r="M3328" s="166">
        <v>0</v>
      </c>
      <c r="N3328" s="166">
        <v>0</v>
      </c>
      <c r="O3328" s="166">
        <v>0</v>
      </c>
      <c r="P3328" s="166">
        <v>0</v>
      </c>
      <c r="Q3328" s="166">
        <v>0</v>
      </c>
      <c r="R3328" s="166">
        <v>0</v>
      </c>
      <c r="S3328" s="166">
        <v>0</v>
      </c>
      <c r="T3328" s="166">
        <v>0</v>
      </c>
      <c r="U3328" s="166">
        <v>0</v>
      </c>
      <c r="V3328" s="166">
        <v>0</v>
      </c>
      <c r="W3328" s="166">
        <v>0</v>
      </c>
      <c r="X3328" s="166">
        <v>0</v>
      </c>
      <c r="Y3328" s="166">
        <v>0</v>
      </c>
      <c r="Z3328" s="166">
        <v>0</v>
      </c>
      <c r="AA3328" s="166">
        <v>0</v>
      </c>
      <c r="AB3328" s="166">
        <v>0</v>
      </c>
      <c r="AC3328" s="166">
        <v>0</v>
      </c>
      <c r="AD3328" s="166">
        <v>0</v>
      </c>
      <c r="AE3328" s="166">
        <v>0</v>
      </c>
      <c r="AF3328" s="166">
        <v>0</v>
      </c>
      <c r="AG3328" s="166">
        <v>0</v>
      </c>
      <c r="AH3328" s="166">
        <v>0</v>
      </c>
      <c r="AI3328" s="166">
        <v>0</v>
      </c>
      <c r="AJ3328" s="166">
        <v>0</v>
      </c>
      <c r="AK3328" s="166">
        <v>0</v>
      </c>
      <c r="AL3328" s="166">
        <v>0</v>
      </c>
      <c r="AM3328" s="166">
        <v>0</v>
      </c>
      <c r="AN3328" s="166">
        <v>0</v>
      </c>
      <c r="AO3328" s="166">
        <v>0</v>
      </c>
      <c r="AP3328" s="166">
        <v>0</v>
      </c>
      <c r="AQ3328" s="166">
        <v>0</v>
      </c>
      <c r="AR3328" s="166">
        <v>0</v>
      </c>
      <c r="AS3328" s="166">
        <v>0</v>
      </c>
      <c r="AT3328" s="166">
        <v>0</v>
      </c>
      <c r="AU3328" s="166">
        <v>0</v>
      </c>
      <c r="AV3328" s="166">
        <v>0</v>
      </c>
      <c r="AW3328" s="166">
        <v>0</v>
      </c>
      <c r="AX3328" s="166">
        <v>0</v>
      </c>
      <c r="AY3328" s="166">
        <v>0</v>
      </c>
      <c r="AZ3328" s="166">
        <v>0</v>
      </c>
      <c r="BA3328" s="166">
        <v>0</v>
      </c>
      <c r="BB3328" s="166">
        <v>0</v>
      </c>
      <c r="BC3328" s="166">
        <v>0</v>
      </c>
      <c r="BD3328" s="166">
        <v>0</v>
      </c>
      <c r="BE3328" s="166">
        <v>0</v>
      </c>
      <c r="BF3328" s="166">
        <v>0</v>
      </c>
      <c r="BG3328" s="166">
        <v>0</v>
      </c>
      <c r="BH3328" s="166">
        <v>0</v>
      </c>
      <c r="BI3328" s="166">
        <v>0</v>
      </c>
      <c r="BJ3328" s="166">
        <v>0</v>
      </c>
      <c r="BK3328" s="166">
        <v>0</v>
      </c>
      <c r="BL3328" s="166">
        <v>0</v>
      </c>
      <c r="BM3328" s="166">
        <v>0</v>
      </c>
      <c r="BN3328" s="166">
        <v>0</v>
      </c>
      <c r="BO3328" s="166">
        <v>0</v>
      </c>
      <c r="BP3328" s="166">
        <v>0</v>
      </c>
      <c r="BQ3328" s="166">
        <v>0</v>
      </c>
      <c r="BR3328" s="166">
        <v>3813747.0522375698</v>
      </c>
      <c r="BS3328" s="166">
        <v>3813747.0522375698</v>
      </c>
      <c r="BT3328" s="168">
        <v>0</v>
      </c>
      <c r="BU3328" s="166">
        <v>0</v>
      </c>
      <c r="BV3328" s="166">
        <v>0</v>
      </c>
      <c r="BW3328" s="166">
        <v>0</v>
      </c>
      <c r="BX3328" s="166">
        <v>0</v>
      </c>
      <c r="BY3328" s="166">
        <v>0</v>
      </c>
      <c r="BZ3328" s="166">
        <v>0</v>
      </c>
      <c r="CA3328" s="166">
        <v>0</v>
      </c>
      <c r="CB3328" s="166">
        <v>0</v>
      </c>
      <c r="CC3328" s="166">
        <v>0</v>
      </c>
      <c r="CD3328" s="166">
        <v>0</v>
      </c>
      <c r="CE3328" s="166">
        <v>0</v>
      </c>
      <c r="CF3328" s="166">
        <v>0</v>
      </c>
      <c r="CG3328" s="166">
        <v>0</v>
      </c>
      <c r="CH3328" s="166">
        <v>0</v>
      </c>
      <c r="CI3328" s="166">
        <v>0</v>
      </c>
      <c r="CJ3328" s="166">
        <v>0</v>
      </c>
      <c r="CK3328" s="166">
        <v>0</v>
      </c>
      <c r="CL3328" s="166">
        <v>0</v>
      </c>
      <c r="CM3328" s="166">
        <v>0</v>
      </c>
      <c r="CN3328" s="166">
        <v>0</v>
      </c>
      <c r="CO3328" s="166">
        <v>0</v>
      </c>
      <c r="CP3328" s="166">
        <v>0</v>
      </c>
      <c r="CQ3328" s="166">
        <v>0</v>
      </c>
      <c r="CR3328" s="166">
        <v>0</v>
      </c>
      <c r="CS3328" s="166">
        <v>0</v>
      </c>
      <c r="CT3328" s="166">
        <v>0</v>
      </c>
      <c r="CU3328" s="166">
        <v>0</v>
      </c>
      <c r="CV3328" s="166">
        <v>0</v>
      </c>
      <c r="CW3328" s="166">
        <v>0</v>
      </c>
      <c r="CX3328" s="166">
        <v>0</v>
      </c>
      <c r="CY3328" s="166">
        <v>0</v>
      </c>
      <c r="CZ3328" s="166">
        <v>0</v>
      </c>
    </row>
    <row r="3329" spans="1:104" x14ac:dyDescent="0.2">
      <c r="A3329" s="167" t="s">
        <v>613</v>
      </c>
      <c r="B3329" s="166">
        <v>225821918.84552699</v>
      </c>
      <c r="C3329" s="166">
        <v>225821918.84552699</v>
      </c>
      <c r="D3329" s="166">
        <v>0</v>
      </c>
      <c r="E3329" s="166">
        <v>0</v>
      </c>
      <c r="F3329" s="166">
        <v>0</v>
      </c>
      <c r="G3329" s="166">
        <v>0</v>
      </c>
      <c r="H3329" s="166">
        <v>0</v>
      </c>
      <c r="I3329" s="166">
        <v>0</v>
      </c>
      <c r="J3329" s="166">
        <v>0</v>
      </c>
      <c r="K3329" s="166">
        <v>0</v>
      </c>
      <c r="L3329" s="166">
        <v>0</v>
      </c>
      <c r="M3329" s="166">
        <v>0</v>
      </c>
      <c r="N3329" s="166">
        <v>0</v>
      </c>
      <c r="O3329" s="166">
        <v>0</v>
      </c>
      <c r="P3329" s="166">
        <v>0</v>
      </c>
      <c r="Q3329" s="166">
        <v>0</v>
      </c>
      <c r="R3329" s="166">
        <v>0</v>
      </c>
      <c r="S3329" s="166">
        <v>0</v>
      </c>
      <c r="T3329" s="166">
        <v>0</v>
      </c>
      <c r="U3329" s="166">
        <v>0</v>
      </c>
      <c r="V3329" s="166">
        <v>0</v>
      </c>
      <c r="W3329" s="166">
        <v>0</v>
      </c>
      <c r="X3329" s="166">
        <v>0</v>
      </c>
      <c r="Y3329" s="166">
        <v>0</v>
      </c>
      <c r="Z3329" s="166">
        <v>0</v>
      </c>
      <c r="AA3329" s="166">
        <v>0</v>
      </c>
      <c r="AB3329" s="166">
        <v>0</v>
      </c>
      <c r="AC3329" s="166">
        <v>0</v>
      </c>
      <c r="AD3329" s="166">
        <v>0</v>
      </c>
      <c r="AE3329" s="166">
        <v>0</v>
      </c>
      <c r="AF3329" s="166">
        <v>0</v>
      </c>
      <c r="AG3329" s="166">
        <v>0</v>
      </c>
      <c r="AH3329" s="166">
        <v>0</v>
      </c>
      <c r="AI3329" s="166">
        <v>0</v>
      </c>
      <c r="AJ3329" s="166">
        <v>0</v>
      </c>
      <c r="AK3329" s="166">
        <v>0</v>
      </c>
      <c r="AL3329" s="166">
        <v>0</v>
      </c>
      <c r="AM3329" s="166">
        <v>0</v>
      </c>
      <c r="AN3329" s="166">
        <v>0</v>
      </c>
      <c r="AO3329" s="166">
        <v>0</v>
      </c>
      <c r="AP3329" s="166">
        <v>0</v>
      </c>
      <c r="AQ3329" s="166">
        <v>0</v>
      </c>
      <c r="AR3329" s="166">
        <v>0</v>
      </c>
      <c r="AS3329" s="166">
        <v>0</v>
      </c>
      <c r="AT3329" s="166">
        <v>0</v>
      </c>
      <c r="AU3329" s="166">
        <v>0</v>
      </c>
      <c r="AV3329" s="166">
        <v>0</v>
      </c>
      <c r="AW3329" s="166">
        <v>0</v>
      </c>
      <c r="AX3329" s="166">
        <v>0</v>
      </c>
      <c r="AY3329" s="166">
        <v>0</v>
      </c>
      <c r="AZ3329" s="166">
        <v>0</v>
      </c>
      <c r="BA3329" s="166">
        <v>0</v>
      </c>
      <c r="BB3329" s="166">
        <v>0</v>
      </c>
      <c r="BC3329" s="166">
        <v>0</v>
      </c>
      <c r="BD3329" s="166">
        <v>0</v>
      </c>
      <c r="BE3329" s="166">
        <v>0</v>
      </c>
      <c r="BF3329" s="166">
        <v>0</v>
      </c>
      <c r="BG3329" s="166">
        <v>0</v>
      </c>
      <c r="BH3329" s="166">
        <v>0</v>
      </c>
      <c r="BI3329" s="166">
        <v>0</v>
      </c>
      <c r="BJ3329" s="166">
        <v>0</v>
      </c>
      <c r="BK3329" s="166">
        <v>0</v>
      </c>
      <c r="BL3329" s="166">
        <v>0</v>
      </c>
      <c r="BM3329" s="166">
        <v>0</v>
      </c>
      <c r="BN3329" s="166">
        <v>0</v>
      </c>
      <c r="BO3329" s="166">
        <v>0</v>
      </c>
      <c r="BP3329" s="166">
        <v>0</v>
      </c>
      <c r="BQ3329" s="166">
        <v>0</v>
      </c>
      <c r="BR3329" s="166">
        <v>225821918.84552699</v>
      </c>
      <c r="BS3329" s="166">
        <v>225821918.84552699</v>
      </c>
      <c r="BT3329" s="168">
        <v>0</v>
      </c>
      <c r="BU3329" s="166">
        <v>0</v>
      </c>
      <c r="BV3329" s="166">
        <v>0</v>
      </c>
      <c r="BW3329" s="166">
        <v>0</v>
      </c>
      <c r="BX3329" s="166">
        <v>0</v>
      </c>
      <c r="BY3329" s="166">
        <v>0</v>
      </c>
      <c r="BZ3329" s="166">
        <v>0</v>
      </c>
      <c r="CA3329" s="166">
        <v>0</v>
      </c>
      <c r="CB3329" s="166">
        <v>0</v>
      </c>
      <c r="CC3329" s="166">
        <v>0</v>
      </c>
      <c r="CD3329" s="166">
        <v>0</v>
      </c>
      <c r="CE3329" s="166">
        <v>0</v>
      </c>
      <c r="CF3329" s="166">
        <v>0</v>
      </c>
      <c r="CG3329" s="166">
        <v>0</v>
      </c>
      <c r="CH3329" s="166">
        <v>0</v>
      </c>
      <c r="CI3329" s="166">
        <v>0</v>
      </c>
      <c r="CJ3329" s="166">
        <v>0</v>
      </c>
      <c r="CK3329" s="166">
        <v>0</v>
      </c>
      <c r="CL3329" s="166">
        <v>0</v>
      </c>
      <c r="CM3329" s="166">
        <v>0</v>
      </c>
      <c r="CN3329" s="166">
        <v>0</v>
      </c>
      <c r="CO3329" s="166">
        <v>0</v>
      </c>
      <c r="CP3329" s="166">
        <v>0</v>
      </c>
      <c r="CQ3329" s="166">
        <v>0</v>
      </c>
      <c r="CR3329" s="166">
        <v>0</v>
      </c>
      <c r="CS3329" s="166">
        <v>0</v>
      </c>
      <c r="CT3329" s="166">
        <v>0</v>
      </c>
      <c r="CU3329" s="166">
        <v>0</v>
      </c>
      <c r="CV3329" s="166">
        <v>0</v>
      </c>
      <c r="CW3329" s="166">
        <v>0</v>
      </c>
      <c r="CX3329" s="166">
        <v>0</v>
      </c>
      <c r="CY3329" s="166">
        <v>0</v>
      </c>
      <c r="CZ3329" s="166">
        <v>0</v>
      </c>
    </row>
    <row r="3330" spans="1:104" x14ac:dyDescent="0.2">
      <c r="A3330" s="167" t="s">
        <v>614</v>
      </c>
      <c r="B3330" s="166">
        <v>0</v>
      </c>
      <c r="C3330" s="166">
        <v>0</v>
      </c>
      <c r="D3330" s="166">
        <v>0</v>
      </c>
      <c r="E3330" s="166">
        <v>0</v>
      </c>
      <c r="F3330" s="166">
        <v>0</v>
      </c>
      <c r="G3330" s="166">
        <v>0</v>
      </c>
      <c r="H3330" s="166">
        <v>0</v>
      </c>
      <c r="I3330" s="166">
        <v>0</v>
      </c>
      <c r="J3330" s="166">
        <v>0</v>
      </c>
      <c r="K3330" s="166">
        <v>0</v>
      </c>
      <c r="L3330" s="166">
        <v>0</v>
      </c>
      <c r="M3330" s="166">
        <v>0</v>
      </c>
      <c r="N3330" s="166">
        <v>0</v>
      </c>
      <c r="O3330" s="166">
        <v>0</v>
      </c>
      <c r="P3330" s="166">
        <v>0</v>
      </c>
      <c r="Q3330" s="166">
        <v>0</v>
      </c>
      <c r="R3330" s="166">
        <v>0</v>
      </c>
      <c r="S3330" s="166">
        <v>0</v>
      </c>
      <c r="T3330" s="166">
        <v>0</v>
      </c>
      <c r="U3330" s="166">
        <v>0</v>
      </c>
      <c r="V3330" s="166">
        <v>0</v>
      </c>
      <c r="W3330" s="166">
        <v>0</v>
      </c>
      <c r="X3330" s="166">
        <v>0</v>
      </c>
      <c r="Y3330" s="166">
        <v>0</v>
      </c>
      <c r="Z3330" s="166">
        <v>0</v>
      </c>
      <c r="AA3330" s="166">
        <v>0</v>
      </c>
      <c r="AB3330" s="166">
        <v>0</v>
      </c>
      <c r="AC3330" s="166">
        <v>0</v>
      </c>
      <c r="AD3330" s="166">
        <v>0</v>
      </c>
      <c r="AE3330" s="166">
        <v>0</v>
      </c>
      <c r="AF3330" s="166">
        <v>0</v>
      </c>
      <c r="AG3330" s="166">
        <v>0</v>
      </c>
      <c r="AH3330" s="166">
        <v>0</v>
      </c>
      <c r="AI3330" s="166">
        <v>0</v>
      </c>
      <c r="AJ3330" s="166">
        <v>0</v>
      </c>
      <c r="AK3330" s="166">
        <v>0</v>
      </c>
      <c r="AL3330" s="166">
        <v>0</v>
      </c>
      <c r="AM3330" s="166">
        <v>0</v>
      </c>
      <c r="AN3330" s="166">
        <v>0</v>
      </c>
      <c r="AO3330" s="166">
        <v>0</v>
      </c>
      <c r="AP3330" s="166">
        <v>0</v>
      </c>
      <c r="AQ3330" s="166">
        <v>0</v>
      </c>
      <c r="AR3330" s="166">
        <v>0</v>
      </c>
      <c r="AS3330" s="166">
        <v>0</v>
      </c>
      <c r="AT3330" s="166">
        <v>0</v>
      </c>
      <c r="AU3330" s="166">
        <v>0</v>
      </c>
      <c r="AV3330" s="166">
        <v>0</v>
      </c>
      <c r="AW3330" s="166">
        <v>0</v>
      </c>
      <c r="AX3330" s="166">
        <v>0</v>
      </c>
      <c r="AY3330" s="166">
        <v>0</v>
      </c>
      <c r="AZ3330" s="166">
        <v>0</v>
      </c>
      <c r="BA3330" s="166">
        <v>0</v>
      </c>
      <c r="BB3330" s="166">
        <v>0</v>
      </c>
      <c r="BC3330" s="166">
        <v>0</v>
      </c>
      <c r="BD3330" s="166">
        <v>0</v>
      </c>
      <c r="BE3330" s="166">
        <v>0</v>
      </c>
      <c r="BF3330" s="166">
        <v>0</v>
      </c>
      <c r="BG3330" s="166">
        <v>0</v>
      </c>
      <c r="BH3330" s="166">
        <v>0</v>
      </c>
      <c r="BI3330" s="166">
        <v>0</v>
      </c>
      <c r="BJ3330" s="166">
        <v>0</v>
      </c>
      <c r="BK3330" s="166">
        <v>0</v>
      </c>
      <c r="BL3330" s="166">
        <v>0</v>
      </c>
      <c r="BM3330" s="166">
        <v>0</v>
      </c>
      <c r="BN3330" s="166">
        <v>0</v>
      </c>
      <c r="BO3330" s="166">
        <v>0</v>
      </c>
      <c r="BP3330" s="166">
        <v>0</v>
      </c>
      <c r="BQ3330" s="166">
        <v>0</v>
      </c>
      <c r="BR3330" s="166">
        <v>0</v>
      </c>
      <c r="BS3330" s="166">
        <v>0</v>
      </c>
      <c r="BT3330" s="168">
        <v>0</v>
      </c>
      <c r="BU3330" s="166">
        <v>0</v>
      </c>
      <c r="BV3330" s="166">
        <v>0</v>
      </c>
      <c r="BW3330" s="166">
        <v>0</v>
      </c>
      <c r="BX3330" s="166">
        <v>0</v>
      </c>
      <c r="BY3330" s="166">
        <v>0</v>
      </c>
      <c r="BZ3330" s="166">
        <v>0</v>
      </c>
      <c r="CA3330" s="166">
        <v>0</v>
      </c>
      <c r="CB3330" s="166">
        <v>0</v>
      </c>
      <c r="CC3330" s="166">
        <v>0</v>
      </c>
      <c r="CD3330" s="166">
        <v>0</v>
      </c>
      <c r="CE3330" s="166">
        <v>0</v>
      </c>
      <c r="CF3330" s="166">
        <v>0</v>
      </c>
      <c r="CG3330" s="166">
        <v>0</v>
      </c>
      <c r="CH3330" s="166">
        <v>0</v>
      </c>
      <c r="CI3330" s="166">
        <v>0</v>
      </c>
      <c r="CJ3330" s="166">
        <v>0</v>
      </c>
      <c r="CK3330" s="166">
        <v>0</v>
      </c>
      <c r="CL3330" s="166">
        <v>0</v>
      </c>
      <c r="CM3330" s="166">
        <v>0</v>
      </c>
      <c r="CN3330" s="166">
        <v>0</v>
      </c>
      <c r="CO3330" s="166">
        <v>0</v>
      </c>
      <c r="CP3330" s="166">
        <v>0</v>
      </c>
      <c r="CQ3330" s="166">
        <v>0</v>
      </c>
      <c r="CR3330" s="166">
        <v>0</v>
      </c>
      <c r="CS3330" s="166">
        <v>0</v>
      </c>
      <c r="CT3330" s="166">
        <v>0</v>
      </c>
      <c r="CU3330" s="166">
        <v>0</v>
      </c>
      <c r="CV3330" s="166">
        <v>0</v>
      </c>
      <c r="CW3330" s="166">
        <v>0</v>
      </c>
      <c r="CX3330" s="166">
        <v>0</v>
      </c>
      <c r="CY3330" s="166">
        <v>0</v>
      </c>
      <c r="CZ3330" s="166">
        <v>0</v>
      </c>
    </row>
    <row r="3331" spans="1:104" x14ac:dyDescent="0.2">
      <c r="A3331" s="167" t="s">
        <v>615</v>
      </c>
      <c r="B3331" s="166">
        <v>192886.95688334701</v>
      </c>
      <c r="C3331" s="166">
        <v>192886.95688334701</v>
      </c>
      <c r="D3331" s="166">
        <v>0</v>
      </c>
      <c r="E3331" s="166">
        <v>0</v>
      </c>
      <c r="F3331" s="166">
        <v>0</v>
      </c>
      <c r="G3331" s="166">
        <v>0</v>
      </c>
      <c r="H3331" s="166">
        <v>0</v>
      </c>
      <c r="I3331" s="166">
        <v>0</v>
      </c>
      <c r="J3331" s="166">
        <v>0</v>
      </c>
      <c r="K3331" s="166">
        <v>0</v>
      </c>
      <c r="L3331" s="166">
        <v>0</v>
      </c>
      <c r="M3331" s="166">
        <v>0</v>
      </c>
      <c r="N3331" s="166">
        <v>0</v>
      </c>
      <c r="O3331" s="166">
        <v>0</v>
      </c>
      <c r="P3331" s="166">
        <v>0</v>
      </c>
      <c r="Q3331" s="166">
        <v>0</v>
      </c>
      <c r="R3331" s="166">
        <v>0</v>
      </c>
      <c r="S3331" s="166">
        <v>0</v>
      </c>
      <c r="T3331" s="166">
        <v>0</v>
      </c>
      <c r="U3331" s="166">
        <v>0</v>
      </c>
      <c r="V3331" s="166">
        <v>0</v>
      </c>
      <c r="W3331" s="166">
        <v>0</v>
      </c>
      <c r="X3331" s="166">
        <v>0</v>
      </c>
      <c r="Y3331" s="166">
        <v>0</v>
      </c>
      <c r="Z3331" s="166">
        <v>0</v>
      </c>
      <c r="AA3331" s="166">
        <v>0</v>
      </c>
      <c r="AB3331" s="166">
        <v>0</v>
      </c>
      <c r="AC3331" s="166">
        <v>0</v>
      </c>
      <c r="AD3331" s="166">
        <v>0</v>
      </c>
      <c r="AE3331" s="166">
        <v>0</v>
      </c>
      <c r="AF3331" s="166">
        <v>0</v>
      </c>
      <c r="AG3331" s="166">
        <v>0</v>
      </c>
      <c r="AH3331" s="166">
        <v>0</v>
      </c>
      <c r="AI3331" s="166">
        <v>0</v>
      </c>
      <c r="AJ3331" s="166">
        <v>0</v>
      </c>
      <c r="AK3331" s="166">
        <v>0</v>
      </c>
      <c r="AL3331" s="166">
        <v>0</v>
      </c>
      <c r="AM3331" s="166">
        <v>0</v>
      </c>
      <c r="AN3331" s="166">
        <v>0</v>
      </c>
      <c r="AO3331" s="166">
        <v>0</v>
      </c>
      <c r="AP3331" s="166">
        <v>0</v>
      </c>
      <c r="AQ3331" s="166">
        <v>0</v>
      </c>
      <c r="AR3331" s="166">
        <v>0</v>
      </c>
      <c r="AS3331" s="166">
        <v>0</v>
      </c>
      <c r="AT3331" s="166">
        <v>0</v>
      </c>
      <c r="AU3331" s="166">
        <v>0</v>
      </c>
      <c r="AV3331" s="166">
        <v>0</v>
      </c>
      <c r="AW3331" s="166">
        <v>0</v>
      </c>
      <c r="AX3331" s="166">
        <v>0</v>
      </c>
      <c r="AY3331" s="166">
        <v>0</v>
      </c>
      <c r="AZ3331" s="166">
        <v>0</v>
      </c>
      <c r="BA3331" s="166">
        <v>0</v>
      </c>
      <c r="BB3331" s="166">
        <v>0</v>
      </c>
      <c r="BC3331" s="166">
        <v>0</v>
      </c>
      <c r="BD3331" s="166">
        <v>0</v>
      </c>
      <c r="BE3331" s="166">
        <v>0</v>
      </c>
      <c r="BF3331" s="166">
        <v>0</v>
      </c>
      <c r="BG3331" s="166">
        <v>0</v>
      </c>
      <c r="BH3331" s="166">
        <v>0</v>
      </c>
      <c r="BI3331" s="166">
        <v>0</v>
      </c>
      <c r="BJ3331" s="166">
        <v>0</v>
      </c>
      <c r="BK3331" s="166">
        <v>0</v>
      </c>
      <c r="BL3331" s="166">
        <v>0</v>
      </c>
      <c r="BM3331" s="166">
        <v>0</v>
      </c>
      <c r="BN3331" s="166">
        <v>0</v>
      </c>
      <c r="BO3331" s="166">
        <v>0</v>
      </c>
      <c r="BP3331" s="166">
        <v>0</v>
      </c>
      <c r="BQ3331" s="166">
        <v>0</v>
      </c>
      <c r="BR3331" s="166">
        <v>192886.95688334701</v>
      </c>
      <c r="BS3331" s="166">
        <v>192886.95688334701</v>
      </c>
      <c r="BT3331" s="168">
        <v>0</v>
      </c>
      <c r="BU3331" s="166">
        <v>0</v>
      </c>
      <c r="BV3331" s="166">
        <v>0</v>
      </c>
      <c r="BW3331" s="166">
        <v>0</v>
      </c>
      <c r="BX3331" s="166">
        <v>0</v>
      </c>
      <c r="BY3331" s="166">
        <v>0</v>
      </c>
      <c r="BZ3331" s="166">
        <v>0</v>
      </c>
      <c r="CA3331" s="166">
        <v>0</v>
      </c>
      <c r="CB3331" s="166">
        <v>0</v>
      </c>
      <c r="CC3331" s="166">
        <v>0</v>
      </c>
      <c r="CD3331" s="166">
        <v>0</v>
      </c>
      <c r="CE3331" s="166">
        <v>0</v>
      </c>
      <c r="CF3331" s="166">
        <v>0</v>
      </c>
      <c r="CG3331" s="166">
        <v>0</v>
      </c>
      <c r="CH3331" s="166">
        <v>0</v>
      </c>
      <c r="CI3331" s="166">
        <v>0</v>
      </c>
      <c r="CJ3331" s="166">
        <v>0</v>
      </c>
      <c r="CK3331" s="166">
        <v>0</v>
      </c>
      <c r="CL3331" s="166">
        <v>0</v>
      </c>
      <c r="CM3331" s="166">
        <v>0</v>
      </c>
      <c r="CN3331" s="166">
        <v>0</v>
      </c>
      <c r="CO3331" s="166">
        <v>0</v>
      </c>
      <c r="CP3331" s="166">
        <v>0</v>
      </c>
      <c r="CQ3331" s="166">
        <v>0</v>
      </c>
      <c r="CR3331" s="166">
        <v>0</v>
      </c>
      <c r="CS3331" s="166">
        <v>0</v>
      </c>
      <c r="CT3331" s="166">
        <v>0</v>
      </c>
      <c r="CU3331" s="166">
        <v>0</v>
      </c>
      <c r="CV3331" s="166">
        <v>0</v>
      </c>
      <c r="CW3331" s="166">
        <v>0</v>
      </c>
      <c r="CX3331" s="166">
        <v>0</v>
      </c>
      <c r="CY3331" s="166">
        <v>0</v>
      </c>
      <c r="CZ3331" s="166">
        <v>0</v>
      </c>
    </row>
    <row r="3332" spans="1:104" x14ac:dyDescent="0.2">
      <c r="A3332" s="167" t="s">
        <v>616</v>
      </c>
      <c r="B3332" s="166">
        <v>6098.4187131385397</v>
      </c>
      <c r="C3332" s="166">
        <v>6098.4187131385397</v>
      </c>
      <c r="D3332" s="166">
        <v>0</v>
      </c>
      <c r="E3332" s="166">
        <v>0</v>
      </c>
      <c r="F3332" s="166">
        <v>0</v>
      </c>
      <c r="G3332" s="166">
        <v>0</v>
      </c>
      <c r="H3332" s="166">
        <v>0</v>
      </c>
      <c r="I3332" s="166">
        <v>0</v>
      </c>
      <c r="J3332" s="166">
        <v>0</v>
      </c>
      <c r="K3332" s="166">
        <v>0</v>
      </c>
      <c r="L3332" s="166">
        <v>0</v>
      </c>
      <c r="M3332" s="166">
        <v>0</v>
      </c>
      <c r="N3332" s="166">
        <v>0</v>
      </c>
      <c r="O3332" s="166">
        <v>0</v>
      </c>
      <c r="P3332" s="166">
        <v>0</v>
      </c>
      <c r="Q3332" s="166">
        <v>0</v>
      </c>
      <c r="R3332" s="166">
        <v>0</v>
      </c>
      <c r="S3332" s="166">
        <v>0</v>
      </c>
      <c r="T3332" s="166">
        <v>0</v>
      </c>
      <c r="U3332" s="166">
        <v>0</v>
      </c>
      <c r="V3332" s="166">
        <v>0</v>
      </c>
      <c r="W3332" s="166">
        <v>0</v>
      </c>
      <c r="X3332" s="166">
        <v>0</v>
      </c>
      <c r="Y3332" s="166">
        <v>0</v>
      </c>
      <c r="Z3332" s="166">
        <v>0</v>
      </c>
      <c r="AA3332" s="166">
        <v>0</v>
      </c>
      <c r="AB3332" s="166">
        <v>0</v>
      </c>
      <c r="AC3332" s="166">
        <v>0</v>
      </c>
      <c r="AD3332" s="166">
        <v>0</v>
      </c>
      <c r="AE3332" s="166">
        <v>0</v>
      </c>
      <c r="AF3332" s="166">
        <v>0</v>
      </c>
      <c r="AG3332" s="166">
        <v>0</v>
      </c>
      <c r="AH3332" s="166">
        <v>0</v>
      </c>
      <c r="AI3332" s="166">
        <v>0</v>
      </c>
      <c r="AJ3332" s="166">
        <v>0</v>
      </c>
      <c r="AK3332" s="166">
        <v>0</v>
      </c>
      <c r="AL3332" s="166">
        <v>0</v>
      </c>
      <c r="AM3332" s="166">
        <v>0</v>
      </c>
      <c r="AN3332" s="166">
        <v>0</v>
      </c>
      <c r="AO3332" s="166">
        <v>0</v>
      </c>
      <c r="AP3332" s="166">
        <v>0</v>
      </c>
      <c r="AQ3332" s="166">
        <v>0</v>
      </c>
      <c r="AR3332" s="166">
        <v>0</v>
      </c>
      <c r="AS3332" s="166">
        <v>0</v>
      </c>
      <c r="AT3332" s="166">
        <v>0</v>
      </c>
      <c r="AU3332" s="166">
        <v>0</v>
      </c>
      <c r="AV3332" s="166">
        <v>0</v>
      </c>
      <c r="AW3332" s="166">
        <v>0</v>
      </c>
      <c r="AX3332" s="166">
        <v>0</v>
      </c>
      <c r="AY3332" s="166">
        <v>0</v>
      </c>
      <c r="AZ3332" s="166">
        <v>0</v>
      </c>
      <c r="BA3332" s="166">
        <v>0</v>
      </c>
      <c r="BB3332" s="166">
        <v>0</v>
      </c>
      <c r="BC3332" s="166">
        <v>0</v>
      </c>
      <c r="BD3332" s="166">
        <v>0</v>
      </c>
      <c r="BE3332" s="166">
        <v>0</v>
      </c>
      <c r="BF3332" s="166">
        <v>0</v>
      </c>
      <c r="BG3332" s="166">
        <v>0</v>
      </c>
      <c r="BH3332" s="166">
        <v>0</v>
      </c>
      <c r="BI3332" s="166">
        <v>0</v>
      </c>
      <c r="BJ3332" s="166">
        <v>0</v>
      </c>
      <c r="BK3332" s="166">
        <v>0</v>
      </c>
      <c r="BL3332" s="166">
        <v>0</v>
      </c>
      <c r="BM3332" s="166">
        <v>0</v>
      </c>
      <c r="BN3332" s="166">
        <v>0</v>
      </c>
      <c r="BO3332" s="166">
        <v>0</v>
      </c>
      <c r="BP3332" s="166">
        <v>0</v>
      </c>
      <c r="BQ3332" s="166">
        <v>0</v>
      </c>
      <c r="BR3332" s="166">
        <v>6098.4187131385397</v>
      </c>
      <c r="BS3332" s="166">
        <v>6098.4187131385397</v>
      </c>
      <c r="BT3332" s="168">
        <v>0</v>
      </c>
      <c r="BU3332" s="166">
        <v>0</v>
      </c>
      <c r="BV3332" s="166">
        <v>0</v>
      </c>
      <c r="BW3332" s="166">
        <v>0</v>
      </c>
      <c r="BX3332" s="166">
        <v>0</v>
      </c>
      <c r="BY3332" s="166">
        <v>0</v>
      </c>
      <c r="BZ3332" s="166">
        <v>0</v>
      </c>
      <c r="CA3332" s="166">
        <v>0</v>
      </c>
      <c r="CB3332" s="166">
        <v>0</v>
      </c>
      <c r="CC3332" s="166">
        <v>0</v>
      </c>
      <c r="CD3332" s="166">
        <v>0</v>
      </c>
      <c r="CE3332" s="166">
        <v>0</v>
      </c>
      <c r="CF3332" s="166">
        <v>0</v>
      </c>
      <c r="CG3332" s="166">
        <v>0</v>
      </c>
      <c r="CH3332" s="166">
        <v>0</v>
      </c>
      <c r="CI3332" s="166">
        <v>0</v>
      </c>
      <c r="CJ3332" s="166">
        <v>0</v>
      </c>
      <c r="CK3332" s="166">
        <v>0</v>
      </c>
      <c r="CL3332" s="166">
        <v>0</v>
      </c>
      <c r="CM3332" s="166">
        <v>0</v>
      </c>
      <c r="CN3332" s="166">
        <v>0</v>
      </c>
      <c r="CO3332" s="166">
        <v>0</v>
      </c>
      <c r="CP3332" s="166">
        <v>0</v>
      </c>
      <c r="CQ3332" s="166">
        <v>0</v>
      </c>
      <c r="CR3332" s="166">
        <v>0</v>
      </c>
      <c r="CS3332" s="166">
        <v>0</v>
      </c>
      <c r="CT3332" s="166">
        <v>0</v>
      </c>
      <c r="CU3332" s="166">
        <v>0</v>
      </c>
      <c r="CV3332" s="166">
        <v>0</v>
      </c>
      <c r="CW3332" s="166">
        <v>0</v>
      </c>
      <c r="CX3332" s="166">
        <v>0</v>
      </c>
      <c r="CY3332" s="166">
        <v>0</v>
      </c>
      <c r="CZ3332" s="166">
        <v>0</v>
      </c>
    </row>
    <row r="3333" spans="1:104" x14ac:dyDescent="0.2">
      <c r="A3333" s="167" t="s">
        <v>617</v>
      </c>
      <c r="B3333" s="166">
        <v>43992.940235936199</v>
      </c>
      <c r="C3333" s="166">
        <v>43992.940235936199</v>
      </c>
      <c r="D3333" s="166">
        <v>0</v>
      </c>
      <c r="E3333" s="166">
        <v>0</v>
      </c>
      <c r="F3333" s="166">
        <v>0</v>
      </c>
      <c r="G3333" s="166">
        <v>0</v>
      </c>
      <c r="H3333" s="166">
        <v>0</v>
      </c>
      <c r="I3333" s="166">
        <v>0</v>
      </c>
      <c r="J3333" s="166">
        <v>0</v>
      </c>
      <c r="K3333" s="166">
        <v>0</v>
      </c>
      <c r="L3333" s="166">
        <v>0</v>
      </c>
      <c r="M3333" s="166">
        <v>0</v>
      </c>
      <c r="N3333" s="166">
        <v>0</v>
      </c>
      <c r="O3333" s="166">
        <v>0</v>
      </c>
      <c r="P3333" s="166">
        <v>0</v>
      </c>
      <c r="Q3333" s="166">
        <v>0</v>
      </c>
      <c r="R3333" s="166">
        <v>0</v>
      </c>
      <c r="S3333" s="166">
        <v>0</v>
      </c>
      <c r="T3333" s="166">
        <v>0</v>
      </c>
      <c r="U3333" s="166">
        <v>0</v>
      </c>
      <c r="V3333" s="166">
        <v>0</v>
      </c>
      <c r="W3333" s="166">
        <v>0</v>
      </c>
      <c r="X3333" s="166">
        <v>0</v>
      </c>
      <c r="Y3333" s="166">
        <v>0</v>
      </c>
      <c r="Z3333" s="166">
        <v>0</v>
      </c>
      <c r="AA3333" s="166">
        <v>0</v>
      </c>
      <c r="AB3333" s="166">
        <v>0</v>
      </c>
      <c r="AC3333" s="166">
        <v>0</v>
      </c>
      <c r="AD3333" s="166">
        <v>0</v>
      </c>
      <c r="AE3333" s="166">
        <v>0</v>
      </c>
      <c r="AF3333" s="166">
        <v>0</v>
      </c>
      <c r="AG3333" s="166">
        <v>0</v>
      </c>
      <c r="AH3333" s="166">
        <v>0</v>
      </c>
      <c r="AI3333" s="166">
        <v>0</v>
      </c>
      <c r="AJ3333" s="166">
        <v>0</v>
      </c>
      <c r="AK3333" s="166">
        <v>0</v>
      </c>
      <c r="AL3333" s="166">
        <v>0</v>
      </c>
      <c r="AM3333" s="166">
        <v>0</v>
      </c>
      <c r="AN3333" s="166">
        <v>0</v>
      </c>
      <c r="AO3333" s="166">
        <v>0</v>
      </c>
      <c r="AP3333" s="166">
        <v>0</v>
      </c>
      <c r="AQ3333" s="166">
        <v>0</v>
      </c>
      <c r="AR3333" s="166">
        <v>0</v>
      </c>
      <c r="AS3333" s="166">
        <v>0</v>
      </c>
      <c r="AT3333" s="166">
        <v>0</v>
      </c>
      <c r="AU3333" s="166">
        <v>0</v>
      </c>
      <c r="AV3333" s="166">
        <v>0</v>
      </c>
      <c r="AW3333" s="166">
        <v>0</v>
      </c>
      <c r="AX3333" s="166">
        <v>0</v>
      </c>
      <c r="AY3333" s="166">
        <v>0</v>
      </c>
      <c r="AZ3333" s="166">
        <v>0</v>
      </c>
      <c r="BA3333" s="166">
        <v>0</v>
      </c>
      <c r="BB3333" s="166">
        <v>0</v>
      </c>
      <c r="BC3333" s="166">
        <v>0</v>
      </c>
      <c r="BD3333" s="166">
        <v>0</v>
      </c>
      <c r="BE3333" s="166">
        <v>0</v>
      </c>
      <c r="BF3333" s="166">
        <v>0</v>
      </c>
      <c r="BG3333" s="166">
        <v>0</v>
      </c>
      <c r="BH3333" s="166">
        <v>0</v>
      </c>
      <c r="BI3333" s="166">
        <v>0</v>
      </c>
      <c r="BJ3333" s="166">
        <v>0</v>
      </c>
      <c r="BK3333" s="166">
        <v>0</v>
      </c>
      <c r="BL3333" s="166">
        <v>0</v>
      </c>
      <c r="BM3333" s="166">
        <v>0</v>
      </c>
      <c r="BN3333" s="166">
        <v>0</v>
      </c>
      <c r="BO3333" s="166">
        <v>0</v>
      </c>
      <c r="BP3333" s="166">
        <v>0</v>
      </c>
      <c r="BQ3333" s="166">
        <v>0</v>
      </c>
      <c r="BR3333" s="166">
        <v>43992.940235936199</v>
      </c>
      <c r="BS3333" s="166">
        <v>43992.940235936097</v>
      </c>
      <c r="BT3333" s="168">
        <v>0</v>
      </c>
      <c r="BU3333" s="166">
        <v>0</v>
      </c>
      <c r="BV3333" s="166">
        <v>0</v>
      </c>
      <c r="BW3333" s="166">
        <v>0</v>
      </c>
      <c r="BX3333" s="166">
        <v>0</v>
      </c>
      <c r="BY3333" s="166">
        <v>0</v>
      </c>
      <c r="BZ3333" s="166">
        <v>0</v>
      </c>
      <c r="CA3333" s="166">
        <v>0</v>
      </c>
      <c r="CB3333" s="166">
        <v>0</v>
      </c>
      <c r="CC3333" s="166">
        <v>0</v>
      </c>
      <c r="CD3333" s="166">
        <v>0</v>
      </c>
      <c r="CE3333" s="166">
        <v>0</v>
      </c>
      <c r="CF3333" s="166">
        <v>0</v>
      </c>
      <c r="CG3333" s="166">
        <v>0</v>
      </c>
      <c r="CH3333" s="166">
        <v>0</v>
      </c>
      <c r="CI3333" s="166">
        <v>0</v>
      </c>
      <c r="CJ3333" s="166">
        <v>0</v>
      </c>
      <c r="CK3333" s="166">
        <v>0</v>
      </c>
      <c r="CL3333" s="166">
        <v>0</v>
      </c>
      <c r="CM3333" s="166">
        <v>0</v>
      </c>
      <c r="CN3333" s="166">
        <v>0</v>
      </c>
      <c r="CO3333" s="166">
        <v>0</v>
      </c>
      <c r="CP3333" s="166">
        <v>0</v>
      </c>
      <c r="CQ3333" s="166">
        <v>0</v>
      </c>
      <c r="CR3333" s="166">
        <v>0</v>
      </c>
      <c r="CS3333" s="166">
        <v>0</v>
      </c>
      <c r="CT3333" s="166">
        <v>0</v>
      </c>
      <c r="CU3333" s="166">
        <v>0</v>
      </c>
      <c r="CV3333" s="166">
        <v>0</v>
      </c>
      <c r="CW3333" s="166">
        <v>0</v>
      </c>
      <c r="CX3333" s="166">
        <v>0</v>
      </c>
      <c r="CY3333" s="166">
        <v>0</v>
      </c>
      <c r="CZ3333" s="166">
        <v>0</v>
      </c>
    </row>
    <row r="3334" spans="1:104" x14ac:dyDescent="0.2">
      <c r="A3334" s="167" t="s">
        <v>618</v>
      </c>
      <c r="B3334" s="166">
        <v>32384286.976179399</v>
      </c>
      <c r="C3334" s="166">
        <v>32384286.976179399</v>
      </c>
      <c r="D3334" s="166">
        <v>0</v>
      </c>
      <c r="E3334" s="166">
        <v>0</v>
      </c>
      <c r="F3334" s="166">
        <v>0</v>
      </c>
      <c r="G3334" s="166">
        <v>0</v>
      </c>
      <c r="H3334" s="166">
        <v>0</v>
      </c>
      <c r="I3334" s="166">
        <v>0</v>
      </c>
      <c r="J3334" s="166">
        <v>0</v>
      </c>
      <c r="K3334" s="166">
        <v>0</v>
      </c>
      <c r="L3334" s="166">
        <v>0</v>
      </c>
      <c r="M3334" s="166">
        <v>0</v>
      </c>
      <c r="N3334" s="166">
        <v>0</v>
      </c>
      <c r="O3334" s="166">
        <v>0</v>
      </c>
      <c r="P3334" s="166">
        <v>0</v>
      </c>
      <c r="Q3334" s="166">
        <v>0</v>
      </c>
      <c r="R3334" s="166">
        <v>0</v>
      </c>
      <c r="S3334" s="166">
        <v>0</v>
      </c>
      <c r="T3334" s="166">
        <v>0</v>
      </c>
      <c r="U3334" s="166">
        <v>0</v>
      </c>
      <c r="V3334" s="166">
        <v>0</v>
      </c>
      <c r="W3334" s="166">
        <v>0</v>
      </c>
      <c r="X3334" s="166">
        <v>0</v>
      </c>
      <c r="Y3334" s="166">
        <v>0</v>
      </c>
      <c r="Z3334" s="166">
        <v>0</v>
      </c>
      <c r="AA3334" s="166">
        <v>0</v>
      </c>
      <c r="AB3334" s="166">
        <v>0</v>
      </c>
      <c r="AC3334" s="166">
        <v>0</v>
      </c>
      <c r="AD3334" s="166">
        <v>0</v>
      </c>
      <c r="AE3334" s="166">
        <v>0</v>
      </c>
      <c r="AF3334" s="166">
        <v>0</v>
      </c>
      <c r="AG3334" s="166">
        <v>0</v>
      </c>
      <c r="AH3334" s="166">
        <v>0</v>
      </c>
      <c r="AI3334" s="166">
        <v>0</v>
      </c>
      <c r="AJ3334" s="166">
        <v>0</v>
      </c>
      <c r="AK3334" s="166">
        <v>0</v>
      </c>
      <c r="AL3334" s="166">
        <v>0</v>
      </c>
      <c r="AM3334" s="166">
        <v>0</v>
      </c>
      <c r="AN3334" s="166">
        <v>0</v>
      </c>
      <c r="AO3334" s="166">
        <v>0</v>
      </c>
      <c r="AP3334" s="166">
        <v>0</v>
      </c>
      <c r="AQ3334" s="166">
        <v>0</v>
      </c>
      <c r="AR3334" s="166">
        <v>0</v>
      </c>
      <c r="AS3334" s="166">
        <v>0</v>
      </c>
      <c r="AT3334" s="166">
        <v>0</v>
      </c>
      <c r="AU3334" s="166">
        <v>0</v>
      </c>
      <c r="AV3334" s="166">
        <v>0</v>
      </c>
      <c r="AW3334" s="166">
        <v>0</v>
      </c>
      <c r="AX3334" s="166">
        <v>0</v>
      </c>
      <c r="AY3334" s="166">
        <v>0</v>
      </c>
      <c r="AZ3334" s="166">
        <v>0</v>
      </c>
      <c r="BA3334" s="166">
        <v>0</v>
      </c>
      <c r="BB3334" s="166">
        <v>0</v>
      </c>
      <c r="BC3334" s="166">
        <v>0</v>
      </c>
      <c r="BD3334" s="166">
        <v>0</v>
      </c>
      <c r="BE3334" s="166">
        <v>0</v>
      </c>
      <c r="BF3334" s="166">
        <v>0</v>
      </c>
      <c r="BG3334" s="166">
        <v>0</v>
      </c>
      <c r="BH3334" s="166">
        <v>0</v>
      </c>
      <c r="BI3334" s="166">
        <v>0</v>
      </c>
      <c r="BJ3334" s="166">
        <v>0</v>
      </c>
      <c r="BK3334" s="166">
        <v>0</v>
      </c>
      <c r="BL3334" s="166">
        <v>0</v>
      </c>
      <c r="BM3334" s="166">
        <v>0</v>
      </c>
      <c r="BN3334" s="166">
        <v>0</v>
      </c>
      <c r="BO3334" s="166">
        <v>0</v>
      </c>
      <c r="BP3334" s="166">
        <v>0</v>
      </c>
      <c r="BQ3334" s="166">
        <v>0</v>
      </c>
      <c r="BR3334" s="166">
        <v>32384286.976179399</v>
      </c>
      <c r="BS3334" s="166">
        <v>32384286.976179399</v>
      </c>
      <c r="BT3334" s="168">
        <v>0</v>
      </c>
      <c r="BU3334" s="166">
        <v>0</v>
      </c>
      <c r="BV3334" s="166">
        <v>0</v>
      </c>
      <c r="BW3334" s="166">
        <v>0</v>
      </c>
      <c r="BX3334" s="166">
        <v>0</v>
      </c>
      <c r="BY3334" s="166">
        <v>0</v>
      </c>
      <c r="BZ3334" s="166">
        <v>0</v>
      </c>
      <c r="CA3334" s="166">
        <v>0</v>
      </c>
      <c r="CB3334" s="166">
        <v>0</v>
      </c>
      <c r="CC3334" s="166">
        <v>0</v>
      </c>
      <c r="CD3334" s="166">
        <v>0</v>
      </c>
      <c r="CE3334" s="166">
        <v>0</v>
      </c>
      <c r="CF3334" s="166">
        <v>0</v>
      </c>
      <c r="CG3334" s="166">
        <v>0</v>
      </c>
      <c r="CH3334" s="166">
        <v>0</v>
      </c>
      <c r="CI3334" s="166">
        <v>0</v>
      </c>
      <c r="CJ3334" s="166">
        <v>0</v>
      </c>
      <c r="CK3334" s="166">
        <v>0</v>
      </c>
      <c r="CL3334" s="166">
        <v>0</v>
      </c>
      <c r="CM3334" s="166">
        <v>0</v>
      </c>
      <c r="CN3334" s="166">
        <v>0</v>
      </c>
      <c r="CO3334" s="166">
        <v>0</v>
      </c>
      <c r="CP3334" s="166">
        <v>0</v>
      </c>
      <c r="CQ3334" s="166">
        <v>0</v>
      </c>
      <c r="CR3334" s="166">
        <v>0</v>
      </c>
      <c r="CS3334" s="166">
        <v>0</v>
      </c>
      <c r="CT3334" s="166">
        <v>0</v>
      </c>
      <c r="CU3334" s="166">
        <v>0</v>
      </c>
      <c r="CV3334" s="166">
        <v>0</v>
      </c>
      <c r="CW3334" s="166">
        <v>0</v>
      </c>
      <c r="CX3334" s="166">
        <v>0</v>
      </c>
      <c r="CY3334" s="166">
        <v>0</v>
      </c>
      <c r="CZ3334" s="166">
        <v>0</v>
      </c>
    </row>
    <row r="3335" spans="1:104" x14ac:dyDescent="0.2">
      <c r="A3335" s="167" t="s">
        <v>619</v>
      </c>
      <c r="B3335" s="166">
        <v>32627265.292011801</v>
      </c>
      <c r="C3335" s="166">
        <v>32627265.292011801</v>
      </c>
      <c r="D3335" s="166">
        <v>0</v>
      </c>
      <c r="E3335" s="166">
        <v>0</v>
      </c>
      <c r="F3335" s="166">
        <v>0</v>
      </c>
      <c r="G3335" s="166">
        <v>0</v>
      </c>
      <c r="H3335" s="166">
        <v>0</v>
      </c>
      <c r="I3335" s="166">
        <v>0</v>
      </c>
      <c r="J3335" s="166">
        <v>0</v>
      </c>
      <c r="K3335" s="166">
        <v>0</v>
      </c>
      <c r="L3335" s="166">
        <v>0</v>
      </c>
      <c r="M3335" s="166">
        <v>0</v>
      </c>
      <c r="N3335" s="166">
        <v>0</v>
      </c>
      <c r="O3335" s="166">
        <v>0</v>
      </c>
      <c r="P3335" s="166">
        <v>0</v>
      </c>
      <c r="Q3335" s="166">
        <v>0</v>
      </c>
      <c r="R3335" s="166">
        <v>0</v>
      </c>
      <c r="S3335" s="166">
        <v>0</v>
      </c>
      <c r="T3335" s="166">
        <v>0</v>
      </c>
      <c r="U3335" s="166">
        <v>0</v>
      </c>
      <c r="V3335" s="166">
        <v>0</v>
      </c>
      <c r="W3335" s="166">
        <v>0</v>
      </c>
      <c r="X3335" s="166">
        <v>0</v>
      </c>
      <c r="Y3335" s="166">
        <v>0</v>
      </c>
      <c r="Z3335" s="166">
        <v>0</v>
      </c>
      <c r="AA3335" s="166">
        <v>0</v>
      </c>
      <c r="AB3335" s="166">
        <v>0</v>
      </c>
      <c r="AC3335" s="166">
        <v>0</v>
      </c>
      <c r="AD3335" s="166">
        <v>0</v>
      </c>
      <c r="AE3335" s="166">
        <v>0</v>
      </c>
      <c r="AF3335" s="166">
        <v>0</v>
      </c>
      <c r="AG3335" s="166">
        <v>0</v>
      </c>
      <c r="AH3335" s="166">
        <v>0</v>
      </c>
      <c r="AI3335" s="166">
        <v>0</v>
      </c>
      <c r="AJ3335" s="166">
        <v>0</v>
      </c>
      <c r="AK3335" s="166">
        <v>0</v>
      </c>
      <c r="AL3335" s="166">
        <v>0</v>
      </c>
      <c r="AM3335" s="166">
        <v>0</v>
      </c>
      <c r="AN3335" s="166">
        <v>0</v>
      </c>
      <c r="AO3335" s="166">
        <v>0</v>
      </c>
      <c r="AP3335" s="166">
        <v>0</v>
      </c>
      <c r="AQ3335" s="166">
        <v>0</v>
      </c>
      <c r="AR3335" s="166">
        <v>0</v>
      </c>
      <c r="AS3335" s="166">
        <v>0</v>
      </c>
      <c r="AT3335" s="166">
        <v>0</v>
      </c>
      <c r="AU3335" s="166">
        <v>0</v>
      </c>
      <c r="AV3335" s="166">
        <v>0</v>
      </c>
      <c r="AW3335" s="166">
        <v>0</v>
      </c>
      <c r="AX3335" s="166">
        <v>0</v>
      </c>
      <c r="AY3335" s="166">
        <v>0</v>
      </c>
      <c r="AZ3335" s="166">
        <v>0</v>
      </c>
      <c r="BA3335" s="166">
        <v>0</v>
      </c>
      <c r="BB3335" s="166">
        <v>0</v>
      </c>
      <c r="BC3335" s="166">
        <v>0</v>
      </c>
      <c r="BD3335" s="166">
        <v>0</v>
      </c>
      <c r="BE3335" s="166">
        <v>0</v>
      </c>
      <c r="BF3335" s="166">
        <v>0</v>
      </c>
      <c r="BG3335" s="166">
        <v>0</v>
      </c>
      <c r="BH3335" s="166">
        <v>0</v>
      </c>
      <c r="BI3335" s="166">
        <v>0</v>
      </c>
      <c r="BJ3335" s="166">
        <v>0</v>
      </c>
      <c r="BK3335" s="166">
        <v>0</v>
      </c>
      <c r="BL3335" s="166">
        <v>0</v>
      </c>
      <c r="BM3335" s="166">
        <v>0</v>
      </c>
      <c r="BN3335" s="166">
        <v>0</v>
      </c>
      <c r="BO3335" s="166">
        <v>0</v>
      </c>
      <c r="BP3335" s="166">
        <v>0</v>
      </c>
      <c r="BQ3335" s="166">
        <v>0</v>
      </c>
      <c r="BR3335" s="166">
        <v>32627265.292011801</v>
      </c>
      <c r="BS3335" s="166">
        <v>32627265.292011801</v>
      </c>
      <c r="BT3335" s="168">
        <v>0</v>
      </c>
      <c r="BU3335" s="166">
        <v>0</v>
      </c>
      <c r="BV3335" s="166">
        <v>0</v>
      </c>
      <c r="BW3335" s="166">
        <v>0</v>
      </c>
      <c r="BX3335" s="166">
        <v>0</v>
      </c>
      <c r="BY3335" s="166">
        <v>0</v>
      </c>
      <c r="BZ3335" s="166">
        <v>0</v>
      </c>
      <c r="CA3335" s="166">
        <v>0</v>
      </c>
      <c r="CB3335" s="166">
        <v>0</v>
      </c>
      <c r="CC3335" s="166">
        <v>0</v>
      </c>
      <c r="CD3335" s="166">
        <v>0</v>
      </c>
      <c r="CE3335" s="166">
        <v>0</v>
      </c>
      <c r="CF3335" s="166">
        <v>0</v>
      </c>
      <c r="CG3335" s="166">
        <v>0</v>
      </c>
      <c r="CH3335" s="166">
        <v>0</v>
      </c>
      <c r="CI3335" s="166">
        <v>0</v>
      </c>
      <c r="CJ3335" s="166">
        <v>0</v>
      </c>
      <c r="CK3335" s="166">
        <v>0</v>
      </c>
      <c r="CL3335" s="166">
        <v>0</v>
      </c>
      <c r="CM3335" s="166">
        <v>0</v>
      </c>
      <c r="CN3335" s="166">
        <v>0</v>
      </c>
      <c r="CO3335" s="166">
        <v>0</v>
      </c>
      <c r="CP3335" s="166">
        <v>0</v>
      </c>
      <c r="CQ3335" s="166">
        <v>0</v>
      </c>
      <c r="CR3335" s="166">
        <v>0</v>
      </c>
      <c r="CS3335" s="166">
        <v>0</v>
      </c>
      <c r="CT3335" s="166">
        <v>0</v>
      </c>
      <c r="CU3335" s="166">
        <v>0</v>
      </c>
      <c r="CV3335" s="166">
        <v>0</v>
      </c>
      <c r="CW3335" s="166">
        <v>0</v>
      </c>
      <c r="CX3335" s="166">
        <v>0</v>
      </c>
      <c r="CY3335" s="166">
        <v>0</v>
      </c>
      <c r="CZ3335" s="166">
        <v>0</v>
      </c>
    </row>
    <row r="3336" spans="1:104" x14ac:dyDescent="0.2">
      <c r="A3336" s="167" t="s">
        <v>620</v>
      </c>
      <c r="B3336" s="166">
        <v>0</v>
      </c>
      <c r="C3336" s="166">
        <v>0</v>
      </c>
      <c r="D3336" s="166">
        <v>0</v>
      </c>
      <c r="E3336" s="166">
        <v>0</v>
      </c>
      <c r="F3336" s="166">
        <v>0</v>
      </c>
      <c r="G3336" s="166">
        <v>0</v>
      </c>
      <c r="H3336" s="166">
        <v>0</v>
      </c>
      <c r="I3336" s="166">
        <v>0</v>
      </c>
      <c r="J3336" s="166">
        <v>0</v>
      </c>
      <c r="K3336" s="166">
        <v>0</v>
      </c>
      <c r="L3336" s="166">
        <v>0</v>
      </c>
      <c r="M3336" s="166">
        <v>0</v>
      </c>
      <c r="N3336" s="166">
        <v>0</v>
      </c>
      <c r="O3336" s="166">
        <v>0</v>
      </c>
      <c r="P3336" s="166">
        <v>0</v>
      </c>
      <c r="Q3336" s="166">
        <v>0</v>
      </c>
      <c r="R3336" s="166">
        <v>0</v>
      </c>
      <c r="S3336" s="166">
        <v>0</v>
      </c>
      <c r="T3336" s="166">
        <v>0</v>
      </c>
      <c r="U3336" s="166">
        <v>0</v>
      </c>
      <c r="V3336" s="166">
        <v>0</v>
      </c>
      <c r="W3336" s="166">
        <v>0</v>
      </c>
      <c r="X3336" s="166">
        <v>0</v>
      </c>
      <c r="Y3336" s="166">
        <v>0</v>
      </c>
      <c r="Z3336" s="166">
        <v>0</v>
      </c>
      <c r="AA3336" s="166">
        <v>0</v>
      </c>
      <c r="AB3336" s="166">
        <v>0</v>
      </c>
      <c r="AC3336" s="166">
        <v>0</v>
      </c>
      <c r="AD3336" s="166">
        <v>0</v>
      </c>
      <c r="AE3336" s="166">
        <v>0</v>
      </c>
      <c r="AF3336" s="166">
        <v>0</v>
      </c>
      <c r="AG3336" s="166">
        <v>0</v>
      </c>
      <c r="AH3336" s="166">
        <v>0</v>
      </c>
      <c r="AI3336" s="166">
        <v>0</v>
      </c>
      <c r="AJ3336" s="166">
        <v>0</v>
      </c>
      <c r="AK3336" s="166">
        <v>0</v>
      </c>
      <c r="AL3336" s="166">
        <v>0</v>
      </c>
      <c r="AM3336" s="166">
        <v>0</v>
      </c>
      <c r="AN3336" s="166">
        <v>0</v>
      </c>
      <c r="AO3336" s="166">
        <v>0</v>
      </c>
      <c r="AP3336" s="166">
        <v>0</v>
      </c>
      <c r="AQ3336" s="166">
        <v>0</v>
      </c>
      <c r="AR3336" s="166">
        <v>0</v>
      </c>
      <c r="AS3336" s="166">
        <v>0</v>
      </c>
      <c r="AT3336" s="166">
        <v>0</v>
      </c>
      <c r="AU3336" s="166">
        <v>0</v>
      </c>
      <c r="AV3336" s="166">
        <v>0</v>
      </c>
      <c r="AW3336" s="166">
        <v>0</v>
      </c>
      <c r="AX3336" s="166">
        <v>0</v>
      </c>
      <c r="AY3336" s="166">
        <v>0</v>
      </c>
      <c r="AZ3336" s="166">
        <v>0</v>
      </c>
      <c r="BA3336" s="166">
        <v>0</v>
      </c>
      <c r="BB3336" s="166">
        <v>0</v>
      </c>
      <c r="BC3336" s="166">
        <v>0</v>
      </c>
      <c r="BD3336" s="166">
        <v>0</v>
      </c>
      <c r="BE3336" s="166">
        <v>0</v>
      </c>
      <c r="BF3336" s="166">
        <v>0</v>
      </c>
      <c r="BG3336" s="166">
        <v>0</v>
      </c>
      <c r="BH3336" s="166">
        <v>0</v>
      </c>
      <c r="BI3336" s="166">
        <v>0</v>
      </c>
      <c r="BJ3336" s="166">
        <v>0</v>
      </c>
      <c r="BK3336" s="166">
        <v>0</v>
      </c>
      <c r="BL3336" s="166">
        <v>0</v>
      </c>
      <c r="BM3336" s="166">
        <v>0</v>
      </c>
      <c r="BN3336" s="166">
        <v>0</v>
      </c>
      <c r="BO3336" s="166">
        <v>0</v>
      </c>
      <c r="BP3336" s="166">
        <v>0</v>
      </c>
      <c r="BQ3336" s="166">
        <v>0</v>
      </c>
      <c r="BR3336" s="166">
        <v>0</v>
      </c>
      <c r="BS3336" s="166">
        <v>0</v>
      </c>
      <c r="BT3336" s="168">
        <v>0</v>
      </c>
      <c r="BU3336" s="166">
        <v>0</v>
      </c>
      <c r="BV3336" s="166">
        <v>0</v>
      </c>
      <c r="BW3336" s="166">
        <v>0</v>
      </c>
      <c r="BX3336" s="166">
        <v>0</v>
      </c>
      <c r="BY3336" s="166">
        <v>0</v>
      </c>
      <c r="BZ3336" s="166">
        <v>0</v>
      </c>
      <c r="CA3336" s="166">
        <v>0</v>
      </c>
      <c r="CB3336" s="166">
        <v>0</v>
      </c>
      <c r="CC3336" s="166">
        <v>0</v>
      </c>
      <c r="CD3336" s="166">
        <v>0</v>
      </c>
      <c r="CE3336" s="166">
        <v>0</v>
      </c>
      <c r="CF3336" s="166">
        <v>0</v>
      </c>
      <c r="CG3336" s="166">
        <v>0</v>
      </c>
      <c r="CH3336" s="166">
        <v>0</v>
      </c>
      <c r="CI3336" s="166">
        <v>0</v>
      </c>
      <c r="CJ3336" s="166">
        <v>0</v>
      </c>
      <c r="CK3336" s="166">
        <v>0</v>
      </c>
      <c r="CL3336" s="166">
        <v>0</v>
      </c>
      <c r="CM3336" s="166">
        <v>0</v>
      </c>
      <c r="CN3336" s="166">
        <v>0</v>
      </c>
      <c r="CO3336" s="166">
        <v>0</v>
      </c>
      <c r="CP3336" s="166">
        <v>0</v>
      </c>
      <c r="CQ3336" s="166">
        <v>0</v>
      </c>
      <c r="CR3336" s="166">
        <v>0</v>
      </c>
      <c r="CS3336" s="166">
        <v>0</v>
      </c>
      <c r="CT3336" s="166">
        <v>0</v>
      </c>
      <c r="CU3336" s="166">
        <v>0</v>
      </c>
      <c r="CV3336" s="166">
        <v>0</v>
      </c>
      <c r="CW3336" s="166">
        <v>0</v>
      </c>
      <c r="CX3336" s="166">
        <v>0</v>
      </c>
      <c r="CY3336" s="166">
        <v>0</v>
      </c>
      <c r="CZ3336" s="166">
        <v>0</v>
      </c>
    </row>
    <row r="3337" spans="1:104" x14ac:dyDescent="0.2">
      <c r="A3337" s="167" t="s">
        <v>621</v>
      </c>
      <c r="B3337" s="166">
        <v>57999119.296135299</v>
      </c>
      <c r="C3337" s="166">
        <v>57999119.296135299</v>
      </c>
      <c r="D3337" s="166">
        <v>0</v>
      </c>
      <c r="E3337" s="166">
        <v>0</v>
      </c>
      <c r="F3337" s="166">
        <v>0</v>
      </c>
      <c r="G3337" s="166">
        <v>0</v>
      </c>
      <c r="H3337" s="166">
        <v>0</v>
      </c>
      <c r="I3337" s="166">
        <v>0</v>
      </c>
      <c r="J3337" s="166">
        <v>0</v>
      </c>
      <c r="K3337" s="166">
        <v>0</v>
      </c>
      <c r="L3337" s="166">
        <v>0</v>
      </c>
      <c r="M3337" s="166">
        <v>0</v>
      </c>
      <c r="N3337" s="166">
        <v>0</v>
      </c>
      <c r="O3337" s="166">
        <v>0</v>
      </c>
      <c r="P3337" s="166">
        <v>0</v>
      </c>
      <c r="Q3337" s="166">
        <v>0</v>
      </c>
      <c r="R3337" s="166">
        <v>0</v>
      </c>
      <c r="S3337" s="166">
        <v>0</v>
      </c>
      <c r="T3337" s="166">
        <v>0</v>
      </c>
      <c r="U3337" s="166">
        <v>0</v>
      </c>
      <c r="V3337" s="166">
        <v>0</v>
      </c>
      <c r="W3337" s="166">
        <v>0</v>
      </c>
      <c r="X3337" s="166">
        <v>0</v>
      </c>
      <c r="Y3337" s="166">
        <v>0</v>
      </c>
      <c r="Z3337" s="166">
        <v>0</v>
      </c>
      <c r="AA3337" s="166">
        <v>0</v>
      </c>
      <c r="AB3337" s="166">
        <v>0</v>
      </c>
      <c r="AC3337" s="166">
        <v>0</v>
      </c>
      <c r="AD3337" s="166">
        <v>0</v>
      </c>
      <c r="AE3337" s="166">
        <v>0</v>
      </c>
      <c r="AF3337" s="166">
        <v>0</v>
      </c>
      <c r="AG3337" s="166">
        <v>0</v>
      </c>
      <c r="AH3337" s="166">
        <v>0</v>
      </c>
      <c r="AI3337" s="166">
        <v>0</v>
      </c>
      <c r="AJ3337" s="166">
        <v>0</v>
      </c>
      <c r="AK3337" s="166">
        <v>0</v>
      </c>
      <c r="AL3337" s="166">
        <v>0</v>
      </c>
      <c r="AM3337" s="166">
        <v>0</v>
      </c>
      <c r="AN3337" s="166">
        <v>0</v>
      </c>
      <c r="AO3337" s="166">
        <v>0</v>
      </c>
      <c r="AP3337" s="166">
        <v>0</v>
      </c>
      <c r="AQ3337" s="166">
        <v>0</v>
      </c>
      <c r="AR3337" s="166">
        <v>0</v>
      </c>
      <c r="AS3337" s="166">
        <v>0</v>
      </c>
      <c r="AT3337" s="166">
        <v>0</v>
      </c>
      <c r="AU3337" s="166">
        <v>0</v>
      </c>
      <c r="AV3337" s="166">
        <v>0</v>
      </c>
      <c r="AW3337" s="166">
        <v>0</v>
      </c>
      <c r="AX3337" s="166">
        <v>0</v>
      </c>
      <c r="AY3337" s="166">
        <v>0</v>
      </c>
      <c r="AZ3337" s="166">
        <v>0</v>
      </c>
      <c r="BA3337" s="166">
        <v>0</v>
      </c>
      <c r="BB3337" s="166">
        <v>0</v>
      </c>
      <c r="BC3337" s="166">
        <v>0</v>
      </c>
      <c r="BD3337" s="166">
        <v>0</v>
      </c>
      <c r="BE3337" s="166">
        <v>0</v>
      </c>
      <c r="BF3337" s="166">
        <v>0</v>
      </c>
      <c r="BG3337" s="166">
        <v>0</v>
      </c>
      <c r="BH3337" s="166">
        <v>0</v>
      </c>
      <c r="BI3337" s="166">
        <v>0</v>
      </c>
      <c r="BJ3337" s="166">
        <v>0</v>
      </c>
      <c r="BK3337" s="166">
        <v>0</v>
      </c>
      <c r="BL3337" s="166">
        <v>0</v>
      </c>
      <c r="BM3337" s="166">
        <v>0</v>
      </c>
      <c r="BN3337" s="166">
        <v>0</v>
      </c>
      <c r="BO3337" s="166">
        <v>0</v>
      </c>
      <c r="BP3337" s="166">
        <v>0</v>
      </c>
      <c r="BQ3337" s="166">
        <v>0</v>
      </c>
      <c r="BR3337" s="166">
        <v>57999119.296135299</v>
      </c>
      <c r="BS3337" s="166">
        <v>57999119.296135299</v>
      </c>
      <c r="BT3337" s="168">
        <v>0</v>
      </c>
      <c r="BU3337" s="166">
        <v>0</v>
      </c>
      <c r="BV3337" s="166">
        <v>0</v>
      </c>
      <c r="BW3337" s="166">
        <v>0</v>
      </c>
      <c r="BX3337" s="166">
        <v>0</v>
      </c>
      <c r="BY3337" s="166">
        <v>0</v>
      </c>
      <c r="BZ3337" s="166">
        <v>0</v>
      </c>
      <c r="CA3337" s="166">
        <v>0</v>
      </c>
      <c r="CB3337" s="166">
        <v>0</v>
      </c>
      <c r="CC3337" s="166">
        <v>0</v>
      </c>
      <c r="CD3337" s="166">
        <v>0</v>
      </c>
      <c r="CE3337" s="166">
        <v>0</v>
      </c>
      <c r="CF3337" s="166">
        <v>0</v>
      </c>
      <c r="CG3337" s="166">
        <v>0</v>
      </c>
      <c r="CH3337" s="166">
        <v>0</v>
      </c>
      <c r="CI3337" s="166">
        <v>0</v>
      </c>
      <c r="CJ3337" s="166">
        <v>0</v>
      </c>
      <c r="CK3337" s="166">
        <v>0</v>
      </c>
      <c r="CL3337" s="166">
        <v>0</v>
      </c>
      <c r="CM3337" s="166">
        <v>0</v>
      </c>
      <c r="CN3337" s="166">
        <v>0</v>
      </c>
      <c r="CO3337" s="166">
        <v>0</v>
      </c>
      <c r="CP3337" s="166">
        <v>0</v>
      </c>
      <c r="CQ3337" s="166">
        <v>0</v>
      </c>
      <c r="CR3337" s="166">
        <v>0</v>
      </c>
      <c r="CS3337" s="166">
        <v>0</v>
      </c>
      <c r="CT3337" s="166">
        <v>0</v>
      </c>
      <c r="CU3337" s="166">
        <v>0</v>
      </c>
      <c r="CV3337" s="166">
        <v>0</v>
      </c>
      <c r="CW3337" s="166">
        <v>0</v>
      </c>
      <c r="CX3337" s="166">
        <v>0</v>
      </c>
      <c r="CY3337" s="166">
        <v>0</v>
      </c>
      <c r="CZ3337" s="166">
        <v>0</v>
      </c>
    </row>
    <row r="3338" spans="1:104" x14ac:dyDescent="0.2">
      <c r="A3338" s="167" t="s">
        <v>622</v>
      </c>
      <c r="B3338" s="166">
        <v>28341688.2525943</v>
      </c>
      <c r="C3338" s="166">
        <v>28341688.2525943</v>
      </c>
      <c r="D3338" s="166">
        <v>0</v>
      </c>
      <c r="E3338" s="166">
        <v>0</v>
      </c>
      <c r="F3338" s="166">
        <v>0</v>
      </c>
      <c r="G3338" s="166">
        <v>0</v>
      </c>
      <c r="H3338" s="166">
        <v>0</v>
      </c>
      <c r="I3338" s="166">
        <v>0</v>
      </c>
      <c r="J3338" s="166">
        <v>0</v>
      </c>
      <c r="K3338" s="166">
        <v>0</v>
      </c>
      <c r="L3338" s="166">
        <v>0</v>
      </c>
      <c r="M3338" s="166">
        <v>0</v>
      </c>
      <c r="N3338" s="166">
        <v>0</v>
      </c>
      <c r="O3338" s="166">
        <v>0</v>
      </c>
      <c r="P3338" s="166">
        <v>0</v>
      </c>
      <c r="Q3338" s="166">
        <v>0</v>
      </c>
      <c r="R3338" s="166">
        <v>0</v>
      </c>
      <c r="S3338" s="166">
        <v>0</v>
      </c>
      <c r="T3338" s="166">
        <v>0</v>
      </c>
      <c r="U3338" s="166">
        <v>0</v>
      </c>
      <c r="V3338" s="166">
        <v>0</v>
      </c>
      <c r="W3338" s="166">
        <v>0</v>
      </c>
      <c r="X3338" s="166">
        <v>0</v>
      </c>
      <c r="Y3338" s="166">
        <v>0</v>
      </c>
      <c r="Z3338" s="166">
        <v>0</v>
      </c>
      <c r="AA3338" s="166">
        <v>0</v>
      </c>
      <c r="AB3338" s="166">
        <v>0</v>
      </c>
      <c r="AC3338" s="166">
        <v>0</v>
      </c>
      <c r="AD3338" s="166">
        <v>0</v>
      </c>
      <c r="AE3338" s="166">
        <v>0</v>
      </c>
      <c r="AF3338" s="166">
        <v>0</v>
      </c>
      <c r="AG3338" s="166">
        <v>0</v>
      </c>
      <c r="AH3338" s="166">
        <v>0</v>
      </c>
      <c r="AI3338" s="166">
        <v>0</v>
      </c>
      <c r="AJ3338" s="166">
        <v>0</v>
      </c>
      <c r="AK3338" s="166">
        <v>0</v>
      </c>
      <c r="AL3338" s="166">
        <v>0</v>
      </c>
      <c r="AM3338" s="166">
        <v>0</v>
      </c>
      <c r="AN3338" s="166">
        <v>0</v>
      </c>
      <c r="AO3338" s="166">
        <v>0</v>
      </c>
      <c r="AP3338" s="166">
        <v>0</v>
      </c>
      <c r="AQ3338" s="166">
        <v>0</v>
      </c>
      <c r="AR3338" s="166">
        <v>0</v>
      </c>
      <c r="AS3338" s="166">
        <v>0</v>
      </c>
      <c r="AT3338" s="166">
        <v>0</v>
      </c>
      <c r="AU3338" s="166">
        <v>0</v>
      </c>
      <c r="AV3338" s="166">
        <v>0</v>
      </c>
      <c r="AW3338" s="166">
        <v>0</v>
      </c>
      <c r="AX3338" s="166">
        <v>0</v>
      </c>
      <c r="AY3338" s="166">
        <v>0</v>
      </c>
      <c r="AZ3338" s="166">
        <v>0</v>
      </c>
      <c r="BA3338" s="166">
        <v>0</v>
      </c>
      <c r="BB3338" s="166">
        <v>0</v>
      </c>
      <c r="BC3338" s="166">
        <v>0</v>
      </c>
      <c r="BD3338" s="166">
        <v>0</v>
      </c>
      <c r="BE3338" s="166">
        <v>0</v>
      </c>
      <c r="BF3338" s="166">
        <v>0</v>
      </c>
      <c r="BG3338" s="166">
        <v>0</v>
      </c>
      <c r="BH3338" s="166">
        <v>0</v>
      </c>
      <c r="BI3338" s="166">
        <v>0</v>
      </c>
      <c r="BJ3338" s="166">
        <v>0</v>
      </c>
      <c r="BK3338" s="166">
        <v>0</v>
      </c>
      <c r="BL3338" s="166">
        <v>0</v>
      </c>
      <c r="BM3338" s="166">
        <v>0</v>
      </c>
      <c r="BN3338" s="166">
        <v>0</v>
      </c>
      <c r="BO3338" s="166">
        <v>0</v>
      </c>
      <c r="BP3338" s="166">
        <v>0</v>
      </c>
      <c r="BQ3338" s="166">
        <v>0</v>
      </c>
      <c r="BR3338" s="166">
        <v>28341688.2525943</v>
      </c>
      <c r="BS3338" s="166">
        <v>28341688.2525943</v>
      </c>
      <c r="BT3338" s="168">
        <v>0</v>
      </c>
      <c r="BU3338" s="166">
        <v>0</v>
      </c>
      <c r="BV3338" s="166">
        <v>0</v>
      </c>
      <c r="BW3338" s="166">
        <v>0</v>
      </c>
      <c r="BX3338" s="166">
        <v>0</v>
      </c>
      <c r="BY3338" s="166">
        <v>0</v>
      </c>
      <c r="BZ3338" s="166">
        <v>0</v>
      </c>
      <c r="CA3338" s="166">
        <v>0</v>
      </c>
      <c r="CB3338" s="166">
        <v>0</v>
      </c>
      <c r="CC3338" s="166">
        <v>0</v>
      </c>
      <c r="CD3338" s="166">
        <v>0</v>
      </c>
      <c r="CE3338" s="166">
        <v>0</v>
      </c>
      <c r="CF3338" s="166">
        <v>0</v>
      </c>
      <c r="CG3338" s="166">
        <v>0</v>
      </c>
      <c r="CH3338" s="166">
        <v>0</v>
      </c>
      <c r="CI3338" s="166">
        <v>0</v>
      </c>
      <c r="CJ3338" s="166">
        <v>0</v>
      </c>
      <c r="CK3338" s="166">
        <v>0</v>
      </c>
      <c r="CL3338" s="166">
        <v>0</v>
      </c>
      <c r="CM3338" s="166">
        <v>0</v>
      </c>
      <c r="CN3338" s="166">
        <v>0</v>
      </c>
      <c r="CO3338" s="166">
        <v>0</v>
      </c>
      <c r="CP3338" s="166">
        <v>0</v>
      </c>
      <c r="CQ3338" s="166">
        <v>0</v>
      </c>
      <c r="CR3338" s="166">
        <v>0</v>
      </c>
      <c r="CS3338" s="166">
        <v>0</v>
      </c>
      <c r="CT3338" s="166">
        <v>0</v>
      </c>
      <c r="CU3338" s="166">
        <v>0</v>
      </c>
      <c r="CV3338" s="166">
        <v>0</v>
      </c>
      <c r="CW3338" s="166">
        <v>0</v>
      </c>
      <c r="CX3338" s="166">
        <v>0</v>
      </c>
      <c r="CY3338" s="166">
        <v>0</v>
      </c>
      <c r="CZ3338" s="166">
        <v>0</v>
      </c>
    </row>
    <row r="3339" spans="1:104" x14ac:dyDescent="0.2">
      <c r="A3339" s="167" t="s">
        <v>623</v>
      </c>
      <c r="B3339" s="166">
        <v>9290208.4506967701</v>
      </c>
      <c r="C3339" s="166">
        <v>9290208.4506967701</v>
      </c>
      <c r="D3339" s="166">
        <v>0</v>
      </c>
      <c r="E3339" s="166">
        <v>0</v>
      </c>
      <c r="F3339" s="166">
        <v>0</v>
      </c>
      <c r="G3339" s="166">
        <v>0</v>
      </c>
      <c r="H3339" s="166">
        <v>0</v>
      </c>
      <c r="I3339" s="166">
        <v>0</v>
      </c>
      <c r="J3339" s="166">
        <v>0</v>
      </c>
      <c r="K3339" s="166">
        <v>0</v>
      </c>
      <c r="L3339" s="166">
        <v>0</v>
      </c>
      <c r="M3339" s="166">
        <v>0</v>
      </c>
      <c r="N3339" s="166">
        <v>0</v>
      </c>
      <c r="O3339" s="166">
        <v>0</v>
      </c>
      <c r="P3339" s="166">
        <v>0</v>
      </c>
      <c r="Q3339" s="166">
        <v>0</v>
      </c>
      <c r="R3339" s="166">
        <v>0</v>
      </c>
      <c r="S3339" s="166">
        <v>0</v>
      </c>
      <c r="T3339" s="166">
        <v>0</v>
      </c>
      <c r="U3339" s="166">
        <v>0</v>
      </c>
      <c r="V3339" s="166">
        <v>0</v>
      </c>
      <c r="W3339" s="166">
        <v>0</v>
      </c>
      <c r="X3339" s="166">
        <v>0</v>
      </c>
      <c r="Y3339" s="166">
        <v>0</v>
      </c>
      <c r="Z3339" s="166">
        <v>0</v>
      </c>
      <c r="AA3339" s="166">
        <v>0</v>
      </c>
      <c r="AB3339" s="166">
        <v>0</v>
      </c>
      <c r="AC3339" s="166">
        <v>0</v>
      </c>
      <c r="AD3339" s="166">
        <v>0</v>
      </c>
      <c r="AE3339" s="166">
        <v>0</v>
      </c>
      <c r="AF3339" s="166">
        <v>0</v>
      </c>
      <c r="AG3339" s="166">
        <v>0</v>
      </c>
      <c r="AH3339" s="166">
        <v>0</v>
      </c>
      <c r="AI3339" s="166">
        <v>0</v>
      </c>
      <c r="AJ3339" s="166">
        <v>0</v>
      </c>
      <c r="AK3339" s="166">
        <v>0</v>
      </c>
      <c r="AL3339" s="166">
        <v>0</v>
      </c>
      <c r="AM3339" s="166">
        <v>0</v>
      </c>
      <c r="AN3339" s="166">
        <v>0</v>
      </c>
      <c r="AO3339" s="166">
        <v>0</v>
      </c>
      <c r="AP3339" s="166">
        <v>0</v>
      </c>
      <c r="AQ3339" s="166">
        <v>0</v>
      </c>
      <c r="AR3339" s="166">
        <v>0</v>
      </c>
      <c r="AS3339" s="166">
        <v>0</v>
      </c>
      <c r="AT3339" s="166">
        <v>0</v>
      </c>
      <c r="AU3339" s="166">
        <v>0</v>
      </c>
      <c r="AV3339" s="166">
        <v>0</v>
      </c>
      <c r="AW3339" s="166">
        <v>0</v>
      </c>
      <c r="AX3339" s="166">
        <v>0</v>
      </c>
      <c r="AY3339" s="166">
        <v>0</v>
      </c>
      <c r="AZ3339" s="166">
        <v>0</v>
      </c>
      <c r="BA3339" s="166">
        <v>0</v>
      </c>
      <c r="BB3339" s="166">
        <v>0</v>
      </c>
      <c r="BC3339" s="166">
        <v>0</v>
      </c>
      <c r="BD3339" s="166">
        <v>0</v>
      </c>
      <c r="BE3339" s="166">
        <v>0</v>
      </c>
      <c r="BF3339" s="166">
        <v>0</v>
      </c>
      <c r="BG3339" s="166">
        <v>0</v>
      </c>
      <c r="BH3339" s="166">
        <v>0</v>
      </c>
      <c r="BI3339" s="166">
        <v>0</v>
      </c>
      <c r="BJ3339" s="166">
        <v>0</v>
      </c>
      <c r="BK3339" s="166">
        <v>0</v>
      </c>
      <c r="BL3339" s="166">
        <v>0</v>
      </c>
      <c r="BM3339" s="166">
        <v>0</v>
      </c>
      <c r="BN3339" s="166">
        <v>0</v>
      </c>
      <c r="BO3339" s="166">
        <v>0</v>
      </c>
      <c r="BP3339" s="166">
        <v>0</v>
      </c>
      <c r="BQ3339" s="166">
        <v>0</v>
      </c>
      <c r="BR3339" s="166">
        <v>9290208.4506967701</v>
      </c>
      <c r="BS3339" s="166">
        <v>9290208.4506967701</v>
      </c>
      <c r="BT3339" s="168">
        <v>0</v>
      </c>
      <c r="BU3339" s="166">
        <v>0</v>
      </c>
      <c r="BV3339" s="166">
        <v>0</v>
      </c>
      <c r="BW3339" s="166">
        <v>0</v>
      </c>
      <c r="BX3339" s="166">
        <v>0</v>
      </c>
      <c r="BY3339" s="166">
        <v>0</v>
      </c>
      <c r="BZ3339" s="166">
        <v>0</v>
      </c>
      <c r="CA3339" s="166">
        <v>0</v>
      </c>
      <c r="CB3339" s="166">
        <v>0</v>
      </c>
      <c r="CC3339" s="166">
        <v>0</v>
      </c>
      <c r="CD3339" s="166">
        <v>0</v>
      </c>
      <c r="CE3339" s="166">
        <v>0</v>
      </c>
      <c r="CF3339" s="166">
        <v>0</v>
      </c>
      <c r="CG3339" s="166">
        <v>0</v>
      </c>
      <c r="CH3339" s="166">
        <v>0</v>
      </c>
      <c r="CI3339" s="166">
        <v>0</v>
      </c>
      <c r="CJ3339" s="166">
        <v>0</v>
      </c>
      <c r="CK3339" s="166">
        <v>0</v>
      </c>
      <c r="CL3339" s="166">
        <v>0</v>
      </c>
      <c r="CM3339" s="166">
        <v>0</v>
      </c>
      <c r="CN3339" s="166">
        <v>0</v>
      </c>
      <c r="CO3339" s="166">
        <v>0</v>
      </c>
      <c r="CP3339" s="166">
        <v>0</v>
      </c>
      <c r="CQ3339" s="166">
        <v>0</v>
      </c>
      <c r="CR3339" s="166">
        <v>0</v>
      </c>
      <c r="CS3339" s="166">
        <v>0</v>
      </c>
      <c r="CT3339" s="166">
        <v>0</v>
      </c>
      <c r="CU3339" s="166">
        <v>0</v>
      </c>
      <c r="CV3339" s="166">
        <v>0</v>
      </c>
      <c r="CW3339" s="166">
        <v>0</v>
      </c>
      <c r="CX3339" s="166">
        <v>0</v>
      </c>
      <c r="CY3339" s="166">
        <v>0</v>
      </c>
      <c r="CZ3339" s="166">
        <v>0</v>
      </c>
    </row>
    <row r="3340" spans="1:104" x14ac:dyDescent="0.2">
      <c r="A3340" s="167" t="s">
        <v>624</v>
      </c>
      <c r="B3340" s="166">
        <v>3141129.9844105402</v>
      </c>
      <c r="C3340" s="166">
        <v>3141129.9844105402</v>
      </c>
      <c r="D3340" s="166">
        <v>0</v>
      </c>
      <c r="E3340" s="166">
        <v>0</v>
      </c>
      <c r="F3340" s="166">
        <v>0</v>
      </c>
      <c r="G3340" s="166">
        <v>0</v>
      </c>
      <c r="H3340" s="166">
        <v>0</v>
      </c>
      <c r="I3340" s="166">
        <v>0</v>
      </c>
      <c r="J3340" s="166">
        <v>0</v>
      </c>
      <c r="K3340" s="166">
        <v>0</v>
      </c>
      <c r="L3340" s="166">
        <v>0</v>
      </c>
      <c r="M3340" s="166">
        <v>0</v>
      </c>
      <c r="N3340" s="166">
        <v>0</v>
      </c>
      <c r="O3340" s="166">
        <v>0</v>
      </c>
      <c r="P3340" s="166">
        <v>0</v>
      </c>
      <c r="Q3340" s="166">
        <v>0</v>
      </c>
      <c r="R3340" s="166">
        <v>0</v>
      </c>
      <c r="S3340" s="166">
        <v>0</v>
      </c>
      <c r="T3340" s="166">
        <v>0</v>
      </c>
      <c r="U3340" s="166">
        <v>0</v>
      </c>
      <c r="V3340" s="166">
        <v>0</v>
      </c>
      <c r="W3340" s="166">
        <v>0</v>
      </c>
      <c r="X3340" s="166">
        <v>0</v>
      </c>
      <c r="Y3340" s="166">
        <v>0</v>
      </c>
      <c r="Z3340" s="166">
        <v>0</v>
      </c>
      <c r="AA3340" s="166">
        <v>0</v>
      </c>
      <c r="AB3340" s="166">
        <v>0</v>
      </c>
      <c r="AC3340" s="166">
        <v>0</v>
      </c>
      <c r="AD3340" s="166">
        <v>0</v>
      </c>
      <c r="AE3340" s="166">
        <v>0</v>
      </c>
      <c r="AF3340" s="166">
        <v>0</v>
      </c>
      <c r="AG3340" s="166">
        <v>0</v>
      </c>
      <c r="AH3340" s="166">
        <v>0</v>
      </c>
      <c r="AI3340" s="166">
        <v>0</v>
      </c>
      <c r="AJ3340" s="166">
        <v>0</v>
      </c>
      <c r="AK3340" s="166">
        <v>0</v>
      </c>
      <c r="AL3340" s="166">
        <v>0</v>
      </c>
      <c r="AM3340" s="166">
        <v>0</v>
      </c>
      <c r="AN3340" s="166">
        <v>0</v>
      </c>
      <c r="AO3340" s="166">
        <v>0</v>
      </c>
      <c r="AP3340" s="166">
        <v>0</v>
      </c>
      <c r="AQ3340" s="166">
        <v>0</v>
      </c>
      <c r="AR3340" s="166">
        <v>0</v>
      </c>
      <c r="AS3340" s="166">
        <v>0</v>
      </c>
      <c r="AT3340" s="166">
        <v>0</v>
      </c>
      <c r="AU3340" s="166">
        <v>0</v>
      </c>
      <c r="AV3340" s="166">
        <v>0</v>
      </c>
      <c r="AW3340" s="166">
        <v>0</v>
      </c>
      <c r="AX3340" s="166">
        <v>0</v>
      </c>
      <c r="AY3340" s="166">
        <v>0</v>
      </c>
      <c r="AZ3340" s="166">
        <v>0</v>
      </c>
      <c r="BA3340" s="166">
        <v>0</v>
      </c>
      <c r="BB3340" s="166">
        <v>0</v>
      </c>
      <c r="BC3340" s="166">
        <v>0</v>
      </c>
      <c r="BD3340" s="166">
        <v>0</v>
      </c>
      <c r="BE3340" s="166">
        <v>0</v>
      </c>
      <c r="BF3340" s="166">
        <v>0</v>
      </c>
      <c r="BG3340" s="166">
        <v>0</v>
      </c>
      <c r="BH3340" s="166">
        <v>0</v>
      </c>
      <c r="BI3340" s="166">
        <v>0</v>
      </c>
      <c r="BJ3340" s="166">
        <v>0</v>
      </c>
      <c r="BK3340" s="166">
        <v>0</v>
      </c>
      <c r="BL3340" s="166">
        <v>0</v>
      </c>
      <c r="BM3340" s="166">
        <v>0</v>
      </c>
      <c r="BN3340" s="166">
        <v>0</v>
      </c>
      <c r="BO3340" s="166">
        <v>0</v>
      </c>
      <c r="BP3340" s="166">
        <v>0</v>
      </c>
      <c r="BQ3340" s="166">
        <v>0</v>
      </c>
      <c r="BR3340" s="166">
        <v>3141129.9844105402</v>
      </c>
      <c r="BS3340" s="166">
        <v>3141129.9844105402</v>
      </c>
      <c r="BT3340" s="168">
        <v>0</v>
      </c>
      <c r="BU3340" s="166">
        <v>0</v>
      </c>
      <c r="BV3340" s="166">
        <v>0</v>
      </c>
      <c r="BW3340" s="166">
        <v>0</v>
      </c>
      <c r="BX3340" s="166">
        <v>0</v>
      </c>
      <c r="BY3340" s="166">
        <v>0</v>
      </c>
      <c r="BZ3340" s="166">
        <v>0</v>
      </c>
      <c r="CA3340" s="166">
        <v>0</v>
      </c>
      <c r="CB3340" s="166">
        <v>0</v>
      </c>
      <c r="CC3340" s="166">
        <v>0</v>
      </c>
      <c r="CD3340" s="166">
        <v>0</v>
      </c>
      <c r="CE3340" s="166">
        <v>0</v>
      </c>
      <c r="CF3340" s="166">
        <v>0</v>
      </c>
      <c r="CG3340" s="166">
        <v>0</v>
      </c>
      <c r="CH3340" s="166">
        <v>0</v>
      </c>
      <c r="CI3340" s="166">
        <v>0</v>
      </c>
      <c r="CJ3340" s="166">
        <v>0</v>
      </c>
      <c r="CK3340" s="166">
        <v>0</v>
      </c>
      <c r="CL3340" s="166">
        <v>0</v>
      </c>
      <c r="CM3340" s="166">
        <v>0</v>
      </c>
      <c r="CN3340" s="166">
        <v>0</v>
      </c>
      <c r="CO3340" s="166">
        <v>0</v>
      </c>
      <c r="CP3340" s="166">
        <v>0</v>
      </c>
      <c r="CQ3340" s="166">
        <v>0</v>
      </c>
      <c r="CR3340" s="166">
        <v>0</v>
      </c>
      <c r="CS3340" s="166">
        <v>0</v>
      </c>
      <c r="CT3340" s="166">
        <v>0</v>
      </c>
      <c r="CU3340" s="166">
        <v>0</v>
      </c>
      <c r="CV3340" s="166">
        <v>0</v>
      </c>
      <c r="CW3340" s="166">
        <v>0</v>
      </c>
      <c r="CX3340" s="166">
        <v>0</v>
      </c>
      <c r="CY3340" s="166">
        <v>0</v>
      </c>
      <c r="CZ3340" s="166">
        <v>0</v>
      </c>
    </row>
    <row r="3341" spans="1:104" x14ac:dyDescent="0.2">
      <c r="A3341" s="167" t="s">
        <v>625</v>
      </c>
      <c r="B3341" s="166">
        <v>20523466.386162899</v>
      </c>
      <c r="C3341" s="166">
        <v>20523466.386162899</v>
      </c>
      <c r="D3341" s="166">
        <v>0</v>
      </c>
      <c r="E3341" s="166">
        <v>0</v>
      </c>
      <c r="F3341" s="166">
        <v>0</v>
      </c>
      <c r="G3341" s="166">
        <v>0</v>
      </c>
      <c r="H3341" s="166">
        <v>0</v>
      </c>
      <c r="I3341" s="166">
        <v>0</v>
      </c>
      <c r="J3341" s="166">
        <v>0</v>
      </c>
      <c r="K3341" s="166">
        <v>0</v>
      </c>
      <c r="L3341" s="166">
        <v>0</v>
      </c>
      <c r="M3341" s="166">
        <v>0</v>
      </c>
      <c r="N3341" s="166">
        <v>0</v>
      </c>
      <c r="O3341" s="166">
        <v>0</v>
      </c>
      <c r="P3341" s="166">
        <v>0</v>
      </c>
      <c r="Q3341" s="166">
        <v>0</v>
      </c>
      <c r="R3341" s="166">
        <v>0</v>
      </c>
      <c r="S3341" s="166">
        <v>0</v>
      </c>
      <c r="T3341" s="166">
        <v>0</v>
      </c>
      <c r="U3341" s="166">
        <v>0</v>
      </c>
      <c r="V3341" s="166">
        <v>0</v>
      </c>
      <c r="W3341" s="166">
        <v>0</v>
      </c>
      <c r="X3341" s="166">
        <v>0</v>
      </c>
      <c r="Y3341" s="166">
        <v>0</v>
      </c>
      <c r="Z3341" s="166">
        <v>0</v>
      </c>
      <c r="AA3341" s="166">
        <v>0</v>
      </c>
      <c r="AB3341" s="166">
        <v>0</v>
      </c>
      <c r="AC3341" s="166">
        <v>0</v>
      </c>
      <c r="AD3341" s="166">
        <v>0</v>
      </c>
      <c r="AE3341" s="166">
        <v>0</v>
      </c>
      <c r="AF3341" s="166">
        <v>0</v>
      </c>
      <c r="AG3341" s="166">
        <v>0</v>
      </c>
      <c r="AH3341" s="166">
        <v>0</v>
      </c>
      <c r="AI3341" s="166">
        <v>0</v>
      </c>
      <c r="AJ3341" s="166">
        <v>0</v>
      </c>
      <c r="AK3341" s="166">
        <v>0</v>
      </c>
      <c r="AL3341" s="166">
        <v>0</v>
      </c>
      <c r="AM3341" s="166">
        <v>0</v>
      </c>
      <c r="AN3341" s="166">
        <v>0</v>
      </c>
      <c r="AO3341" s="166">
        <v>0</v>
      </c>
      <c r="AP3341" s="166">
        <v>0</v>
      </c>
      <c r="AQ3341" s="166">
        <v>0</v>
      </c>
      <c r="AR3341" s="166">
        <v>0</v>
      </c>
      <c r="AS3341" s="166">
        <v>0</v>
      </c>
      <c r="AT3341" s="166">
        <v>0</v>
      </c>
      <c r="AU3341" s="166">
        <v>0</v>
      </c>
      <c r="AV3341" s="166">
        <v>0</v>
      </c>
      <c r="AW3341" s="166">
        <v>0</v>
      </c>
      <c r="AX3341" s="166">
        <v>0</v>
      </c>
      <c r="AY3341" s="166">
        <v>0</v>
      </c>
      <c r="AZ3341" s="166">
        <v>0</v>
      </c>
      <c r="BA3341" s="166">
        <v>0</v>
      </c>
      <c r="BB3341" s="166">
        <v>0</v>
      </c>
      <c r="BC3341" s="166">
        <v>0</v>
      </c>
      <c r="BD3341" s="166">
        <v>0</v>
      </c>
      <c r="BE3341" s="166">
        <v>0</v>
      </c>
      <c r="BF3341" s="166">
        <v>0</v>
      </c>
      <c r="BG3341" s="166">
        <v>0</v>
      </c>
      <c r="BH3341" s="166">
        <v>0</v>
      </c>
      <c r="BI3341" s="166">
        <v>0</v>
      </c>
      <c r="BJ3341" s="166">
        <v>0</v>
      </c>
      <c r="BK3341" s="166">
        <v>0</v>
      </c>
      <c r="BL3341" s="166">
        <v>0</v>
      </c>
      <c r="BM3341" s="166">
        <v>0</v>
      </c>
      <c r="BN3341" s="166">
        <v>0</v>
      </c>
      <c r="BO3341" s="166">
        <v>0</v>
      </c>
      <c r="BP3341" s="166">
        <v>0</v>
      </c>
      <c r="BQ3341" s="166">
        <v>0</v>
      </c>
      <c r="BR3341" s="166">
        <v>20523466.386162899</v>
      </c>
      <c r="BS3341" s="166">
        <v>20523466.386162899</v>
      </c>
      <c r="BT3341" s="168">
        <v>0</v>
      </c>
      <c r="BU3341" s="166">
        <v>0</v>
      </c>
      <c r="BV3341" s="166">
        <v>0</v>
      </c>
      <c r="BW3341" s="166">
        <v>0</v>
      </c>
      <c r="BX3341" s="166">
        <v>0</v>
      </c>
      <c r="BY3341" s="166">
        <v>0</v>
      </c>
      <c r="BZ3341" s="166">
        <v>0</v>
      </c>
      <c r="CA3341" s="166">
        <v>0</v>
      </c>
      <c r="CB3341" s="166">
        <v>0</v>
      </c>
      <c r="CC3341" s="166">
        <v>0</v>
      </c>
      <c r="CD3341" s="166">
        <v>0</v>
      </c>
      <c r="CE3341" s="166">
        <v>0</v>
      </c>
      <c r="CF3341" s="166">
        <v>0</v>
      </c>
      <c r="CG3341" s="166">
        <v>0</v>
      </c>
      <c r="CH3341" s="166">
        <v>0</v>
      </c>
      <c r="CI3341" s="166">
        <v>0</v>
      </c>
      <c r="CJ3341" s="166">
        <v>0</v>
      </c>
      <c r="CK3341" s="166">
        <v>0</v>
      </c>
      <c r="CL3341" s="166">
        <v>0</v>
      </c>
      <c r="CM3341" s="166">
        <v>0</v>
      </c>
      <c r="CN3341" s="166">
        <v>0</v>
      </c>
      <c r="CO3341" s="166">
        <v>0</v>
      </c>
      <c r="CP3341" s="166">
        <v>0</v>
      </c>
      <c r="CQ3341" s="166">
        <v>0</v>
      </c>
      <c r="CR3341" s="166">
        <v>0</v>
      </c>
      <c r="CS3341" s="166">
        <v>0</v>
      </c>
      <c r="CT3341" s="166">
        <v>0</v>
      </c>
      <c r="CU3341" s="166">
        <v>0</v>
      </c>
      <c r="CV3341" s="166">
        <v>0</v>
      </c>
      <c r="CW3341" s="166">
        <v>0</v>
      </c>
      <c r="CX3341" s="166">
        <v>0</v>
      </c>
      <c r="CY3341" s="166">
        <v>0</v>
      </c>
      <c r="CZ3341" s="166">
        <v>0</v>
      </c>
    </row>
    <row r="3342" spans="1:104" x14ac:dyDescent="0.2">
      <c r="A3342" s="167" t="s">
        <v>626</v>
      </c>
      <c r="B3342" s="166">
        <v>0</v>
      </c>
      <c r="C3342" s="166">
        <v>0</v>
      </c>
      <c r="D3342" s="166">
        <v>0</v>
      </c>
      <c r="E3342" s="166">
        <v>0</v>
      </c>
      <c r="F3342" s="166">
        <v>0</v>
      </c>
      <c r="G3342" s="166">
        <v>0</v>
      </c>
      <c r="H3342" s="166">
        <v>0</v>
      </c>
      <c r="I3342" s="166">
        <v>0</v>
      </c>
      <c r="J3342" s="166">
        <v>0</v>
      </c>
      <c r="K3342" s="166">
        <v>0</v>
      </c>
      <c r="L3342" s="166">
        <v>0</v>
      </c>
      <c r="M3342" s="166">
        <v>0</v>
      </c>
      <c r="N3342" s="166">
        <v>0</v>
      </c>
      <c r="O3342" s="166">
        <v>0</v>
      </c>
      <c r="P3342" s="166">
        <v>0</v>
      </c>
      <c r="Q3342" s="166">
        <v>0</v>
      </c>
      <c r="R3342" s="166">
        <v>0</v>
      </c>
      <c r="S3342" s="166">
        <v>0</v>
      </c>
      <c r="T3342" s="166">
        <v>0</v>
      </c>
      <c r="U3342" s="166">
        <v>0</v>
      </c>
      <c r="V3342" s="166">
        <v>0</v>
      </c>
      <c r="W3342" s="166">
        <v>0</v>
      </c>
      <c r="X3342" s="166">
        <v>0</v>
      </c>
      <c r="Y3342" s="166">
        <v>0</v>
      </c>
      <c r="Z3342" s="166">
        <v>0</v>
      </c>
      <c r="AA3342" s="166">
        <v>0</v>
      </c>
      <c r="AB3342" s="166">
        <v>0</v>
      </c>
      <c r="AC3342" s="166">
        <v>0</v>
      </c>
      <c r="AD3342" s="166">
        <v>0</v>
      </c>
      <c r="AE3342" s="166">
        <v>0</v>
      </c>
      <c r="AF3342" s="166">
        <v>0</v>
      </c>
      <c r="AG3342" s="166">
        <v>0</v>
      </c>
      <c r="AH3342" s="166">
        <v>0</v>
      </c>
      <c r="AI3342" s="166">
        <v>0</v>
      </c>
      <c r="AJ3342" s="166">
        <v>0</v>
      </c>
      <c r="AK3342" s="166">
        <v>0</v>
      </c>
      <c r="AL3342" s="166">
        <v>0</v>
      </c>
      <c r="AM3342" s="166">
        <v>0</v>
      </c>
      <c r="AN3342" s="166">
        <v>0</v>
      </c>
      <c r="AO3342" s="166">
        <v>0</v>
      </c>
      <c r="AP3342" s="166">
        <v>0</v>
      </c>
      <c r="AQ3342" s="166">
        <v>0</v>
      </c>
      <c r="AR3342" s="166">
        <v>0</v>
      </c>
      <c r="AS3342" s="166">
        <v>0</v>
      </c>
      <c r="AT3342" s="166">
        <v>0</v>
      </c>
      <c r="AU3342" s="166">
        <v>0</v>
      </c>
      <c r="AV3342" s="166">
        <v>0</v>
      </c>
      <c r="AW3342" s="166">
        <v>0</v>
      </c>
      <c r="AX3342" s="166">
        <v>0</v>
      </c>
      <c r="AY3342" s="166">
        <v>0</v>
      </c>
      <c r="AZ3342" s="166">
        <v>0</v>
      </c>
      <c r="BA3342" s="166">
        <v>0</v>
      </c>
      <c r="BB3342" s="166">
        <v>0</v>
      </c>
      <c r="BC3342" s="166">
        <v>0</v>
      </c>
      <c r="BD3342" s="166">
        <v>0</v>
      </c>
      <c r="BE3342" s="166">
        <v>0</v>
      </c>
      <c r="BF3342" s="166">
        <v>0</v>
      </c>
      <c r="BG3342" s="166">
        <v>0</v>
      </c>
      <c r="BH3342" s="166">
        <v>0</v>
      </c>
      <c r="BI3342" s="166">
        <v>0</v>
      </c>
      <c r="BJ3342" s="166">
        <v>0</v>
      </c>
      <c r="BK3342" s="166">
        <v>0</v>
      </c>
      <c r="BL3342" s="166">
        <v>0</v>
      </c>
      <c r="BM3342" s="166">
        <v>0</v>
      </c>
      <c r="BN3342" s="166">
        <v>0</v>
      </c>
      <c r="BO3342" s="166">
        <v>0</v>
      </c>
      <c r="BP3342" s="166">
        <v>0</v>
      </c>
      <c r="BQ3342" s="166">
        <v>0</v>
      </c>
      <c r="BR3342" s="166">
        <v>0</v>
      </c>
      <c r="BS3342" s="166">
        <v>0</v>
      </c>
      <c r="BT3342" s="168">
        <v>0</v>
      </c>
      <c r="BU3342" s="166">
        <v>0</v>
      </c>
      <c r="BV3342" s="166">
        <v>0</v>
      </c>
      <c r="BW3342" s="166">
        <v>0</v>
      </c>
      <c r="BX3342" s="166">
        <v>0</v>
      </c>
      <c r="BY3342" s="166">
        <v>0</v>
      </c>
      <c r="BZ3342" s="166">
        <v>0</v>
      </c>
      <c r="CA3342" s="166">
        <v>0</v>
      </c>
      <c r="CB3342" s="166">
        <v>0</v>
      </c>
      <c r="CC3342" s="166">
        <v>0</v>
      </c>
      <c r="CD3342" s="166">
        <v>0</v>
      </c>
      <c r="CE3342" s="166">
        <v>0</v>
      </c>
      <c r="CF3342" s="166">
        <v>0</v>
      </c>
      <c r="CG3342" s="166">
        <v>0</v>
      </c>
      <c r="CH3342" s="166">
        <v>0</v>
      </c>
      <c r="CI3342" s="166">
        <v>0</v>
      </c>
      <c r="CJ3342" s="166">
        <v>0</v>
      </c>
      <c r="CK3342" s="166">
        <v>0</v>
      </c>
      <c r="CL3342" s="166">
        <v>0</v>
      </c>
      <c r="CM3342" s="166">
        <v>0</v>
      </c>
      <c r="CN3342" s="166">
        <v>0</v>
      </c>
      <c r="CO3342" s="166">
        <v>0</v>
      </c>
      <c r="CP3342" s="166">
        <v>0</v>
      </c>
      <c r="CQ3342" s="166">
        <v>0</v>
      </c>
      <c r="CR3342" s="166">
        <v>0</v>
      </c>
      <c r="CS3342" s="166">
        <v>0</v>
      </c>
      <c r="CT3342" s="166">
        <v>0</v>
      </c>
      <c r="CU3342" s="166">
        <v>0</v>
      </c>
      <c r="CV3342" s="166">
        <v>0</v>
      </c>
      <c r="CW3342" s="166">
        <v>0</v>
      </c>
      <c r="CX3342" s="166">
        <v>0</v>
      </c>
      <c r="CY3342" s="166">
        <v>0</v>
      </c>
      <c r="CZ3342" s="166">
        <v>0</v>
      </c>
    </row>
    <row r="3343" spans="1:104" x14ac:dyDescent="0.2">
      <c r="A3343" s="167" t="s">
        <v>627</v>
      </c>
      <c r="B3343" s="166">
        <v>119295612.36999901</v>
      </c>
      <c r="C3343" s="166">
        <v>119295612.36999901</v>
      </c>
      <c r="D3343" s="166">
        <v>0</v>
      </c>
      <c r="E3343" s="166">
        <v>0</v>
      </c>
      <c r="F3343" s="166">
        <v>0</v>
      </c>
      <c r="G3343" s="166">
        <v>0</v>
      </c>
      <c r="H3343" s="166">
        <v>0</v>
      </c>
      <c r="I3343" s="166">
        <v>0</v>
      </c>
      <c r="J3343" s="166">
        <v>0</v>
      </c>
      <c r="K3343" s="166">
        <v>0</v>
      </c>
      <c r="L3343" s="166">
        <v>0</v>
      </c>
      <c r="M3343" s="166">
        <v>0</v>
      </c>
      <c r="N3343" s="166">
        <v>0</v>
      </c>
      <c r="O3343" s="166">
        <v>0</v>
      </c>
      <c r="P3343" s="166">
        <v>0</v>
      </c>
      <c r="Q3343" s="166">
        <v>0</v>
      </c>
      <c r="R3343" s="166">
        <v>0</v>
      </c>
      <c r="S3343" s="166">
        <v>0</v>
      </c>
      <c r="T3343" s="166">
        <v>0</v>
      </c>
      <c r="U3343" s="166">
        <v>0</v>
      </c>
      <c r="V3343" s="166">
        <v>0</v>
      </c>
      <c r="W3343" s="166">
        <v>0</v>
      </c>
      <c r="X3343" s="166">
        <v>0</v>
      </c>
      <c r="Y3343" s="166">
        <v>0</v>
      </c>
      <c r="Z3343" s="166">
        <v>0</v>
      </c>
      <c r="AA3343" s="166">
        <v>0</v>
      </c>
      <c r="AB3343" s="166">
        <v>0</v>
      </c>
      <c r="AC3343" s="166">
        <v>0</v>
      </c>
      <c r="AD3343" s="166">
        <v>0</v>
      </c>
      <c r="AE3343" s="166">
        <v>0</v>
      </c>
      <c r="AF3343" s="166">
        <v>0</v>
      </c>
      <c r="AG3343" s="166">
        <v>0</v>
      </c>
      <c r="AH3343" s="166">
        <v>0</v>
      </c>
      <c r="AI3343" s="166">
        <v>0</v>
      </c>
      <c r="AJ3343" s="166">
        <v>0</v>
      </c>
      <c r="AK3343" s="166">
        <v>0</v>
      </c>
      <c r="AL3343" s="166">
        <v>0</v>
      </c>
      <c r="AM3343" s="166">
        <v>0</v>
      </c>
      <c r="AN3343" s="166">
        <v>0</v>
      </c>
      <c r="AO3343" s="166">
        <v>0</v>
      </c>
      <c r="AP3343" s="166">
        <v>0</v>
      </c>
      <c r="AQ3343" s="166">
        <v>0</v>
      </c>
      <c r="AR3343" s="166">
        <v>0</v>
      </c>
      <c r="AS3343" s="166">
        <v>0</v>
      </c>
      <c r="AT3343" s="166">
        <v>0</v>
      </c>
      <c r="AU3343" s="166">
        <v>0</v>
      </c>
      <c r="AV3343" s="166">
        <v>0</v>
      </c>
      <c r="AW3343" s="166">
        <v>0</v>
      </c>
      <c r="AX3343" s="166">
        <v>0</v>
      </c>
      <c r="AY3343" s="166">
        <v>0</v>
      </c>
      <c r="AZ3343" s="166">
        <v>0</v>
      </c>
      <c r="BA3343" s="166">
        <v>0</v>
      </c>
      <c r="BB3343" s="166">
        <v>0</v>
      </c>
      <c r="BC3343" s="166">
        <v>0</v>
      </c>
      <c r="BD3343" s="166">
        <v>0</v>
      </c>
      <c r="BE3343" s="166">
        <v>0</v>
      </c>
      <c r="BF3343" s="166">
        <v>0</v>
      </c>
      <c r="BG3343" s="166">
        <v>0</v>
      </c>
      <c r="BH3343" s="166">
        <v>0</v>
      </c>
      <c r="BI3343" s="166">
        <v>0</v>
      </c>
      <c r="BJ3343" s="166">
        <v>0</v>
      </c>
      <c r="BK3343" s="166">
        <v>0</v>
      </c>
      <c r="BL3343" s="166">
        <v>0</v>
      </c>
      <c r="BM3343" s="166">
        <v>0</v>
      </c>
      <c r="BN3343" s="166">
        <v>0</v>
      </c>
      <c r="BO3343" s="166">
        <v>0</v>
      </c>
      <c r="BP3343" s="166">
        <v>0</v>
      </c>
      <c r="BQ3343" s="166">
        <v>0</v>
      </c>
      <c r="BR3343" s="166">
        <v>119295612.36999901</v>
      </c>
      <c r="BS3343" s="166">
        <v>119295612.36999901</v>
      </c>
      <c r="BT3343" s="168">
        <v>0</v>
      </c>
      <c r="BU3343" s="166">
        <v>0</v>
      </c>
      <c r="BV3343" s="166">
        <v>0</v>
      </c>
      <c r="BW3343" s="166">
        <v>0</v>
      </c>
      <c r="BX3343" s="166">
        <v>0</v>
      </c>
      <c r="BY3343" s="166">
        <v>0</v>
      </c>
      <c r="BZ3343" s="166">
        <v>0</v>
      </c>
      <c r="CA3343" s="166">
        <v>0</v>
      </c>
      <c r="CB3343" s="166">
        <v>0</v>
      </c>
      <c r="CC3343" s="166">
        <v>0</v>
      </c>
      <c r="CD3343" s="166">
        <v>0</v>
      </c>
      <c r="CE3343" s="166">
        <v>0</v>
      </c>
      <c r="CF3343" s="166">
        <v>0</v>
      </c>
      <c r="CG3343" s="166">
        <v>0</v>
      </c>
      <c r="CH3343" s="166">
        <v>0</v>
      </c>
      <c r="CI3343" s="166">
        <v>0</v>
      </c>
      <c r="CJ3343" s="166">
        <v>0</v>
      </c>
      <c r="CK3343" s="166">
        <v>0</v>
      </c>
      <c r="CL3343" s="166">
        <v>0</v>
      </c>
      <c r="CM3343" s="166">
        <v>0</v>
      </c>
      <c r="CN3343" s="166">
        <v>0</v>
      </c>
      <c r="CO3343" s="166">
        <v>0</v>
      </c>
      <c r="CP3343" s="166">
        <v>0</v>
      </c>
      <c r="CQ3343" s="166">
        <v>0</v>
      </c>
      <c r="CR3343" s="166">
        <v>0</v>
      </c>
      <c r="CS3343" s="166">
        <v>0</v>
      </c>
      <c r="CT3343" s="166">
        <v>0</v>
      </c>
      <c r="CU3343" s="166">
        <v>0</v>
      </c>
      <c r="CV3343" s="166">
        <v>0</v>
      </c>
      <c r="CW3343" s="166">
        <v>0</v>
      </c>
      <c r="CX3343" s="166">
        <v>0</v>
      </c>
      <c r="CY3343" s="166">
        <v>0</v>
      </c>
      <c r="CZ3343" s="166">
        <v>0</v>
      </c>
    </row>
    <row r="3344" spans="1:104" x14ac:dyDescent="0.2">
      <c r="A3344" s="167" t="s">
        <v>628</v>
      </c>
      <c r="B3344" s="166">
        <v>0</v>
      </c>
      <c r="C3344" s="166">
        <v>0</v>
      </c>
      <c r="D3344" s="166">
        <v>0</v>
      </c>
      <c r="E3344" s="166">
        <v>0</v>
      </c>
      <c r="F3344" s="166">
        <v>0</v>
      </c>
      <c r="G3344" s="166">
        <v>0</v>
      </c>
      <c r="H3344" s="166">
        <v>0</v>
      </c>
      <c r="I3344" s="166">
        <v>0</v>
      </c>
      <c r="J3344" s="166">
        <v>0</v>
      </c>
      <c r="K3344" s="166">
        <v>0</v>
      </c>
      <c r="L3344" s="166">
        <v>0</v>
      </c>
      <c r="M3344" s="166">
        <v>0</v>
      </c>
      <c r="N3344" s="166">
        <v>0</v>
      </c>
      <c r="O3344" s="166">
        <v>0</v>
      </c>
      <c r="P3344" s="166">
        <v>0</v>
      </c>
      <c r="Q3344" s="166">
        <v>0</v>
      </c>
      <c r="R3344" s="166">
        <v>0</v>
      </c>
      <c r="S3344" s="166">
        <v>0</v>
      </c>
      <c r="T3344" s="166">
        <v>0</v>
      </c>
      <c r="U3344" s="166">
        <v>0</v>
      </c>
      <c r="V3344" s="166">
        <v>0</v>
      </c>
      <c r="W3344" s="166">
        <v>0</v>
      </c>
      <c r="X3344" s="166">
        <v>0</v>
      </c>
      <c r="Y3344" s="166">
        <v>0</v>
      </c>
      <c r="Z3344" s="166">
        <v>0</v>
      </c>
      <c r="AA3344" s="166">
        <v>0</v>
      </c>
      <c r="AB3344" s="166">
        <v>0</v>
      </c>
      <c r="AC3344" s="166">
        <v>0</v>
      </c>
      <c r="AD3344" s="166">
        <v>0</v>
      </c>
      <c r="AE3344" s="166">
        <v>0</v>
      </c>
      <c r="AF3344" s="166">
        <v>0</v>
      </c>
      <c r="AG3344" s="166">
        <v>0</v>
      </c>
      <c r="AH3344" s="166">
        <v>0</v>
      </c>
      <c r="AI3344" s="166">
        <v>0</v>
      </c>
      <c r="AJ3344" s="166">
        <v>0</v>
      </c>
      <c r="AK3344" s="166">
        <v>0</v>
      </c>
      <c r="AL3344" s="166">
        <v>0</v>
      </c>
      <c r="AM3344" s="166">
        <v>0</v>
      </c>
      <c r="AN3344" s="166">
        <v>0</v>
      </c>
      <c r="AO3344" s="166">
        <v>0</v>
      </c>
      <c r="AP3344" s="166">
        <v>0</v>
      </c>
      <c r="AQ3344" s="166">
        <v>0</v>
      </c>
      <c r="AR3344" s="166">
        <v>0</v>
      </c>
      <c r="AS3344" s="166">
        <v>0</v>
      </c>
      <c r="AT3344" s="166">
        <v>0</v>
      </c>
      <c r="AU3344" s="166">
        <v>0</v>
      </c>
      <c r="AV3344" s="166">
        <v>0</v>
      </c>
      <c r="AW3344" s="166">
        <v>0</v>
      </c>
      <c r="AX3344" s="166">
        <v>0</v>
      </c>
      <c r="AY3344" s="166">
        <v>0</v>
      </c>
      <c r="AZ3344" s="166">
        <v>0</v>
      </c>
      <c r="BA3344" s="166">
        <v>0</v>
      </c>
      <c r="BB3344" s="166">
        <v>0</v>
      </c>
      <c r="BC3344" s="166">
        <v>0</v>
      </c>
      <c r="BD3344" s="166">
        <v>0</v>
      </c>
      <c r="BE3344" s="166">
        <v>0</v>
      </c>
      <c r="BF3344" s="166">
        <v>0</v>
      </c>
      <c r="BG3344" s="166">
        <v>0</v>
      </c>
      <c r="BH3344" s="166">
        <v>0</v>
      </c>
      <c r="BI3344" s="166">
        <v>0</v>
      </c>
      <c r="BJ3344" s="166">
        <v>0</v>
      </c>
      <c r="BK3344" s="166">
        <v>0</v>
      </c>
      <c r="BL3344" s="166">
        <v>0</v>
      </c>
      <c r="BM3344" s="166">
        <v>0</v>
      </c>
      <c r="BN3344" s="166">
        <v>0</v>
      </c>
      <c r="BO3344" s="166">
        <v>0</v>
      </c>
      <c r="BP3344" s="166">
        <v>0</v>
      </c>
      <c r="BQ3344" s="166">
        <v>0</v>
      </c>
      <c r="BR3344" s="166">
        <v>0</v>
      </c>
      <c r="BS3344" s="166">
        <v>0</v>
      </c>
      <c r="BT3344" s="168">
        <v>0</v>
      </c>
      <c r="BU3344" s="166">
        <v>0</v>
      </c>
      <c r="BV3344" s="166">
        <v>0</v>
      </c>
      <c r="BW3344" s="166">
        <v>0</v>
      </c>
      <c r="BX3344" s="166">
        <v>0</v>
      </c>
      <c r="BY3344" s="166">
        <v>0</v>
      </c>
      <c r="BZ3344" s="166">
        <v>0</v>
      </c>
      <c r="CA3344" s="166">
        <v>0</v>
      </c>
      <c r="CB3344" s="166">
        <v>0</v>
      </c>
      <c r="CC3344" s="166">
        <v>0</v>
      </c>
      <c r="CD3344" s="166">
        <v>0</v>
      </c>
      <c r="CE3344" s="166">
        <v>0</v>
      </c>
      <c r="CF3344" s="166">
        <v>0</v>
      </c>
      <c r="CG3344" s="166">
        <v>0</v>
      </c>
      <c r="CH3344" s="166">
        <v>0</v>
      </c>
      <c r="CI3344" s="166">
        <v>0</v>
      </c>
      <c r="CJ3344" s="166">
        <v>0</v>
      </c>
      <c r="CK3344" s="166">
        <v>0</v>
      </c>
      <c r="CL3344" s="166">
        <v>0</v>
      </c>
      <c r="CM3344" s="166">
        <v>0</v>
      </c>
      <c r="CN3344" s="166">
        <v>0</v>
      </c>
      <c r="CO3344" s="166">
        <v>0</v>
      </c>
      <c r="CP3344" s="166">
        <v>0</v>
      </c>
      <c r="CQ3344" s="166">
        <v>0</v>
      </c>
      <c r="CR3344" s="166">
        <v>0</v>
      </c>
      <c r="CS3344" s="166">
        <v>0</v>
      </c>
      <c r="CT3344" s="166">
        <v>0</v>
      </c>
      <c r="CU3344" s="166">
        <v>0</v>
      </c>
      <c r="CV3344" s="166">
        <v>0</v>
      </c>
      <c r="CW3344" s="166">
        <v>0</v>
      </c>
      <c r="CX3344" s="166">
        <v>0</v>
      </c>
      <c r="CY3344" s="166">
        <v>0</v>
      </c>
      <c r="CZ3344" s="166">
        <v>0</v>
      </c>
    </row>
    <row r="3345" spans="1:104" x14ac:dyDescent="0.2">
      <c r="A3345" s="167" t="s">
        <v>629</v>
      </c>
      <c r="B3345" s="166">
        <v>322689826.41463101</v>
      </c>
      <c r="C3345" s="166">
        <v>322689826.41463101</v>
      </c>
      <c r="D3345" s="166">
        <v>0</v>
      </c>
      <c r="E3345" s="166">
        <v>0</v>
      </c>
      <c r="F3345" s="166">
        <v>0</v>
      </c>
      <c r="G3345" s="166">
        <v>0</v>
      </c>
      <c r="H3345" s="166">
        <v>0</v>
      </c>
      <c r="I3345" s="166">
        <v>0</v>
      </c>
      <c r="J3345" s="166">
        <v>0</v>
      </c>
      <c r="K3345" s="166">
        <v>0</v>
      </c>
      <c r="L3345" s="166">
        <v>0</v>
      </c>
      <c r="M3345" s="166">
        <v>0</v>
      </c>
      <c r="N3345" s="166">
        <v>0</v>
      </c>
      <c r="O3345" s="166">
        <v>0</v>
      </c>
      <c r="P3345" s="166">
        <v>0</v>
      </c>
      <c r="Q3345" s="166">
        <v>0</v>
      </c>
      <c r="R3345" s="166">
        <v>0</v>
      </c>
      <c r="S3345" s="166">
        <v>0</v>
      </c>
      <c r="T3345" s="166">
        <v>0</v>
      </c>
      <c r="U3345" s="166">
        <v>0</v>
      </c>
      <c r="V3345" s="166">
        <v>0</v>
      </c>
      <c r="W3345" s="166">
        <v>0</v>
      </c>
      <c r="X3345" s="166">
        <v>0</v>
      </c>
      <c r="Y3345" s="166">
        <v>0</v>
      </c>
      <c r="Z3345" s="166">
        <v>0</v>
      </c>
      <c r="AA3345" s="166">
        <v>0</v>
      </c>
      <c r="AB3345" s="166">
        <v>0</v>
      </c>
      <c r="AC3345" s="166">
        <v>0</v>
      </c>
      <c r="AD3345" s="166">
        <v>0</v>
      </c>
      <c r="AE3345" s="166">
        <v>0</v>
      </c>
      <c r="AF3345" s="166">
        <v>0</v>
      </c>
      <c r="AG3345" s="166">
        <v>0</v>
      </c>
      <c r="AH3345" s="166">
        <v>0</v>
      </c>
      <c r="AI3345" s="166">
        <v>0</v>
      </c>
      <c r="AJ3345" s="166">
        <v>0</v>
      </c>
      <c r="AK3345" s="166">
        <v>0</v>
      </c>
      <c r="AL3345" s="166">
        <v>0</v>
      </c>
      <c r="AM3345" s="166">
        <v>0</v>
      </c>
      <c r="AN3345" s="166">
        <v>0</v>
      </c>
      <c r="AO3345" s="166">
        <v>0</v>
      </c>
      <c r="AP3345" s="166">
        <v>0</v>
      </c>
      <c r="AQ3345" s="166">
        <v>0</v>
      </c>
      <c r="AR3345" s="166">
        <v>0</v>
      </c>
      <c r="AS3345" s="166">
        <v>0</v>
      </c>
      <c r="AT3345" s="166">
        <v>0</v>
      </c>
      <c r="AU3345" s="166">
        <v>0</v>
      </c>
      <c r="AV3345" s="166">
        <v>0</v>
      </c>
      <c r="AW3345" s="166">
        <v>0</v>
      </c>
      <c r="AX3345" s="166">
        <v>-4028134.7740020598</v>
      </c>
      <c r="AY3345" s="166">
        <v>0</v>
      </c>
      <c r="AZ3345" s="166">
        <v>0</v>
      </c>
      <c r="BA3345" s="166">
        <v>0</v>
      </c>
      <c r="BB3345" s="166">
        <v>0</v>
      </c>
      <c r="BC3345" s="166">
        <v>0</v>
      </c>
      <c r="BD3345" s="166">
        <v>0</v>
      </c>
      <c r="BE3345" s="166">
        <v>0</v>
      </c>
      <c r="BF3345" s="166">
        <v>0</v>
      </c>
      <c r="BG3345" s="166">
        <v>0</v>
      </c>
      <c r="BH3345" s="166">
        <v>0</v>
      </c>
      <c r="BI3345" s="166">
        <v>0</v>
      </c>
      <c r="BJ3345" s="166">
        <v>0</v>
      </c>
      <c r="BK3345" s="166">
        <v>0</v>
      </c>
      <c r="BL3345" s="166">
        <v>0</v>
      </c>
      <c r="BM3345" s="166">
        <v>0</v>
      </c>
      <c r="BN3345" s="166">
        <v>0</v>
      </c>
      <c r="BO3345" s="166">
        <v>-4028134.7740020598</v>
      </c>
      <c r="BP3345" s="166">
        <v>0</v>
      </c>
      <c r="BQ3345" s="166">
        <v>0</v>
      </c>
      <c r="BR3345" s="166">
        <v>322689826.41463101</v>
      </c>
      <c r="BS3345" s="166">
        <v>318661691.64062899</v>
      </c>
      <c r="BT3345" s="168">
        <v>0</v>
      </c>
      <c r="BU3345" s="166">
        <v>0</v>
      </c>
      <c r="BV3345" s="166">
        <v>0</v>
      </c>
      <c r="BW3345" s="166">
        <v>0</v>
      </c>
      <c r="BX3345" s="166">
        <v>0</v>
      </c>
      <c r="BY3345" s="166">
        <v>0</v>
      </c>
      <c r="BZ3345" s="166">
        <v>0</v>
      </c>
      <c r="CA3345" s="166">
        <v>0</v>
      </c>
      <c r="CB3345" s="166">
        <v>0</v>
      </c>
      <c r="CC3345" s="166">
        <v>0</v>
      </c>
      <c r="CD3345" s="166">
        <v>0</v>
      </c>
      <c r="CE3345" s="166">
        <v>0</v>
      </c>
      <c r="CF3345" s="166">
        <v>0</v>
      </c>
      <c r="CG3345" s="166">
        <v>0</v>
      </c>
      <c r="CH3345" s="166">
        <v>0</v>
      </c>
      <c r="CI3345" s="166">
        <v>0</v>
      </c>
      <c r="CJ3345" s="166">
        <v>0</v>
      </c>
      <c r="CK3345" s="166">
        <v>0</v>
      </c>
      <c r="CL3345" s="166">
        <v>0</v>
      </c>
      <c r="CM3345" s="166">
        <v>0</v>
      </c>
      <c r="CN3345" s="166">
        <v>0</v>
      </c>
      <c r="CO3345" s="166">
        <v>0</v>
      </c>
      <c r="CP3345" s="166">
        <v>0</v>
      </c>
      <c r="CQ3345" s="166">
        <v>0</v>
      </c>
      <c r="CR3345" s="166">
        <v>0</v>
      </c>
      <c r="CS3345" s="166">
        <v>0</v>
      </c>
      <c r="CT3345" s="166">
        <v>0</v>
      </c>
      <c r="CU3345" s="166">
        <v>0</v>
      </c>
      <c r="CV3345" s="166">
        <v>0</v>
      </c>
      <c r="CW3345" s="166">
        <v>0</v>
      </c>
      <c r="CX3345" s="166">
        <v>0</v>
      </c>
      <c r="CY3345" s="166">
        <v>0</v>
      </c>
      <c r="CZ3345" s="166">
        <v>0</v>
      </c>
    </row>
    <row r="3346" spans="1:104" x14ac:dyDescent="0.2">
      <c r="A3346" s="167" t="s">
        <v>630</v>
      </c>
      <c r="B3346" s="166">
        <v>0</v>
      </c>
      <c r="C3346" s="166">
        <v>0</v>
      </c>
      <c r="D3346" s="166">
        <v>0</v>
      </c>
      <c r="E3346" s="166">
        <v>0</v>
      </c>
      <c r="F3346" s="166">
        <v>0</v>
      </c>
      <c r="G3346" s="166">
        <v>0</v>
      </c>
      <c r="H3346" s="166">
        <v>0</v>
      </c>
      <c r="I3346" s="166">
        <v>0</v>
      </c>
      <c r="J3346" s="166">
        <v>0</v>
      </c>
      <c r="K3346" s="166">
        <v>0</v>
      </c>
      <c r="L3346" s="166">
        <v>0</v>
      </c>
      <c r="M3346" s="166">
        <v>0</v>
      </c>
      <c r="N3346" s="166">
        <v>0</v>
      </c>
      <c r="O3346" s="166">
        <v>0</v>
      </c>
      <c r="P3346" s="166">
        <v>0</v>
      </c>
      <c r="Q3346" s="166">
        <v>0</v>
      </c>
      <c r="R3346" s="166">
        <v>0</v>
      </c>
      <c r="S3346" s="166">
        <v>0</v>
      </c>
      <c r="T3346" s="166">
        <v>0</v>
      </c>
      <c r="U3346" s="166">
        <v>0</v>
      </c>
      <c r="V3346" s="166">
        <v>0</v>
      </c>
      <c r="W3346" s="166">
        <v>0</v>
      </c>
      <c r="X3346" s="166">
        <v>0</v>
      </c>
      <c r="Y3346" s="166">
        <v>0</v>
      </c>
      <c r="Z3346" s="166">
        <v>0</v>
      </c>
      <c r="AA3346" s="166">
        <v>0</v>
      </c>
      <c r="AB3346" s="166">
        <v>0</v>
      </c>
      <c r="AC3346" s="166">
        <v>0</v>
      </c>
      <c r="AD3346" s="166">
        <v>0</v>
      </c>
      <c r="AE3346" s="166">
        <v>0</v>
      </c>
      <c r="AF3346" s="166">
        <v>0</v>
      </c>
      <c r="AG3346" s="166">
        <v>0</v>
      </c>
      <c r="AH3346" s="166">
        <v>0</v>
      </c>
      <c r="AI3346" s="166">
        <v>0</v>
      </c>
      <c r="AJ3346" s="166">
        <v>0</v>
      </c>
      <c r="AK3346" s="166">
        <v>0</v>
      </c>
      <c r="AL3346" s="166">
        <v>0</v>
      </c>
      <c r="AM3346" s="166">
        <v>0</v>
      </c>
      <c r="AN3346" s="166">
        <v>0</v>
      </c>
      <c r="AO3346" s="166">
        <v>0</v>
      </c>
      <c r="AP3346" s="166">
        <v>0</v>
      </c>
      <c r="AQ3346" s="166">
        <v>0</v>
      </c>
      <c r="AR3346" s="166">
        <v>0</v>
      </c>
      <c r="AS3346" s="166">
        <v>0</v>
      </c>
      <c r="AT3346" s="166">
        <v>0</v>
      </c>
      <c r="AU3346" s="166">
        <v>0</v>
      </c>
      <c r="AV3346" s="166">
        <v>0</v>
      </c>
      <c r="AW3346" s="166">
        <v>0</v>
      </c>
      <c r="AX3346" s="166">
        <v>0</v>
      </c>
      <c r="AY3346" s="166">
        <v>0</v>
      </c>
      <c r="AZ3346" s="166">
        <v>0</v>
      </c>
      <c r="BA3346" s="166">
        <v>0</v>
      </c>
      <c r="BB3346" s="166">
        <v>0</v>
      </c>
      <c r="BC3346" s="166">
        <v>0</v>
      </c>
      <c r="BD3346" s="166">
        <v>0</v>
      </c>
      <c r="BE3346" s="166">
        <v>0</v>
      </c>
      <c r="BF3346" s="166">
        <v>0</v>
      </c>
      <c r="BG3346" s="166">
        <v>0</v>
      </c>
      <c r="BH3346" s="166">
        <v>0</v>
      </c>
      <c r="BI3346" s="166">
        <v>0</v>
      </c>
      <c r="BJ3346" s="166">
        <v>0</v>
      </c>
      <c r="BK3346" s="166">
        <v>0</v>
      </c>
      <c r="BL3346" s="166">
        <v>0</v>
      </c>
      <c r="BM3346" s="166">
        <v>0</v>
      </c>
      <c r="BN3346" s="166">
        <v>0</v>
      </c>
      <c r="BO3346" s="166">
        <v>0</v>
      </c>
      <c r="BP3346" s="166">
        <v>0</v>
      </c>
      <c r="BQ3346" s="166">
        <v>0</v>
      </c>
      <c r="BR3346" s="166">
        <v>0</v>
      </c>
      <c r="BS3346" s="166">
        <v>0</v>
      </c>
      <c r="BT3346" s="168">
        <v>0</v>
      </c>
      <c r="BU3346" s="166">
        <v>0</v>
      </c>
      <c r="BV3346" s="166">
        <v>0</v>
      </c>
      <c r="BW3346" s="166">
        <v>0</v>
      </c>
      <c r="BX3346" s="166">
        <v>0</v>
      </c>
      <c r="BY3346" s="166">
        <v>0</v>
      </c>
      <c r="BZ3346" s="166">
        <v>0</v>
      </c>
      <c r="CA3346" s="166">
        <v>0</v>
      </c>
      <c r="CB3346" s="166">
        <v>0</v>
      </c>
      <c r="CC3346" s="166">
        <v>0</v>
      </c>
      <c r="CD3346" s="166">
        <v>0</v>
      </c>
      <c r="CE3346" s="166">
        <v>0</v>
      </c>
      <c r="CF3346" s="166">
        <v>0</v>
      </c>
      <c r="CG3346" s="166">
        <v>0</v>
      </c>
      <c r="CH3346" s="166">
        <v>0</v>
      </c>
      <c r="CI3346" s="166">
        <v>0</v>
      </c>
      <c r="CJ3346" s="166">
        <v>0</v>
      </c>
      <c r="CK3346" s="166">
        <v>0</v>
      </c>
      <c r="CL3346" s="166">
        <v>0</v>
      </c>
      <c r="CM3346" s="166">
        <v>0</v>
      </c>
      <c r="CN3346" s="166">
        <v>0</v>
      </c>
      <c r="CO3346" s="166">
        <v>0</v>
      </c>
      <c r="CP3346" s="166">
        <v>0</v>
      </c>
      <c r="CQ3346" s="166">
        <v>0</v>
      </c>
      <c r="CR3346" s="166">
        <v>0</v>
      </c>
      <c r="CS3346" s="166">
        <v>0</v>
      </c>
      <c r="CT3346" s="166">
        <v>0</v>
      </c>
      <c r="CU3346" s="166">
        <v>0</v>
      </c>
      <c r="CV3346" s="166">
        <v>0</v>
      </c>
      <c r="CW3346" s="166">
        <v>0</v>
      </c>
      <c r="CX3346" s="166">
        <v>0</v>
      </c>
      <c r="CY3346" s="166">
        <v>0</v>
      </c>
      <c r="CZ3346" s="166">
        <v>0</v>
      </c>
    </row>
    <row r="3347" spans="1:104" x14ac:dyDescent="0.2">
      <c r="A3347" s="167" t="s">
        <v>631</v>
      </c>
      <c r="B3347" s="166">
        <v>700434622.92217004</v>
      </c>
      <c r="C3347" s="166">
        <v>700434622.92217004</v>
      </c>
      <c r="D3347" s="166">
        <v>0</v>
      </c>
      <c r="E3347" s="166">
        <v>0</v>
      </c>
      <c r="F3347" s="166">
        <v>0</v>
      </c>
      <c r="G3347" s="166">
        <v>0</v>
      </c>
      <c r="H3347" s="166">
        <v>0</v>
      </c>
      <c r="I3347" s="166">
        <v>0</v>
      </c>
      <c r="J3347" s="166">
        <v>0</v>
      </c>
      <c r="K3347" s="166">
        <v>0</v>
      </c>
      <c r="L3347" s="166">
        <v>0</v>
      </c>
      <c r="M3347" s="166">
        <v>0</v>
      </c>
      <c r="N3347" s="166">
        <v>0</v>
      </c>
      <c r="O3347" s="166">
        <v>0</v>
      </c>
      <c r="P3347" s="166">
        <v>0</v>
      </c>
      <c r="Q3347" s="166">
        <v>0</v>
      </c>
      <c r="R3347" s="166">
        <v>0</v>
      </c>
      <c r="S3347" s="166">
        <v>0</v>
      </c>
      <c r="T3347" s="166">
        <v>0</v>
      </c>
      <c r="U3347" s="166">
        <v>0</v>
      </c>
      <c r="V3347" s="166">
        <v>0</v>
      </c>
      <c r="W3347" s="166">
        <v>0</v>
      </c>
      <c r="X3347" s="166">
        <v>0</v>
      </c>
      <c r="Y3347" s="166">
        <v>0</v>
      </c>
      <c r="Z3347" s="166">
        <v>0</v>
      </c>
      <c r="AA3347" s="166">
        <v>0</v>
      </c>
      <c r="AB3347" s="166">
        <v>0</v>
      </c>
      <c r="AC3347" s="166">
        <v>0</v>
      </c>
      <c r="AD3347" s="166">
        <v>0</v>
      </c>
      <c r="AE3347" s="166">
        <v>0</v>
      </c>
      <c r="AF3347" s="166">
        <v>0</v>
      </c>
      <c r="AG3347" s="166">
        <v>0</v>
      </c>
      <c r="AH3347" s="166">
        <v>0</v>
      </c>
      <c r="AI3347" s="166">
        <v>0</v>
      </c>
      <c r="AJ3347" s="166">
        <v>0</v>
      </c>
      <c r="AK3347" s="166">
        <v>0</v>
      </c>
      <c r="AL3347" s="166">
        <v>0</v>
      </c>
      <c r="AM3347" s="166">
        <v>0</v>
      </c>
      <c r="AN3347" s="166">
        <v>0</v>
      </c>
      <c r="AO3347" s="166">
        <v>0</v>
      </c>
      <c r="AP3347" s="166">
        <v>0</v>
      </c>
      <c r="AQ3347" s="166">
        <v>0</v>
      </c>
      <c r="AR3347" s="166">
        <v>0</v>
      </c>
      <c r="AS3347" s="166">
        <v>0</v>
      </c>
      <c r="AT3347" s="166">
        <v>0</v>
      </c>
      <c r="AU3347" s="166">
        <v>0</v>
      </c>
      <c r="AV3347" s="166">
        <v>0</v>
      </c>
      <c r="AW3347" s="166">
        <v>0</v>
      </c>
      <c r="AX3347" s="166">
        <v>-4028134.7740020598</v>
      </c>
      <c r="AY3347" s="166">
        <v>0</v>
      </c>
      <c r="AZ3347" s="166">
        <v>0</v>
      </c>
      <c r="BA3347" s="166">
        <v>0</v>
      </c>
      <c r="BB3347" s="166">
        <v>0</v>
      </c>
      <c r="BC3347" s="166">
        <v>0</v>
      </c>
      <c r="BD3347" s="166">
        <v>0</v>
      </c>
      <c r="BE3347" s="166">
        <v>0</v>
      </c>
      <c r="BF3347" s="166">
        <v>0</v>
      </c>
      <c r="BG3347" s="166">
        <v>0</v>
      </c>
      <c r="BH3347" s="166">
        <v>0</v>
      </c>
      <c r="BI3347" s="166">
        <v>0</v>
      </c>
      <c r="BJ3347" s="166">
        <v>0</v>
      </c>
      <c r="BK3347" s="166">
        <v>0</v>
      </c>
      <c r="BL3347" s="166">
        <v>0</v>
      </c>
      <c r="BM3347" s="166">
        <v>0</v>
      </c>
      <c r="BN3347" s="166">
        <v>0</v>
      </c>
      <c r="BO3347" s="166">
        <v>-4028134.7740020598</v>
      </c>
      <c r="BP3347" s="166">
        <v>0</v>
      </c>
      <c r="BQ3347" s="166">
        <v>0</v>
      </c>
      <c r="BR3347" s="166">
        <v>700434622.92217004</v>
      </c>
      <c r="BS3347" s="166">
        <v>696406488.14816797</v>
      </c>
      <c r="BT3347" s="168">
        <v>0</v>
      </c>
      <c r="BU3347" s="166">
        <v>0</v>
      </c>
      <c r="BV3347" s="166">
        <v>0</v>
      </c>
      <c r="BW3347" s="166">
        <v>0</v>
      </c>
      <c r="BX3347" s="166">
        <v>0</v>
      </c>
      <c r="BY3347" s="166">
        <v>0</v>
      </c>
      <c r="BZ3347" s="166">
        <v>0</v>
      </c>
      <c r="CA3347" s="166">
        <v>0</v>
      </c>
      <c r="CB3347" s="166">
        <v>0</v>
      </c>
      <c r="CC3347" s="166">
        <v>0</v>
      </c>
      <c r="CD3347" s="166">
        <v>0</v>
      </c>
      <c r="CE3347" s="166">
        <v>0</v>
      </c>
      <c r="CF3347" s="166">
        <v>0</v>
      </c>
      <c r="CG3347" s="166">
        <v>0</v>
      </c>
      <c r="CH3347" s="166">
        <v>0</v>
      </c>
      <c r="CI3347" s="166">
        <v>0</v>
      </c>
      <c r="CJ3347" s="166">
        <v>0</v>
      </c>
      <c r="CK3347" s="166">
        <v>0</v>
      </c>
      <c r="CL3347" s="166">
        <v>0</v>
      </c>
      <c r="CM3347" s="166">
        <v>0</v>
      </c>
      <c r="CN3347" s="166">
        <v>0</v>
      </c>
      <c r="CO3347" s="166">
        <v>0</v>
      </c>
      <c r="CP3347" s="166">
        <v>0</v>
      </c>
      <c r="CQ3347" s="166">
        <v>0</v>
      </c>
      <c r="CR3347" s="166">
        <v>0</v>
      </c>
      <c r="CS3347" s="166">
        <v>0</v>
      </c>
      <c r="CT3347" s="166">
        <v>0</v>
      </c>
      <c r="CU3347" s="166">
        <v>0</v>
      </c>
      <c r="CV3347" s="166">
        <v>0</v>
      </c>
      <c r="CW3347" s="166">
        <v>0</v>
      </c>
      <c r="CX3347" s="166">
        <v>0</v>
      </c>
      <c r="CY3347" s="166">
        <v>0</v>
      </c>
      <c r="CZ3347" s="166">
        <v>0</v>
      </c>
    </row>
    <row r="3348" spans="1:104" x14ac:dyDescent="0.2">
      <c r="A3348" s="167" t="s">
        <v>632</v>
      </c>
      <c r="B3348" s="166">
        <v>755667356.65463102</v>
      </c>
      <c r="C3348" s="166">
        <v>755667356.65463102</v>
      </c>
      <c r="D3348" s="166">
        <v>0</v>
      </c>
      <c r="E3348" s="166">
        <v>0</v>
      </c>
      <c r="F3348" s="166">
        <v>0</v>
      </c>
      <c r="G3348" s="166">
        <v>0</v>
      </c>
      <c r="H3348" s="166">
        <v>0</v>
      </c>
      <c r="I3348" s="166">
        <v>0</v>
      </c>
      <c r="J3348" s="166">
        <v>0</v>
      </c>
      <c r="K3348" s="166">
        <v>0</v>
      </c>
      <c r="L3348" s="166">
        <v>0</v>
      </c>
      <c r="M3348" s="166">
        <v>0</v>
      </c>
      <c r="N3348" s="166">
        <v>0</v>
      </c>
      <c r="O3348" s="166">
        <v>0</v>
      </c>
      <c r="P3348" s="166">
        <v>0</v>
      </c>
      <c r="Q3348" s="166">
        <v>0</v>
      </c>
      <c r="R3348" s="166">
        <v>0</v>
      </c>
      <c r="S3348" s="166">
        <v>0</v>
      </c>
      <c r="T3348" s="166">
        <v>0</v>
      </c>
      <c r="U3348" s="166">
        <v>0</v>
      </c>
      <c r="V3348" s="166">
        <v>0</v>
      </c>
      <c r="W3348" s="166">
        <v>0</v>
      </c>
      <c r="X3348" s="166">
        <v>0</v>
      </c>
      <c r="Y3348" s="166">
        <v>0</v>
      </c>
      <c r="Z3348" s="166">
        <v>0</v>
      </c>
      <c r="AA3348" s="166">
        <v>0</v>
      </c>
      <c r="AB3348" s="166">
        <v>0</v>
      </c>
      <c r="AC3348" s="166">
        <v>0</v>
      </c>
      <c r="AD3348" s="166">
        <v>0</v>
      </c>
      <c r="AE3348" s="166">
        <v>0</v>
      </c>
      <c r="AF3348" s="166">
        <v>0</v>
      </c>
      <c r="AG3348" s="166">
        <v>0</v>
      </c>
      <c r="AH3348" s="166">
        <v>0</v>
      </c>
      <c r="AI3348" s="166">
        <v>0</v>
      </c>
      <c r="AJ3348" s="166">
        <v>0</v>
      </c>
      <c r="AK3348" s="166">
        <v>0</v>
      </c>
      <c r="AL3348" s="166">
        <v>0</v>
      </c>
      <c r="AM3348" s="166">
        <v>0</v>
      </c>
      <c r="AN3348" s="166">
        <v>0</v>
      </c>
      <c r="AO3348" s="166">
        <v>0</v>
      </c>
      <c r="AP3348" s="166">
        <v>0</v>
      </c>
      <c r="AQ3348" s="166">
        <v>0</v>
      </c>
      <c r="AR3348" s="166">
        <v>0</v>
      </c>
      <c r="AS3348" s="166">
        <v>0</v>
      </c>
      <c r="AT3348" s="166">
        <v>0</v>
      </c>
      <c r="AU3348" s="166">
        <v>0</v>
      </c>
      <c r="AV3348" s="166">
        <v>0</v>
      </c>
      <c r="AW3348" s="166">
        <v>0</v>
      </c>
      <c r="AX3348" s="166">
        <v>-4028134.7740020598</v>
      </c>
      <c r="AY3348" s="166">
        <v>0</v>
      </c>
      <c r="AZ3348" s="166">
        <v>0</v>
      </c>
      <c r="BA3348" s="166">
        <v>0</v>
      </c>
      <c r="BB3348" s="166">
        <v>0</v>
      </c>
      <c r="BC3348" s="166">
        <v>0</v>
      </c>
      <c r="BD3348" s="166">
        <v>0</v>
      </c>
      <c r="BE3348" s="166">
        <v>0</v>
      </c>
      <c r="BF3348" s="166">
        <v>0</v>
      </c>
      <c r="BG3348" s="166">
        <v>0</v>
      </c>
      <c r="BH3348" s="166">
        <v>0</v>
      </c>
      <c r="BI3348" s="166">
        <v>0</v>
      </c>
      <c r="BJ3348" s="166">
        <v>0</v>
      </c>
      <c r="BK3348" s="166">
        <v>0</v>
      </c>
      <c r="BL3348" s="166">
        <v>0</v>
      </c>
      <c r="BM3348" s="166">
        <v>0</v>
      </c>
      <c r="BN3348" s="166">
        <v>0</v>
      </c>
      <c r="BO3348" s="166">
        <v>-4028134.7740020598</v>
      </c>
      <c r="BP3348" s="166">
        <v>0</v>
      </c>
      <c r="BQ3348" s="166">
        <v>0</v>
      </c>
      <c r="BR3348" s="166">
        <v>755667356.65463102</v>
      </c>
      <c r="BS3348" s="166">
        <v>751639221.88062894</v>
      </c>
      <c r="BT3348" s="168">
        <v>0</v>
      </c>
      <c r="BU3348" s="166">
        <v>0</v>
      </c>
      <c r="BV3348" s="166">
        <v>0</v>
      </c>
      <c r="BW3348" s="166">
        <v>0</v>
      </c>
      <c r="BX3348" s="166">
        <v>0</v>
      </c>
      <c r="BY3348" s="166">
        <v>0</v>
      </c>
      <c r="BZ3348" s="166">
        <v>0</v>
      </c>
      <c r="CA3348" s="166">
        <v>0</v>
      </c>
      <c r="CB3348" s="166">
        <v>0</v>
      </c>
      <c r="CC3348" s="166">
        <v>0</v>
      </c>
      <c r="CD3348" s="166">
        <v>0</v>
      </c>
      <c r="CE3348" s="166">
        <v>0</v>
      </c>
      <c r="CF3348" s="166">
        <v>0</v>
      </c>
      <c r="CG3348" s="166">
        <v>0</v>
      </c>
      <c r="CH3348" s="166">
        <v>0</v>
      </c>
      <c r="CI3348" s="166">
        <v>0</v>
      </c>
      <c r="CJ3348" s="166">
        <v>0</v>
      </c>
      <c r="CK3348" s="166">
        <v>0</v>
      </c>
      <c r="CL3348" s="166">
        <v>0</v>
      </c>
      <c r="CM3348" s="166">
        <v>0</v>
      </c>
      <c r="CN3348" s="166">
        <v>0</v>
      </c>
      <c r="CO3348" s="166">
        <v>0</v>
      </c>
      <c r="CP3348" s="166">
        <v>0</v>
      </c>
      <c r="CQ3348" s="166">
        <v>0</v>
      </c>
      <c r="CR3348" s="166">
        <v>0</v>
      </c>
      <c r="CS3348" s="166">
        <v>0</v>
      </c>
      <c r="CT3348" s="166">
        <v>0</v>
      </c>
      <c r="CU3348" s="166">
        <v>0</v>
      </c>
      <c r="CV3348" s="166">
        <v>0</v>
      </c>
      <c r="CW3348" s="166">
        <v>0</v>
      </c>
      <c r="CX3348" s="166">
        <v>0</v>
      </c>
      <c r="CY3348" s="166">
        <v>0</v>
      </c>
      <c r="CZ3348" s="166">
        <v>0</v>
      </c>
    </row>
    <row r="3349" spans="1:104" x14ac:dyDescent="0.2">
      <c r="A3349" s="167" t="s">
        <v>633</v>
      </c>
      <c r="B3349" s="166">
        <v>-55232733.7324607</v>
      </c>
      <c r="C3349" s="166">
        <v>-55232733.7324607</v>
      </c>
      <c r="D3349" s="166">
        <v>0</v>
      </c>
      <c r="E3349" s="166">
        <v>0</v>
      </c>
      <c r="F3349" s="166">
        <v>0</v>
      </c>
      <c r="G3349" s="166">
        <v>0</v>
      </c>
      <c r="H3349" s="166">
        <v>0</v>
      </c>
      <c r="I3349" s="166">
        <v>0</v>
      </c>
      <c r="J3349" s="166">
        <v>0</v>
      </c>
      <c r="K3349" s="166">
        <v>0</v>
      </c>
      <c r="L3349" s="166">
        <v>0</v>
      </c>
      <c r="M3349" s="166">
        <v>0</v>
      </c>
      <c r="N3349" s="166">
        <v>0</v>
      </c>
      <c r="O3349" s="166">
        <v>0</v>
      </c>
      <c r="P3349" s="166">
        <v>0</v>
      </c>
      <c r="Q3349" s="166">
        <v>0</v>
      </c>
      <c r="R3349" s="166">
        <v>0</v>
      </c>
      <c r="S3349" s="166">
        <v>0</v>
      </c>
      <c r="T3349" s="166">
        <v>0</v>
      </c>
      <c r="U3349" s="166">
        <v>0</v>
      </c>
      <c r="V3349" s="166">
        <v>0</v>
      </c>
      <c r="W3349" s="166">
        <v>0</v>
      </c>
      <c r="X3349" s="166">
        <v>0</v>
      </c>
      <c r="Y3349" s="166">
        <v>0</v>
      </c>
      <c r="Z3349" s="166">
        <v>0</v>
      </c>
      <c r="AA3349" s="166">
        <v>0</v>
      </c>
      <c r="AB3349" s="166">
        <v>0</v>
      </c>
      <c r="AC3349" s="166">
        <v>0</v>
      </c>
      <c r="AD3349" s="166">
        <v>0</v>
      </c>
      <c r="AE3349" s="166">
        <v>0</v>
      </c>
      <c r="AF3349" s="166">
        <v>0</v>
      </c>
      <c r="AG3349" s="166">
        <v>0</v>
      </c>
      <c r="AH3349" s="166">
        <v>0</v>
      </c>
      <c r="AI3349" s="166">
        <v>0</v>
      </c>
      <c r="AJ3349" s="166">
        <v>0</v>
      </c>
      <c r="AK3349" s="166">
        <v>0</v>
      </c>
      <c r="AL3349" s="166">
        <v>0</v>
      </c>
      <c r="AM3349" s="166">
        <v>0</v>
      </c>
      <c r="AN3349" s="166">
        <v>0</v>
      </c>
      <c r="AO3349" s="166">
        <v>0</v>
      </c>
      <c r="AP3349" s="166">
        <v>0</v>
      </c>
      <c r="AQ3349" s="166">
        <v>0</v>
      </c>
      <c r="AR3349" s="166">
        <v>0</v>
      </c>
      <c r="AS3349" s="166">
        <v>0</v>
      </c>
      <c r="AT3349" s="166">
        <v>0</v>
      </c>
      <c r="AU3349" s="166">
        <v>0</v>
      </c>
      <c r="AV3349" s="166">
        <v>0</v>
      </c>
      <c r="AW3349" s="166">
        <v>0</v>
      </c>
      <c r="AX3349" s="166">
        <v>0</v>
      </c>
      <c r="AY3349" s="166">
        <v>0</v>
      </c>
      <c r="AZ3349" s="166">
        <v>0</v>
      </c>
      <c r="BA3349" s="166">
        <v>0</v>
      </c>
      <c r="BB3349" s="166">
        <v>0</v>
      </c>
      <c r="BC3349" s="166">
        <v>0</v>
      </c>
      <c r="BD3349" s="166">
        <v>0</v>
      </c>
      <c r="BE3349" s="166">
        <v>0</v>
      </c>
      <c r="BF3349" s="166">
        <v>0</v>
      </c>
      <c r="BG3349" s="166">
        <v>0</v>
      </c>
      <c r="BH3349" s="166">
        <v>0</v>
      </c>
      <c r="BI3349" s="166">
        <v>0</v>
      </c>
      <c r="BJ3349" s="166">
        <v>0</v>
      </c>
      <c r="BK3349" s="166">
        <v>0</v>
      </c>
      <c r="BL3349" s="166">
        <v>0</v>
      </c>
      <c r="BM3349" s="166">
        <v>0</v>
      </c>
      <c r="BN3349" s="166">
        <v>0</v>
      </c>
      <c r="BO3349" s="166">
        <v>0</v>
      </c>
      <c r="BP3349" s="166">
        <v>0</v>
      </c>
      <c r="BQ3349" s="166">
        <v>0</v>
      </c>
      <c r="BR3349" s="166">
        <v>-55232733.7324607</v>
      </c>
      <c r="BS3349" s="166">
        <v>-55232733.7324607</v>
      </c>
      <c r="BT3349" s="168">
        <v>0</v>
      </c>
      <c r="BU3349" s="166">
        <v>0</v>
      </c>
      <c r="BV3349" s="166">
        <v>0</v>
      </c>
      <c r="BW3349" s="166">
        <v>0</v>
      </c>
      <c r="BX3349" s="166">
        <v>0</v>
      </c>
      <c r="BY3349" s="166">
        <v>0</v>
      </c>
      <c r="BZ3349" s="166">
        <v>0</v>
      </c>
      <c r="CA3349" s="166">
        <v>0</v>
      </c>
      <c r="CB3349" s="166">
        <v>0</v>
      </c>
      <c r="CC3349" s="166">
        <v>0</v>
      </c>
      <c r="CD3349" s="166">
        <v>0</v>
      </c>
      <c r="CE3349" s="166">
        <v>0</v>
      </c>
      <c r="CF3349" s="166">
        <v>0</v>
      </c>
      <c r="CG3349" s="166">
        <v>0</v>
      </c>
      <c r="CH3349" s="166">
        <v>0</v>
      </c>
      <c r="CI3349" s="166">
        <v>0</v>
      </c>
      <c r="CJ3349" s="166">
        <v>0</v>
      </c>
      <c r="CK3349" s="166">
        <v>0</v>
      </c>
      <c r="CL3349" s="166">
        <v>0</v>
      </c>
      <c r="CM3349" s="166">
        <v>0</v>
      </c>
      <c r="CN3349" s="166">
        <v>0</v>
      </c>
      <c r="CO3349" s="166">
        <v>0</v>
      </c>
      <c r="CP3349" s="166">
        <v>0</v>
      </c>
      <c r="CQ3349" s="166">
        <v>0</v>
      </c>
      <c r="CR3349" s="166">
        <v>0</v>
      </c>
      <c r="CS3349" s="166">
        <v>0</v>
      </c>
      <c r="CT3349" s="166">
        <v>0</v>
      </c>
      <c r="CU3349" s="166">
        <v>0</v>
      </c>
      <c r="CV3349" s="166">
        <v>0</v>
      </c>
      <c r="CW3349" s="166">
        <v>0</v>
      </c>
      <c r="CX3349" s="166">
        <v>0</v>
      </c>
      <c r="CY3349" s="166">
        <v>0</v>
      </c>
      <c r="CZ3349" s="166">
        <v>0</v>
      </c>
    </row>
    <row r="3350" spans="1:104" x14ac:dyDescent="0.2">
      <c r="A3350" s="167" t="s">
        <v>634</v>
      </c>
      <c r="B3350" s="166">
        <v>0</v>
      </c>
      <c r="C3350" s="166">
        <v>0</v>
      </c>
      <c r="D3350" s="166">
        <v>0</v>
      </c>
      <c r="E3350" s="166">
        <v>0</v>
      </c>
      <c r="F3350" s="166">
        <v>0</v>
      </c>
      <c r="G3350" s="166">
        <v>0</v>
      </c>
      <c r="H3350" s="166">
        <v>0</v>
      </c>
      <c r="I3350" s="166">
        <v>0</v>
      </c>
      <c r="J3350" s="166">
        <v>0</v>
      </c>
      <c r="K3350" s="166">
        <v>0</v>
      </c>
      <c r="L3350" s="166">
        <v>0</v>
      </c>
      <c r="M3350" s="166">
        <v>0</v>
      </c>
      <c r="N3350" s="166">
        <v>0</v>
      </c>
      <c r="O3350" s="166">
        <v>0</v>
      </c>
      <c r="P3350" s="166">
        <v>0</v>
      </c>
      <c r="Q3350" s="166">
        <v>0</v>
      </c>
      <c r="R3350" s="166">
        <v>0</v>
      </c>
      <c r="S3350" s="166">
        <v>0</v>
      </c>
      <c r="T3350" s="166">
        <v>0</v>
      </c>
      <c r="U3350" s="166">
        <v>0</v>
      </c>
      <c r="V3350" s="166">
        <v>0</v>
      </c>
      <c r="W3350" s="166">
        <v>0</v>
      </c>
      <c r="X3350" s="166">
        <v>0</v>
      </c>
      <c r="Y3350" s="166">
        <v>0</v>
      </c>
      <c r="Z3350" s="166">
        <v>0</v>
      </c>
      <c r="AA3350" s="166">
        <v>0</v>
      </c>
      <c r="AB3350" s="166">
        <v>0</v>
      </c>
      <c r="AC3350" s="166">
        <v>0</v>
      </c>
      <c r="AD3350" s="166">
        <v>0</v>
      </c>
      <c r="AE3350" s="166">
        <v>0</v>
      </c>
      <c r="AF3350" s="166">
        <v>0</v>
      </c>
      <c r="AG3350" s="166">
        <v>0</v>
      </c>
      <c r="AH3350" s="166">
        <v>0</v>
      </c>
      <c r="AI3350" s="166">
        <v>0</v>
      </c>
      <c r="AJ3350" s="166">
        <v>0</v>
      </c>
      <c r="AK3350" s="166">
        <v>0</v>
      </c>
      <c r="AL3350" s="166">
        <v>0</v>
      </c>
      <c r="AM3350" s="166">
        <v>0</v>
      </c>
      <c r="AN3350" s="166">
        <v>0</v>
      </c>
      <c r="AO3350" s="166">
        <v>0</v>
      </c>
      <c r="AP3350" s="166">
        <v>0</v>
      </c>
      <c r="AQ3350" s="166">
        <v>0</v>
      </c>
      <c r="AR3350" s="166">
        <v>0</v>
      </c>
      <c r="AS3350" s="166">
        <v>0</v>
      </c>
      <c r="AT3350" s="166">
        <v>0</v>
      </c>
      <c r="AU3350" s="166">
        <v>0</v>
      </c>
      <c r="AV3350" s="166">
        <v>0</v>
      </c>
      <c r="AW3350" s="166">
        <v>0</v>
      </c>
      <c r="AX3350" s="166">
        <v>0</v>
      </c>
      <c r="AY3350" s="166">
        <v>0</v>
      </c>
      <c r="AZ3350" s="166">
        <v>0</v>
      </c>
      <c r="BA3350" s="166">
        <v>0</v>
      </c>
      <c r="BB3350" s="166">
        <v>0</v>
      </c>
      <c r="BC3350" s="166">
        <v>0</v>
      </c>
      <c r="BD3350" s="166">
        <v>0</v>
      </c>
      <c r="BE3350" s="166">
        <v>0</v>
      </c>
      <c r="BF3350" s="166">
        <v>0</v>
      </c>
      <c r="BG3350" s="166">
        <v>0</v>
      </c>
      <c r="BH3350" s="166">
        <v>0</v>
      </c>
      <c r="BI3350" s="166">
        <v>0</v>
      </c>
      <c r="BJ3350" s="166">
        <v>0</v>
      </c>
      <c r="BK3350" s="166">
        <v>0</v>
      </c>
      <c r="BL3350" s="166">
        <v>0</v>
      </c>
      <c r="BM3350" s="166">
        <v>0</v>
      </c>
      <c r="BN3350" s="166">
        <v>0</v>
      </c>
      <c r="BO3350" s="166">
        <v>0</v>
      </c>
      <c r="BP3350" s="166">
        <v>0</v>
      </c>
      <c r="BQ3350" s="166">
        <v>0</v>
      </c>
      <c r="BR3350" s="166">
        <v>0</v>
      </c>
      <c r="BS3350" s="166">
        <v>0</v>
      </c>
      <c r="BT3350" s="168">
        <v>0</v>
      </c>
      <c r="BU3350" s="166">
        <v>0</v>
      </c>
      <c r="BV3350" s="166">
        <v>0</v>
      </c>
      <c r="BW3350" s="166">
        <v>0</v>
      </c>
      <c r="BX3350" s="166">
        <v>0</v>
      </c>
      <c r="BY3350" s="166">
        <v>0</v>
      </c>
      <c r="BZ3350" s="166">
        <v>0</v>
      </c>
      <c r="CA3350" s="166">
        <v>0</v>
      </c>
      <c r="CB3350" s="166">
        <v>0</v>
      </c>
      <c r="CC3350" s="166">
        <v>0</v>
      </c>
      <c r="CD3350" s="166">
        <v>0</v>
      </c>
      <c r="CE3350" s="166">
        <v>0</v>
      </c>
      <c r="CF3350" s="166">
        <v>0</v>
      </c>
      <c r="CG3350" s="166">
        <v>0</v>
      </c>
      <c r="CH3350" s="166">
        <v>0</v>
      </c>
      <c r="CI3350" s="166">
        <v>0</v>
      </c>
      <c r="CJ3350" s="166">
        <v>0</v>
      </c>
      <c r="CK3350" s="166">
        <v>0</v>
      </c>
      <c r="CL3350" s="166">
        <v>0</v>
      </c>
      <c r="CM3350" s="166">
        <v>0</v>
      </c>
      <c r="CN3350" s="166">
        <v>0</v>
      </c>
      <c r="CO3350" s="166">
        <v>0</v>
      </c>
      <c r="CP3350" s="166">
        <v>0</v>
      </c>
      <c r="CQ3350" s="166">
        <v>0</v>
      </c>
      <c r="CR3350" s="166">
        <v>0</v>
      </c>
      <c r="CS3350" s="166">
        <v>0</v>
      </c>
      <c r="CT3350" s="166">
        <v>0</v>
      </c>
      <c r="CU3350" s="166">
        <v>0</v>
      </c>
      <c r="CV3350" s="166">
        <v>0</v>
      </c>
      <c r="CW3350" s="166">
        <v>0</v>
      </c>
      <c r="CX3350" s="166">
        <v>0</v>
      </c>
      <c r="CY3350" s="166">
        <v>0</v>
      </c>
      <c r="CZ3350" s="166">
        <v>0</v>
      </c>
    </row>
    <row r="3351" spans="1:104" x14ac:dyDescent="0.2">
      <c r="A3351" s="167" t="s">
        <v>635</v>
      </c>
      <c r="B3351" s="166">
        <v>0</v>
      </c>
      <c r="C3351" s="166">
        <v>0</v>
      </c>
      <c r="D3351" s="166">
        <v>0</v>
      </c>
      <c r="E3351" s="166">
        <v>0</v>
      </c>
      <c r="F3351" s="166">
        <v>0</v>
      </c>
      <c r="G3351" s="166">
        <v>0</v>
      </c>
      <c r="H3351" s="166">
        <v>0</v>
      </c>
      <c r="I3351" s="166">
        <v>0</v>
      </c>
      <c r="J3351" s="166">
        <v>0</v>
      </c>
      <c r="K3351" s="166">
        <v>0</v>
      </c>
      <c r="L3351" s="166">
        <v>0</v>
      </c>
      <c r="M3351" s="166">
        <v>0</v>
      </c>
      <c r="N3351" s="166">
        <v>0</v>
      </c>
      <c r="O3351" s="166">
        <v>0</v>
      </c>
      <c r="P3351" s="166">
        <v>0</v>
      </c>
      <c r="Q3351" s="166">
        <v>0</v>
      </c>
      <c r="R3351" s="166">
        <v>0</v>
      </c>
      <c r="S3351" s="166">
        <v>0</v>
      </c>
      <c r="T3351" s="166">
        <v>0</v>
      </c>
      <c r="U3351" s="166">
        <v>0</v>
      </c>
      <c r="V3351" s="166">
        <v>0</v>
      </c>
      <c r="W3351" s="166">
        <v>0</v>
      </c>
      <c r="X3351" s="166">
        <v>0</v>
      </c>
      <c r="Y3351" s="166">
        <v>0</v>
      </c>
      <c r="Z3351" s="166">
        <v>0</v>
      </c>
      <c r="AA3351" s="166">
        <v>0</v>
      </c>
      <c r="AB3351" s="166">
        <v>0</v>
      </c>
      <c r="AC3351" s="166">
        <v>0</v>
      </c>
      <c r="AD3351" s="166">
        <v>0</v>
      </c>
      <c r="AE3351" s="166">
        <v>0</v>
      </c>
      <c r="AF3351" s="166">
        <v>0</v>
      </c>
      <c r="AG3351" s="166">
        <v>0</v>
      </c>
      <c r="AH3351" s="166">
        <v>0</v>
      </c>
      <c r="AI3351" s="166">
        <v>0</v>
      </c>
      <c r="AJ3351" s="166">
        <v>0</v>
      </c>
      <c r="AK3351" s="166">
        <v>0</v>
      </c>
      <c r="AL3351" s="166">
        <v>0</v>
      </c>
      <c r="AM3351" s="166">
        <v>0</v>
      </c>
      <c r="AN3351" s="166">
        <v>0</v>
      </c>
      <c r="AO3351" s="166">
        <v>0</v>
      </c>
      <c r="AP3351" s="166">
        <v>0</v>
      </c>
      <c r="AQ3351" s="166">
        <v>0</v>
      </c>
      <c r="AR3351" s="166">
        <v>0</v>
      </c>
      <c r="AS3351" s="166">
        <v>0</v>
      </c>
      <c r="AT3351" s="166">
        <v>0</v>
      </c>
      <c r="AU3351" s="166">
        <v>0</v>
      </c>
      <c r="AV3351" s="166">
        <v>0</v>
      </c>
      <c r="AW3351" s="166">
        <v>0</v>
      </c>
      <c r="AX3351" s="166">
        <v>0</v>
      </c>
      <c r="AY3351" s="166">
        <v>0</v>
      </c>
      <c r="AZ3351" s="166">
        <v>0</v>
      </c>
      <c r="BA3351" s="166">
        <v>0</v>
      </c>
      <c r="BB3351" s="166">
        <v>0</v>
      </c>
      <c r="BC3351" s="166">
        <v>0</v>
      </c>
      <c r="BD3351" s="166">
        <v>0</v>
      </c>
      <c r="BE3351" s="166">
        <v>0</v>
      </c>
      <c r="BF3351" s="166">
        <v>0</v>
      </c>
      <c r="BG3351" s="166">
        <v>0</v>
      </c>
      <c r="BH3351" s="166">
        <v>0</v>
      </c>
      <c r="BI3351" s="166">
        <v>0</v>
      </c>
      <c r="BJ3351" s="166">
        <v>0</v>
      </c>
      <c r="BK3351" s="166">
        <v>0</v>
      </c>
      <c r="BL3351" s="166">
        <v>0</v>
      </c>
      <c r="BM3351" s="166">
        <v>0</v>
      </c>
      <c r="BN3351" s="166">
        <v>0</v>
      </c>
      <c r="BO3351" s="166">
        <v>0</v>
      </c>
      <c r="BP3351" s="166">
        <v>0</v>
      </c>
      <c r="BQ3351" s="166">
        <v>0</v>
      </c>
      <c r="BR3351" s="166">
        <v>0</v>
      </c>
      <c r="BS3351" s="166">
        <v>0</v>
      </c>
      <c r="BT3351" s="168">
        <v>0</v>
      </c>
      <c r="BU3351" s="166">
        <v>0</v>
      </c>
      <c r="BV3351" s="166">
        <v>0</v>
      </c>
      <c r="BW3351" s="166">
        <v>0</v>
      </c>
      <c r="BX3351" s="166">
        <v>0</v>
      </c>
      <c r="BY3351" s="166">
        <v>0</v>
      </c>
      <c r="BZ3351" s="166">
        <v>0</v>
      </c>
      <c r="CA3351" s="166">
        <v>0</v>
      </c>
      <c r="CB3351" s="166">
        <v>0</v>
      </c>
      <c r="CC3351" s="166">
        <v>0</v>
      </c>
      <c r="CD3351" s="166">
        <v>0</v>
      </c>
      <c r="CE3351" s="166">
        <v>0</v>
      </c>
      <c r="CF3351" s="166">
        <v>0</v>
      </c>
      <c r="CG3351" s="166">
        <v>0</v>
      </c>
      <c r="CH3351" s="166">
        <v>0</v>
      </c>
      <c r="CI3351" s="166">
        <v>0</v>
      </c>
      <c r="CJ3351" s="166">
        <v>0</v>
      </c>
      <c r="CK3351" s="166">
        <v>0</v>
      </c>
      <c r="CL3351" s="166">
        <v>0</v>
      </c>
      <c r="CM3351" s="166">
        <v>0</v>
      </c>
      <c r="CN3351" s="166">
        <v>0</v>
      </c>
      <c r="CO3351" s="166">
        <v>0</v>
      </c>
      <c r="CP3351" s="166">
        <v>0</v>
      </c>
      <c r="CQ3351" s="166">
        <v>0</v>
      </c>
      <c r="CR3351" s="166">
        <v>0</v>
      </c>
      <c r="CS3351" s="166">
        <v>0</v>
      </c>
      <c r="CT3351" s="166">
        <v>0</v>
      </c>
      <c r="CU3351" s="166">
        <v>0</v>
      </c>
      <c r="CV3351" s="166">
        <v>0</v>
      </c>
      <c r="CW3351" s="166">
        <v>0</v>
      </c>
      <c r="CX3351" s="166">
        <v>0</v>
      </c>
      <c r="CY3351" s="166">
        <v>0</v>
      </c>
      <c r="CZ3351" s="166">
        <v>0</v>
      </c>
    </row>
    <row r="3352" spans="1:104" x14ac:dyDescent="0.2">
      <c r="A3352" s="167" t="s">
        <v>636</v>
      </c>
      <c r="B3352" s="166">
        <v>3943629.58</v>
      </c>
      <c r="C3352" s="166">
        <v>3943629.58</v>
      </c>
      <c r="D3352" s="166">
        <v>0</v>
      </c>
      <c r="E3352" s="166">
        <v>0</v>
      </c>
      <c r="F3352" s="166">
        <v>0</v>
      </c>
      <c r="G3352" s="166">
        <v>0</v>
      </c>
      <c r="H3352" s="166">
        <v>0</v>
      </c>
      <c r="I3352" s="166">
        <v>0</v>
      </c>
      <c r="J3352" s="166">
        <v>0</v>
      </c>
      <c r="K3352" s="166">
        <v>0</v>
      </c>
      <c r="L3352" s="166">
        <v>0</v>
      </c>
      <c r="M3352" s="166">
        <v>0</v>
      </c>
      <c r="N3352" s="166">
        <v>0</v>
      </c>
      <c r="O3352" s="166">
        <v>0</v>
      </c>
      <c r="P3352" s="166">
        <v>0</v>
      </c>
      <c r="Q3352" s="166">
        <v>0</v>
      </c>
      <c r="R3352" s="166">
        <v>0</v>
      </c>
      <c r="S3352" s="166">
        <v>0</v>
      </c>
      <c r="T3352" s="166">
        <v>0</v>
      </c>
      <c r="U3352" s="166">
        <v>-3943629.58</v>
      </c>
      <c r="V3352" s="166">
        <v>0</v>
      </c>
      <c r="W3352" s="166">
        <v>0</v>
      </c>
      <c r="X3352" s="166">
        <v>0</v>
      </c>
      <c r="Y3352" s="166">
        <v>0</v>
      </c>
      <c r="Z3352" s="166">
        <v>0</v>
      </c>
      <c r="AA3352" s="166">
        <v>0</v>
      </c>
      <c r="AB3352" s="166">
        <v>0</v>
      </c>
      <c r="AC3352" s="166">
        <v>0</v>
      </c>
      <c r="AD3352" s="166">
        <v>0</v>
      </c>
      <c r="AE3352" s="166">
        <v>0</v>
      </c>
      <c r="AF3352" s="166">
        <v>0</v>
      </c>
      <c r="AG3352" s="166">
        <v>0</v>
      </c>
      <c r="AH3352" s="166">
        <v>0</v>
      </c>
      <c r="AI3352" s="166">
        <v>0</v>
      </c>
      <c r="AJ3352" s="166">
        <v>0</v>
      </c>
      <c r="AK3352" s="166">
        <v>0</v>
      </c>
      <c r="AL3352" s="166">
        <v>0</v>
      </c>
      <c r="AM3352" s="166">
        <v>0</v>
      </c>
      <c r="AN3352" s="166">
        <v>0</v>
      </c>
      <c r="AO3352" s="166">
        <v>0</v>
      </c>
      <c r="AP3352" s="166">
        <v>0</v>
      </c>
      <c r="AQ3352" s="166">
        <v>0</v>
      </c>
      <c r="AR3352" s="166">
        <v>0</v>
      </c>
      <c r="AS3352" s="166">
        <v>0</v>
      </c>
      <c r="AT3352" s="166">
        <v>0</v>
      </c>
      <c r="AU3352" s="166">
        <v>0</v>
      </c>
      <c r="AV3352" s="166">
        <v>0</v>
      </c>
      <c r="AW3352" s="166">
        <v>0</v>
      </c>
      <c r="AX3352" s="166">
        <v>0</v>
      </c>
      <c r="AY3352" s="166">
        <v>0</v>
      </c>
      <c r="AZ3352" s="166">
        <v>0</v>
      </c>
      <c r="BA3352" s="166">
        <v>0</v>
      </c>
      <c r="BB3352" s="166">
        <v>0</v>
      </c>
      <c r="BC3352" s="166">
        <v>0</v>
      </c>
      <c r="BD3352" s="166">
        <v>0</v>
      </c>
      <c r="BE3352" s="166">
        <v>0</v>
      </c>
      <c r="BF3352" s="166">
        <v>0</v>
      </c>
      <c r="BG3352" s="166">
        <v>0</v>
      </c>
      <c r="BH3352" s="166">
        <v>0</v>
      </c>
      <c r="BI3352" s="166">
        <v>-3943629.58</v>
      </c>
      <c r="BJ3352" s="166">
        <v>0</v>
      </c>
      <c r="BK3352" s="166">
        <v>0</v>
      </c>
      <c r="BL3352" s="166">
        <v>0</v>
      </c>
      <c r="BM3352" s="166">
        <v>0</v>
      </c>
      <c r="BN3352" s="166">
        <v>0</v>
      </c>
      <c r="BO3352" s="166">
        <v>0</v>
      </c>
      <c r="BP3352" s="166">
        <v>0</v>
      </c>
      <c r="BQ3352" s="166">
        <v>0</v>
      </c>
      <c r="BR3352" s="166">
        <v>3943629.58</v>
      </c>
      <c r="BS3352" s="166">
        <v>0</v>
      </c>
      <c r="BT3352" s="168">
        <v>0</v>
      </c>
      <c r="BU3352" s="166">
        <v>0</v>
      </c>
      <c r="BV3352" s="166">
        <v>0</v>
      </c>
      <c r="BW3352" s="166">
        <v>0</v>
      </c>
      <c r="BX3352" s="166">
        <v>0</v>
      </c>
      <c r="BY3352" s="166">
        <v>0</v>
      </c>
      <c r="BZ3352" s="166">
        <v>0</v>
      </c>
      <c r="CA3352" s="166">
        <v>0</v>
      </c>
      <c r="CB3352" s="166">
        <v>0</v>
      </c>
      <c r="CC3352" s="166">
        <v>0</v>
      </c>
      <c r="CD3352" s="166">
        <v>0</v>
      </c>
      <c r="CE3352" s="166">
        <v>0</v>
      </c>
      <c r="CF3352" s="166">
        <v>0</v>
      </c>
      <c r="CG3352" s="166">
        <v>0</v>
      </c>
      <c r="CH3352" s="166">
        <v>0</v>
      </c>
      <c r="CI3352" s="166">
        <v>0</v>
      </c>
      <c r="CJ3352" s="166">
        <v>0</v>
      </c>
      <c r="CK3352" s="166">
        <v>0</v>
      </c>
      <c r="CL3352" s="166">
        <v>0</v>
      </c>
      <c r="CM3352" s="166">
        <v>0</v>
      </c>
      <c r="CN3352" s="166">
        <v>0</v>
      </c>
      <c r="CO3352" s="166">
        <v>0</v>
      </c>
      <c r="CP3352" s="166">
        <v>0</v>
      </c>
      <c r="CQ3352" s="166">
        <v>0</v>
      </c>
      <c r="CR3352" s="166">
        <v>0</v>
      </c>
      <c r="CS3352" s="166">
        <v>0</v>
      </c>
      <c r="CT3352" s="166">
        <v>0</v>
      </c>
      <c r="CU3352" s="166">
        <v>0</v>
      </c>
      <c r="CV3352" s="166">
        <v>0</v>
      </c>
      <c r="CW3352" s="166">
        <v>0</v>
      </c>
      <c r="CX3352" s="166">
        <v>0</v>
      </c>
      <c r="CY3352" s="166">
        <v>0</v>
      </c>
      <c r="CZ3352" s="166">
        <v>0</v>
      </c>
    </row>
    <row r="3353" spans="1:104" x14ac:dyDescent="0.2">
      <c r="A3353" s="167" t="s">
        <v>637</v>
      </c>
      <c r="B3353" s="166">
        <v>7836290.7599999998</v>
      </c>
      <c r="C3353" s="166">
        <v>7836290.7599999998</v>
      </c>
      <c r="D3353" s="166">
        <v>0</v>
      </c>
      <c r="E3353" s="166">
        <v>0</v>
      </c>
      <c r="F3353" s="166">
        <v>0</v>
      </c>
      <c r="G3353" s="166">
        <v>0</v>
      </c>
      <c r="H3353" s="166">
        <v>0</v>
      </c>
      <c r="I3353" s="166">
        <v>0</v>
      </c>
      <c r="J3353" s="166">
        <v>0</v>
      </c>
      <c r="K3353" s="166">
        <v>0</v>
      </c>
      <c r="L3353" s="166">
        <v>0</v>
      </c>
      <c r="M3353" s="166">
        <v>0</v>
      </c>
      <c r="N3353" s="166">
        <v>0</v>
      </c>
      <c r="O3353" s="166">
        <v>0</v>
      </c>
      <c r="P3353" s="166">
        <v>0</v>
      </c>
      <c r="Q3353" s="166">
        <v>0</v>
      </c>
      <c r="R3353" s="166">
        <v>0</v>
      </c>
      <c r="S3353" s="166">
        <v>0</v>
      </c>
      <c r="T3353" s="166">
        <v>0</v>
      </c>
      <c r="U3353" s="166">
        <v>-7836290.7599999998</v>
      </c>
      <c r="V3353" s="166">
        <v>0</v>
      </c>
      <c r="W3353" s="166">
        <v>0</v>
      </c>
      <c r="X3353" s="166">
        <v>0</v>
      </c>
      <c r="Y3353" s="166">
        <v>0</v>
      </c>
      <c r="Z3353" s="166">
        <v>0</v>
      </c>
      <c r="AA3353" s="166">
        <v>0</v>
      </c>
      <c r="AB3353" s="166">
        <v>0</v>
      </c>
      <c r="AC3353" s="166">
        <v>0</v>
      </c>
      <c r="AD3353" s="166">
        <v>0</v>
      </c>
      <c r="AE3353" s="166">
        <v>0</v>
      </c>
      <c r="AF3353" s="166">
        <v>0</v>
      </c>
      <c r="AG3353" s="166">
        <v>0</v>
      </c>
      <c r="AH3353" s="166">
        <v>0</v>
      </c>
      <c r="AI3353" s="166">
        <v>0</v>
      </c>
      <c r="AJ3353" s="166">
        <v>0</v>
      </c>
      <c r="AK3353" s="166">
        <v>0</v>
      </c>
      <c r="AL3353" s="166">
        <v>0</v>
      </c>
      <c r="AM3353" s="166">
        <v>0</v>
      </c>
      <c r="AN3353" s="166">
        <v>0</v>
      </c>
      <c r="AO3353" s="166">
        <v>0</v>
      </c>
      <c r="AP3353" s="166">
        <v>0</v>
      </c>
      <c r="AQ3353" s="166">
        <v>0</v>
      </c>
      <c r="AR3353" s="166">
        <v>0</v>
      </c>
      <c r="AS3353" s="166">
        <v>0</v>
      </c>
      <c r="AT3353" s="166">
        <v>0</v>
      </c>
      <c r="AU3353" s="166">
        <v>0</v>
      </c>
      <c r="AV3353" s="166">
        <v>0</v>
      </c>
      <c r="AW3353" s="166">
        <v>0</v>
      </c>
      <c r="AX3353" s="166">
        <v>0</v>
      </c>
      <c r="AY3353" s="166">
        <v>0</v>
      </c>
      <c r="AZ3353" s="166">
        <v>0</v>
      </c>
      <c r="BA3353" s="166">
        <v>0</v>
      </c>
      <c r="BB3353" s="166">
        <v>0</v>
      </c>
      <c r="BC3353" s="166">
        <v>0</v>
      </c>
      <c r="BD3353" s="166">
        <v>0</v>
      </c>
      <c r="BE3353" s="166">
        <v>0</v>
      </c>
      <c r="BF3353" s="166">
        <v>0</v>
      </c>
      <c r="BG3353" s="166">
        <v>0</v>
      </c>
      <c r="BH3353" s="166">
        <v>0</v>
      </c>
      <c r="BI3353" s="166">
        <v>-7836290.7599999998</v>
      </c>
      <c r="BJ3353" s="166">
        <v>0</v>
      </c>
      <c r="BK3353" s="166">
        <v>0</v>
      </c>
      <c r="BL3353" s="166">
        <v>0</v>
      </c>
      <c r="BM3353" s="166">
        <v>0</v>
      </c>
      <c r="BN3353" s="166">
        <v>0</v>
      </c>
      <c r="BO3353" s="166">
        <v>0</v>
      </c>
      <c r="BP3353" s="166">
        <v>0</v>
      </c>
      <c r="BQ3353" s="166">
        <v>0</v>
      </c>
      <c r="BR3353" s="166">
        <v>7836290.7599999998</v>
      </c>
      <c r="BS3353" s="166">
        <v>0</v>
      </c>
      <c r="BT3353" s="168">
        <v>0</v>
      </c>
      <c r="BU3353" s="166">
        <v>0</v>
      </c>
      <c r="BV3353" s="166">
        <v>0</v>
      </c>
      <c r="BW3353" s="166">
        <v>0</v>
      </c>
      <c r="BX3353" s="166">
        <v>0</v>
      </c>
      <c r="BY3353" s="166">
        <v>0</v>
      </c>
      <c r="BZ3353" s="166">
        <v>0</v>
      </c>
      <c r="CA3353" s="166">
        <v>0</v>
      </c>
      <c r="CB3353" s="166">
        <v>0</v>
      </c>
      <c r="CC3353" s="166">
        <v>0</v>
      </c>
      <c r="CD3353" s="166">
        <v>0</v>
      </c>
      <c r="CE3353" s="166">
        <v>0</v>
      </c>
      <c r="CF3353" s="166">
        <v>0</v>
      </c>
      <c r="CG3353" s="166">
        <v>0</v>
      </c>
      <c r="CH3353" s="166">
        <v>0</v>
      </c>
      <c r="CI3353" s="166">
        <v>0</v>
      </c>
      <c r="CJ3353" s="166">
        <v>0</v>
      </c>
      <c r="CK3353" s="166">
        <v>0</v>
      </c>
      <c r="CL3353" s="166">
        <v>0</v>
      </c>
      <c r="CM3353" s="166">
        <v>0</v>
      </c>
      <c r="CN3353" s="166">
        <v>0</v>
      </c>
      <c r="CO3353" s="166">
        <v>0</v>
      </c>
      <c r="CP3353" s="166">
        <v>0</v>
      </c>
      <c r="CQ3353" s="166">
        <v>0</v>
      </c>
      <c r="CR3353" s="166">
        <v>0</v>
      </c>
      <c r="CS3353" s="166">
        <v>0</v>
      </c>
      <c r="CT3353" s="166">
        <v>0</v>
      </c>
      <c r="CU3353" s="166">
        <v>0</v>
      </c>
      <c r="CV3353" s="166">
        <v>0</v>
      </c>
      <c r="CW3353" s="166">
        <v>0</v>
      </c>
      <c r="CX3353" s="166">
        <v>0</v>
      </c>
      <c r="CY3353" s="166">
        <v>0</v>
      </c>
      <c r="CZ3353" s="166">
        <v>0</v>
      </c>
    </row>
    <row r="3354" spans="1:104" x14ac:dyDescent="0.2">
      <c r="A3354" s="167" t="s">
        <v>638</v>
      </c>
      <c r="B3354" s="166">
        <v>0</v>
      </c>
      <c r="C3354" s="166">
        <v>0</v>
      </c>
      <c r="D3354" s="166">
        <v>0</v>
      </c>
      <c r="E3354" s="166">
        <v>0</v>
      </c>
      <c r="F3354" s="166">
        <v>0</v>
      </c>
      <c r="G3354" s="166">
        <v>0</v>
      </c>
      <c r="H3354" s="166">
        <v>0</v>
      </c>
      <c r="I3354" s="166">
        <v>0</v>
      </c>
      <c r="J3354" s="166">
        <v>0</v>
      </c>
      <c r="K3354" s="166">
        <v>0</v>
      </c>
      <c r="L3354" s="166">
        <v>0</v>
      </c>
      <c r="M3354" s="166">
        <v>0</v>
      </c>
      <c r="N3354" s="166">
        <v>0</v>
      </c>
      <c r="O3354" s="166">
        <v>0</v>
      </c>
      <c r="P3354" s="166">
        <v>0</v>
      </c>
      <c r="Q3354" s="166">
        <v>0</v>
      </c>
      <c r="R3354" s="166">
        <v>0</v>
      </c>
      <c r="S3354" s="166">
        <v>0</v>
      </c>
      <c r="T3354" s="166">
        <v>0</v>
      </c>
      <c r="U3354" s="166">
        <v>0</v>
      </c>
      <c r="V3354" s="166">
        <v>0</v>
      </c>
      <c r="W3354" s="166">
        <v>0</v>
      </c>
      <c r="X3354" s="166">
        <v>0</v>
      </c>
      <c r="Y3354" s="166">
        <v>0</v>
      </c>
      <c r="Z3354" s="166">
        <v>0</v>
      </c>
      <c r="AA3354" s="166">
        <v>0</v>
      </c>
      <c r="AB3354" s="166">
        <v>0</v>
      </c>
      <c r="AC3354" s="166">
        <v>0</v>
      </c>
      <c r="AD3354" s="166">
        <v>0</v>
      </c>
      <c r="AE3354" s="166">
        <v>0</v>
      </c>
      <c r="AF3354" s="166">
        <v>0</v>
      </c>
      <c r="AG3354" s="166">
        <v>0</v>
      </c>
      <c r="AH3354" s="166">
        <v>0</v>
      </c>
      <c r="AI3354" s="166">
        <v>0</v>
      </c>
      <c r="AJ3354" s="166">
        <v>0</v>
      </c>
      <c r="AK3354" s="166">
        <v>0</v>
      </c>
      <c r="AL3354" s="166">
        <v>0</v>
      </c>
      <c r="AM3354" s="166">
        <v>0</v>
      </c>
      <c r="AN3354" s="166">
        <v>0</v>
      </c>
      <c r="AO3354" s="166">
        <v>0</v>
      </c>
      <c r="AP3354" s="166">
        <v>0</v>
      </c>
      <c r="AQ3354" s="166">
        <v>0</v>
      </c>
      <c r="AR3354" s="166">
        <v>0</v>
      </c>
      <c r="AS3354" s="166">
        <v>0</v>
      </c>
      <c r="AT3354" s="166">
        <v>0</v>
      </c>
      <c r="AU3354" s="166">
        <v>0</v>
      </c>
      <c r="AV3354" s="166">
        <v>0</v>
      </c>
      <c r="AW3354" s="166">
        <v>0</v>
      </c>
      <c r="AX3354" s="166">
        <v>0</v>
      </c>
      <c r="AY3354" s="166">
        <v>0</v>
      </c>
      <c r="AZ3354" s="166">
        <v>0</v>
      </c>
      <c r="BA3354" s="166">
        <v>0</v>
      </c>
      <c r="BB3354" s="166">
        <v>0</v>
      </c>
      <c r="BC3354" s="166">
        <v>0</v>
      </c>
      <c r="BD3354" s="166">
        <v>0</v>
      </c>
      <c r="BE3354" s="166">
        <v>0</v>
      </c>
      <c r="BF3354" s="166">
        <v>0</v>
      </c>
      <c r="BG3354" s="166">
        <v>0</v>
      </c>
      <c r="BH3354" s="166">
        <v>0</v>
      </c>
      <c r="BI3354" s="166">
        <v>0</v>
      </c>
      <c r="BJ3354" s="166">
        <v>0</v>
      </c>
      <c r="BK3354" s="166">
        <v>0</v>
      </c>
      <c r="BL3354" s="166">
        <v>0</v>
      </c>
      <c r="BM3354" s="166">
        <v>0</v>
      </c>
      <c r="BN3354" s="166">
        <v>0</v>
      </c>
      <c r="BO3354" s="166">
        <v>0</v>
      </c>
      <c r="BP3354" s="166">
        <v>0</v>
      </c>
      <c r="BQ3354" s="166">
        <v>0</v>
      </c>
      <c r="BR3354" s="166">
        <v>0</v>
      </c>
      <c r="BS3354" s="166">
        <v>0</v>
      </c>
      <c r="BT3354" s="168">
        <v>0</v>
      </c>
      <c r="BU3354" s="166">
        <v>0</v>
      </c>
      <c r="BV3354" s="166">
        <v>0</v>
      </c>
      <c r="BW3354" s="166">
        <v>0</v>
      </c>
      <c r="BX3354" s="166">
        <v>0</v>
      </c>
      <c r="BY3354" s="166">
        <v>0</v>
      </c>
      <c r="BZ3354" s="166">
        <v>0</v>
      </c>
      <c r="CA3354" s="166">
        <v>0</v>
      </c>
      <c r="CB3354" s="166">
        <v>0</v>
      </c>
      <c r="CC3354" s="166">
        <v>0</v>
      </c>
      <c r="CD3354" s="166">
        <v>0</v>
      </c>
      <c r="CE3354" s="166">
        <v>0</v>
      </c>
      <c r="CF3354" s="166">
        <v>0</v>
      </c>
      <c r="CG3354" s="166">
        <v>0</v>
      </c>
      <c r="CH3354" s="166">
        <v>0</v>
      </c>
      <c r="CI3354" s="166">
        <v>0</v>
      </c>
      <c r="CJ3354" s="166">
        <v>0</v>
      </c>
      <c r="CK3354" s="166">
        <v>0</v>
      </c>
      <c r="CL3354" s="166">
        <v>0</v>
      </c>
      <c r="CM3354" s="166">
        <v>0</v>
      </c>
      <c r="CN3354" s="166">
        <v>0</v>
      </c>
      <c r="CO3354" s="166">
        <v>0</v>
      </c>
      <c r="CP3354" s="166">
        <v>0</v>
      </c>
      <c r="CQ3354" s="166">
        <v>0</v>
      </c>
      <c r="CR3354" s="166">
        <v>0</v>
      </c>
      <c r="CS3354" s="166">
        <v>0</v>
      </c>
      <c r="CT3354" s="166">
        <v>0</v>
      </c>
      <c r="CU3354" s="166">
        <v>0</v>
      </c>
      <c r="CV3354" s="166">
        <v>0</v>
      </c>
      <c r="CW3354" s="166">
        <v>0</v>
      </c>
      <c r="CX3354" s="166">
        <v>0</v>
      </c>
      <c r="CY3354" s="166">
        <v>0</v>
      </c>
      <c r="CZ3354" s="166">
        <v>0</v>
      </c>
    </row>
    <row r="3355" spans="1:104" x14ac:dyDescent="0.2">
      <c r="A3355" s="167" t="s">
        <v>639</v>
      </c>
      <c r="B3355" s="166">
        <v>0</v>
      </c>
      <c r="C3355" s="166">
        <v>0</v>
      </c>
      <c r="D3355" s="166">
        <v>0</v>
      </c>
      <c r="E3355" s="166">
        <v>0</v>
      </c>
      <c r="F3355" s="166">
        <v>0</v>
      </c>
      <c r="G3355" s="166">
        <v>0</v>
      </c>
      <c r="H3355" s="166">
        <v>0</v>
      </c>
      <c r="I3355" s="166">
        <v>0</v>
      </c>
      <c r="J3355" s="166">
        <v>0</v>
      </c>
      <c r="K3355" s="166">
        <v>0</v>
      </c>
      <c r="L3355" s="166">
        <v>0</v>
      </c>
      <c r="M3355" s="166">
        <v>0</v>
      </c>
      <c r="N3355" s="166">
        <v>0</v>
      </c>
      <c r="O3355" s="166">
        <v>0</v>
      </c>
      <c r="P3355" s="166">
        <v>0</v>
      </c>
      <c r="Q3355" s="166">
        <v>0</v>
      </c>
      <c r="R3355" s="166">
        <v>0</v>
      </c>
      <c r="S3355" s="166">
        <v>0</v>
      </c>
      <c r="T3355" s="166">
        <v>0</v>
      </c>
      <c r="U3355" s="166">
        <v>0</v>
      </c>
      <c r="V3355" s="166">
        <v>0</v>
      </c>
      <c r="W3355" s="166">
        <v>0</v>
      </c>
      <c r="X3355" s="166">
        <v>0</v>
      </c>
      <c r="Y3355" s="166">
        <v>0</v>
      </c>
      <c r="Z3355" s="166">
        <v>0</v>
      </c>
      <c r="AA3355" s="166">
        <v>0</v>
      </c>
      <c r="AB3355" s="166">
        <v>0</v>
      </c>
      <c r="AC3355" s="166">
        <v>0</v>
      </c>
      <c r="AD3355" s="166">
        <v>0</v>
      </c>
      <c r="AE3355" s="166">
        <v>0</v>
      </c>
      <c r="AF3355" s="166">
        <v>0</v>
      </c>
      <c r="AG3355" s="166">
        <v>0</v>
      </c>
      <c r="AH3355" s="166">
        <v>0</v>
      </c>
      <c r="AI3355" s="166">
        <v>0</v>
      </c>
      <c r="AJ3355" s="166">
        <v>0</v>
      </c>
      <c r="AK3355" s="166">
        <v>0</v>
      </c>
      <c r="AL3355" s="166">
        <v>0</v>
      </c>
      <c r="AM3355" s="166">
        <v>0</v>
      </c>
      <c r="AN3355" s="166">
        <v>0</v>
      </c>
      <c r="AO3355" s="166">
        <v>0</v>
      </c>
      <c r="AP3355" s="166">
        <v>0</v>
      </c>
      <c r="AQ3355" s="166">
        <v>0</v>
      </c>
      <c r="AR3355" s="166">
        <v>0</v>
      </c>
      <c r="AS3355" s="166">
        <v>0</v>
      </c>
      <c r="AT3355" s="166">
        <v>0</v>
      </c>
      <c r="AU3355" s="166">
        <v>0</v>
      </c>
      <c r="AV3355" s="166">
        <v>0</v>
      </c>
      <c r="AW3355" s="166">
        <v>0</v>
      </c>
      <c r="AX3355" s="166">
        <v>0</v>
      </c>
      <c r="AY3355" s="166">
        <v>0</v>
      </c>
      <c r="AZ3355" s="166">
        <v>0</v>
      </c>
      <c r="BA3355" s="166">
        <v>0</v>
      </c>
      <c r="BB3355" s="166">
        <v>0</v>
      </c>
      <c r="BC3355" s="166">
        <v>0</v>
      </c>
      <c r="BD3355" s="166">
        <v>0</v>
      </c>
      <c r="BE3355" s="166">
        <v>0</v>
      </c>
      <c r="BF3355" s="166">
        <v>0</v>
      </c>
      <c r="BG3355" s="166">
        <v>0</v>
      </c>
      <c r="BH3355" s="166">
        <v>0</v>
      </c>
      <c r="BI3355" s="166">
        <v>0</v>
      </c>
      <c r="BJ3355" s="166">
        <v>0</v>
      </c>
      <c r="BK3355" s="166">
        <v>0</v>
      </c>
      <c r="BL3355" s="166">
        <v>0</v>
      </c>
      <c r="BM3355" s="166">
        <v>0</v>
      </c>
      <c r="BN3355" s="166">
        <v>0</v>
      </c>
      <c r="BO3355" s="166">
        <v>0</v>
      </c>
      <c r="BP3355" s="166">
        <v>0</v>
      </c>
      <c r="BQ3355" s="166">
        <v>0</v>
      </c>
      <c r="BR3355" s="166">
        <v>0</v>
      </c>
      <c r="BS3355" s="166">
        <v>0</v>
      </c>
      <c r="BT3355" s="168">
        <v>0</v>
      </c>
      <c r="BU3355" s="166">
        <v>0</v>
      </c>
      <c r="BV3355" s="166">
        <v>0</v>
      </c>
      <c r="BW3355" s="166">
        <v>0</v>
      </c>
      <c r="BX3355" s="166">
        <v>0</v>
      </c>
      <c r="BY3355" s="166">
        <v>0</v>
      </c>
      <c r="BZ3355" s="166">
        <v>0</v>
      </c>
      <c r="CA3355" s="166">
        <v>0</v>
      </c>
      <c r="CB3355" s="166">
        <v>0</v>
      </c>
      <c r="CC3355" s="166">
        <v>0</v>
      </c>
      <c r="CD3355" s="166">
        <v>0</v>
      </c>
      <c r="CE3355" s="166">
        <v>0</v>
      </c>
      <c r="CF3355" s="166">
        <v>0</v>
      </c>
      <c r="CG3355" s="166">
        <v>0</v>
      </c>
      <c r="CH3355" s="166">
        <v>0</v>
      </c>
      <c r="CI3355" s="166">
        <v>0</v>
      </c>
      <c r="CJ3355" s="166">
        <v>0</v>
      </c>
      <c r="CK3355" s="166">
        <v>0</v>
      </c>
      <c r="CL3355" s="166">
        <v>0</v>
      </c>
      <c r="CM3355" s="166">
        <v>0</v>
      </c>
      <c r="CN3355" s="166">
        <v>0</v>
      </c>
      <c r="CO3355" s="166">
        <v>0</v>
      </c>
      <c r="CP3355" s="166">
        <v>0</v>
      </c>
      <c r="CQ3355" s="166">
        <v>0</v>
      </c>
      <c r="CR3355" s="166">
        <v>0</v>
      </c>
      <c r="CS3355" s="166">
        <v>0</v>
      </c>
      <c r="CT3355" s="166">
        <v>0</v>
      </c>
      <c r="CU3355" s="166">
        <v>0</v>
      </c>
      <c r="CV3355" s="166">
        <v>0</v>
      </c>
      <c r="CW3355" s="166">
        <v>0</v>
      </c>
      <c r="CX3355" s="166">
        <v>0</v>
      </c>
      <c r="CY3355" s="166">
        <v>0</v>
      </c>
      <c r="CZ3355" s="166">
        <v>0</v>
      </c>
    </row>
    <row r="3356" spans="1:104" x14ac:dyDescent="0.2">
      <c r="A3356" s="167" t="s">
        <v>640</v>
      </c>
      <c r="B3356" s="166">
        <v>0</v>
      </c>
      <c r="C3356" s="166">
        <v>0</v>
      </c>
      <c r="D3356" s="166">
        <v>0</v>
      </c>
      <c r="E3356" s="166">
        <v>0</v>
      </c>
      <c r="F3356" s="166">
        <v>0</v>
      </c>
      <c r="G3356" s="166">
        <v>0</v>
      </c>
      <c r="H3356" s="166">
        <v>0</v>
      </c>
      <c r="I3356" s="166">
        <v>0</v>
      </c>
      <c r="J3356" s="166">
        <v>0</v>
      </c>
      <c r="K3356" s="166">
        <v>0</v>
      </c>
      <c r="L3356" s="166">
        <v>0</v>
      </c>
      <c r="M3356" s="166">
        <v>0</v>
      </c>
      <c r="N3356" s="166">
        <v>0</v>
      </c>
      <c r="O3356" s="166">
        <v>0</v>
      </c>
      <c r="P3356" s="166">
        <v>0</v>
      </c>
      <c r="Q3356" s="166">
        <v>0</v>
      </c>
      <c r="R3356" s="166">
        <v>0</v>
      </c>
      <c r="S3356" s="166">
        <v>0</v>
      </c>
      <c r="T3356" s="166">
        <v>0</v>
      </c>
      <c r="U3356" s="166">
        <v>0</v>
      </c>
      <c r="V3356" s="166">
        <v>0</v>
      </c>
      <c r="W3356" s="166">
        <v>0</v>
      </c>
      <c r="X3356" s="166">
        <v>0</v>
      </c>
      <c r="Y3356" s="166">
        <v>0</v>
      </c>
      <c r="Z3356" s="166">
        <v>0</v>
      </c>
      <c r="AA3356" s="166">
        <v>0</v>
      </c>
      <c r="AB3356" s="166">
        <v>0</v>
      </c>
      <c r="AC3356" s="166">
        <v>0</v>
      </c>
      <c r="AD3356" s="166">
        <v>0</v>
      </c>
      <c r="AE3356" s="166">
        <v>0</v>
      </c>
      <c r="AF3356" s="166">
        <v>0</v>
      </c>
      <c r="AG3356" s="166">
        <v>0</v>
      </c>
      <c r="AH3356" s="166">
        <v>0</v>
      </c>
      <c r="AI3356" s="166">
        <v>0</v>
      </c>
      <c r="AJ3356" s="166">
        <v>0</v>
      </c>
      <c r="AK3356" s="166">
        <v>0</v>
      </c>
      <c r="AL3356" s="166">
        <v>0</v>
      </c>
      <c r="AM3356" s="166">
        <v>0</v>
      </c>
      <c r="AN3356" s="166">
        <v>0</v>
      </c>
      <c r="AO3356" s="166">
        <v>0</v>
      </c>
      <c r="AP3356" s="166">
        <v>0</v>
      </c>
      <c r="AQ3356" s="166">
        <v>0</v>
      </c>
      <c r="AR3356" s="166">
        <v>0</v>
      </c>
      <c r="AS3356" s="166">
        <v>0</v>
      </c>
      <c r="AT3356" s="166">
        <v>0</v>
      </c>
      <c r="AU3356" s="166">
        <v>0</v>
      </c>
      <c r="AV3356" s="166">
        <v>0</v>
      </c>
      <c r="AW3356" s="166">
        <v>0</v>
      </c>
      <c r="AX3356" s="166">
        <v>0</v>
      </c>
      <c r="AY3356" s="166">
        <v>0</v>
      </c>
      <c r="AZ3356" s="166">
        <v>0</v>
      </c>
      <c r="BA3356" s="166">
        <v>0</v>
      </c>
      <c r="BB3356" s="166">
        <v>0</v>
      </c>
      <c r="BC3356" s="166">
        <v>0</v>
      </c>
      <c r="BD3356" s="166">
        <v>0</v>
      </c>
      <c r="BE3356" s="166">
        <v>0</v>
      </c>
      <c r="BF3356" s="166">
        <v>0</v>
      </c>
      <c r="BG3356" s="166">
        <v>0</v>
      </c>
      <c r="BH3356" s="166">
        <v>0</v>
      </c>
      <c r="BI3356" s="166">
        <v>0</v>
      </c>
      <c r="BJ3356" s="166">
        <v>0</v>
      </c>
      <c r="BK3356" s="166">
        <v>0</v>
      </c>
      <c r="BL3356" s="166">
        <v>0</v>
      </c>
      <c r="BM3356" s="166">
        <v>0</v>
      </c>
      <c r="BN3356" s="166">
        <v>0</v>
      </c>
      <c r="BO3356" s="166">
        <v>0</v>
      </c>
      <c r="BP3356" s="166">
        <v>0</v>
      </c>
      <c r="BQ3356" s="166">
        <v>0</v>
      </c>
      <c r="BR3356" s="166">
        <v>0</v>
      </c>
      <c r="BS3356" s="166">
        <v>0</v>
      </c>
      <c r="BT3356" s="168">
        <v>0</v>
      </c>
      <c r="BU3356" s="166">
        <v>0</v>
      </c>
      <c r="BV3356" s="166">
        <v>0</v>
      </c>
      <c r="BW3356" s="166">
        <v>0</v>
      </c>
      <c r="BX3356" s="166">
        <v>0</v>
      </c>
      <c r="BY3356" s="166">
        <v>0</v>
      </c>
      <c r="BZ3356" s="166">
        <v>0</v>
      </c>
      <c r="CA3356" s="166">
        <v>0</v>
      </c>
      <c r="CB3356" s="166">
        <v>0</v>
      </c>
      <c r="CC3356" s="166">
        <v>0</v>
      </c>
      <c r="CD3356" s="166">
        <v>0</v>
      </c>
      <c r="CE3356" s="166">
        <v>0</v>
      </c>
      <c r="CF3356" s="166">
        <v>0</v>
      </c>
      <c r="CG3356" s="166">
        <v>0</v>
      </c>
      <c r="CH3356" s="166">
        <v>0</v>
      </c>
      <c r="CI3356" s="166">
        <v>0</v>
      </c>
      <c r="CJ3356" s="166">
        <v>0</v>
      </c>
      <c r="CK3356" s="166">
        <v>0</v>
      </c>
      <c r="CL3356" s="166">
        <v>0</v>
      </c>
      <c r="CM3356" s="166">
        <v>0</v>
      </c>
      <c r="CN3356" s="166">
        <v>0</v>
      </c>
      <c r="CO3356" s="166">
        <v>0</v>
      </c>
      <c r="CP3356" s="166">
        <v>0</v>
      </c>
      <c r="CQ3356" s="166">
        <v>0</v>
      </c>
      <c r="CR3356" s="166">
        <v>0</v>
      </c>
      <c r="CS3356" s="166">
        <v>0</v>
      </c>
      <c r="CT3356" s="166">
        <v>0</v>
      </c>
      <c r="CU3356" s="166">
        <v>0</v>
      </c>
      <c r="CV3356" s="166">
        <v>0</v>
      </c>
      <c r="CW3356" s="166">
        <v>0</v>
      </c>
      <c r="CX3356" s="166">
        <v>0</v>
      </c>
      <c r="CY3356" s="166">
        <v>0</v>
      </c>
      <c r="CZ3356" s="166">
        <v>0</v>
      </c>
    </row>
    <row r="3357" spans="1:104" x14ac:dyDescent="0.2">
      <c r="A3357" s="167" t="s">
        <v>641</v>
      </c>
      <c r="B3357" s="166">
        <v>1596727043.2748101</v>
      </c>
      <c r="C3357" s="166">
        <v>1596727043.2748101</v>
      </c>
      <c r="D3357" s="166">
        <v>0</v>
      </c>
      <c r="E3357" s="166">
        <v>0</v>
      </c>
      <c r="F3357" s="166">
        <v>0</v>
      </c>
      <c r="G3357" s="166">
        <v>0</v>
      </c>
      <c r="H3357" s="166">
        <v>0</v>
      </c>
      <c r="I3357" s="166">
        <v>0</v>
      </c>
      <c r="J3357" s="166">
        <v>0</v>
      </c>
      <c r="K3357" s="166">
        <v>0</v>
      </c>
      <c r="L3357" s="166">
        <v>0</v>
      </c>
      <c r="M3357" s="166">
        <v>0</v>
      </c>
      <c r="N3357" s="166">
        <v>0</v>
      </c>
      <c r="O3357" s="166">
        <v>0</v>
      </c>
      <c r="P3357" s="166">
        <v>0</v>
      </c>
      <c r="Q3357" s="166">
        <v>0</v>
      </c>
      <c r="R3357" s="166">
        <v>0</v>
      </c>
      <c r="S3357" s="166">
        <v>0</v>
      </c>
      <c r="T3357" s="166">
        <v>0</v>
      </c>
      <c r="U3357" s="166">
        <v>0</v>
      </c>
      <c r="V3357" s="166">
        <v>0</v>
      </c>
      <c r="W3357" s="166">
        <v>0</v>
      </c>
      <c r="X3357" s="166">
        <v>0</v>
      </c>
      <c r="Y3357" s="166">
        <v>0</v>
      </c>
      <c r="Z3357" s="166">
        <v>0</v>
      </c>
      <c r="AA3357" s="166">
        <v>0</v>
      </c>
      <c r="AB3357" s="166">
        <v>-1596727043.2748101</v>
      </c>
      <c r="AC3357" s="166">
        <v>0</v>
      </c>
      <c r="AD3357" s="166">
        <v>0</v>
      </c>
      <c r="AE3357" s="166">
        <v>0</v>
      </c>
      <c r="AF3357" s="166">
        <v>0</v>
      </c>
      <c r="AG3357" s="166">
        <v>0</v>
      </c>
      <c r="AH3357" s="166">
        <v>0</v>
      </c>
      <c r="AI3357" s="166">
        <v>0</v>
      </c>
      <c r="AJ3357" s="166">
        <v>0</v>
      </c>
      <c r="AK3357" s="166">
        <v>0</v>
      </c>
      <c r="AL3357" s="166">
        <v>0</v>
      </c>
      <c r="AM3357" s="166">
        <v>0</v>
      </c>
      <c r="AN3357" s="166">
        <v>0</v>
      </c>
      <c r="AO3357" s="166">
        <v>0</v>
      </c>
      <c r="AP3357" s="166">
        <v>0</v>
      </c>
      <c r="AQ3357" s="166">
        <v>0</v>
      </c>
      <c r="AR3357" s="166">
        <v>0</v>
      </c>
      <c r="AS3357" s="166">
        <v>0</v>
      </c>
      <c r="AT3357" s="166">
        <v>0</v>
      </c>
      <c r="AU3357" s="166">
        <v>0</v>
      </c>
      <c r="AV3357" s="166">
        <v>0</v>
      </c>
      <c r="AW3357" s="166">
        <v>0</v>
      </c>
      <c r="AX3357" s="166">
        <v>0</v>
      </c>
      <c r="AY3357" s="166">
        <v>0</v>
      </c>
      <c r="AZ3357" s="166">
        <v>0</v>
      </c>
      <c r="BA3357" s="166">
        <v>0</v>
      </c>
      <c r="BB3357" s="166">
        <v>0</v>
      </c>
      <c r="BC3357" s="166">
        <v>0</v>
      </c>
      <c r="BD3357" s="166">
        <v>0</v>
      </c>
      <c r="BE3357" s="166">
        <v>0</v>
      </c>
      <c r="BF3357" s="166">
        <v>0</v>
      </c>
      <c r="BG3357" s="166">
        <v>0</v>
      </c>
      <c r="BH3357" s="166">
        <v>0</v>
      </c>
      <c r="BI3357" s="166">
        <v>0</v>
      </c>
      <c r="BJ3357" s="166">
        <v>-1596727043.2748101</v>
      </c>
      <c r="BK3357" s="166">
        <v>0</v>
      </c>
      <c r="BL3357" s="166">
        <v>0</v>
      </c>
      <c r="BM3357" s="166">
        <v>0</v>
      </c>
      <c r="BN3357" s="166">
        <v>0</v>
      </c>
      <c r="BO3357" s="166">
        <v>0</v>
      </c>
      <c r="BP3357" s="166">
        <v>0</v>
      </c>
      <c r="BQ3357" s="166">
        <v>0</v>
      </c>
      <c r="BR3357" s="166">
        <v>1596727043.2748101</v>
      </c>
      <c r="BS3357" s="166">
        <v>0</v>
      </c>
      <c r="BT3357" s="168">
        <v>0</v>
      </c>
      <c r="BU3357" s="166">
        <v>121802664.00568999</v>
      </c>
      <c r="BV3357" s="166">
        <v>1590489713.7535501</v>
      </c>
      <c r="BW3357" s="166">
        <v>0</v>
      </c>
      <c r="BX3357" s="166">
        <v>0</v>
      </c>
      <c r="BY3357" s="166">
        <v>0</v>
      </c>
      <c r="BZ3357" s="166">
        <v>0</v>
      </c>
      <c r="CA3357" s="166">
        <v>0</v>
      </c>
      <c r="CB3357" s="166">
        <v>0</v>
      </c>
      <c r="CC3357" s="166">
        <v>-1590489713.7535501</v>
      </c>
      <c r="CD3357" s="166">
        <v>0</v>
      </c>
      <c r="CE3357" s="166">
        <v>0</v>
      </c>
      <c r="CF3357" s="166">
        <v>0</v>
      </c>
      <c r="CG3357" s="166">
        <v>0</v>
      </c>
      <c r="CH3357" s="166">
        <v>0</v>
      </c>
      <c r="CI3357" s="166">
        <v>0</v>
      </c>
      <c r="CJ3357" s="166">
        <v>0</v>
      </c>
      <c r="CK3357" s="166">
        <v>0</v>
      </c>
      <c r="CL3357" s="166">
        <v>0</v>
      </c>
      <c r="CM3357" s="166">
        <v>0</v>
      </c>
      <c r="CN3357" s="166">
        <v>0</v>
      </c>
      <c r="CO3357" s="166">
        <v>0</v>
      </c>
      <c r="CP3357" s="166">
        <v>0</v>
      </c>
      <c r="CQ3357" s="166">
        <v>-1590489713.7535501</v>
      </c>
      <c r="CR3357" s="166">
        <v>0</v>
      </c>
      <c r="CS3357" s="166">
        <v>0</v>
      </c>
      <c r="CT3357" s="166">
        <v>0</v>
      </c>
      <c r="CU3357" s="166">
        <v>0</v>
      </c>
      <c r="CV3357" s="166">
        <v>0</v>
      </c>
      <c r="CW3357" s="166">
        <v>0</v>
      </c>
      <c r="CX3357" s="166">
        <v>0</v>
      </c>
      <c r="CY3357" s="166">
        <v>0</v>
      </c>
      <c r="CZ3357" s="166">
        <v>0</v>
      </c>
    </row>
    <row r="3358" spans="1:104" x14ac:dyDescent="0.2">
      <c r="A3358" s="167" t="s">
        <v>642</v>
      </c>
      <c r="B3358" s="166">
        <v>1608506963.61481</v>
      </c>
      <c r="C3358" s="166">
        <v>1608506963.61481</v>
      </c>
      <c r="D3358" s="166">
        <v>0</v>
      </c>
      <c r="E3358" s="166">
        <v>0</v>
      </c>
      <c r="F3358" s="166">
        <v>0</v>
      </c>
      <c r="G3358" s="166">
        <v>0</v>
      </c>
      <c r="H3358" s="166">
        <v>0</v>
      </c>
      <c r="I3358" s="166">
        <v>0</v>
      </c>
      <c r="J3358" s="166">
        <v>0</v>
      </c>
      <c r="K3358" s="166">
        <v>0</v>
      </c>
      <c r="L3358" s="166">
        <v>0</v>
      </c>
      <c r="M3358" s="166">
        <v>0</v>
      </c>
      <c r="N3358" s="166">
        <v>0</v>
      </c>
      <c r="O3358" s="166">
        <v>0</v>
      </c>
      <c r="P3358" s="166">
        <v>0</v>
      </c>
      <c r="Q3358" s="166">
        <v>0</v>
      </c>
      <c r="R3358" s="166">
        <v>0</v>
      </c>
      <c r="S3358" s="166">
        <v>0</v>
      </c>
      <c r="T3358" s="166">
        <v>0</v>
      </c>
      <c r="U3358" s="166">
        <v>-11779920.34</v>
      </c>
      <c r="V3358" s="166">
        <v>0</v>
      </c>
      <c r="W3358" s="166">
        <v>0</v>
      </c>
      <c r="X3358" s="166">
        <v>0</v>
      </c>
      <c r="Y3358" s="166">
        <v>0</v>
      </c>
      <c r="Z3358" s="166">
        <v>0</v>
      </c>
      <c r="AA3358" s="166">
        <v>0</v>
      </c>
      <c r="AB3358" s="166">
        <v>-1596727043.2748101</v>
      </c>
      <c r="AC3358" s="166">
        <v>0</v>
      </c>
      <c r="AD3358" s="166">
        <v>0</v>
      </c>
      <c r="AE3358" s="166">
        <v>0</v>
      </c>
      <c r="AF3358" s="166">
        <v>0</v>
      </c>
      <c r="AG3358" s="166">
        <v>0</v>
      </c>
      <c r="AH3358" s="166">
        <v>0</v>
      </c>
      <c r="AI3358" s="166">
        <v>0</v>
      </c>
      <c r="AJ3358" s="166">
        <v>0</v>
      </c>
      <c r="AK3358" s="166">
        <v>0</v>
      </c>
      <c r="AL3358" s="166">
        <v>0</v>
      </c>
      <c r="AM3358" s="166">
        <v>0</v>
      </c>
      <c r="AN3358" s="166">
        <v>0</v>
      </c>
      <c r="AO3358" s="166">
        <v>0</v>
      </c>
      <c r="AP3358" s="166">
        <v>0</v>
      </c>
      <c r="AQ3358" s="166">
        <v>0</v>
      </c>
      <c r="AR3358" s="166">
        <v>0</v>
      </c>
      <c r="AS3358" s="166">
        <v>0</v>
      </c>
      <c r="AT3358" s="166">
        <v>0</v>
      </c>
      <c r="AU3358" s="166">
        <v>0</v>
      </c>
      <c r="AV3358" s="166">
        <v>0</v>
      </c>
      <c r="AW3358" s="166">
        <v>0</v>
      </c>
      <c r="AX3358" s="166">
        <v>0</v>
      </c>
      <c r="AY3358" s="166">
        <v>0</v>
      </c>
      <c r="AZ3358" s="166">
        <v>0</v>
      </c>
      <c r="BA3358" s="166">
        <v>0</v>
      </c>
      <c r="BB3358" s="166">
        <v>0</v>
      </c>
      <c r="BC3358" s="166">
        <v>0</v>
      </c>
      <c r="BD3358" s="166">
        <v>0</v>
      </c>
      <c r="BE3358" s="166">
        <v>0</v>
      </c>
      <c r="BF3358" s="166">
        <v>0</v>
      </c>
      <c r="BG3358" s="166">
        <v>0</v>
      </c>
      <c r="BH3358" s="166">
        <v>0</v>
      </c>
      <c r="BI3358" s="166">
        <v>-11779920.34</v>
      </c>
      <c r="BJ3358" s="166">
        <v>-1596727043.2748101</v>
      </c>
      <c r="BK3358" s="166">
        <v>0</v>
      </c>
      <c r="BL3358" s="166">
        <v>0</v>
      </c>
      <c r="BM3358" s="166">
        <v>0</v>
      </c>
      <c r="BN3358" s="166">
        <v>0</v>
      </c>
      <c r="BO3358" s="166">
        <v>0</v>
      </c>
      <c r="BP3358" s="166">
        <v>0</v>
      </c>
      <c r="BQ3358" s="166">
        <v>0</v>
      </c>
      <c r="BR3358" s="166">
        <v>1608506963.61481</v>
      </c>
      <c r="BS3358" s="166">
        <v>0</v>
      </c>
      <c r="BT3358" s="168">
        <v>0</v>
      </c>
      <c r="BU3358" s="166">
        <v>121802664.00568999</v>
      </c>
      <c r="BV3358" s="166">
        <v>1590489713.7535501</v>
      </c>
      <c r="BW3358" s="166">
        <v>0</v>
      </c>
      <c r="BX3358" s="166">
        <v>0</v>
      </c>
      <c r="BY3358" s="166">
        <v>0</v>
      </c>
      <c r="BZ3358" s="166">
        <v>0</v>
      </c>
      <c r="CA3358" s="166">
        <v>0</v>
      </c>
      <c r="CB3358" s="166">
        <v>0</v>
      </c>
      <c r="CC3358" s="166">
        <v>-1590489713.7535501</v>
      </c>
      <c r="CD3358" s="166">
        <v>0</v>
      </c>
      <c r="CE3358" s="166">
        <v>0</v>
      </c>
      <c r="CF3358" s="166">
        <v>0</v>
      </c>
      <c r="CG3358" s="166">
        <v>0</v>
      </c>
      <c r="CH3358" s="166">
        <v>0</v>
      </c>
      <c r="CI3358" s="166">
        <v>0</v>
      </c>
      <c r="CJ3358" s="166">
        <v>0</v>
      </c>
      <c r="CK3358" s="166">
        <v>0</v>
      </c>
      <c r="CL3358" s="166">
        <v>0</v>
      </c>
      <c r="CM3358" s="166">
        <v>0</v>
      </c>
      <c r="CN3358" s="166">
        <v>0</v>
      </c>
      <c r="CO3358" s="166">
        <v>0</v>
      </c>
      <c r="CP3358" s="166">
        <v>0</v>
      </c>
      <c r="CQ3358" s="166">
        <v>-1590489713.7535501</v>
      </c>
      <c r="CR3358" s="166">
        <v>0</v>
      </c>
      <c r="CS3358" s="166">
        <v>0</v>
      </c>
      <c r="CT3358" s="166">
        <v>0</v>
      </c>
      <c r="CU3358" s="166">
        <v>0</v>
      </c>
      <c r="CV3358" s="166">
        <v>0</v>
      </c>
      <c r="CW3358" s="166">
        <v>0</v>
      </c>
      <c r="CX3358" s="166">
        <v>0</v>
      </c>
      <c r="CY3358" s="166">
        <v>0</v>
      </c>
      <c r="CZ3358" s="166">
        <v>0</v>
      </c>
    </row>
    <row r="3359" spans="1:104" x14ac:dyDescent="0.2">
      <c r="A3359" s="167" t="s">
        <v>643</v>
      </c>
      <c r="B3359" s="166">
        <v>0</v>
      </c>
      <c r="C3359" s="166">
        <v>0</v>
      </c>
      <c r="D3359" s="166">
        <v>0</v>
      </c>
      <c r="E3359" s="166">
        <v>0</v>
      </c>
      <c r="F3359" s="166">
        <v>0</v>
      </c>
      <c r="G3359" s="166">
        <v>0</v>
      </c>
      <c r="H3359" s="166">
        <v>0</v>
      </c>
      <c r="I3359" s="166">
        <v>0</v>
      </c>
      <c r="J3359" s="166">
        <v>0</v>
      </c>
      <c r="K3359" s="166">
        <v>0</v>
      </c>
      <c r="L3359" s="166">
        <v>0</v>
      </c>
      <c r="M3359" s="166">
        <v>0</v>
      </c>
      <c r="N3359" s="166">
        <v>0</v>
      </c>
      <c r="O3359" s="166">
        <v>0</v>
      </c>
      <c r="P3359" s="166">
        <v>0</v>
      </c>
      <c r="Q3359" s="166">
        <v>0</v>
      </c>
      <c r="R3359" s="166">
        <v>0</v>
      </c>
      <c r="S3359" s="166">
        <v>0</v>
      </c>
      <c r="T3359" s="166">
        <v>0</v>
      </c>
      <c r="U3359" s="166">
        <v>0</v>
      </c>
      <c r="V3359" s="166">
        <v>0</v>
      </c>
      <c r="W3359" s="166">
        <v>0</v>
      </c>
      <c r="X3359" s="166">
        <v>0</v>
      </c>
      <c r="Y3359" s="166">
        <v>0</v>
      </c>
      <c r="Z3359" s="166">
        <v>0</v>
      </c>
      <c r="AA3359" s="166">
        <v>0</v>
      </c>
      <c r="AB3359" s="166">
        <v>0</v>
      </c>
      <c r="AC3359" s="166">
        <v>0</v>
      </c>
      <c r="AD3359" s="166">
        <v>0</v>
      </c>
      <c r="AE3359" s="166">
        <v>0</v>
      </c>
      <c r="AF3359" s="166">
        <v>0</v>
      </c>
      <c r="AG3359" s="166">
        <v>0</v>
      </c>
      <c r="AH3359" s="166">
        <v>0</v>
      </c>
      <c r="AI3359" s="166">
        <v>0</v>
      </c>
      <c r="AJ3359" s="166">
        <v>0</v>
      </c>
      <c r="AK3359" s="166">
        <v>0</v>
      </c>
      <c r="AL3359" s="166">
        <v>0</v>
      </c>
      <c r="AM3359" s="166">
        <v>0</v>
      </c>
      <c r="AN3359" s="166">
        <v>0</v>
      </c>
      <c r="AO3359" s="166">
        <v>0</v>
      </c>
      <c r="AP3359" s="166">
        <v>0</v>
      </c>
      <c r="AQ3359" s="166">
        <v>0</v>
      </c>
      <c r="AR3359" s="166">
        <v>0</v>
      </c>
      <c r="AS3359" s="166">
        <v>0</v>
      </c>
      <c r="AT3359" s="166">
        <v>0</v>
      </c>
      <c r="AU3359" s="166">
        <v>0</v>
      </c>
      <c r="AV3359" s="166">
        <v>0</v>
      </c>
      <c r="AW3359" s="166">
        <v>0</v>
      </c>
      <c r="AX3359" s="166">
        <v>0</v>
      </c>
      <c r="AY3359" s="166">
        <v>0</v>
      </c>
      <c r="AZ3359" s="166">
        <v>0</v>
      </c>
      <c r="BA3359" s="166">
        <v>0</v>
      </c>
      <c r="BB3359" s="166">
        <v>0</v>
      </c>
      <c r="BC3359" s="166">
        <v>0</v>
      </c>
      <c r="BD3359" s="166">
        <v>0</v>
      </c>
      <c r="BE3359" s="166">
        <v>0</v>
      </c>
      <c r="BF3359" s="166">
        <v>0</v>
      </c>
      <c r="BG3359" s="166">
        <v>0</v>
      </c>
      <c r="BH3359" s="166">
        <v>0</v>
      </c>
      <c r="BI3359" s="166">
        <v>0</v>
      </c>
      <c r="BJ3359" s="166">
        <v>0</v>
      </c>
      <c r="BK3359" s="166">
        <v>0</v>
      </c>
      <c r="BL3359" s="166">
        <v>0</v>
      </c>
      <c r="BM3359" s="166">
        <v>0</v>
      </c>
      <c r="BN3359" s="166">
        <v>0</v>
      </c>
      <c r="BO3359" s="166">
        <v>0</v>
      </c>
      <c r="BP3359" s="166">
        <v>0</v>
      </c>
      <c r="BQ3359" s="166">
        <v>0</v>
      </c>
      <c r="BR3359" s="166">
        <v>0</v>
      </c>
      <c r="BS3359" s="166">
        <v>0</v>
      </c>
      <c r="BT3359" s="166">
        <v>0</v>
      </c>
      <c r="BU3359" s="166">
        <v>0</v>
      </c>
      <c r="BV3359" s="166">
        <v>0</v>
      </c>
      <c r="BW3359" s="166">
        <v>0</v>
      </c>
      <c r="BX3359" s="166">
        <v>0</v>
      </c>
      <c r="BY3359" s="166">
        <v>0</v>
      </c>
      <c r="BZ3359" s="166">
        <v>0</v>
      </c>
      <c r="CA3359" s="166">
        <v>0</v>
      </c>
      <c r="CB3359" s="166">
        <v>0</v>
      </c>
      <c r="CC3359" s="166">
        <v>0</v>
      </c>
      <c r="CD3359" s="166">
        <v>0</v>
      </c>
      <c r="CE3359" s="166">
        <v>0</v>
      </c>
      <c r="CF3359" s="166">
        <v>0</v>
      </c>
      <c r="CG3359" s="166">
        <v>0</v>
      </c>
      <c r="CH3359" s="166">
        <v>0</v>
      </c>
      <c r="CI3359" s="166">
        <v>0</v>
      </c>
      <c r="CJ3359" s="166">
        <v>0</v>
      </c>
      <c r="CK3359" s="166">
        <v>0</v>
      </c>
      <c r="CL3359" s="166">
        <v>0</v>
      </c>
      <c r="CM3359" s="166">
        <v>0</v>
      </c>
      <c r="CN3359" s="166">
        <v>0</v>
      </c>
      <c r="CO3359" s="166">
        <v>0</v>
      </c>
      <c r="CP3359" s="166">
        <v>0</v>
      </c>
      <c r="CQ3359" s="166">
        <v>0</v>
      </c>
      <c r="CR3359" s="166">
        <v>0</v>
      </c>
      <c r="CS3359" s="166">
        <v>0</v>
      </c>
      <c r="CT3359" s="166">
        <v>0</v>
      </c>
      <c r="CU3359" s="166">
        <v>0</v>
      </c>
      <c r="CV3359" s="166">
        <v>0</v>
      </c>
      <c r="CW3359" s="166">
        <v>0</v>
      </c>
      <c r="CX3359" s="166">
        <v>0</v>
      </c>
      <c r="CY3359" s="166">
        <v>0</v>
      </c>
      <c r="CZ3359" s="166">
        <v>0</v>
      </c>
    </row>
    <row r="3360" spans="1:104" x14ac:dyDescent="0.2">
      <c r="A3360" s="167" t="s">
        <v>644</v>
      </c>
    </row>
    <row r="3361" spans="1:104" ht="10.8" thickBot="1" x14ac:dyDescent="0.25">
      <c r="A3361" s="178" t="s">
        <v>645</v>
      </c>
      <c r="B3361" s="166">
        <v>0</v>
      </c>
      <c r="C3361" s="166">
        <v>0</v>
      </c>
      <c r="D3361" s="166">
        <v>0</v>
      </c>
      <c r="E3361" s="166">
        <v>0</v>
      </c>
      <c r="F3361" s="166">
        <v>0</v>
      </c>
      <c r="G3361" s="166">
        <v>0</v>
      </c>
      <c r="H3361" s="166">
        <v>0</v>
      </c>
      <c r="I3361" s="166">
        <v>0</v>
      </c>
      <c r="J3361" s="166">
        <v>0</v>
      </c>
      <c r="K3361" s="166">
        <v>0</v>
      </c>
      <c r="L3361" s="166">
        <v>0</v>
      </c>
      <c r="M3361" s="166">
        <v>0</v>
      </c>
      <c r="N3361" s="166">
        <v>0</v>
      </c>
      <c r="O3361" s="166">
        <v>0</v>
      </c>
      <c r="P3361" s="166">
        <v>0</v>
      </c>
      <c r="Q3361" s="166">
        <v>0</v>
      </c>
      <c r="R3361" s="166">
        <v>0</v>
      </c>
      <c r="S3361" s="166">
        <v>0</v>
      </c>
      <c r="T3361" s="166">
        <v>0</v>
      </c>
      <c r="U3361" s="166">
        <v>0</v>
      </c>
      <c r="V3361" s="166">
        <v>0</v>
      </c>
      <c r="W3361" s="166">
        <v>0</v>
      </c>
      <c r="X3361" s="166">
        <v>0</v>
      </c>
      <c r="Y3361" s="166">
        <v>0</v>
      </c>
      <c r="Z3361" s="166">
        <v>0</v>
      </c>
      <c r="AA3361" s="166">
        <v>0</v>
      </c>
      <c r="AB3361" s="166">
        <v>0</v>
      </c>
      <c r="AC3361" s="166">
        <v>0</v>
      </c>
      <c r="AD3361" s="166">
        <v>0</v>
      </c>
      <c r="AE3361" s="166">
        <v>0</v>
      </c>
      <c r="AF3361" s="166">
        <v>0</v>
      </c>
      <c r="AG3361" s="166">
        <v>0</v>
      </c>
      <c r="AH3361" s="166">
        <v>0</v>
      </c>
      <c r="AI3361" s="166">
        <v>0</v>
      </c>
      <c r="AJ3361" s="166">
        <v>0</v>
      </c>
      <c r="AK3361" s="166">
        <v>0</v>
      </c>
      <c r="AL3361" s="166">
        <v>0</v>
      </c>
      <c r="AM3361" s="166">
        <v>0</v>
      </c>
      <c r="AN3361" s="166">
        <v>0</v>
      </c>
      <c r="AO3361" s="166">
        <v>0</v>
      </c>
      <c r="AP3361" s="166">
        <v>0</v>
      </c>
      <c r="AQ3361" s="166">
        <v>0</v>
      </c>
      <c r="AR3361" s="166">
        <v>0</v>
      </c>
      <c r="AS3361" s="166">
        <v>0</v>
      </c>
      <c r="AT3361" s="166">
        <v>0</v>
      </c>
      <c r="AU3361" s="166">
        <v>0</v>
      </c>
      <c r="AV3361" s="166">
        <v>0</v>
      </c>
      <c r="AW3361" s="166">
        <v>0</v>
      </c>
      <c r="AX3361" s="166">
        <v>0</v>
      </c>
      <c r="AY3361" s="166">
        <v>0</v>
      </c>
      <c r="AZ3361" s="166">
        <v>0</v>
      </c>
      <c r="BA3361" s="166">
        <v>0</v>
      </c>
      <c r="BB3361" s="166">
        <v>0</v>
      </c>
      <c r="BC3361" s="166">
        <v>0</v>
      </c>
      <c r="BD3361" s="166">
        <v>0</v>
      </c>
      <c r="BE3361" s="166">
        <v>0</v>
      </c>
      <c r="BF3361" s="166">
        <v>0</v>
      </c>
      <c r="BG3361" s="166">
        <v>0</v>
      </c>
      <c r="BH3361" s="166">
        <v>0</v>
      </c>
      <c r="BI3361" s="166">
        <v>0</v>
      </c>
      <c r="BJ3361" s="166">
        <v>0</v>
      </c>
      <c r="BK3361" s="166">
        <v>0</v>
      </c>
      <c r="BL3361" s="166">
        <v>0</v>
      </c>
      <c r="BM3361" s="166">
        <v>0</v>
      </c>
      <c r="BN3361" s="166">
        <v>0</v>
      </c>
      <c r="BO3361" s="166">
        <v>0</v>
      </c>
      <c r="BP3361" s="166">
        <v>0</v>
      </c>
      <c r="BQ3361" s="166">
        <v>0</v>
      </c>
      <c r="BR3361" s="166">
        <v>0</v>
      </c>
      <c r="BS3361" s="166">
        <v>0</v>
      </c>
      <c r="BT3361" s="168">
        <v>0</v>
      </c>
      <c r="BU3361" s="166">
        <v>0</v>
      </c>
      <c r="BV3361" s="166">
        <v>0</v>
      </c>
      <c r="BW3361" s="166">
        <v>0</v>
      </c>
      <c r="BX3361" s="166">
        <v>0</v>
      </c>
      <c r="BY3361" s="166">
        <v>0</v>
      </c>
      <c r="BZ3361" s="166">
        <v>0</v>
      </c>
      <c r="CA3361" s="166">
        <v>0</v>
      </c>
      <c r="CB3361" s="166">
        <v>0</v>
      </c>
      <c r="CC3361" s="166">
        <v>0</v>
      </c>
      <c r="CD3361" s="166">
        <v>0</v>
      </c>
      <c r="CE3361" s="166">
        <v>0</v>
      </c>
      <c r="CF3361" s="166">
        <v>0</v>
      </c>
      <c r="CG3361" s="166">
        <v>0</v>
      </c>
      <c r="CH3361" s="166">
        <v>0</v>
      </c>
      <c r="CI3361" s="166">
        <v>0</v>
      </c>
      <c r="CJ3361" s="166">
        <v>0</v>
      </c>
      <c r="CK3361" s="166">
        <v>0</v>
      </c>
      <c r="CL3361" s="166">
        <v>0</v>
      </c>
      <c r="CM3361" s="166">
        <v>0</v>
      </c>
      <c r="CN3361" s="166">
        <v>0</v>
      </c>
      <c r="CO3361" s="166">
        <v>0</v>
      </c>
      <c r="CP3361" s="166">
        <v>0</v>
      </c>
      <c r="CQ3361" s="166">
        <v>0</v>
      </c>
      <c r="CR3361" s="166">
        <v>0</v>
      </c>
      <c r="CS3361" s="166">
        <v>0</v>
      </c>
      <c r="CT3361" s="166">
        <v>0</v>
      </c>
      <c r="CU3361" s="166">
        <v>0</v>
      </c>
      <c r="CV3361" s="166">
        <v>0</v>
      </c>
      <c r="CW3361" s="166">
        <v>0</v>
      </c>
      <c r="CX3361" s="166">
        <v>0</v>
      </c>
      <c r="CY3361" s="166">
        <v>0</v>
      </c>
      <c r="CZ3361" s="166">
        <v>0</v>
      </c>
    </row>
    <row r="3362" spans="1:104" x14ac:dyDescent="0.2">
      <c r="A3362" s="167" t="s">
        <v>646</v>
      </c>
      <c r="B3362" s="166">
        <v>0</v>
      </c>
      <c r="C3362" s="166">
        <v>0</v>
      </c>
      <c r="D3362" s="166">
        <v>0</v>
      </c>
      <c r="E3362" s="166">
        <v>0</v>
      </c>
      <c r="F3362" s="166">
        <v>0</v>
      </c>
      <c r="G3362" s="166">
        <v>0</v>
      </c>
      <c r="H3362" s="166">
        <v>0</v>
      </c>
      <c r="I3362" s="166">
        <v>0</v>
      </c>
      <c r="J3362" s="166">
        <v>0</v>
      </c>
      <c r="K3362" s="166">
        <v>0</v>
      </c>
      <c r="L3362" s="166">
        <v>0</v>
      </c>
      <c r="M3362" s="166">
        <v>0</v>
      </c>
      <c r="N3362" s="166">
        <v>0</v>
      </c>
      <c r="O3362" s="166">
        <v>0</v>
      </c>
      <c r="P3362" s="166">
        <v>0</v>
      </c>
      <c r="Q3362" s="166">
        <v>0</v>
      </c>
      <c r="R3362" s="166">
        <v>0</v>
      </c>
      <c r="S3362" s="166">
        <v>0</v>
      </c>
      <c r="T3362" s="166">
        <v>0</v>
      </c>
      <c r="U3362" s="166">
        <v>0</v>
      </c>
      <c r="V3362" s="166">
        <v>0</v>
      </c>
      <c r="W3362" s="166">
        <v>0</v>
      </c>
      <c r="X3362" s="166">
        <v>0</v>
      </c>
      <c r="Y3362" s="166">
        <v>0</v>
      </c>
      <c r="Z3362" s="166">
        <v>0</v>
      </c>
      <c r="AA3362" s="166">
        <v>0</v>
      </c>
      <c r="AB3362" s="166">
        <v>0</v>
      </c>
      <c r="AC3362" s="166">
        <v>0</v>
      </c>
      <c r="AD3362" s="166">
        <v>0</v>
      </c>
      <c r="AE3362" s="166">
        <v>0</v>
      </c>
      <c r="AF3362" s="166">
        <v>0</v>
      </c>
      <c r="AG3362" s="166">
        <v>0</v>
      </c>
      <c r="AH3362" s="166">
        <v>0</v>
      </c>
      <c r="AI3362" s="166">
        <v>0</v>
      </c>
      <c r="AJ3362" s="166">
        <v>0</v>
      </c>
      <c r="AK3362" s="166">
        <v>0</v>
      </c>
      <c r="AL3362" s="166">
        <v>0</v>
      </c>
      <c r="AM3362" s="166">
        <v>0</v>
      </c>
      <c r="AN3362" s="166">
        <v>0</v>
      </c>
      <c r="AO3362" s="166">
        <v>0</v>
      </c>
      <c r="AP3362" s="166">
        <v>0</v>
      </c>
      <c r="AQ3362" s="166">
        <v>0</v>
      </c>
      <c r="AR3362" s="166">
        <v>0</v>
      </c>
      <c r="AS3362" s="166">
        <v>0</v>
      </c>
      <c r="AT3362" s="166">
        <v>0</v>
      </c>
      <c r="AU3362" s="166">
        <v>0</v>
      </c>
      <c r="AV3362" s="166">
        <v>0</v>
      </c>
      <c r="AW3362" s="166">
        <v>0</v>
      </c>
      <c r="AX3362" s="166">
        <v>0</v>
      </c>
      <c r="AY3362" s="166">
        <v>0</v>
      </c>
      <c r="AZ3362" s="166">
        <v>0</v>
      </c>
      <c r="BA3362" s="166">
        <v>0</v>
      </c>
      <c r="BB3362" s="166">
        <v>0</v>
      </c>
      <c r="BC3362" s="166">
        <v>0</v>
      </c>
      <c r="BD3362" s="166">
        <v>0</v>
      </c>
      <c r="BE3362" s="166">
        <v>0</v>
      </c>
      <c r="BF3362" s="166">
        <v>0</v>
      </c>
      <c r="BG3362" s="166">
        <v>0</v>
      </c>
      <c r="BH3362" s="166">
        <v>0</v>
      </c>
      <c r="BI3362" s="166">
        <v>0</v>
      </c>
      <c r="BJ3362" s="166">
        <v>0</v>
      </c>
      <c r="BK3362" s="166">
        <v>0</v>
      </c>
      <c r="BL3362" s="166">
        <v>0</v>
      </c>
      <c r="BM3362" s="166">
        <v>0</v>
      </c>
      <c r="BN3362" s="166">
        <v>0</v>
      </c>
      <c r="BO3362" s="166">
        <v>0</v>
      </c>
      <c r="BP3362" s="166">
        <v>0</v>
      </c>
      <c r="BQ3362" s="166">
        <v>0</v>
      </c>
      <c r="BR3362" s="166">
        <v>0</v>
      </c>
      <c r="BS3362" s="166">
        <v>0</v>
      </c>
      <c r="BT3362" s="168">
        <v>0</v>
      </c>
      <c r="BU3362" s="166">
        <v>0</v>
      </c>
      <c r="BV3362" s="166">
        <v>0</v>
      </c>
      <c r="BW3362" s="166">
        <v>0</v>
      </c>
      <c r="BX3362" s="166">
        <v>0</v>
      </c>
      <c r="BY3362" s="166">
        <v>0</v>
      </c>
      <c r="BZ3362" s="166">
        <v>0</v>
      </c>
      <c r="CA3362" s="166">
        <v>0</v>
      </c>
      <c r="CB3362" s="166">
        <v>0</v>
      </c>
      <c r="CC3362" s="166">
        <v>0</v>
      </c>
      <c r="CD3362" s="166">
        <v>0</v>
      </c>
      <c r="CE3362" s="166">
        <v>0</v>
      </c>
      <c r="CF3362" s="166">
        <v>0</v>
      </c>
      <c r="CG3362" s="166">
        <v>0</v>
      </c>
      <c r="CH3362" s="166">
        <v>0</v>
      </c>
      <c r="CI3362" s="166">
        <v>0</v>
      </c>
      <c r="CJ3362" s="166">
        <v>0</v>
      </c>
      <c r="CK3362" s="166">
        <v>0</v>
      </c>
      <c r="CL3362" s="166">
        <v>0</v>
      </c>
      <c r="CM3362" s="166">
        <v>0</v>
      </c>
      <c r="CN3362" s="166">
        <v>0</v>
      </c>
      <c r="CO3362" s="166">
        <v>0</v>
      </c>
      <c r="CP3362" s="166">
        <v>0</v>
      </c>
      <c r="CQ3362" s="166">
        <v>0</v>
      </c>
      <c r="CR3362" s="166">
        <v>0</v>
      </c>
      <c r="CS3362" s="166">
        <v>0</v>
      </c>
      <c r="CT3362" s="166">
        <v>0</v>
      </c>
      <c r="CU3362" s="166">
        <v>0</v>
      </c>
      <c r="CV3362" s="166">
        <v>0</v>
      </c>
      <c r="CW3362" s="166">
        <v>0</v>
      </c>
      <c r="CX3362" s="166">
        <v>0</v>
      </c>
      <c r="CY3362" s="166">
        <v>0</v>
      </c>
      <c r="CZ3362" s="166">
        <v>3972974211.2384601</v>
      </c>
    </row>
    <row r="3363" spans="1:104" x14ac:dyDescent="0.2">
      <c r="A3363" s="167" t="s">
        <v>647</v>
      </c>
      <c r="B3363" s="166">
        <v>0</v>
      </c>
      <c r="C3363" s="166">
        <v>0</v>
      </c>
      <c r="D3363" s="166">
        <v>0</v>
      </c>
      <c r="E3363" s="166">
        <v>0</v>
      </c>
      <c r="F3363" s="166">
        <v>0</v>
      </c>
      <c r="G3363" s="166">
        <v>0</v>
      </c>
      <c r="H3363" s="166">
        <v>0</v>
      </c>
      <c r="I3363" s="166">
        <v>0</v>
      </c>
      <c r="J3363" s="166">
        <v>0</v>
      </c>
      <c r="K3363" s="166">
        <v>0</v>
      </c>
      <c r="L3363" s="166">
        <v>0</v>
      </c>
      <c r="M3363" s="166">
        <v>0</v>
      </c>
      <c r="N3363" s="166">
        <v>0</v>
      </c>
      <c r="O3363" s="166">
        <v>0</v>
      </c>
      <c r="P3363" s="166">
        <v>0</v>
      </c>
      <c r="Q3363" s="166">
        <v>0</v>
      </c>
      <c r="R3363" s="166">
        <v>0</v>
      </c>
      <c r="S3363" s="166">
        <v>0</v>
      </c>
      <c r="T3363" s="166">
        <v>0</v>
      </c>
      <c r="U3363" s="166">
        <v>0</v>
      </c>
      <c r="V3363" s="166">
        <v>0</v>
      </c>
      <c r="W3363" s="166">
        <v>0</v>
      </c>
      <c r="X3363" s="166">
        <v>0</v>
      </c>
      <c r="Y3363" s="166">
        <v>0</v>
      </c>
      <c r="Z3363" s="166">
        <v>0</v>
      </c>
      <c r="AA3363" s="166">
        <v>0</v>
      </c>
      <c r="AB3363" s="166">
        <v>0</v>
      </c>
      <c r="AC3363" s="166">
        <v>0</v>
      </c>
      <c r="AD3363" s="166">
        <v>0</v>
      </c>
      <c r="AE3363" s="166">
        <v>0</v>
      </c>
      <c r="AF3363" s="166">
        <v>0</v>
      </c>
      <c r="AG3363" s="166">
        <v>0</v>
      </c>
      <c r="AH3363" s="166">
        <v>0</v>
      </c>
      <c r="AI3363" s="166">
        <v>0</v>
      </c>
      <c r="AJ3363" s="166">
        <v>0</v>
      </c>
      <c r="AK3363" s="166">
        <v>0</v>
      </c>
      <c r="AL3363" s="166">
        <v>0</v>
      </c>
      <c r="AM3363" s="166">
        <v>0</v>
      </c>
      <c r="AN3363" s="166">
        <v>0</v>
      </c>
      <c r="AO3363" s="166">
        <v>0</v>
      </c>
      <c r="AP3363" s="166">
        <v>0</v>
      </c>
      <c r="AQ3363" s="166">
        <v>0</v>
      </c>
      <c r="AR3363" s="166">
        <v>0</v>
      </c>
      <c r="AS3363" s="166">
        <v>0</v>
      </c>
      <c r="AT3363" s="166">
        <v>0</v>
      </c>
      <c r="AU3363" s="166">
        <v>0</v>
      </c>
      <c r="AV3363" s="166">
        <v>0</v>
      </c>
      <c r="AW3363" s="166">
        <v>0</v>
      </c>
      <c r="AX3363" s="166">
        <v>0</v>
      </c>
      <c r="AY3363" s="166">
        <v>0</v>
      </c>
      <c r="AZ3363" s="166">
        <v>0</v>
      </c>
      <c r="BA3363" s="166">
        <v>0</v>
      </c>
      <c r="BB3363" s="166">
        <v>0</v>
      </c>
      <c r="BC3363" s="166">
        <v>0</v>
      </c>
      <c r="BD3363" s="166">
        <v>0</v>
      </c>
      <c r="BE3363" s="166">
        <v>0</v>
      </c>
      <c r="BF3363" s="166">
        <v>0</v>
      </c>
      <c r="BG3363" s="166">
        <v>0</v>
      </c>
      <c r="BH3363" s="166">
        <v>0</v>
      </c>
      <c r="BI3363" s="166">
        <v>0</v>
      </c>
      <c r="BJ3363" s="166">
        <v>0</v>
      </c>
      <c r="BK3363" s="166">
        <v>0</v>
      </c>
      <c r="BL3363" s="166">
        <v>0</v>
      </c>
      <c r="BM3363" s="166">
        <v>0</v>
      </c>
      <c r="BN3363" s="166">
        <v>0</v>
      </c>
      <c r="BO3363" s="166">
        <v>0</v>
      </c>
      <c r="BP3363" s="166">
        <v>0</v>
      </c>
      <c r="BQ3363" s="166">
        <v>0</v>
      </c>
      <c r="BR3363" s="166">
        <v>0</v>
      </c>
      <c r="BS3363" s="166">
        <v>8972754783.0282097</v>
      </c>
      <c r="BT3363" s="168">
        <v>0</v>
      </c>
      <c r="BU3363" s="166">
        <v>0</v>
      </c>
      <c r="BV3363" s="166">
        <v>0</v>
      </c>
      <c r="BW3363" s="166">
        <v>0</v>
      </c>
      <c r="BX3363" s="166">
        <v>0</v>
      </c>
      <c r="BY3363" s="166">
        <v>0</v>
      </c>
      <c r="BZ3363" s="166">
        <v>0</v>
      </c>
      <c r="CA3363" s="166">
        <v>0</v>
      </c>
      <c r="CB3363" s="166">
        <v>0</v>
      </c>
      <c r="CC3363" s="166">
        <v>0</v>
      </c>
      <c r="CD3363" s="166">
        <v>0</v>
      </c>
      <c r="CE3363" s="166">
        <v>0</v>
      </c>
      <c r="CF3363" s="166">
        <v>0</v>
      </c>
      <c r="CG3363" s="166">
        <v>0</v>
      </c>
      <c r="CH3363" s="166">
        <v>0</v>
      </c>
      <c r="CI3363" s="166">
        <v>0</v>
      </c>
      <c r="CJ3363" s="166">
        <v>0</v>
      </c>
      <c r="CK3363" s="166">
        <v>0</v>
      </c>
      <c r="CL3363" s="166">
        <v>0</v>
      </c>
      <c r="CM3363" s="166">
        <v>0</v>
      </c>
      <c r="CN3363" s="166">
        <v>0</v>
      </c>
      <c r="CO3363" s="166">
        <v>0</v>
      </c>
      <c r="CP3363" s="166">
        <v>0</v>
      </c>
      <c r="CQ3363" s="166">
        <v>0</v>
      </c>
      <c r="CR3363" s="166">
        <v>0</v>
      </c>
      <c r="CS3363" s="166">
        <v>0</v>
      </c>
      <c r="CT3363" s="166">
        <v>0</v>
      </c>
      <c r="CU3363" s="166">
        <v>0</v>
      </c>
      <c r="CV3363" s="166">
        <v>0</v>
      </c>
      <c r="CW3363" s="166">
        <v>0</v>
      </c>
      <c r="CX3363" s="166">
        <v>0</v>
      </c>
      <c r="CY3363" s="166">
        <v>0</v>
      </c>
      <c r="CZ3363" s="166">
        <v>8972754783.0282097</v>
      </c>
    </row>
    <row r="3364" spans="1:104" x14ac:dyDescent="0.2">
      <c r="A3364" s="167" t="s">
        <v>648</v>
      </c>
      <c r="B3364" s="166">
        <v>0</v>
      </c>
      <c r="C3364" s="166">
        <v>0</v>
      </c>
      <c r="D3364" s="166">
        <v>0</v>
      </c>
      <c r="E3364" s="166">
        <v>0</v>
      </c>
      <c r="F3364" s="166">
        <v>0</v>
      </c>
      <c r="G3364" s="166">
        <v>0</v>
      </c>
      <c r="H3364" s="166">
        <v>0</v>
      </c>
      <c r="I3364" s="166">
        <v>0</v>
      </c>
      <c r="J3364" s="166">
        <v>0</v>
      </c>
      <c r="K3364" s="166">
        <v>0</v>
      </c>
      <c r="L3364" s="166">
        <v>0</v>
      </c>
      <c r="M3364" s="166">
        <v>0</v>
      </c>
      <c r="N3364" s="166">
        <v>0</v>
      </c>
      <c r="O3364" s="166">
        <v>0</v>
      </c>
      <c r="P3364" s="166">
        <v>0</v>
      </c>
      <c r="Q3364" s="166">
        <v>0</v>
      </c>
      <c r="R3364" s="166">
        <v>0</v>
      </c>
      <c r="S3364" s="166">
        <v>0</v>
      </c>
      <c r="T3364" s="166">
        <v>0</v>
      </c>
      <c r="U3364" s="166">
        <v>0</v>
      </c>
      <c r="V3364" s="166">
        <v>0</v>
      </c>
      <c r="W3364" s="166">
        <v>0</v>
      </c>
      <c r="X3364" s="166">
        <v>0</v>
      </c>
      <c r="Y3364" s="166">
        <v>0</v>
      </c>
      <c r="Z3364" s="166">
        <v>0</v>
      </c>
      <c r="AA3364" s="166">
        <v>0</v>
      </c>
      <c r="AB3364" s="166">
        <v>0</v>
      </c>
      <c r="AC3364" s="166">
        <v>0</v>
      </c>
      <c r="AD3364" s="166">
        <v>0</v>
      </c>
      <c r="AE3364" s="166">
        <v>0</v>
      </c>
      <c r="AF3364" s="166">
        <v>0</v>
      </c>
      <c r="AG3364" s="166">
        <v>0</v>
      </c>
      <c r="AH3364" s="166">
        <v>0</v>
      </c>
      <c r="AI3364" s="166">
        <v>0</v>
      </c>
      <c r="AJ3364" s="166">
        <v>0</v>
      </c>
      <c r="AK3364" s="166">
        <v>0</v>
      </c>
      <c r="AL3364" s="166">
        <v>0</v>
      </c>
      <c r="AM3364" s="166">
        <v>0</v>
      </c>
      <c r="AN3364" s="166">
        <v>0</v>
      </c>
      <c r="AO3364" s="166">
        <v>0</v>
      </c>
      <c r="AP3364" s="166">
        <v>0</v>
      </c>
      <c r="AQ3364" s="166">
        <v>0</v>
      </c>
      <c r="AR3364" s="166">
        <v>0</v>
      </c>
      <c r="AS3364" s="166">
        <v>0</v>
      </c>
      <c r="AT3364" s="166">
        <v>0</v>
      </c>
      <c r="AU3364" s="166">
        <v>0</v>
      </c>
      <c r="AV3364" s="166">
        <v>0</v>
      </c>
      <c r="AW3364" s="166">
        <v>0</v>
      </c>
      <c r="AX3364" s="166">
        <v>0</v>
      </c>
      <c r="AY3364" s="166">
        <v>0</v>
      </c>
      <c r="AZ3364" s="166">
        <v>0</v>
      </c>
      <c r="BA3364" s="166">
        <v>0</v>
      </c>
      <c r="BB3364" s="166">
        <v>0</v>
      </c>
      <c r="BC3364" s="166">
        <v>0</v>
      </c>
      <c r="BD3364" s="166">
        <v>0</v>
      </c>
      <c r="BE3364" s="166">
        <v>0</v>
      </c>
      <c r="BF3364" s="166">
        <v>0</v>
      </c>
      <c r="BG3364" s="166">
        <v>0</v>
      </c>
      <c r="BH3364" s="166">
        <v>0</v>
      </c>
      <c r="BI3364" s="166">
        <v>0</v>
      </c>
      <c r="BJ3364" s="166">
        <v>0</v>
      </c>
      <c r="BK3364" s="166">
        <v>0</v>
      </c>
      <c r="BL3364" s="166">
        <v>0</v>
      </c>
      <c r="BM3364" s="166">
        <v>0</v>
      </c>
      <c r="BN3364" s="166">
        <v>0</v>
      </c>
      <c r="BO3364" s="166">
        <v>0</v>
      </c>
      <c r="BP3364" s="166">
        <v>0</v>
      </c>
      <c r="BQ3364" s="166">
        <v>0</v>
      </c>
      <c r="BR3364" s="166">
        <v>0</v>
      </c>
      <c r="BS3364" s="166">
        <v>0</v>
      </c>
      <c r="BT3364" s="168">
        <v>0</v>
      </c>
      <c r="BU3364" s="166">
        <v>0</v>
      </c>
      <c r="BV3364" s="166">
        <v>0</v>
      </c>
      <c r="BW3364" s="166">
        <v>0</v>
      </c>
      <c r="BX3364" s="166">
        <v>0</v>
      </c>
      <c r="BY3364" s="166">
        <v>0</v>
      </c>
      <c r="BZ3364" s="166">
        <v>0</v>
      </c>
      <c r="CA3364" s="166">
        <v>0</v>
      </c>
      <c r="CB3364" s="166">
        <v>0</v>
      </c>
      <c r="CC3364" s="166">
        <v>0</v>
      </c>
      <c r="CD3364" s="166">
        <v>0</v>
      </c>
      <c r="CE3364" s="166">
        <v>0</v>
      </c>
      <c r="CF3364" s="166">
        <v>0</v>
      </c>
      <c r="CG3364" s="166">
        <v>0</v>
      </c>
      <c r="CH3364" s="166">
        <v>0</v>
      </c>
      <c r="CI3364" s="166">
        <v>0</v>
      </c>
      <c r="CJ3364" s="166">
        <v>0</v>
      </c>
      <c r="CK3364" s="166">
        <v>0</v>
      </c>
      <c r="CL3364" s="166">
        <v>0</v>
      </c>
      <c r="CM3364" s="166">
        <v>0</v>
      </c>
      <c r="CN3364" s="166">
        <v>0</v>
      </c>
      <c r="CO3364" s="166">
        <v>0</v>
      </c>
      <c r="CP3364" s="166">
        <v>0</v>
      </c>
      <c r="CQ3364" s="166">
        <v>0</v>
      </c>
      <c r="CR3364" s="166">
        <v>0</v>
      </c>
      <c r="CS3364" s="166">
        <v>0</v>
      </c>
      <c r="CT3364" s="166">
        <v>0</v>
      </c>
      <c r="CU3364" s="166">
        <v>0</v>
      </c>
      <c r="CV3364" s="166">
        <v>0</v>
      </c>
      <c r="CW3364" s="166">
        <v>0</v>
      </c>
      <c r="CX3364" s="166">
        <v>0</v>
      </c>
      <c r="CY3364" s="166">
        <v>0</v>
      </c>
      <c r="CZ3364" s="179">
        <v>5.31520885444536</v>
      </c>
    </row>
    <row r="3365" spans="1:104" x14ac:dyDescent="0.2">
      <c r="A3365" s="167" t="s">
        <v>649</v>
      </c>
      <c r="B3365" s="166">
        <v>0</v>
      </c>
      <c r="C3365" s="166">
        <v>0</v>
      </c>
      <c r="D3365" s="166">
        <v>0</v>
      </c>
      <c r="E3365" s="166">
        <v>0</v>
      </c>
      <c r="F3365" s="166">
        <v>0</v>
      </c>
      <c r="G3365" s="166">
        <v>0</v>
      </c>
      <c r="H3365" s="166">
        <v>0</v>
      </c>
      <c r="I3365" s="166">
        <v>0</v>
      </c>
      <c r="J3365" s="166">
        <v>0</v>
      </c>
      <c r="K3365" s="166">
        <v>0</v>
      </c>
      <c r="L3365" s="166">
        <v>0</v>
      </c>
      <c r="M3365" s="166">
        <v>0</v>
      </c>
      <c r="N3365" s="166">
        <v>0</v>
      </c>
      <c r="O3365" s="166">
        <v>0</v>
      </c>
      <c r="P3365" s="166">
        <v>0</v>
      </c>
      <c r="Q3365" s="166">
        <v>0</v>
      </c>
      <c r="R3365" s="166">
        <v>0</v>
      </c>
      <c r="S3365" s="166">
        <v>0</v>
      </c>
      <c r="T3365" s="166">
        <v>0</v>
      </c>
      <c r="U3365" s="166">
        <v>0</v>
      </c>
      <c r="V3365" s="166">
        <v>0</v>
      </c>
      <c r="W3365" s="166">
        <v>0</v>
      </c>
      <c r="X3365" s="166">
        <v>0</v>
      </c>
      <c r="Y3365" s="166">
        <v>0</v>
      </c>
      <c r="Z3365" s="166">
        <v>0</v>
      </c>
      <c r="AA3365" s="166">
        <v>0</v>
      </c>
      <c r="AB3365" s="166">
        <v>0</v>
      </c>
      <c r="AC3365" s="166">
        <v>0</v>
      </c>
      <c r="AD3365" s="166">
        <v>0</v>
      </c>
      <c r="AE3365" s="166">
        <v>0</v>
      </c>
      <c r="AF3365" s="166">
        <v>0</v>
      </c>
      <c r="AG3365" s="166">
        <v>0</v>
      </c>
      <c r="AH3365" s="166">
        <v>0</v>
      </c>
      <c r="AI3365" s="166">
        <v>0</v>
      </c>
      <c r="AJ3365" s="166">
        <v>0</v>
      </c>
      <c r="AK3365" s="166">
        <v>0</v>
      </c>
      <c r="AL3365" s="166">
        <v>0</v>
      </c>
      <c r="AM3365" s="166">
        <v>0</v>
      </c>
      <c r="AN3365" s="166">
        <v>0</v>
      </c>
      <c r="AO3365" s="166">
        <v>0</v>
      </c>
      <c r="AP3365" s="166">
        <v>0</v>
      </c>
      <c r="AQ3365" s="166">
        <v>0</v>
      </c>
      <c r="AR3365" s="166">
        <v>0</v>
      </c>
      <c r="AS3365" s="166">
        <v>0</v>
      </c>
      <c r="AT3365" s="166">
        <v>0</v>
      </c>
      <c r="AU3365" s="166">
        <v>0</v>
      </c>
      <c r="AV3365" s="166">
        <v>0</v>
      </c>
      <c r="AW3365" s="166">
        <v>0</v>
      </c>
      <c r="AX3365" s="166">
        <v>0</v>
      </c>
      <c r="AY3365" s="166">
        <v>0</v>
      </c>
      <c r="AZ3365" s="166">
        <v>0</v>
      </c>
      <c r="BA3365" s="166">
        <v>0</v>
      </c>
      <c r="BB3365" s="166">
        <v>0</v>
      </c>
      <c r="BC3365" s="166">
        <v>0</v>
      </c>
      <c r="BD3365" s="166">
        <v>0</v>
      </c>
      <c r="BE3365" s="166">
        <v>0</v>
      </c>
      <c r="BF3365" s="166">
        <v>0</v>
      </c>
      <c r="BG3365" s="166">
        <v>0</v>
      </c>
      <c r="BH3365" s="166">
        <v>0</v>
      </c>
      <c r="BI3365" s="166">
        <v>0</v>
      </c>
      <c r="BJ3365" s="166">
        <v>0</v>
      </c>
      <c r="BK3365" s="166">
        <v>0</v>
      </c>
      <c r="BL3365" s="166">
        <v>0</v>
      </c>
      <c r="BM3365" s="166">
        <v>0</v>
      </c>
      <c r="BN3365" s="166">
        <v>0</v>
      </c>
      <c r="BO3365" s="166">
        <v>0</v>
      </c>
      <c r="BP3365" s="166">
        <v>0</v>
      </c>
      <c r="BQ3365" s="166">
        <v>0</v>
      </c>
      <c r="BR3365" s="166">
        <v>0</v>
      </c>
      <c r="BS3365" s="166">
        <v>0</v>
      </c>
      <c r="BT3365" s="168">
        <v>0</v>
      </c>
      <c r="BU3365" s="166">
        <v>0</v>
      </c>
      <c r="BV3365" s="166">
        <v>0</v>
      </c>
      <c r="BW3365" s="166">
        <v>0</v>
      </c>
      <c r="BX3365" s="166">
        <v>0</v>
      </c>
      <c r="BY3365" s="166">
        <v>0</v>
      </c>
      <c r="BZ3365" s="166">
        <v>0</v>
      </c>
      <c r="CA3365" s="166">
        <v>0</v>
      </c>
      <c r="CB3365" s="166">
        <v>0</v>
      </c>
      <c r="CC3365" s="166">
        <v>0</v>
      </c>
      <c r="CD3365" s="166">
        <v>0</v>
      </c>
      <c r="CE3365" s="166">
        <v>0</v>
      </c>
      <c r="CF3365" s="166">
        <v>0</v>
      </c>
      <c r="CG3365" s="166">
        <v>0</v>
      </c>
      <c r="CH3365" s="166">
        <v>0</v>
      </c>
      <c r="CI3365" s="166">
        <v>0</v>
      </c>
      <c r="CJ3365" s="166">
        <v>0</v>
      </c>
      <c r="CK3365" s="166">
        <v>0</v>
      </c>
      <c r="CL3365" s="166">
        <v>0</v>
      </c>
      <c r="CM3365" s="166">
        <v>0</v>
      </c>
      <c r="CN3365" s="166">
        <v>0</v>
      </c>
      <c r="CO3365" s="166">
        <v>0</v>
      </c>
      <c r="CP3365" s="166">
        <v>0</v>
      </c>
      <c r="CQ3365" s="166">
        <v>0</v>
      </c>
      <c r="CR3365" s="166">
        <v>0</v>
      </c>
      <c r="CS3365" s="166">
        <v>0</v>
      </c>
      <c r="CT3365" s="166">
        <v>0</v>
      </c>
      <c r="CU3365" s="166">
        <v>0</v>
      </c>
      <c r="CV3365" s="166">
        <v>0</v>
      </c>
      <c r="CW3365" s="166">
        <v>0</v>
      </c>
      <c r="CX3365" s="166">
        <v>0</v>
      </c>
      <c r="CY3365" s="166">
        <v>0</v>
      </c>
      <c r="CZ3365" s="166">
        <v>0</v>
      </c>
    </row>
    <row r="3366" spans="1:104" x14ac:dyDescent="0.2">
      <c r="A3366" s="167" t="s">
        <v>650</v>
      </c>
      <c r="B3366" s="166">
        <v>0</v>
      </c>
      <c r="C3366" s="166">
        <v>0</v>
      </c>
      <c r="D3366" s="166">
        <v>0</v>
      </c>
      <c r="E3366" s="166">
        <v>0</v>
      </c>
      <c r="F3366" s="166">
        <v>0</v>
      </c>
      <c r="G3366" s="166">
        <v>0</v>
      </c>
      <c r="H3366" s="166">
        <v>0</v>
      </c>
      <c r="I3366" s="166">
        <v>0</v>
      </c>
      <c r="J3366" s="166">
        <v>0</v>
      </c>
      <c r="K3366" s="166">
        <v>0</v>
      </c>
      <c r="L3366" s="166">
        <v>0</v>
      </c>
      <c r="M3366" s="166">
        <v>0</v>
      </c>
      <c r="N3366" s="166">
        <v>0</v>
      </c>
      <c r="O3366" s="166">
        <v>0</v>
      </c>
      <c r="P3366" s="166">
        <v>0</v>
      </c>
      <c r="Q3366" s="166">
        <v>0</v>
      </c>
      <c r="R3366" s="166">
        <v>0</v>
      </c>
      <c r="S3366" s="166">
        <v>0</v>
      </c>
      <c r="T3366" s="166">
        <v>0</v>
      </c>
      <c r="U3366" s="166">
        <v>0</v>
      </c>
      <c r="V3366" s="166">
        <v>0</v>
      </c>
      <c r="W3366" s="166">
        <v>0</v>
      </c>
      <c r="X3366" s="166">
        <v>0</v>
      </c>
      <c r="Y3366" s="166">
        <v>0</v>
      </c>
      <c r="Z3366" s="166">
        <v>0</v>
      </c>
      <c r="AA3366" s="166">
        <v>0</v>
      </c>
      <c r="AB3366" s="166">
        <v>0</v>
      </c>
      <c r="AC3366" s="166">
        <v>0</v>
      </c>
      <c r="AD3366" s="166">
        <v>0</v>
      </c>
      <c r="AE3366" s="166">
        <v>0</v>
      </c>
      <c r="AF3366" s="166">
        <v>0</v>
      </c>
      <c r="AG3366" s="166">
        <v>0</v>
      </c>
      <c r="AH3366" s="166">
        <v>0</v>
      </c>
      <c r="AI3366" s="166">
        <v>0</v>
      </c>
      <c r="AJ3366" s="166">
        <v>0</v>
      </c>
      <c r="AK3366" s="166">
        <v>0</v>
      </c>
      <c r="AL3366" s="166">
        <v>0</v>
      </c>
      <c r="AM3366" s="166">
        <v>0</v>
      </c>
      <c r="AN3366" s="166">
        <v>0</v>
      </c>
      <c r="AO3366" s="166">
        <v>0</v>
      </c>
      <c r="AP3366" s="166">
        <v>0</v>
      </c>
      <c r="AQ3366" s="166">
        <v>0</v>
      </c>
      <c r="AR3366" s="166">
        <v>0</v>
      </c>
      <c r="AS3366" s="166">
        <v>0</v>
      </c>
      <c r="AT3366" s="166">
        <v>0</v>
      </c>
      <c r="AU3366" s="166">
        <v>0</v>
      </c>
      <c r="AV3366" s="166">
        <v>0</v>
      </c>
      <c r="AW3366" s="166">
        <v>0</v>
      </c>
      <c r="AX3366" s="166">
        <v>0</v>
      </c>
      <c r="AY3366" s="166">
        <v>0</v>
      </c>
      <c r="AZ3366" s="166">
        <v>0</v>
      </c>
      <c r="BA3366" s="166">
        <v>0</v>
      </c>
      <c r="BB3366" s="166">
        <v>0</v>
      </c>
      <c r="BC3366" s="166">
        <v>0</v>
      </c>
      <c r="BD3366" s="166">
        <v>0</v>
      </c>
      <c r="BE3366" s="166">
        <v>0</v>
      </c>
      <c r="BF3366" s="166">
        <v>0</v>
      </c>
      <c r="BG3366" s="166">
        <v>0</v>
      </c>
      <c r="BH3366" s="166">
        <v>0</v>
      </c>
      <c r="BI3366" s="166">
        <v>0</v>
      </c>
      <c r="BJ3366" s="166">
        <v>0</v>
      </c>
      <c r="BK3366" s="166">
        <v>0</v>
      </c>
      <c r="BL3366" s="166">
        <v>0</v>
      </c>
      <c r="BM3366" s="166">
        <v>0</v>
      </c>
      <c r="BN3366" s="166">
        <v>0</v>
      </c>
      <c r="BO3366" s="166">
        <v>0</v>
      </c>
      <c r="BP3366" s="166">
        <v>0</v>
      </c>
      <c r="BQ3366" s="166">
        <v>0</v>
      </c>
      <c r="BR3366" s="166">
        <v>0</v>
      </c>
      <c r="BS3366" s="166">
        <v>0</v>
      </c>
      <c r="BT3366" s="168">
        <v>0</v>
      </c>
      <c r="BU3366" s="166">
        <v>0</v>
      </c>
      <c r="BV3366" s="166">
        <v>0</v>
      </c>
      <c r="BW3366" s="166">
        <v>0</v>
      </c>
      <c r="BX3366" s="166">
        <v>0</v>
      </c>
      <c r="BY3366" s="166">
        <v>0</v>
      </c>
      <c r="BZ3366" s="166">
        <v>0</v>
      </c>
      <c r="CA3366" s="166">
        <v>0</v>
      </c>
      <c r="CB3366" s="166">
        <v>0</v>
      </c>
      <c r="CC3366" s="166">
        <v>0</v>
      </c>
      <c r="CD3366" s="166">
        <v>0</v>
      </c>
      <c r="CE3366" s="166">
        <v>0</v>
      </c>
      <c r="CF3366" s="166">
        <v>0</v>
      </c>
      <c r="CG3366" s="166">
        <v>0</v>
      </c>
      <c r="CH3366" s="166">
        <v>0</v>
      </c>
      <c r="CI3366" s="166">
        <v>0</v>
      </c>
      <c r="CJ3366" s="166">
        <v>0</v>
      </c>
      <c r="CK3366" s="166">
        <v>0</v>
      </c>
      <c r="CL3366" s="166">
        <v>0</v>
      </c>
      <c r="CM3366" s="166">
        <v>0</v>
      </c>
      <c r="CN3366" s="166">
        <v>0</v>
      </c>
      <c r="CO3366" s="166">
        <v>0</v>
      </c>
      <c r="CP3366" s="166">
        <v>0</v>
      </c>
      <c r="CQ3366" s="166">
        <v>0</v>
      </c>
      <c r="CR3366" s="166">
        <v>0</v>
      </c>
      <c r="CS3366" s="166">
        <v>0</v>
      </c>
      <c r="CT3366" s="166">
        <v>0</v>
      </c>
      <c r="CU3366" s="166">
        <v>0</v>
      </c>
      <c r="CV3366" s="166">
        <v>0</v>
      </c>
      <c r="CW3366" s="166">
        <v>0</v>
      </c>
      <c r="CX3366" s="166">
        <v>0</v>
      </c>
      <c r="CY3366" s="166">
        <v>0</v>
      </c>
      <c r="CZ3366" s="166">
        <v>0</v>
      </c>
    </row>
    <row r="3367" spans="1:104" x14ac:dyDescent="0.2">
      <c r="A3367" s="167" t="s">
        <v>651</v>
      </c>
    </row>
    <row r="3368" spans="1:104" x14ac:dyDescent="0.2">
      <c r="A3368" s="167" t="s">
        <v>652</v>
      </c>
    </row>
    <row r="3369" spans="1:104" x14ac:dyDescent="0.2">
      <c r="A3369" s="167" t="s">
        <v>653</v>
      </c>
    </row>
  </sheetData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42</oddFooter>
  </headerFooter>
  <colBreaks count="1" manualBreakCount="1">
    <brk id="104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37F8D92-77DD-4CC5-9A43-6CD7C2326D2E}">
  <dimension ref="A1:P50"/>
  <sheetViews>
    <sheetView tabSelected="1" view="pageBreakPreview" zoomScale="90" zoomScaleNormal="100" zoomScaleSheetLayoutView="90" workbookViewId="0">
      <selection activeCell="F30" sqref="F30"/>
    </sheetView>
  </sheetViews>
  <sheetFormatPr defaultColWidth="9.109375" defaultRowHeight="13.8" outlineLevelCol="1" x14ac:dyDescent="0.3"/>
  <cols>
    <col min="1" max="1" width="3.6640625" style="2" customWidth="1"/>
    <col min="2" max="2" width="57.33203125" style="2" customWidth="1"/>
    <col min="3" max="3" width="44.6640625" style="2" hidden="1" customWidth="1" outlineLevel="1"/>
    <col min="4" max="7" width="12.33203125" style="2" hidden="1" customWidth="1" outlineLevel="1"/>
    <col min="8" max="8" width="18.109375" style="2" customWidth="1" collapsed="1"/>
    <col min="9" max="11" width="18.109375" style="2" customWidth="1"/>
    <col min="12" max="12" width="5.109375" style="2" customWidth="1"/>
    <col min="13" max="13" width="13.77734375" style="2" customWidth="1"/>
    <col min="14" max="14" width="12.44140625" style="2" customWidth="1"/>
    <col min="15" max="15" width="12.109375" style="2" customWidth="1"/>
    <col min="16" max="16" width="12" style="2" customWidth="1"/>
    <col min="17" max="16384" width="9.109375" style="2"/>
  </cols>
  <sheetData>
    <row r="1" spans="1:16" x14ac:dyDescent="0.3">
      <c r="A1" s="1" t="s">
        <v>33</v>
      </c>
      <c r="B1" s="116"/>
      <c r="C1" s="116"/>
      <c r="D1" s="116"/>
      <c r="E1" s="116"/>
      <c r="F1" s="116"/>
      <c r="G1" s="116"/>
      <c r="I1" s="121" t="s">
        <v>34</v>
      </c>
      <c r="J1" s="121"/>
      <c r="K1" s="121"/>
      <c r="L1" s="1"/>
      <c r="M1" s="1"/>
      <c r="N1" s="1"/>
      <c r="O1" s="1" t="s">
        <v>685</v>
      </c>
    </row>
    <row r="2" spans="1:16" x14ac:dyDescent="0.3">
      <c r="A2" s="3"/>
      <c r="B2" s="3"/>
      <c r="C2" s="3"/>
      <c r="D2" s="3"/>
      <c r="E2" s="3"/>
      <c r="F2" s="3"/>
      <c r="G2" s="3"/>
      <c r="H2" s="3"/>
      <c r="I2" s="3"/>
      <c r="J2" s="3"/>
      <c r="K2" s="110"/>
      <c r="L2" s="110"/>
      <c r="M2" s="110"/>
      <c r="N2" s="110"/>
      <c r="O2" s="110"/>
      <c r="P2" s="7"/>
    </row>
    <row r="3" spans="1:16" x14ac:dyDescent="0.3">
      <c r="A3" s="182" t="s">
        <v>35</v>
      </c>
      <c r="B3" s="182"/>
      <c r="C3" s="5"/>
      <c r="D3" s="5"/>
      <c r="E3" s="5"/>
      <c r="F3" s="5"/>
      <c r="G3" s="5"/>
      <c r="H3" s="4" t="s">
        <v>36</v>
      </c>
      <c r="I3" s="180" t="s">
        <v>37</v>
      </c>
      <c r="J3" s="180"/>
      <c r="K3" s="180"/>
      <c r="L3" s="58"/>
      <c r="M3" s="58" t="s">
        <v>38</v>
      </c>
      <c r="N3" s="68"/>
      <c r="O3" s="68"/>
      <c r="P3" s="5"/>
    </row>
    <row r="4" spans="1:16" x14ac:dyDescent="0.3">
      <c r="B4" s="5"/>
      <c r="C4" s="5"/>
      <c r="D4" s="5"/>
      <c r="E4" s="5"/>
      <c r="F4" s="5"/>
      <c r="G4" s="5"/>
      <c r="H4" s="5"/>
      <c r="I4" s="181"/>
      <c r="J4" s="181"/>
      <c r="K4" s="181"/>
      <c r="L4" s="6" t="s">
        <v>684</v>
      </c>
      <c r="M4" s="7" t="s">
        <v>7</v>
      </c>
      <c r="N4" s="69"/>
      <c r="O4" s="55">
        <f>IFERROR(VLOOKUP($M4,'MFR Logic'!$B$8:$D$14,3,FALSE),"")</f>
        <v>46752</v>
      </c>
      <c r="P4" s="5"/>
    </row>
    <row r="5" spans="1:16" x14ac:dyDescent="0.3">
      <c r="A5" s="2" t="s">
        <v>39</v>
      </c>
      <c r="B5" s="117"/>
      <c r="C5" s="117"/>
      <c r="D5" s="117"/>
      <c r="E5" s="117"/>
      <c r="F5" s="117"/>
      <c r="G5" s="117"/>
      <c r="H5" s="117"/>
      <c r="I5" s="181"/>
      <c r="J5" s="181"/>
      <c r="K5" s="181"/>
      <c r="L5" s="6" t="s">
        <v>683</v>
      </c>
      <c r="M5" s="7" t="s">
        <v>9</v>
      </c>
      <c r="N5" s="70"/>
      <c r="O5" s="55">
        <f>IFERROR(VLOOKUP($M5,'MFR Logic'!$B$8:$D$14,3,FALSE),"")</f>
        <v>46387</v>
      </c>
      <c r="P5" s="8"/>
    </row>
    <row r="6" spans="1:16" x14ac:dyDescent="0.3">
      <c r="A6" s="9"/>
      <c r="I6" s="181"/>
      <c r="J6" s="181"/>
      <c r="K6" s="181"/>
      <c r="L6" s="6" t="s">
        <v>683</v>
      </c>
      <c r="M6" s="7" t="s">
        <v>11</v>
      </c>
      <c r="N6" s="70"/>
      <c r="O6" s="55">
        <f>IFERROR(VLOOKUP($M6,'MFR Logic'!$B$8:$D$14,3,FALSE),"")</f>
        <v>46022</v>
      </c>
      <c r="P6" s="8"/>
    </row>
    <row r="7" spans="1:16" x14ac:dyDescent="0.3">
      <c r="A7" s="70" t="str">
        <f>"DOCKET NO.: "&amp;'MFR Logic'!$D$4</f>
        <v>DOCKET NO.: 20240025-EI</v>
      </c>
      <c r="I7" s="181"/>
      <c r="J7" s="181"/>
      <c r="K7" s="181"/>
      <c r="L7" s="6" t="s">
        <v>683</v>
      </c>
      <c r="M7" s="7" t="s">
        <v>689</v>
      </c>
      <c r="N7" s="70"/>
      <c r="O7" s="55">
        <f>IFERROR(VLOOKUP($M7,'MFR Logic'!$B$8:$D$14,3,FALSE),"")</f>
        <v>45657</v>
      </c>
      <c r="P7" s="8"/>
    </row>
    <row r="8" spans="1:16" x14ac:dyDescent="0.3">
      <c r="C8" s="118"/>
      <c r="D8" s="118"/>
      <c r="E8" s="118"/>
      <c r="F8" s="118"/>
      <c r="G8" s="118"/>
      <c r="J8" s="10"/>
      <c r="K8" s="10"/>
      <c r="L8" s="6" t="s">
        <v>684</v>
      </c>
      <c r="M8" s="7" t="s">
        <v>15</v>
      </c>
      <c r="N8" s="69"/>
      <c r="O8" s="55">
        <f>IFERROR(VLOOKUP($M8,'MFR Logic'!$B$8:$D$14,3,FALSE),"")</f>
        <v>45291</v>
      </c>
      <c r="P8" s="8"/>
    </row>
    <row r="9" spans="1:16" x14ac:dyDescent="0.3">
      <c r="C9" s="118" t="str">
        <f>'MFR Logic'!C8</f>
        <v>Year 2027</v>
      </c>
      <c r="D9" s="118"/>
      <c r="E9" s="118"/>
      <c r="F9" s="118"/>
      <c r="G9" s="118"/>
      <c r="J9" s="10"/>
      <c r="K9" s="10"/>
      <c r="L9" s="6"/>
      <c r="M9" s="7"/>
      <c r="N9" s="69"/>
      <c r="O9" s="55"/>
      <c r="P9" s="8"/>
    </row>
    <row r="10" spans="1:16" x14ac:dyDescent="0.3">
      <c r="C10" s="119"/>
      <c r="D10" s="119"/>
      <c r="E10" s="119"/>
      <c r="F10" s="119"/>
      <c r="G10" s="119"/>
      <c r="J10" s="10"/>
      <c r="K10" s="10"/>
      <c r="L10" s="6"/>
      <c r="M10" s="7"/>
      <c r="N10" s="69"/>
      <c r="O10" s="55"/>
      <c r="P10" s="8"/>
    </row>
    <row r="11" spans="1:16" x14ac:dyDescent="0.3">
      <c r="C11" s="119"/>
      <c r="D11" s="119"/>
      <c r="E11" s="119"/>
      <c r="F11" s="119"/>
      <c r="G11" s="119"/>
      <c r="I11" s="10"/>
      <c r="J11" s="10"/>
      <c r="K11" s="7" t="str">
        <f>"Witness: "&amp;'MFR Logic'!$C$17&amp;" "&amp;'MFR Logic'!$D$17&amp;" "&amp;'MFR Logic'!$E$17&amp;'MFR Logic'!F17&amp;'MFR Logic'!G17</f>
        <v>Witness: Aquilina,  Buck,  Caldwell, Olivier, Quick</v>
      </c>
      <c r="L11" s="7"/>
      <c r="M11" s="7"/>
      <c r="N11" s="69"/>
      <c r="P11" s="8"/>
    </row>
    <row r="12" spans="1:16" s="12" customFormat="1" x14ac:dyDescent="0.3">
      <c r="A12" s="11"/>
      <c r="B12" s="11"/>
      <c r="C12" s="11"/>
      <c r="D12" s="11"/>
      <c r="E12" s="11"/>
      <c r="F12" s="11"/>
      <c r="G12" s="11"/>
      <c r="H12" s="11"/>
      <c r="I12" s="11"/>
      <c r="J12" s="11"/>
      <c r="K12" s="11"/>
      <c r="L12" s="11"/>
      <c r="M12" s="7"/>
      <c r="N12" s="11"/>
      <c r="O12" s="11"/>
      <c r="P12" s="111"/>
    </row>
    <row r="13" spans="1:16" s="12" customFormat="1" x14ac:dyDescent="0.25">
      <c r="A13" s="111"/>
      <c r="B13" s="93">
        <v>-1</v>
      </c>
      <c r="C13" s="93"/>
      <c r="D13" s="93"/>
      <c r="E13" s="93"/>
      <c r="F13" s="93"/>
      <c r="G13" s="93"/>
      <c r="H13" s="93">
        <v>-2</v>
      </c>
      <c r="I13" s="112">
        <v>-3</v>
      </c>
      <c r="J13" s="112">
        <v>-4</v>
      </c>
      <c r="K13" s="93">
        <v>-5</v>
      </c>
      <c r="L13" s="13"/>
      <c r="M13" s="13"/>
      <c r="N13" s="13"/>
      <c r="O13" s="13"/>
      <c r="P13" s="111"/>
    </row>
    <row r="14" spans="1:16" s="12" customFormat="1" x14ac:dyDescent="0.25">
      <c r="A14" s="111"/>
      <c r="B14" s="14"/>
      <c r="C14" s="14"/>
      <c r="D14" s="14"/>
      <c r="E14" s="14"/>
      <c r="F14" s="14"/>
      <c r="G14" s="14"/>
      <c r="H14" s="14" t="s">
        <v>40</v>
      </c>
      <c r="I14" s="14" t="s">
        <v>41</v>
      </c>
      <c r="J14" s="15" t="s">
        <v>42</v>
      </c>
      <c r="K14" s="16" t="s">
        <v>43</v>
      </c>
      <c r="L14" s="14"/>
      <c r="M14" s="14"/>
      <c r="N14" s="14"/>
      <c r="O14" s="14"/>
      <c r="P14" s="111"/>
    </row>
    <row r="15" spans="1:16" s="12" customFormat="1" x14ac:dyDescent="0.25">
      <c r="A15" s="16" t="s">
        <v>44</v>
      </c>
      <c r="B15" s="16" t="s">
        <v>45</v>
      </c>
      <c r="C15" s="16"/>
      <c r="D15" s="16"/>
      <c r="E15" s="16"/>
      <c r="F15" s="16"/>
      <c r="G15" s="16"/>
      <c r="H15" s="71" t="str">
        <f>"Ended "&amp;TEXT('MFR Logic'!$D$8,"MM/DD/YY")</f>
        <v>Ended 12/31/27</v>
      </c>
      <c r="I15" s="71" t="str">
        <f>"Ended "&amp;TEXT('MFR Logic'!$D$12,"MM/DD/YY")</f>
        <v>Ended 12/31/23</v>
      </c>
      <c r="J15" s="33" t="s">
        <v>59</v>
      </c>
      <c r="K15" s="16" t="s">
        <v>46</v>
      </c>
      <c r="L15" s="17"/>
      <c r="M15" s="16"/>
      <c r="N15" s="16"/>
      <c r="O15" s="16"/>
      <c r="P15" s="18"/>
    </row>
    <row r="16" spans="1:16" s="12" customFormat="1" x14ac:dyDescent="0.25">
      <c r="A16" s="19" t="s">
        <v>47</v>
      </c>
      <c r="B16" s="20" t="s">
        <v>48</v>
      </c>
      <c r="C16" s="20"/>
      <c r="D16" s="20"/>
      <c r="E16" s="20"/>
      <c r="F16" s="20"/>
      <c r="G16" s="20"/>
      <c r="H16" s="32" t="s">
        <v>49</v>
      </c>
      <c r="I16" s="32" t="s">
        <v>49</v>
      </c>
      <c r="J16" s="32" t="s">
        <v>49</v>
      </c>
      <c r="K16" s="34" t="s">
        <v>50</v>
      </c>
      <c r="L16" s="20"/>
      <c r="M16" s="21"/>
      <c r="N16" s="21"/>
      <c r="O16" s="21"/>
      <c r="P16" s="16" t="s">
        <v>51</v>
      </c>
    </row>
    <row r="17" spans="1:16" s="12" customFormat="1" x14ac:dyDescent="0.25">
      <c r="A17" s="16"/>
      <c r="B17" s="85"/>
      <c r="C17" s="85"/>
      <c r="D17" s="85"/>
      <c r="E17" s="85"/>
      <c r="F17" s="85"/>
      <c r="G17" s="85"/>
      <c r="H17" s="86"/>
      <c r="I17" s="86"/>
      <c r="J17" s="86"/>
      <c r="K17" s="33"/>
      <c r="L17" s="85"/>
      <c r="M17" s="87"/>
      <c r="N17" s="87"/>
      <c r="O17" s="87"/>
      <c r="P17" s="16"/>
    </row>
    <row r="18" spans="1:16" s="12" customFormat="1" x14ac:dyDescent="0.3">
      <c r="A18" s="22">
        <v>1</v>
      </c>
      <c r="B18" s="35" t="s">
        <v>52</v>
      </c>
      <c r="C18" s="120" t="s">
        <v>974</v>
      </c>
      <c r="D18" s="120"/>
      <c r="E18" s="120"/>
      <c r="F18" s="35"/>
      <c r="G18" s="35"/>
      <c r="H18" s="41">
        <f>VLOOKUP(C18,'Rate Case Frcst O&amp;M #9-12MoEnd'!$A:$AN,MATCH($C$9,'Rate Case Frcst O&amp;M #9-12MoEnd'!$2:$2,0),FALSE)/1000</f>
        <v>85881.278720098402</v>
      </c>
      <c r="I18" s="88">
        <f>'C-12 (TY1)'!I18</f>
        <v>93385.985825524709</v>
      </c>
      <c r="J18" s="89">
        <f>H18-I18</f>
        <v>-7504.707105426307</v>
      </c>
      <c r="K18" s="94">
        <f>J18/I18</f>
        <v>-8.0362241069527635E-2</v>
      </c>
      <c r="L18" s="23"/>
      <c r="M18" s="23"/>
      <c r="N18" s="23"/>
      <c r="O18" s="23"/>
      <c r="P18" s="24"/>
    </row>
    <row r="19" spans="1:16" s="12" customFormat="1" x14ac:dyDescent="0.3">
      <c r="A19" s="22">
        <f t="shared" ref="A19:A48" si="0">A18+1</f>
        <v>2</v>
      </c>
      <c r="B19" s="35"/>
      <c r="F19" s="35"/>
      <c r="G19" s="35"/>
      <c r="H19" s="90"/>
      <c r="I19" s="90"/>
      <c r="J19" s="89"/>
      <c r="K19" s="95"/>
      <c r="L19" s="25"/>
      <c r="M19" s="108"/>
      <c r="N19" s="23"/>
      <c r="O19" s="23"/>
      <c r="P19" s="24"/>
    </row>
    <row r="20" spans="1:16" s="12" customFormat="1" x14ac:dyDescent="0.3">
      <c r="A20" s="22">
        <f t="shared" si="0"/>
        <v>3</v>
      </c>
      <c r="B20" s="35" t="s">
        <v>53</v>
      </c>
      <c r="C20" s="120" t="s">
        <v>973</v>
      </c>
      <c r="D20" s="120"/>
      <c r="E20" s="120"/>
      <c r="F20" s="120"/>
      <c r="G20" s="120"/>
      <c r="H20" s="41">
        <f>VLOOKUP(C20,'Rate Case Frcst O&amp;M #9-12MoEnd'!$A:$AN,MATCH($C$9,'Rate Case Frcst O&amp;M #9-12MoEnd'!$2:$2,0),FALSE)/1000</f>
        <v>3491.84295638309</v>
      </c>
      <c r="I20" s="88">
        <f>'C-12 (TY1)'!I20</f>
        <v>16128.582839999999</v>
      </c>
      <c r="J20" s="89">
        <f>H20-I20</f>
        <v>-12636.739883616909</v>
      </c>
      <c r="K20" s="94">
        <f>J20/I20</f>
        <v>-0.78349970415732506</v>
      </c>
      <c r="L20" s="25"/>
      <c r="M20" s="23"/>
      <c r="N20" s="23"/>
      <c r="O20" s="23"/>
      <c r="P20" s="24"/>
    </row>
    <row r="21" spans="1:16" s="12" customFormat="1" x14ac:dyDescent="0.3">
      <c r="A21" s="22">
        <f t="shared" si="0"/>
        <v>4</v>
      </c>
      <c r="B21" s="35"/>
      <c r="C21" s="35"/>
      <c r="D21" s="35"/>
      <c r="E21" s="35"/>
      <c r="F21" s="35"/>
      <c r="G21" s="35"/>
      <c r="H21" s="90"/>
      <c r="I21" s="90"/>
      <c r="J21" s="89"/>
      <c r="K21" s="95"/>
      <c r="L21" s="25"/>
      <c r="M21" s="23"/>
      <c r="N21" s="23"/>
      <c r="O21" s="23"/>
      <c r="P21" s="24"/>
    </row>
    <row r="22" spans="1:16" s="12" customFormat="1" x14ac:dyDescent="0.3">
      <c r="A22" s="22">
        <f t="shared" si="0"/>
        <v>5</v>
      </c>
      <c r="B22" s="12" t="s">
        <v>54</v>
      </c>
      <c r="C22" s="12" t="s">
        <v>970</v>
      </c>
      <c r="F22" s="120"/>
      <c r="H22" s="41">
        <f>VLOOKUP(C22,'Rate Case Frcst O&amp;M #9-12MoEnd'!$A:$AN,MATCH($C$9,'Rate Case Frcst O&amp;M #9-12MoEnd'!$2:$2,0),FALSE)/1000</f>
        <v>16844.748030000002</v>
      </c>
      <c r="I22" s="90">
        <f>'C-12 (TY1)'!I22</f>
        <v>7333.9782100000002</v>
      </c>
      <c r="J22" s="91">
        <f>H22-I22</f>
        <v>9510.7698200000013</v>
      </c>
      <c r="K22" s="94">
        <f>J22/I22</f>
        <v>1.2968091188261113</v>
      </c>
      <c r="L22" s="23"/>
      <c r="M22" s="23"/>
      <c r="N22" s="23"/>
      <c r="O22" s="23"/>
      <c r="P22" s="24"/>
    </row>
    <row r="23" spans="1:16" s="12" customFormat="1" x14ac:dyDescent="0.3">
      <c r="A23" s="22">
        <f t="shared" si="0"/>
        <v>6</v>
      </c>
      <c r="B23" s="35"/>
      <c r="C23" s="35"/>
      <c r="D23" s="35"/>
      <c r="E23" s="35"/>
      <c r="F23" s="35"/>
      <c r="G23" s="35"/>
      <c r="H23" s="90"/>
      <c r="I23" s="90"/>
      <c r="J23" s="89"/>
      <c r="K23" s="95"/>
      <c r="L23" s="29"/>
      <c r="M23" s="29"/>
      <c r="N23" s="29"/>
      <c r="O23" s="29"/>
      <c r="P23" s="28"/>
    </row>
    <row r="24" spans="1:16" s="12" customFormat="1" x14ac:dyDescent="0.3">
      <c r="A24" s="22">
        <f t="shared" si="0"/>
        <v>7</v>
      </c>
      <c r="B24" s="12" t="s">
        <v>55</v>
      </c>
      <c r="C24" s="120" t="s">
        <v>972</v>
      </c>
      <c r="D24" s="35"/>
      <c r="E24" s="35"/>
      <c r="F24" s="35"/>
      <c r="G24" s="35"/>
      <c r="H24" s="41">
        <f>((VLOOKUP(C24,'Rate Case Frcst O&amp;M #9-12MoEnd'!$A:$AN,MATCH($C$9,'Rate Case Frcst O&amp;M #9-12MoEnd'!$2:$2,0),FALSE)))/1000-H26</f>
        <v>260868.82339756697</v>
      </c>
      <c r="I24" s="88">
        <f>'C-12 (TY1)'!I24</f>
        <v>573207.69387177646</v>
      </c>
      <c r="J24" s="89">
        <f>H24-I24</f>
        <v>-312338.87047420949</v>
      </c>
      <c r="K24" s="94">
        <f>J24/I24</f>
        <v>-0.54489650751979968</v>
      </c>
      <c r="L24" s="23"/>
      <c r="M24" s="23"/>
      <c r="N24" s="23"/>
      <c r="O24" s="23"/>
      <c r="P24" s="24"/>
    </row>
    <row r="25" spans="1:16" s="12" customFormat="1" x14ac:dyDescent="0.3">
      <c r="A25" s="22">
        <f t="shared" si="0"/>
        <v>8</v>
      </c>
      <c r="C25" s="120"/>
      <c r="H25" s="92"/>
      <c r="I25" s="92"/>
      <c r="J25" s="92"/>
      <c r="K25" s="94"/>
      <c r="L25" s="23"/>
      <c r="M25" s="23"/>
      <c r="N25" s="23"/>
      <c r="O25" s="23"/>
      <c r="P25" s="24"/>
    </row>
    <row r="26" spans="1:16" s="12" customFormat="1" x14ac:dyDescent="0.3">
      <c r="A26" s="22">
        <f t="shared" si="0"/>
        <v>9</v>
      </c>
      <c r="B26" s="35" t="s">
        <v>56</v>
      </c>
      <c r="C26" s="120" t="s">
        <v>971</v>
      </c>
      <c r="D26" s="120"/>
      <c r="E26" s="120"/>
      <c r="F26" s="120"/>
      <c r="G26" s="120"/>
      <c r="H26" s="41">
        <f>VLOOKUP(C26,'Rate Case Frcst O&amp;M #9-12MoEnd'!$A:$AN,MATCH($C$9,'Rate Case Frcst O&amp;M #9-12MoEnd'!$2:$2,0),FALSE)/1000</f>
        <v>-11766.818804819</v>
      </c>
      <c r="I26" s="90">
        <f>'C-12 (TY1)'!I26</f>
        <v>-7370.2458276854995</v>
      </c>
      <c r="J26" s="91">
        <f>H26-I26</f>
        <v>-4396.5729771335009</v>
      </c>
      <c r="K26" s="94">
        <f>-J26/I26</f>
        <v>-0.59653003168744645</v>
      </c>
      <c r="L26" s="25"/>
      <c r="M26" s="23"/>
      <c r="N26" s="23"/>
      <c r="O26" s="23"/>
      <c r="P26" s="24"/>
    </row>
    <row r="27" spans="1:16" s="12" customFormat="1" x14ac:dyDescent="0.3">
      <c r="A27" s="22">
        <f t="shared" si="0"/>
        <v>10</v>
      </c>
      <c r="H27" s="92"/>
      <c r="I27" s="92"/>
      <c r="J27" s="92"/>
      <c r="K27" s="94"/>
      <c r="L27" s="25"/>
      <c r="M27" s="23"/>
      <c r="N27" s="23"/>
      <c r="O27" s="23"/>
      <c r="P27" s="24"/>
    </row>
    <row r="28" spans="1:16" s="12" customFormat="1" x14ac:dyDescent="0.3">
      <c r="A28" s="22">
        <f t="shared" si="0"/>
        <v>11</v>
      </c>
      <c r="B28" s="12" t="s">
        <v>688</v>
      </c>
      <c r="H28" s="42">
        <f>SUM(H18:H27)</f>
        <v>355319.87429922947</v>
      </c>
      <c r="I28" s="42">
        <f>SUM(I18:I27)</f>
        <v>682685.99491961568</v>
      </c>
      <c r="J28" s="42">
        <f>SUM(J18:J27)</f>
        <v>-327366.12062038621</v>
      </c>
      <c r="K28" s="96">
        <f>J28/I28</f>
        <v>-0.47952663897687342</v>
      </c>
      <c r="L28" s="25"/>
      <c r="M28" s="23"/>
      <c r="N28" s="23"/>
      <c r="O28" s="23"/>
      <c r="P28" s="24"/>
    </row>
    <row r="29" spans="1:16" s="12" customFormat="1" x14ac:dyDescent="0.25">
      <c r="A29" s="22">
        <f t="shared" si="0"/>
        <v>12</v>
      </c>
      <c r="H29" s="40"/>
      <c r="I29" s="40"/>
      <c r="J29" s="40"/>
      <c r="K29" s="97"/>
      <c r="L29" s="23"/>
      <c r="M29" s="23"/>
      <c r="N29" s="23"/>
      <c r="O29" s="23"/>
      <c r="P29" s="24"/>
    </row>
    <row r="30" spans="1:16" ht="14.4" thickBot="1" x14ac:dyDescent="0.35">
      <c r="A30" s="22">
        <f t="shared" si="0"/>
        <v>13</v>
      </c>
      <c r="B30" s="26" t="s">
        <v>57</v>
      </c>
      <c r="C30" s="26"/>
      <c r="D30" s="26"/>
      <c r="E30" s="26"/>
      <c r="F30" s="26"/>
      <c r="G30" s="26"/>
      <c r="H30" s="37">
        <f>'Forecast Revenue File'!N14/1000</f>
        <v>2103.6595479358375</v>
      </c>
      <c r="I30" s="37">
        <f>'C-12 (TY1)'!I30</f>
        <v>1968.2120833333333</v>
      </c>
      <c r="J30" s="37">
        <f>H30-I30</f>
        <v>135.44746460250417</v>
      </c>
      <c r="K30" s="98">
        <f>J30/I30</f>
        <v>6.8817515017544476E-2</v>
      </c>
      <c r="L30" s="23"/>
      <c r="M30" s="23"/>
      <c r="N30" s="23"/>
      <c r="O30" s="23"/>
    </row>
    <row r="31" spans="1:16" ht="14.4" thickTop="1" x14ac:dyDescent="0.3">
      <c r="A31" s="22">
        <f t="shared" si="0"/>
        <v>14</v>
      </c>
      <c r="B31" s="35"/>
      <c r="C31" s="35"/>
      <c r="D31" s="35"/>
      <c r="E31" s="35"/>
      <c r="F31" s="35"/>
      <c r="G31" s="35"/>
      <c r="H31" s="38"/>
      <c r="I31" s="39"/>
      <c r="J31" s="39"/>
      <c r="K31" s="99"/>
      <c r="L31" s="22"/>
      <c r="M31" s="22"/>
      <c r="N31" s="22"/>
      <c r="O31" s="23"/>
    </row>
    <row r="32" spans="1:16" ht="14.4" thickBot="1" x14ac:dyDescent="0.35">
      <c r="A32" s="22">
        <f t="shared" si="0"/>
        <v>15</v>
      </c>
      <c r="B32" s="35" t="s">
        <v>58</v>
      </c>
      <c r="C32" s="35"/>
      <c r="D32" s="35"/>
      <c r="E32" s="35"/>
      <c r="F32" s="35"/>
      <c r="G32" s="35"/>
      <c r="H32" s="102">
        <f>(H28)/H30</f>
        <v>168.90559817432344</v>
      </c>
      <c r="I32" s="102">
        <f>(I28)/I30</f>
        <v>346.85591085460123</v>
      </c>
      <c r="J32" s="102">
        <f>H32-I32</f>
        <v>-177.95031268027779</v>
      </c>
      <c r="K32" s="100">
        <f>J32/I32</f>
        <v>-0.51303814382702828</v>
      </c>
      <c r="L32" s="23"/>
      <c r="M32" s="23"/>
      <c r="N32" s="23"/>
      <c r="O32" s="23"/>
    </row>
    <row r="33" spans="1:15" ht="14.4" thickTop="1" x14ac:dyDescent="0.3">
      <c r="A33" s="22">
        <f t="shared" si="0"/>
        <v>16</v>
      </c>
      <c r="B33" s="26"/>
      <c r="C33" s="26"/>
      <c r="D33" s="26"/>
      <c r="E33" s="26"/>
      <c r="F33" s="26"/>
      <c r="G33" s="26"/>
      <c r="H33" s="26"/>
      <c r="I33" s="30"/>
      <c r="J33" s="27"/>
      <c r="K33" s="31"/>
      <c r="L33" s="23"/>
      <c r="M33" s="31"/>
      <c r="N33" s="31"/>
      <c r="O33" s="23"/>
    </row>
    <row r="34" spans="1:15" x14ac:dyDescent="0.3">
      <c r="A34" s="22">
        <f t="shared" si="0"/>
        <v>17</v>
      </c>
      <c r="B34" s="26"/>
      <c r="C34" s="26"/>
      <c r="D34" s="26"/>
      <c r="E34" s="26"/>
      <c r="F34" s="26"/>
      <c r="G34" s="26"/>
      <c r="H34" s="26"/>
      <c r="I34" s="27"/>
      <c r="J34" s="27"/>
      <c r="K34" s="31"/>
      <c r="L34" s="23"/>
      <c r="M34" s="23"/>
      <c r="N34" s="23"/>
      <c r="O34" s="23"/>
    </row>
    <row r="35" spans="1:15" x14ac:dyDescent="0.3">
      <c r="A35" s="22">
        <f t="shared" si="0"/>
        <v>18</v>
      </c>
      <c r="B35" s="26"/>
      <c r="C35" s="26"/>
      <c r="D35" s="26"/>
      <c r="E35" s="26"/>
      <c r="F35" s="26"/>
      <c r="G35" s="26"/>
      <c r="H35" s="26"/>
      <c r="I35" s="27"/>
      <c r="J35" s="27"/>
      <c r="K35" s="23"/>
      <c r="L35" s="23"/>
      <c r="M35" s="23"/>
      <c r="N35" s="23"/>
      <c r="O35" s="23"/>
    </row>
    <row r="36" spans="1:15" x14ac:dyDescent="0.3">
      <c r="A36" s="22">
        <f t="shared" si="0"/>
        <v>19</v>
      </c>
      <c r="B36" s="26"/>
      <c r="C36" s="26"/>
      <c r="D36" s="26"/>
      <c r="E36" s="26"/>
      <c r="F36" s="26"/>
      <c r="G36" s="26"/>
      <c r="H36" s="26"/>
      <c r="I36" s="27"/>
      <c r="J36" s="27"/>
      <c r="K36" s="23"/>
      <c r="L36" s="23"/>
      <c r="M36" s="23"/>
      <c r="N36" s="23"/>
      <c r="O36" s="23"/>
    </row>
    <row r="37" spans="1:15" x14ac:dyDescent="0.3">
      <c r="A37" s="22">
        <f t="shared" si="0"/>
        <v>20</v>
      </c>
      <c r="B37" s="26"/>
      <c r="C37" s="26"/>
      <c r="D37" s="26"/>
      <c r="E37" s="26"/>
      <c r="F37" s="26"/>
      <c r="G37" s="26"/>
      <c r="H37" s="26"/>
      <c r="I37" s="27"/>
      <c r="J37" s="27"/>
      <c r="K37" s="23"/>
      <c r="L37" s="23"/>
      <c r="M37" s="23"/>
      <c r="N37" s="23"/>
      <c r="O37" s="23"/>
    </row>
    <row r="38" spans="1:15" x14ac:dyDescent="0.3">
      <c r="A38" s="22">
        <f t="shared" si="0"/>
        <v>21</v>
      </c>
      <c r="B38" s="26"/>
      <c r="C38" s="26"/>
      <c r="D38" s="26"/>
      <c r="E38" s="26"/>
      <c r="F38" s="26"/>
      <c r="G38" s="26"/>
      <c r="H38" s="26"/>
      <c r="I38" s="27"/>
      <c r="J38" s="27"/>
      <c r="K38" s="23"/>
      <c r="L38" s="23"/>
      <c r="M38" s="23"/>
      <c r="N38" s="23"/>
      <c r="O38" s="23"/>
    </row>
    <row r="39" spans="1:15" x14ac:dyDescent="0.3">
      <c r="A39" s="22">
        <f t="shared" si="0"/>
        <v>22</v>
      </c>
      <c r="B39" s="26"/>
      <c r="C39" s="26"/>
      <c r="D39" s="26"/>
      <c r="E39" s="26"/>
      <c r="F39" s="26"/>
      <c r="G39" s="26"/>
      <c r="H39" s="26"/>
      <c r="I39" s="27"/>
      <c r="J39" s="27"/>
      <c r="K39" s="23"/>
      <c r="L39" s="23"/>
      <c r="M39" s="23"/>
      <c r="N39" s="23"/>
      <c r="O39" s="23"/>
    </row>
    <row r="40" spans="1:15" x14ac:dyDescent="0.3">
      <c r="A40" s="22">
        <f t="shared" si="0"/>
        <v>23</v>
      </c>
      <c r="B40" s="26"/>
      <c r="C40" s="26"/>
      <c r="D40" s="26"/>
      <c r="E40" s="26"/>
      <c r="F40" s="26"/>
      <c r="G40" s="26"/>
      <c r="H40" s="26"/>
      <c r="I40" s="27"/>
      <c r="J40" s="27"/>
      <c r="K40" s="23"/>
      <c r="L40" s="23"/>
      <c r="M40" s="23"/>
      <c r="N40" s="23"/>
      <c r="O40" s="23"/>
    </row>
    <row r="41" spans="1:15" x14ac:dyDescent="0.3">
      <c r="A41" s="22">
        <f t="shared" si="0"/>
        <v>24</v>
      </c>
      <c r="B41" s="26"/>
      <c r="C41" s="26"/>
      <c r="D41" s="26"/>
      <c r="E41" s="26"/>
      <c r="F41" s="26"/>
      <c r="G41" s="26"/>
      <c r="H41" s="26"/>
      <c r="I41" s="27"/>
      <c r="J41" s="27"/>
      <c r="K41" s="23"/>
      <c r="L41" s="23"/>
      <c r="M41" s="23"/>
      <c r="N41" s="23"/>
      <c r="O41" s="23"/>
    </row>
    <row r="42" spans="1:15" x14ac:dyDescent="0.3">
      <c r="A42" s="22">
        <f t="shared" si="0"/>
        <v>25</v>
      </c>
      <c r="B42" s="26"/>
      <c r="C42" s="26"/>
      <c r="D42" s="26"/>
      <c r="E42" s="26"/>
      <c r="F42" s="26"/>
      <c r="G42" s="26"/>
      <c r="H42" s="26"/>
      <c r="I42" s="27"/>
      <c r="J42" s="27"/>
      <c r="K42" s="23"/>
      <c r="L42" s="23"/>
      <c r="M42" s="23"/>
      <c r="N42" s="23"/>
      <c r="O42" s="23"/>
    </row>
    <row r="43" spans="1:15" x14ac:dyDescent="0.3">
      <c r="A43" s="22">
        <f t="shared" si="0"/>
        <v>26</v>
      </c>
      <c r="B43" s="26"/>
      <c r="C43" s="26"/>
      <c r="D43" s="26"/>
      <c r="E43" s="26"/>
      <c r="F43" s="26"/>
      <c r="G43" s="26"/>
      <c r="H43" s="26"/>
      <c r="I43" s="27"/>
      <c r="J43" s="27"/>
      <c r="K43" s="23"/>
      <c r="L43" s="23"/>
      <c r="M43" s="23"/>
      <c r="N43" s="23"/>
      <c r="O43" s="23"/>
    </row>
    <row r="44" spans="1:15" x14ac:dyDescent="0.3">
      <c r="A44" s="22">
        <f t="shared" si="0"/>
        <v>27</v>
      </c>
      <c r="B44" s="26"/>
      <c r="C44" s="26"/>
      <c r="D44" s="26"/>
      <c r="E44" s="26"/>
      <c r="F44" s="26"/>
      <c r="G44" s="26"/>
      <c r="H44" s="26"/>
      <c r="I44" s="27"/>
      <c r="J44" s="27"/>
      <c r="K44" s="23"/>
      <c r="L44" s="23"/>
      <c r="M44" s="23"/>
      <c r="N44" s="23"/>
      <c r="O44" s="23"/>
    </row>
    <row r="45" spans="1:15" x14ac:dyDescent="0.3">
      <c r="A45" s="22">
        <f t="shared" si="0"/>
        <v>28</v>
      </c>
      <c r="B45" s="26"/>
      <c r="C45" s="26"/>
      <c r="D45" s="26"/>
      <c r="E45" s="26"/>
      <c r="F45" s="26"/>
      <c r="G45" s="26"/>
      <c r="H45" s="26"/>
      <c r="I45" s="27"/>
      <c r="J45" s="27"/>
      <c r="K45" s="23"/>
      <c r="L45" s="23"/>
      <c r="M45" s="23"/>
      <c r="N45" s="23"/>
      <c r="O45" s="23"/>
    </row>
    <row r="46" spans="1:15" x14ac:dyDescent="0.3">
      <c r="A46" s="22">
        <f t="shared" si="0"/>
        <v>29</v>
      </c>
      <c r="B46" s="26"/>
      <c r="C46" s="26"/>
      <c r="D46" s="26"/>
      <c r="E46" s="26"/>
      <c r="F46" s="26"/>
      <c r="G46" s="26"/>
      <c r="H46" s="26"/>
      <c r="I46" s="27"/>
      <c r="J46" s="27"/>
      <c r="K46" s="23"/>
      <c r="L46" s="23"/>
      <c r="M46" s="23"/>
      <c r="N46" s="23"/>
      <c r="O46" s="23"/>
    </row>
    <row r="47" spans="1:15" x14ac:dyDescent="0.3">
      <c r="A47" s="22">
        <f t="shared" si="0"/>
        <v>30</v>
      </c>
      <c r="B47" s="26"/>
      <c r="C47" s="26"/>
      <c r="D47" s="26"/>
      <c r="E47" s="26"/>
      <c r="F47" s="26"/>
      <c r="G47" s="26"/>
      <c r="H47" s="26"/>
      <c r="I47" s="27"/>
      <c r="J47" s="27"/>
      <c r="K47" s="23"/>
      <c r="L47" s="23"/>
      <c r="M47" s="23"/>
      <c r="N47" s="23"/>
      <c r="O47" s="23"/>
    </row>
    <row r="48" spans="1:15" x14ac:dyDescent="0.3">
      <c r="A48" s="22">
        <f t="shared" si="0"/>
        <v>31</v>
      </c>
      <c r="B48" s="26"/>
      <c r="C48" s="26"/>
      <c r="D48" s="26"/>
      <c r="E48" s="26"/>
      <c r="F48" s="26"/>
      <c r="G48" s="26"/>
      <c r="H48" s="26"/>
      <c r="I48" s="27"/>
      <c r="J48" s="27"/>
      <c r="K48" s="23"/>
      <c r="L48" s="23"/>
      <c r="M48" s="23"/>
      <c r="N48" s="23"/>
      <c r="O48" s="23"/>
    </row>
    <row r="49" spans="1:15" x14ac:dyDescent="0.3">
      <c r="A49" s="122" t="s">
        <v>681</v>
      </c>
      <c r="B49" s="122"/>
      <c r="C49" s="122"/>
      <c r="D49" s="122"/>
      <c r="E49" s="122"/>
      <c r="F49" s="122"/>
      <c r="G49" s="122"/>
      <c r="H49" s="122"/>
      <c r="I49" s="123"/>
      <c r="J49" s="123"/>
      <c r="K49" s="124"/>
      <c r="L49" s="124"/>
      <c r="M49" s="124" t="s">
        <v>682</v>
      </c>
      <c r="N49" s="124"/>
      <c r="O49" s="124"/>
    </row>
    <row r="50" spans="1:15" s="128" customFormat="1" x14ac:dyDescent="0.3">
      <c r="A50" s="125"/>
      <c r="B50" s="126"/>
      <c r="C50" s="126"/>
      <c r="D50" s="126"/>
      <c r="E50" s="126"/>
      <c r="F50" s="126"/>
      <c r="G50" s="126"/>
      <c r="H50" s="126"/>
      <c r="I50" s="127"/>
      <c r="J50" s="127"/>
      <c r="L50" s="129"/>
      <c r="M50" s="129"/>
      <c r="N50" s="129"/>
      <c r="O50" s="129"/>
    </row>
  </sheetData>
  <mergeCells count="2">
    <mergeCell ref="I3:K7"/>
    <mergeCell ref="A3:B3"/>
  </mergeCells>
  <pageMargins left="0.7" right="0.7" top="0.75" bottom="0.75" header="0.3" footer="0.3"/>
  <pageSetup fitToWidth="4" fitToHeight="4" orientation="portrait" horizontalDpi="1200" verticalDpi="1200" r:id="rId1"/>
  <headerFooter>
    <oddHeader xml:space="preserve">&amp;RDEF’s Response to OPC POD 1 (1-26)
Q7
Page &amp;P of &amp;N
</oddHeader>
    <oddFooter>&amp;R20240025-OPCPOD1-00004242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32EE110-F8D2-4917-9A41-051F2D471141}">
  <dimension ref="A1:P50"/>
  <sheetViews>
    <sheetView tabSelected="1" view="pageBreakPreview" zoomScale="90" zoomScaleNormal="100" zoomScaleSheetLayoutView="90" workbookViewId="0">
      <selection activeCell="F30" sqref="F30"/>
    </sheetView>
  </sheetViews>
  <sheetFormatPr defaultColWidth="9.109375" defaultRowHeight="13.8" outlineLevelCol="1" x14ac:dyDescent="0.3"/>
  <cols>
    <col min="1" max="1" width="3.6640625" style="2" customWidth="1"/>
    <col min="2" max="2" width="57.33203125" style="2" customWidth="1"/>
    <col min="3" max="3" width="44.6640625" style="2" hidden="1" customWidth="1" outlineLevel="1"/>
    <col min="4" max="7" width="12.33203125" style="2" hidden="1" customWidth="1" outlineLevel="1"/>
    <col min="8" max="8" width="18.109375" style="2" customWidth="1" collapsed="1"/>
    <col min="9" max="11" width="18.109375" style="2" customWidth="1"/>
    <col min="12" max="12" width="5.109375" style="2" customWidth="1"/>
    <col min="13" max="13" width="13.77734375" style="2" customWidth="1"/>
    <col min="14" max="14" width="12.44140625" style="2" customWidth="1"/>
    <col min="15" max="15" width="12.109375" style="2" customWidth="1"/>
    <col min="16" max="16" width="12" style="2" customWidth="1"/>
    <col min="17" max="16384" width="9.109375" style="2"/>
  </cols>
  <sheetData>
    <row r="1" spans="1:16" x14ac:dyDescent="0.3">
      <c r="A1" s="1" t="s">
        <v>33</v>
      </c>
      <c r="B1" s="116"/>
      <c r="C1" s="116"/>
      <c r="D1" s="116"/>
      <c r="E1" s="116"/>
      <c r="F1" s="116"/>
      <c r="G1" s="116"/>
      <c r="I1" s="121" t="s">
        <v>34</v>
      </c>
      <c r="J1" s="121"/>
      <c r="K1" s="121"/>
      <c r="L1" s="1"/>
      <c r="M1" s="1"/>
      <c r="N1" s="1"/>
      <c r="O1" s="1" t="s">
        <v>686</v>
      </c>
    </row>
    <row r="2" spans="1:16" x14ac:dyDescent="0.3">
      <c r="A2" s="3"/>
      <c r="B2" s="3"/>
      <c r="C2" s="3"/>
      <c r="D2" s="3"/>
      <c r="E2" s="3"/>
      <c r="F2" s="3"/>
      <c r="G2" s="3"/>
      <c r="H2" s="3"/>
      <c r="I2" s="3"/>
      <c r="J2" s="3"/>
      <c r="K2" s="110"/>
      <c r="L2" s="110"/>
      <c r="M2" s="110"/>
      <c r="N2" s="110"/>
      <c r="O2" s="110"/>
      <c r="P2" s="7"/>
    </row>
    <row r="3" spans="1:16" x14ac:dyDescent="0.3">
      <c r="A3" s="182" t="s">
        <v>35</v>
      </c>
      <c r="B3" s="182"/>
      <c r="C3" s="5"/>
      <c r="D3" s="5"/>
      <c r="E3" s="5"/>
      <c r="F3" s="5"/>
      <c r="G3" s="5"/>
      <c r="H3" s="4" t="s">
        <v>36</v>
      </c>
      <c r="I3" s="180" t="s">
        <v>37</v>
      </c>
      <c r="J3" s="180"/>
      <c r="K3" s="180"/>
      <c r="L3" s="58"/>
      <c r="M3" s="58" t="s">
        <v>38</v>
      </c>
      <c r="N3" s="68"/>
      <c r="O3" s="68"/>
      <c r="P3" s="5"/>
    </row>
    <row r="4" spans="1:16" x14ac:dyDescent="0.3">
      <c r="B4" s="5"/>
      <c r="C4" s="5"/>
      <c r="D4" s="5"/>
      <c r="E4" s="5"/>
      <c r="F4" s="5"/>
      <c r="G4" s="5"/>
      <c r="H4" s="5"/>
      <c r="I4" s="181"/>
      <c r="J4" s="181"/>
      <c r="K4" s="181"/>
      <c r="L4" s="6" t="s">
        <v>683</v>
      </c>
      <c r="M4" s="7" t="s">
        <v>7</v>
      </c>
      <c r="N4" s="69"/>
      <c r="O4" s="55">
        <f>IFERROR(VLOOKUP($M4,'MFR Logic'!$B$8:$D$14,3,FALSE),"")</f>
        <v>46752</v>
      </c>
      <c r="P4" s="5"/>
    </row>
    <row r="5" spans="1:16" x14ac:dyDescent="0.3">
      <c r="A5" s="2" t="s">
        <v>39</v>
      </c>
      <c r="B5" s="117"/>
      <c r="C5" s="117"/>
      <c r="D5" s="117"/>
      <c r="E5" s="117"/>
      <c r="F5" s="117"/>
      <c r="G5" s="117"/>
      <c r="H5" s="117"/>
      <c r="I5" s="181"/>
      <c r="J5" s="181"/>
      <c r="K5" s="181"/>
      <c r="L5" s="6" t="s">
        <v>684</v>
      </c>
      <c r="M5" s="7" t="s">
        <v>9</v>
      </c>
      <c r="N5" s="70"/>
      <c r="O5" s="55">
        <f>IFERROR(VLOOKUP($M5,'MFR Logic'!$B$8:$D$14,3,FALSE),"")</f>
        <v>46387</v>
      </c>
      <c r="P5" s="8"/>
    </row>
    <row r="6" spans="1:16" x14ac:dyDescent="0.3">
      <c r="A6" s="9"/>
      <c r="I6" s="181"/>
      <c r="J6" s="181"/>
      <c r="K6" s="181"/>
      <c r="L6" s="6" t="s">
        <v>683</v>
      </c>
      <c r="M6" s="7" t="s">
        <v>11</v>
      </c>
      <c r="N6" s="70"/>
      <c r="O6" s="55">
        <f>IFERROR(VLOOKUP($M6,'MFR Logic'!$B$8:$D$14,3,FALSE),"")</f>
        <v>46022</v>
      </c>
      <c r="P6" s="8"/>
    </row>
    <row r="7" spans="1:16" x14ac:dyDescent="0.3">
      <c r="A7" s="70" t="str">
        <f>"DOCKET NO.: "&amp;'MFR Logic'!$D$4</f>
        <v>DOCKET NO.: 20240025-EI</v>
      </c>
      <c r="I7" s="181"/>
      <c r="J7" s="181"/>
      <c r="K7" s="181"/>
      <c r="L7" s="6" t="s">
        <v>683</v>
      </c>
      <c r="M7" s="7" t="s">
        <v>689</v>
      </c>
      <c r="N7" s="70"/>
      <c r="O7" s="55">
        <f>IFERROR(VLOOKUP($M7,'MFR Logic'!$B$8:$D$14,3,FALSE),"")</f>
        <v>45657</v>
      </c>
      <c r="P7" s="8"/>
    </row>
    <row r="8" spans="1:16" x14ac:dyDescent="0.3">
      <c r="C8" s="118"/>
      <c r="D8" s="118"/>
      <c r="E8" s="118"/>
      <c r="F8" s="118"/>
      <c r="G8" s="118"/>
      <c r="J8" s="10"/>
      <c r="K8" s="10"/>
      <c r="L8" s="6" t="s">
        <v>684</v>
      </c>
      <c r="M8" s="7" t="s">
        <v>15</v>
      </c>
      <c r="N8" s="69"/>
      <c r="O8" s="55">
        <f>IFERROR(VLOOKUP($M8,'MFR Logic'!$B$8:$D$14,3,FALSE),"")</f>
        <v>45291</v>
      </c>
      <c r="P8" s="8"/>
    </row>
    <row r="9" spans="1:16" x14ac:dyDescent="0.3">
      <c r="C9" s="118" t="str">
        <f>'MFR Logic'!C9</f>
        <v>Year 2026</v>
      </c>
      <c r="D9" s="118"/>
      <c r="E9" s="118"/>
      <c r="F9" s="118"/>
      <c r="G9" s="118"/>
      <c r="J9" s="10"/>
      <c r="K9" s="10"/>
      <c r="L9" s="6"/>
      <c r="M9" s="7"/>
      <c r="N9" s="69"/>
      <c r="O9" s="55"/>
      <c r="P9" s="8"/>
    </row>
    <row r="10" spans="1:16" x14ac:dyDescent="0.3">
      <c r="C10" s="119"/>
      <c r="D10" s="119"/>
      <c r="E10" s="119"/>
      <c r="F10" s="119"/>
      <c r="G10" s="119"/>
      <c r="J10" s="10"/>
      <c r="K10" s="10"/>
      <c r="L10" s="6"/>
      <c r="M10" s="7"/>
      <c r="N10" s="69"/>
      <c r="O10" s="55"/>
      <c r="P10" s="8"/>
    </row>
    <row r="11" spans="1:16" x14ac:dyDescent="0.3">
      <c r="C11" s="119"/>
      <c r="D11" s="119"/>
      <c r="E11" s="119"/>
      <c r="F11" s="119"/>
      <c r="G11" s="119"/>
      <c r="I11" s="10"/>
      <c r="J11" s="10"/>
      <c r="K11" s="7" t="str">
        <f>"Witness: "&amp;'MFR Logic'!$C$17&amp;" "&amp;'MFR Logic'!$D$17&amp;" "&amp;'MFR Logic'!$E$17&amp;'MFR Logic'!F17&amp;'MFR Logic'!G17</f>
        <v>Witness: Aquilina,  Buck,  Caldwell, Olivier, Quick</v>
      </c>
      <c r="L11" s="7"/>
      <c r="M11" s="7"/>
      <c r="N11" s="69"/>
      <c r="P11" s="8"/>
    </row>
    <row r="12" spans="1:16" s="12" customFormat="1" x14ac:dyDescent="0.3">
      <c r="A12" s="11"/>
      <c r="B12" s="11"/>
      <c r="C12" s="11"/>
      <c r="D12" s="11"/>
      <c r="E12" s="11"/>
      <c r="F12" s="11"/>
      <c r="G12" s="11"/>
      <c r="H12" s="11"/>
      <c r="I12" s="11"/>
      <c r="J12" s="11"/>
      <c r="K12" s="11"/>
      <c r="L12" s="11"/>
      <c r="M12" s="7"/>
      <c r="N12" s="11"/>
      <c r="O12" s="11"/>
      <c r="P12" s="111"/>
    </row>
    <row r="13" spans="1:16" s="12" customFormat="1" x14ac:dyDescent="0.25">
      <c r="A13" s="111"/>
      <c r="B13" s="93">
        <v>-1</v>
      </c>
      <c r="C13" s="93"/>
      <c r="D13" s="93"/>
      <c r="E13" s="93"/>
      <c r="F13" s="93"/>
      <c r="G13" s="93"/>
      <c r="H13" s="93">
        <v>-2</v>
      </c>
      <c r="I13" s="112">
        <v>-3</v>
      </c>
      <c r="J13" s="112">
        <v>-4</v>
      </c>
      <c r="K13" s="93">
        <v>-5</v>
      </c>
      <c r="L13" s="13"/>
      <c r="M13" s="13"/>
      <c r="N13" s="13"/>
      <c r="O13" s="13"/>
      <c r="P13" s="111"/>
    </row>
    <row r="14" spans="1:16" s="12" customFormat="1" x14ac:dyDescent="0.25">
      <c r="A14" s="111"/>
      <c r="B14" s="14"/>
      <c r="C14" s="14"/>
      <c r="D14" s="14"/>
      <c r="E14" s="14"/>
      <c r="F14" s="14"/>
      <c r="G14" s="14"/>
      <c r="H14" s="14" t="s">
        <v>40</v>
      </c>
      <c r="I14" s="14" t="s">
        <v>41</v>
      </c>
      <c r="J14" s="15" t="s">
        <v>42</v>
      </c>
      <c r="K14" s="16" t="s">
        <v>43</v>
      </c>
      <c r="L14" s="14"/>
      <c r="M14" s="14"/>
      <c r="N14" s="14"/>
      <c r="O14" s="14"/>
      <c r="P14" s="111"/>
    </row>
    <row r="15" spans="1:16" s="12" customFormat="1" x14ac:dyDescent="0.25">
      <c r="A15" s="16" t="s">
        <v>44</v>
      </c>
      <c r="B15" s="16" t="s">
        <v>45</v>
      </c>
      <c r="C15" s="16"/>
      <c r="D15" s="16"/>
      <c r="E15" s="16"/>
      <c r="F15" s="16"/>
      <c r="G15" s="16"/>
      <c r="H15" s="71" t="str">
        <f>"Ended "&amp;TEXT('MFR Logic'!$D$9,"MM/DD/YY")</f>
        <v>Ended 12/31/26</v>
      </c>
      <c r="I15" s="71" t="str">
        <f>"Ended "&amp;TEXT('MFR Logic'!$D$12,"MM/DD/YY")</f>
        <v>Ended 12/31/23</v>
      </c>
      <c r="J15" s="33" t="s">
        <v>59</v>
      </c>
      <c r="K15" s="16" t="s">
        <v>46</v>
      </c>
      <c r="L15" s="17"/>
      <c r="M15" s="16"/>
      <c r="N15" s="16"/>
      <c r="O15" s="16"/>
      <c r="P15" s="18"/>
    </row>
    <row r="16" spans="1:16" s="12" customFormat="1" x14ac:dyDescent="0.25">
      <c r="A16" s="19" t="s">
        <v>47</v>
      </c>
      <c r="B16" s="20" t="s">
        <v>48</v>
      </c>
      <c r="C16" s="20"/>
      <c r="D16" s="20"/>
      <c r="E16" s="20"/>
      <c r="F16" s="20"/>
      <c r="G16" s="20"/>
      <c r="H16" s="32" t="s">
        <v>49</v>
      </c>
      <c r="I16" s="32" t="s">
        <v>49</v>
      </c>
      <c r="J16" s="32" t="s">
        <v>49</v>
      </c>
      <c r="K16" s="34" t="s">
        <v>50</v>
      </c>
      <c r="L16" s="20"/>
      <c r="M16" s="21"/>
      <c r="N16" s="21"/>
      <c r="O16" s="21"/>
      <c r="P16" s="16" t="s">
        <v>51</v>
      </c>
    </row>
    <row r="17" spans="1:16" s="12" customFormat="1" x14ac:dyDescent="0.25">
      <c r="A17" s="16"/>
      <c r="B17" s="85"/>
      <c r="C17" s="85"/>
      <c r="D17" s="85"/>
      <c r="E17" s="85"/>
      <c r="F17" s="85"/>
      <c r="G17" s="85"/>
      <c r="H17" s="86"/>
      <c r="I17" s="86"/>
      <c r="J17" s="86"/>
      <c r="K17" s="33"/>
      <c r="L17" s="85"/>
      <c r="M17" s="87"/>
      <c r="N17" s="87"/>
      <c r="O17" s="87"/>
      <c r="P17" s="16"/>
    </row>
    <row r="18" spans="1:16" s="12" customFormat="1" x14ac:dyDescent="0.3">
      <c r="A18" s="22">
        <v>1</v>
      </c>
      <c r="B18" s="35" t="s">
        <v>52</v>
      </c>
      <c r="C18" s="120" t="s">
        <v>974</v>
      </c>
      <c r="D18" s="120"/>
      <c r="E18" s="120"/>
      <c r="F18" s="35"/>
      <c r="G18" s="35"/>
      <c r="H18" s="41">
        <f>VLOOKUP(C18,'Rate Case Frcst O&amp;M #9-12MoEnd'!$A:$AN,MATCH($C$9,'Rate Case Frcst O&amp;M #9-12MoEnd'!$2:$2,0),FALSE)/1000</f>
        <v>81752.60539378559</v>
      </c>
      <c r="I18" s="88">
        <f>'C-12 (TY1)'!I18</f>
        <v>93385.985825524709</v>
      </c>
      <c r="J18" s="89">
        <f>H18-I18</f>
        <v>-11633.380431739119</v>
      </c>
      <c r="K18" s="94">
        <f>J18/I18</f>
        <v>-0.1245730858747269</v>
      </c>
      <c r="L18" s="23"/>
      <c r="M18" s="23"/>
      <c r="N18" s="23"/>
      <c r="O18" s="23"/>
      <c r="P18" s="24"/>
    </row>
    <row r="19" spans="1:16" s="12" customFormat="1" x14ac:dyDescent="0.3">
      <c r="A19" s="22">
        <f t="shared" ref="A19:A48" si="0">A18+1</f>
        <v>2</v>
      </c>
      <c r="B19" s="35"/>
      <c r="F19" s="35"/>
      <c r="G19" s="35"/>
      <c r="H19" s="90"/>
      <c r="I19" s="90"/>
      <c r="J19" s="89"/>
      <c r="K19" s="95"/>
      <c r="L19" s="25"/>
      <c r="M19" s="23"/>
      <c r="N19" s="23"/>
      <c r="O19" s="23"/>
      <c r="P19" s="24"/>
    </row>
    <row r="20" spans="1:16" s="12" customFormat="1" x14ac:dyDescent="0.3">
      <c r="A20" s="22">
        <f t="shared" si="0"/>
        <v>3</v>
      </c>
      <c r="B20" s="35" t="s">
        <v>53</v>
      </c>
      <c r="C20" s="120" t="s">
        <v>973</v>
      </c>
      <c r="D20" s="120"/>
      <c r="E20" s="120"/>
      <c r="F20" s="120"/>
      <c r="G20" s="120"/>
      <c r="H20" s="41">
        <f>VLOOKUP(C20,'Rate Case Frcst O&amp;M #9-12MoEnd'!$A:$AN,MATCH($C$9,'Rate Case Frcst O&amp;M #9-12MoEnd'!$2:$2,0),FALSE)/1000</f>
        <v>3379.1729876527897</v>
      </c>
      <c r="I20" s="88">
        <f>'C-12 (TY1)'!I20</f>
        <v>16128.582839999999</v>
      </c>
      <c r="J20" s="89">
        <f>H20-I20</f>
        <v>-12749.409852347209</v>
      </c>
      <c r="K20" s="94">
        <f>J20/I20</f>
        <v>-0.79048543686850115</v>
      </c>
      <c r="L20" s="25"/>
      <c r="M20" s="23"/>
      <c r="N20" s="23"/>
      <c r="O20" s="23"/>
      <c r="P20" s="24"/>
    </row>
    <row r="21" spans="1:16" s="12" customFormat="1" x14ac:dyDescent="0.3">
      <c r="A21" s="22">
        <f t="shared" si="0"/>
        <v>4</v>
      </c>
      <c r="B21" s="35"/>
      <c r="C21" s="35"/>
      <c r="D21" s="35"/>
      <c r="E21" s="35"/>
      <c r="F21" s="35"/>
      <c r="G21" s="35"/>
      <c r="H21" s="90"/>
      <c r="I21" s="90"/>
      <c r="J21" s="89"/>
      <c r="K21" s="95"/>
      <c r="L21" s="25"/>
      <c r="M21" s="23"/>
      <c r="N21" s="23"/>
      <c r="O21" s="23"/>
      <c r="P21" s="24"/>
    </row>
    <row r="22" spans="1:16" s="12" customFormat="1" x14ac:dyDescent="0.3">
      <c r="A22" s="22">
        <f t="shared" si="0"/>
        <v>5</v>
      </c>
      <c r="B22" s="12" t="s">
        <v>54</v>
      </c>
      <c r="C22" s="12" t="s">
        <v>970</v>
      </c>
      <c r="F22" s="120"/>
      <c r="H22" s="41">
        <f>VLOOKUP(C22,'Rate Case Frcst O&amp;M #9-12MoEnd'!$A:$AN,MATCH($C$9,'Rate Case Frcst O&amp;M #9-12MoEnd'!$2:$2,0),FALSE)/1000</f>
        <v>15796.38803</v>
      </c>
      <c r="I22" s="90">
        <f>'C-12 (TY1)'!I22</f>
        <v>7333.9782100000002</v>
      </c>
      <c r="J22" s="91">
        <f>H22-I22</f>
        <v>8462.4098200000008</v>
      </c>
      <c r="K22" s="94">
        <f>J22/I22</f>
        <v>1.1538635073201289</v>
      </c>
      <c r="L22" s="23"/>
      <c r="M22" s="23"/>
      <c r="N22" s="23"/>
      <c r="O22" s="23"/>
      <c r="P22" s="24"/>
    </row>
    <row r="23" spans="1:16" s="12" customFormat="1" x14ac:dyDescent="0.3">
      <c r="A23" s="22">
        <f t="shared" si="0"/>
        <v>6</v>
      </c>
      <c r="B23" s="35"/>
      <c r="C23" s="35"/>
      <c r="D23" s="35"/>
      <c r="E23" s="35"/>
      <c r="F23" s="35"/>
      <c r="G23" s="35"/>
      <c r="H23" s="90"/>
      <c r="I23" s="90"/>
      <c r="J23" s="89"/>
      <c r="K23" s="95"/>
      <c r="L23" s="29"/>
      <c r="M23" s="29"/>
      <c r="N23" s="29"/>
      <c r="O23" s="29"/>
      <c r="P23" s="28"/>
    </row>
    <row r="24" spans="1:16" s="12" customFormat="1" x14ac:dyDescent="0.3">
      <c r="A24" s="22">
        <f t="shared" si="0"/>
        <v>7</v>
      </c>
      <c r="B24" s="12" t="s">
        <v>55</v>
      </c>
      <c r="C24" s="120" t="s">
        <v>972</v>
      </c>
      <c r="D24" s="35"/>
      <c r="E24" s="35"/>
      <c r="F24" s="35"/>
      <c r="G24" s="35"/>
      <c r="H24" s="41">
        <f>(VLOOKUP(C24,'Rate Case Frcst O&amp;M #9-12MoEnd'!$A:$AN,MATCH($C$9,'Rate Case Frcst O&amp;M #9-12MoEnd'!$2:$2,0),FALSE)/1000-H26)</f>
        <v>235478.06225196601</v>
      </c>
      <c r="I24" s="88">
        <f>'C-12 (TY1)'!I24</f>
        <v>573207.69387177646</v>
      </c>
      <c r="J24" s="89">
        <f>H24-I24</f>
        <v>-337729.63161981048</v>
      </c>
      <c r="K24" s="94">
        <f>J24/I24</f>
        <v>-0.58919242576558783</v>
      </c>
      <c r="L24" s="23"/>
      <c r="M24" s="23"/>
      <c r="N24" s="23"/>
      <c r="O24" s="23"/>
      <c r="P24" s="24"/>
    </row>
    <row r="25" spans="1:16" s="12" customFormat="1" x14ac:dyDescent="0.3">
      <c r="A25" s="22">
        <f t="shared" si="0"/>
        <v>8</v>
      </c>
      <c r="C25" s="120"/>
      <c r="H25" s="92"/>
      <c r="I25" s="92"/>
      <c r="J25" s="92"/>
      <c r="K25" s="94"/>
      <c r="L25" s="23"/>
      <c r="M25" s="23"/>
      <c r="N25" s="23"/>
      <c r="O25" s="23"/>
      <c r="P25" s="24"/>
    </row>
    <row r="26" spans="1:16" s="12" customFormat="1" x14ac:dyDescent="0.3">
      <c r="A26" s="22">
        <f t="shared" si="0"/>
        <v>9</v>
      </c>
      <c r="B26" s="35" t="s">
        <v>56</v>
      </c>
      <c r="C26" s="120" t="s">
        <v>971</v>
      </c>
      <c r="D26" s="120"/>
      <c r="E26" s="120"/>
      <c r="F26" s="120"/>
      <c r="G26" s="120"/>
      <c r="H26" s="41">
        <f>VLOOKUP(C26,'Rate Case Frcst O&amp;M #9-12MoEnd'!$A:$AN,MATCH($C$9,'Rate Case Frcst O&amp;M #9-12MoEnd'!$2:$2,0),FALSE)/1000</f>
        <v>-11768.197020522</v>
      </c>
      <c r="I26" s="90">
        <f>'C-12 (TY1)'!I26</f>
        <v>-7370.2458276854995</v>
      </c>
      <c r="J26" s="91">
        <f>H26-I26</f>
        <v>-4397.9511928365009</v>
      </c>
      <c r="K26" s="94">
        <f>-J26/I26</f>
        <v>-0.59671702893763623</v>
      </c>
      <c r="L26" s="25"/>
      <c r="M26" s="23"/>
      <c r="N26" s="23"/>
      <c r="O26" s="23"/>
      <c r="P26" s="24"/>
    </row>
    <row r="27" spans="1:16" s="12" customFormat="1" x14ac:dyDescent="0.3">
      <c r="A27" s="22">
        <f t="shared" si="0"/>
        <v>10</v>
      </c>
      <c r="H27" s="92"/>
      <c r="I27" s="92"/>
      <c r="J27" s="92"/>
      <c r="K27" s="94"/>
      <c r="L27" s="25"/>
      <c r="M27" s="23"/>
      <c r="N27" s="23"/>
      <c r="O27" s="23"/>
      <c r="P27" s="24"/>
    </row>
    <row r="28" spans="1:16" s="12" customFormat="1" x14ac:dyDescent="0.3">
      <c r="A28" s="22">
        <f t="shared" si="0"/>
        <v>11</v>
      </c>
      <c r="B28" s="12" t="s">
        <v>688</v>
      </c>
      <c r="H28" s="42">
        <f>SUM(H18:H27)</f>
        <v>324638.03164288233</v>
      </c>
      <c r="I28" s="42">
        <f>SUM(I18:I27)</f>
        <v>682685.99491961568</v>
      </c>
      <c r="J28" s="42">
        <f>SUM(J18:J27)</f>
        <v>-358047.9632767333</v>
      </c>
      <c r="K28" s="96">
        <f>J28/I28</f>
        <v>-0.52446947196989502</v>
      </c>
      <c r="L28" s="25"/>
      <c r="M28" s="23"/>
      <c r="N28" s="23"/>
      <c r="O28" s="23"/>
      <c r="P28" s="24"/>
    </row>
    <row r="29" spans="1:16" s="12" customFormat="1" x14ac:dyDescent="0.25">
      <c r="A29" s="22">
        <f t="shared" si="0"/>
        <v>12</v>
      </c>
      <c r="H29" s="40"/>
      <c r="I29" s="40"/>
      <c r="J29" s="40"/>
      <c r="K29" s="97"/>
      <c r="L29" s="23"/>
      <c r="M29" s="23"/>
      <c r="N29" s="23"/>
      <c r="O29" s="23"/>
      <c r="P29" s="24"/>
    </row>
    <row r="30" spans="1:16" ht="14.4" thickBot="1" x14ac:dyDescent="0.35">
      <c r="A30" s="22">
        <f t="shared" si="0"/>
        <v>13</v>
      </c>
      <c r="B30" s="26" t="s">
        <v>57</v>
      </c>
      <c r="C30" s="26"/>
      <c r="D30" s="26"/>
      <c r="E30" s="26"/>
      <c r="F30" s="26"/>
      <c r="G30" s="26"/>
      <c r="H30" s="37">
        <f>'Forecast Revenue File'!N13/1000</f>
        <v>2069.7754771261693</v>
      </c>
      <c r="I30" s="37">
        <f>'C-12 (TY1)'!I30</f>
        <v>1968.2120833333333</v>
      </c>
      <c r="J30" s="37">
        <f>H30-I30</f>
        <v>101.563393792836</v>
      </c>
      <c r="K30" s="98">
        <f>J30/I30</f>
        <v>5.1601854623730292E-2</v>
      </c>
      <c r="L30" s="23"/>
      <c r="M30" s="23"/>
      <c r="N30" s="23"/>
      <c r="O30" s="23"/>
    </row>
    <row r="31" spans="1:16" ht="14.4" thickTop="1" x14ac:dyDescent="0.3">
      <c r="A31" s="22">
        <f t="shared" si="0"/>
        <v>14</v>
      </c>
      <c r="B31" s="35"/>
      <c r="C31" s="35"/>
      <c r="D31" s="35"/>
      <c r="E31" s="35"/>
      <c r="F31" s="35"/>
      <c r="G31" s="35"/>
      <c r="H31" s="38"/>
      <c r="I31" s="39"/>
      <c r="J31" s="39"/>
      <c r="K31" s="99"/>
      <c r="L31" s="22"/>
      <c r="M31" s="22"/>
      <c r="N31" s="22"/>
      <c r="O31" s="23"/>
    </row>
    <row r="32" spans="1:16" ht="14.4" thickBot="1" x14ac:dyDescent="0.35">
      <c r="A32" s="22">
        <f t="shared" si="0"/>
        <v>15</v>
      </c>
      <c r="B32" s="35" t="s">
        <v>58</v>
      </c>
      <c r="C32" s="35"/>
      <c r="D32" s="35"/>
      <c r="E32" s="35"/>
      <c r="F32" s="35"/>
      <c r="G32" s="35"/>
      <c r="H32" s="102">
        <f>(H28)/H30</f>
        <v>156.84697940939662</v>
      </c>
      <c r="I32" s="102">
        <f>(I28)/I30</f>
        <v>346.85591085460123</v>
      </c>
      <c r="J32" s="102">
        <f>H32-I32</f>
        <v>-190.00893144520461</v>
      </c>
      <c r="K32" s="100">
        <f>J32/I32</f>
        <v>-0.54780364266259995</v>
      </c>
      <c r="L32" s="23"/>
      <c r="M32" s="23"/>
      <c r="N32" s="23"/>
      <c r="O32" s="23"/>
    </row>
    <row r="33" spans="1:15" ht="14.4" thickTop="1" x14ac:dyDescent="0.3">
      <c r="A33" s="22">
        <f t="shared" si="0"/>
        <v>16</v>
      </c>
      <c r="B33" s="26"/>
      <c r="C33" s="26"/>
      <c r="D33" s="26"/>
      <c r="E33" s="26"/>
      <c r="F33" s="26"/>
      <c r="G33" s="26"/>
      <c r="H33" s="26"/>
      <c r="I33" s="30"/>
      <c r="J33" s="27"/>
      <c r="K33" s="31"/>
      <c r="L33" s="23"/>
      <c r="M33" s="31"/>
      <c r="N33" s="31"/>
      <c r="O33" s="23"/>
    </row>
    <row r="34" spans="1:15" x14ac:dyDescent="0.3">
      <c r="A34" s="22">
        <f t="shared" si="0"/>
        <v>17</v>
      </c>
      <c r="B34" s="26"/>
      <c r="C34" s="26"/>
      <c r="D34" s="26"/>
      <c r="E34" s="26"/>
      <c r="F34" s="26"/>
      <c r="G34" s="26"/>
      <c r="H34" s="26"/>
      <c r="I34" s="27"/>
      <c r="J34" s="27"/>
      <c r="K34" s="31"/>
      <c r="L34" s="23"/>
      <c r="M34" s="23"/>
      <c r="N34" s="23"/>
      <c r="O34" s="23"/>
    </row>
    <row r="35" spans="1:15" x14ac:dyDescent="0.3">
      <c r="A35" s="22">
        <f t="shared" si="0"/>
        <v>18</v>
      </c>
      <c r="B35" s="26"/>
      <c r="C35" s="26"/>
      <c r="D35" s="26"/>
      <c r="E35" s="26"/>
      <c r="F35" s="26"/>
      <c r="G35" s="26"/>
      <c r="H35" s="26"/>
      <c r="I35" s="27"/>
      <c r="J35" s="27"/>
      <c r="K35" s="23"/>
      <c r="L35" s="23"/>
      <c r="M35" s="23"/>
      <c r="N35" s="23"/>
      <c r="O35" s="23"/>
    </row>
    <row r="36" spans="1:15" x14ac:dyDescent="0.3">
      <c r="A36" s="22">
        <f t="shared" si="0"/>
        <v>19</v>
      </c>
      <c r="B36" s="26"/>
      <c r="C36" s="26"/>
      <c r="D36" s="26"/>
      <c r="E36" s="26"/>
      <c r="F36" s="26"/>
      <c r="G36" s="26"/>
      <c r="H36" s="26"/>
      <c r="I36" s="27"/>
      <c r="J36" s="27"/>
      <c r="K36" s="23"/>
      <c r="L36" s="23"/>
      <c r="M36" s="23"/>
      <c r="N36" s="23"/>
      <c r="O36" s="23"/>
    </row>
    <row r="37" spans="1:15" x14ac:dyDescent="0.3">
      <c r="A37" s="22">
        <f t="shared" si="0"/>
        <v>20</v>
      </c>
      <c r="B37" s="26"/>
      <c r="C37" s="26"/>
      <c r="D37" s="26"/>
      <c r="E37" s="26"/>
      <c r="F37" s="26"/>
      <c r="G37" s="26"/>
      <c r="H37" s="26"/>
      <c r="I37" s="27"/>
      <c r="J37" s="27"/>
      <c r="K37" s="23"/>
      <c r="L37" s="23"/>
      <c r="M37" s="23"/>
      <c r="N37" s="23"/>
      <c r="O37" s="23"/>
    </row>
    <row r="38" spans="1:15" x14ac:dyDescent="0.3">
      <c r="A38" s="22">
        <f t="shared" si="0"/>
        <v>21</v>
      </c>
      <c r="B38" s="26"/>
      <c r="C38" s="26"/>
      <c r="D38" s="26"/>
      <c r="E38" s="26"/>
      <c r="F38" s="26"/>
      <c r="G38" s="26"/>
      <c r="H38" s="26"/>
      <c r="I38" s="27"/>
      <c r="J38" s="27"/>
      <c r="K38" s="23"/>
      <c r="L38" s="23"/>
      <c r="M38" s="23"/>
      <c r="N38" s="23"/>
      <c r="O38" s="23"/>
    </row>
    <row r="39" spans="1:15" x14ac:dyDescent="0.3">
      <c r="A39" s="22">
        <f t="shared" si="0"/>
        <v>22</v>
      </c>
      <c r="B39" s="26"/>
      <c r="C39" s="26"/>
      <c r="D39" s="26"/>
      <c r="E39" s="26"/>
      <c r="F39" s="26"/>
      <c r="G39" s="26"/>
      <c r="H39" s="26"/>
      <c r="I39" s="27"/>
      <c r="J39" s="27"/>
      <c r="K39" s="23"/>
      <c r="L39" s="23"/>
      <c r="M39" s="23"/>
      <c r="N39" s="23"/>
      <c r="O39" s="23"/>
    </row>
    <row r="40" spans="1:15" x14ac:dyDescent="0.3">
      <c r="A40" s="22">
        <f t="shared" si="0"/>
        <v>23</v>
      </c>
      <c r="B40" s="26"/>
      <c r="C40" s="26"/>
      <c r="D40" s="26"/>
      <c r="E40" s="26"/>
      <c r="F40" s="26"/>
      <c r="G40" s="26"/>
      <c r="H40" s="26"/>
      <c r="I40" s="27"/>
      <c r="J40" s="27"/>
      <c r="K40" s="23"/>
      <c r="L40" s="23"/>
      <c r="M40" s="23"/>
      <c r="N40" s="23"/>
      <c r="O40" s="23"/>
    </row>
    <row r="41" spans="1:15" x14ac:dyDescent="0.3">
      <c r="A41" s="22">
        <f t="shared" si="0"/>
        <v>24</v>
      </c>
      <c r="B41" s="26"/>
      <c r="C41" s="26"/>
      <c r="D41" s="26"/>
      <c r="E41" s="26"/>
      <c r="F41" s="26"/>
      <c r="G41" s="26"/>
      <c r="H41" s="26"/>
      <c r="I41" s="27"/>
      <c r="J41" s="27"/>
      <c r="K41" s="23"/>
      <c r="L41" s="23"/>
      <c r="M41" s="23"/>
      <c r="N41" s="23"/>
      <c r="O41" s="23"/>
    </row>
    <row r="42" spans="1:15" x14ac:dyDescent="0.3">
      <c r="A42" s="22">
        <f t="shared" si="0"/>
        <v>25</v>
      </c>
      <c r="B42" s="26"/>
      <c r="C42" s="26"/>
      <c r="D42" s="26"/>
      <c r="E42" s="26"/>
      <c r="F42" s="26"/>
      <c r="G42" s="26"/>
      <c r="H42" s="26"/>
      <c r="I42" s="27"/>
      <c r="J42" s="27"/>
      <c r="K42" s="23"/>
      <c r="L42" s="23"/>
      <c r="M42" s="23"/>
      <c r="N42" s="23"/>
      <c r="O42" s="23"/>
    </row>
    <row r="43" spans="1:15" x14ac:dyDescent="0.3">
      <c r="A43" s="22">
        <f t="shared" si="0"/>
        <v>26</v>
      </c>
      <c r="B43" s="26"/>
      <c r="C43" s="26"/>
      <c r="D43" s="26"/>
      <c r="E43" s="26"/>
      <c r="F43" s="26"/>
      <c r="G43" s="26"/>
      <c r="H43" s="26"/>
      <c r="I43" s="27"/>
      <c r="J43" s="27"/>
      <c r="K43" s="23"/>
      <c r="L43" s="23"/>
      <c r="M43" s="23"/>
      <c r="N43" s="23"/>
      <c r="O43" s="23"/>
    </row>
    <row r="44" spans="1:15" x14ac:dyDescent="0.3">
      <c r="A44" s="22">
        <f t="shared" si="0"/>
        <v>27</v>
      </c>
      <c r="B44" s="26"/>
      <c r="C44" s="26"/>
      <c r="D44" s="26"/>
      <c r="E44" s="26"/>
      <c r="F44" s="26"/>
      <c r="G44" s="26"/>
      <c r="H44" s="26"/>
      <c r="I44" s="27"/>
      <c r="J44" s="27"/>
      <c r="K44" s="23"/>
      <c r="L44" s="23"/>
      <c r="M44" s="23"/>
      <c r="N44" s="23"/>
      <c r="O44" s="23"/>
    </row>
    <row r="45" spans="1:15" x14ac:dyDescent="0.3">
      <c r="A45" s="22">
        <f t="shared" si="0"/>
        <v>28</v>
      </c>
      <c r="B45" s="26"/>
      <c r="C45" s="26"/>
      <c r="D45" s="26"/>
      <c r="E45" s="26"/>
      <c r="F45" s="26"/>
      <c r="G45" s="26"/>
      <c r="H45" s="26"/>
      <c r="I45" s="27"/>
      <c r="J45" s="27"/>
      <c r="K45" s="23"/>
      <c r="L45" s="23"/>
      <c r="M45" s="23"/>
      <c r="N45" s="23"/>
      <c r="O45" s="23"/>
    </row>
    <row r="46" spans="1:15" x14ac:dyDescent="0.3">
      <c r="A46" s="22">
        <f t="shared" si="0"/>
        <v>29</v>
      </c>
      <c r="B46" s="26"/>
      <c r="C46" s="26"/>
      <c r="D46" s="26"/>
      <c r="E46" s="26"/>
      <c r="F46" s="26"/>
      <c r="G46" s="26"/>
      <c r="H46" s="26"/>
      <c r="I46" s="27"/>
      <c r="J46" s="27"/>
      <c r="K46" s="23"/>
      <c r="L46" s="23"/>
      <c r="M46" s="23"/>
      <c r="N46" s="23"/>
      <c r="O46" s="23"/>
    </row>
    <row r="47" spans="1:15" x14ac:dyDescent="0.3">
      <c r="A47" s="22">
        <f t="shared" si="0"/>
        <v>30</v>
      </c>
      <c r="B47" s="26"/>
      <c r="C47" s="26"/>
      <c r="D47" s="26"/>
      <c r="E47" s="26"/>
      <c r="F47" s="26"/>
      <c r="G47" s="26"/>
      <c r="H47" s="26"/>
      <c r="I47" s="27"/>
      <c r="J47" s="27"/>
      <c r="K47" s="23"/>
      <c r="L47" s="23"/>
      <c r="M47" s="23"/>
      <c r="N47" s="23"/>
      <c r="O47" s="23"/>
    </row>
    <row r="48" spans="1:15" x14ac:dyDescent="0.3">
      <c r="A48" s="22">
        <f t="shared" si="0"/>
        <v>31</v>
      </c>
      <c r="B48" s="26"/>
      <c r="C48" s="26"/>
      <c r="D48" s="26"/>
      <c r="E48" s="26"/>
      <c r="F48" s="26"/>
      <c r="G48" s="26"/>
      <c r="H48" s="26"/>
      <c r="I48" s="27"/>
      <c r="J48" s="27"/>
      <c r="K48" s="23"/>
      <c r="L48" s="23"/>
      <c r="M48" s="23"/>
      <c r="N48" s="23"/>
      <c r="O48" s="23"/>
    </row>
    <row r="49" spans="1:15" x14ac:dyDescent="0.3">
      <c r="A49" s="122" t="s">
        <v>681</v>
      </c>
      <c r="B49" s="122"/>
      <c r="C49" s="122"/>
      <c r="D49" s="122"/>
      <c r="E49" s="122"/>
      <c r="F49" s="122"/>
      <c r="G49" s="122"/>
      <c r="H49" s="122"/>
      <c r="I49" s="123"/>
      <c r="J49" s="123"/>
      <c r="K49" s="124"/>
      <c r="L49" s="124"/>
      <c r="M49" s="124" t="s">
        <v>682</v>
      </c>
      <c r="N49" s="124"/>
      <c r="O49" s="124"/>
    </row>
    <row r="50" spans="1:15" s="128" customFormat="1" x14ac:dyDescent="0.3">
      <c r="A50" s="125"/>
      <c r="B50" s="126"/>
      <c r="C50" s="126"/>
      <c r="D50" s="126"/>
      <c r="E50" s="126"/>
      <c r="F50" s="126"/>
      <c r="G50" s="126"/>
      <c r="H50" s="126"/>
      <c r="I50" s="127"/>
      <c r="J50" s="127"/>
      <c r="L50" s="129"/>
      <c r="M50" s="129"/>
      <c r="N50" s="129"/>
      <c r="O50" s="129"/>
    </row>
  </sheetData>
  <mergeCells count="2">
    <mergeCell ref="I3:K7"/>
    <mergeCell ref="A3:B3"/>
  </mergeCells>
  <pageMargins left="0.7" right="0.7" top="0.75" bottom="0.75" header="0.3" footer="0.3"/>
  <pageSetup fitToWidth="4" fitToHeight="4" orientation="portrait" horizontalDpi="1200" verticalDpi="1200" r:id="rId1"/>
  <headerFooter>
    <oddHeader xml:space="preserve">&amp;RDEF’s Response to OPC POD 1 (1-26)
Q7
Page &amp;P of &amp;N
</oddHeader>
    <oddFooter>&amp;R20240025-OPCPOD1-00004242</oddFoot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59A848-C07B-4748-B081-A84CFEB1D2F0}">
  <dimension ref="A1:R50"/>
  <sheetViews>
    <sheetView tabSelected="1" view="pageBreakPreview" zoomScale="90" zoomScaleNormal="100" zoomScaleSheetLayoutView="90" workbookViewId="0">
      <selection activeCell="F30" sqref="F30"/>
    </sheetView>
  </sheetViews>
  <sheetFormatPr defaultColWidth="9.109375" defaultRowHeight="13.8" outlineLevelCol="1" x14ac:dyDescent="0.3"/>
  <cols>
    <col min="1" max="1" width="3.6640625" style="2" customWidth="1"/>
    <col min="2" max="2" width="57.33203125" style="2" customWidth="1"/>
    <col min="3" max="7" width="46" style="2" hidden="1" customWidth="1" outlineLevel="1"/>
    <col min="8" max="8" width="18.109375" style="2" customWidth="1" collapsed="1"/>
    <col min="9" max="11" width="18.109375" style="2" customWidth="1"/>
    <col min="12" max="12" width="5.109375" style="2" customWidth="1"/>
    <col min="13" max="13" width="13.6640625" style="2" customWidth="1"/>
    <col min="14" max="14" width="12.44140625" style="2" customWidth="1"/>
    <col min="15" max="15" width="12.33203125" style="2" customWidth="1"/>
    <col min="16" max="16" width="12" style="2" customWidth="1"/>
    <col min="17" max="16384" width="9.109375" style="2"/>
  </cols>
  <sheetData>
    <row r="1" spans="1:16" x14ac:dyDescent="0.3">
      <c r="A1" s="1" t="s">
        <v>33</v>
      </c>
      <c r="B1" s="116"/>
      <c r="C1" s="116"/>
      <c r="D1" s="116"/>
      <c r="E1" s="116"/>
      <c r="F1" s="116"/>
      <c r="G1" s="116"/>
      <c r="I1" s="121" t="s">
        <v>34</v>
      </c>
      <c r="J1" s="121"/>
      <c r="K1" s="121"/>
      <c r="L1" s="1"/>
      <c r="M1" s="1"/>
      <c r="N1" s="1"/>
      <c r="O1" s="1" t="s">
        <v>687</v>
      </c>
    </row>
    <row r="2" spans="1:16" x14ac:dyDescent="0.3">
      <c r="A2" s="3"/>
      <c r="B2" s="3"/>
      <c r="C2" s="3"/>
      <c r="D2" s="3"/>
      <c r="E2" s="3"/>
      <c r="F2" s="3"/>
      <c r="G2" s="3"/>
      <c r="H2" s="3"/>
      <c r="I2" s="3"/>
      <c r="J2" s="3"/>
      <c r="K2" s="110"/>
      <c r="L2" s="110"/>
      <c r="M2" s="110"/>
      <c r="N2" s="110"/>
      <c r="O2" s="110"/>
      <c r="P2" s="7"/>
    </row>
    <row r="3" spans="1:16" x14ac:dyDescent="0.3">
      <c r="A3" s="182" t="s">
        <v>35</v>
      </c>
      <c r="B3" s="182"/>
      <c r="C3" s="5"/>
      <c r="D3" s="5"/>
      <c r="E3" s="5"/>
      <c r="F3" s="5"/>
      <c r="G3" s="5"/>
      <c r="H3" s="4" t="s">
        <v>36</v>
      </c>
      <c r="I3" s="180" t="s">
        <v>37</v>
      </c>
      <c r="J3" s="180"/>
      <c r="K3" s="180"/>
      <c r="L3" s="58"/>
      <c r="M3" s="58" t="s">
        <v>38</v>
      </c>
      <c r="N3" s="68"/>
      <c r="O3" s="68"/>
      <c r="P3" s="5"/>
    </row>
    <row r="4" spans="1:16" x14ac:dyDescent="0.3">
      <c r="B4" s="5"/>
      <c r="C4" s="5"/>
      <c r="D4" s="5"/>
      <c r="E4" s="5"/>
      <c r="F4" s="5"/>
      <c r="G4" s="5"/>
      <c r="H4" s="5"/>
      <c r="I4" s="181"/>
      <c r="J4" s="181"/>
      <c r="K4" s="181"/>
      <c r="L4" s="6" t="s">
        <v>683</v>
      </c>
      <c r="M4" s="7" t="s">
        <v>7</v>
      </c>
      <c r="N4" s="69"/>
      <c r="O4" s="55">
        <f>IFERROR(VLOOKUP($M4,'MFR Logic'!$B$8:$D$14,3,FALSE),"")</f>
        <v>46752</v>
      </c>
      <c r="P4" s="5"/>
    </row>
    <row r="5" spans="1:16" x14ac:dyDescent="0.3">
      <c r="A5" s="2" t="s">
        <v>39</v>
      </c>
      <c r="B5" s="117"/>
      <c r="C5" s="117"/>
      <c r="D5" s="117"/>
      <c r="E5" s="117"/>
      <c r="F5" s="117"/>
      <c r="G5" s="117"/>
      <c r="H5" s="117"/>
      <c r="I5" s="181"/>
      <c r="J5" s="181"/>
      <c r="K5" s="181"/>
      <c r="L5" s="6" t="s">
        <v>683</v>
      </c>
      <c r="M5" s="7" t="s">
        <v>9</v>
      </c>
      <c r="N5" s="70"/>
      <c r="O5" s="55">
        <f>IFERROR(VLOOKUP($M5,'MFR Logic'!$B$8:$D$14,3,FALSE),"")</f>
        <v>46387</v>
      </c>
      <c r="P5" s="8"/>
    </row>
    <row r="6" spans="1:16" x14ac:dyDescent="0.3">
      <c r="A6" s="9"/>
      <c r="I6" s="181"/>
      <c r="J6" s="181"/>
      <c r="K6" s="181"/>
      <c r="L6" s="6" t="s">
        <v>684</v>
      </c>
      <c r="M6" s="7" t="s">
        <v>11</v>
      </c>
      <c r="N6" s="70"/>
      <c r="O6" s="55">
        <f>IFERROR(VLOOKUP($M6,'MFR Logic'!$B$8:$D$14,3,FALSE),"")</f>
        <v>46022</v>
      </c>
      <c r="P6" s="8"/>
    </row>
    <row r="7" spans="1:16" x14ac:dyDescent="0.3">
      <c r="A7" s="70" t="str">
        <f>"DOCKET NO.: "&amp;'MFR Logic'!$D$4</f>
        <v>DOCKET NO.: 20240025-EI</v>
      </c>
      <c r="I7" s="181"/>
      <c r="J7" s="181"/>
      <c r="K7" s="181"/>
      <c r="L7" s="6" t="s">
        <v>683</v>
      </c>
      <c r="M7" s="7" t="s">
        <v>689</v>
      </c>
      <c r="N7" s="70"/>
      <c r="O7" s="55">
        <f>IFERROR(VLOOKUP($M7,'MFR Logic'!$B$8:$D$14,3,FALSE),"")</f>
        <v>45657</v>
      </c>
      <c r="P7" s="8"/>
    </row>
    <row r="8" spans="1:16" x14ac:dyDescent="0.3">
      <c r="C8" s="118"/>
      <c r="D8" s="118"/>
      <c r="E8" s="118"/>
      <c r="F8" s="118"/>
      <c r="G8" s="118"/>
      <c r="J8" s="10"/>
      <c r="K8" s="10"/>
      <c r="L8" s="6" t="s">
        <v>684</v>
      </c>
      <c r="M8" s="7" t="s">
        <v>15</v>
      </c>
      <c r="N8" s="69"/>
      <c r="O8" s="55">
        <f>IFERROR(VLOOKUP($M8,'MFR Logic'!$B$8:$D$14,3,FALSE),"")</f>
        <v>45291</v>
      </c>
      <c r="P8" s="8"/>
    </row>
    <row r="9" spans="1:16" x14ac:dyDescent="0.3">
      <c r="C9" s="118" t="str">
        <f>'MFR Logic'!C10</f>
        <v>Year 2025</v>
      </c>
      <c r="D9" s="118"/>
      <c r="E9" s="118"/>
      <c r="F9" s="118"/>
      <c r="G9" s="118"/>
      <c r="J9" s="10"/>
      <c r="K9" s="10"/>
      <c r="L9" s="6"/>
      <c r="M9" s="7"/>
      <c r="N9" s="69"/>
      <c r="O9" s="55" t="str">
        <f>IFERROR(VLOOKUP($M9,'MFR Logic'!$B$8:$D$14,3,FALSE),"")</f>
        <v/>
      </c>
      <c r="P9" s="8"/>
    </row>
    <row r="10" spans="1:16" x14ac:dyDescent="0.3">
      <c r="C10" s="119"/>
      <c r="D10" s="119"/>
      <c r="E10" s="119"/>
      <c r="F10" s="119"/>
      <c r="G10" s="119"/>
      <c r="J10" s="10"/>
      <c r="K10" s="10"/>
      <c r="L10" s="6"/>
      <c r="M10" s="7"/>
      <c r="N10" s="69"/>
      <c r="O10" s="55"/>
      <c r="P10" s="8"/>
    </row>
    <row r="11" spans="1:16" x14ac:dyDescent="0.3">
      <c r="C11" s="119"/>
      <c r="D11" s="119"/>
      <c r="E11" s="119"/>
      <c r="F11" s="119"/>
      <c r="G11" s="119"/>
      <c r="I11" s="10"/>
      <c r="J11" s="10"/>
      <c r="K11" s="7" t="str">
        <f>"Witness: "&amp;'MFR Logic'!$C$17&amp;" "&amp;'MFR Logic'!$D$17&amp;" "&amp;'MFR Logic'!$E$17&amp;'MFR Logic'!F17&amp;'MFR Logic'!G17</f>
        <v>Witness: Aquilina,  Buck,  Caldwell, Olivier, Quick</v>
      </c>
      <c r="L11" s="7"/>
      <c r="M11" s="7"/>
      <c r="N11" s="69"/>
      <c r="P11" s="8"/>
    </row>
    <row r="12" spans="1:16" s="12" customFormat="1" x14ac:dyDescent="0.3">
      <c r="A12" s="11"/>
      <c r="B12" s="11"/>
      <c r="C12" s="11"/>
      <c r="D12" s="11"/>
      <c r="E12" s="11"/>
      <c r="F12" s="11"/>
      <c r="G12" s="11"/>
      <c r="H12" s="11"/>
      <c r="I12" s="11"/>
      <c r="J12" s="11"/>
      <c r="K12" s="11"/>
      <c r="L12" s="11"/>
      <c r="M12" s="7"/>
      <c r="N12" s="11"/>
      <c r="O12" s="11"/>
      <c r="P12" s="111"/>
    </row>
    <row r="13" spans="1:16" s="12" customFormat="1" x14ac:dyDescent="0.25">
      <c r="A13" s="111"/>
      <c r="B13" s="93">
        <v>-1</v>
      </c>
      <c r="C13" s="93"/>
      <c r="D13" s="93"/>
      <c r="E13" s="93"/>
      <c r="F13" s="93"/>
      <c r="G13" s="93"/>
      <c r="H13" s="93">
        <v>-2</v>
      </c>
      <c r="I13" s="112">
        <v>-3</v>
      </c>
      <c r="J13" s="112">
        <v>-4</v>
      </c>
      <c r="K13" s="93">
        <v>-5</v>
      </c>
      <c r="L13" s="13"/>
      <c r="M13" s="13"/>
      <c r="N13" s="13"/>
      <c r="O13" s="13"/>
      <c r="P13" s="111"/>
    </row>
    <row r="14" spans="1:16" s="12" customFormat="1" x14ac:dyDescent="0.25">
      <c r="A14" s="111"/>
      <c r="B14" s="14"/>
      <c r="C14" s="14"/>
      <c r="D14" s="14"/>
      <c r="E14" s="14"/>
      <c r="F14" s="14"/>
      <c r="G14" s="14"/>
      <c r="H14" s="14" t="s">
        <v>40</v>
      </c>
      <c r="I14" s="14" t="s">
        <v>41</v>
      </c>
      <c r="J14" s="15" t="s">
        <v>42</v>
      </c>
      <c r="K14" s="16" t="s">
        <v>43</v>
      </c>
      <c r="L14" s="14"/>
      <c r="M14" s="14"/>
      <c r="N14" s="14"/>
      <c r="O14" s="14"/>
      <c r="P14" s="111"/>
    </row>
    <row r="15" spans="1:16" s="12" customFormat="1" x14ac:dyDescent="0.25">
      <c r="A15" s="16" t="s">
        <v>44</v>
      </c>
      <c r="B15" s="16" t="s">
        <v>45</v>
      </c>
      <c r="C15" s="16"/>
      <c r="D15" s="16"/>
      <c r="E15" s="16"/>
      <c r="F15" s="16"/>
      <c r="G15" s="16"/>
      <c r="H15" s="71" t="str">
        <f>"Ended "&amp;TEXT('MFR Logic'!$D$10,"MM/DD/YY")</f>
        <v>Ended 12/31/25</v>
      </c>
      <c r="I15" s="71" t="str">
        <f>"Ended "&amp;TEXT('MFR Logic'!$D$12,"MM/DD/YY")</f>
        <v>Ended 12/31/23</v>
      </c>
      <c r="J15" s="33" t="s">
        <v>59</v>
      </c>
      <c r="K15" s="16" t="s">
        <v>46</v>
      </c>
      <c r="L15" s="17"/>
      <c r="M15" s="16"/>
      <c r="N15" s="16"/>
      <c r="O15" s="16"/>
      <c r="P15" s="18"/>
    </row>
    <row r="16" spans="1:16" s="12" customFormat="1" x14ac:dyDescent="0.25">
      <c r="A16" s="19" t="s">
        <v>47</v>
      </c>
      <c r="B16" s="20" t="s">
        <v>48</v>
      </c>
      <c r="C16" s="20"/>
      <c r="D16" s="20"/>
      <c r="E16" s="20"/>
      <c r="F16" s="20"/>
      <c r="G16" s="20"/>
      <c r="H16" s="32" t="s">
        <v>49</v>
      </c>
      <c r="I16" s="32" t="s">
        <v>49</v>
      </c>
      <c r="J16" s="32" t="s">
        <v>49</v>
      </c>
      <c r="K16" s="34" t="s">
        <v>50</v>
      </c>
      <c r="L16" s="20"/>
      <c r="M16" s="21"/>
      <c r="N16" s="21"/>
      <c r="O16" s="21"/>
      <c r="P16" s="16" t="s">
        <v>51</v>
      </c>
    </row>
    <row r="17" spans="1:18" s="12" customFormat="1" x14ac:dyDescent="0.3">
      <c r="A17" s="22"/>
      <c r="C17" s="120"/>
      <c r="D17" s="120"/>
      <c r="E17" s="120"/>
      <c r="F17" s="120"/>
      <c r="G17" s="120"/>
      <c r="H17" s="92"/>
      <c r="I17" s="92"/>
      <c r="J17" s="92"/>
      <c r="K17" s="36"/>
      <c r="L17" s="25"/>
      <c r="M17" s="23"/>
      <c r="N17" s="23"/>
      <c r="O17" s="23"/>
      <c r="P17" s="24"/>
    </row>
    <row r="18" spans="1:18" s="12" customFormat="1" x14ac:dyDescent="0.3">
      <c r="A18" s="22">
        <v>1</v>
      </c>
      <c r="B18" s="35" t="s">
        <v>52</v>
      </c>
      <c r="C18" s="120" t="s">
        <v>974</v>
      </c>
      <c r="D18" s="120"/>
      <c r="E18" s="120"/>
      <c r="F18" s="35"/>
      <c r="G18" s="35"/>
      <c r="H18" s="41">
        <f>VLOOKUP($C18,'Rate Case Frcst O&amp;M #9-12MoEnd'!$A:$AN,MATCH('MFR Logic'!$C$10,'Rate Case Frcst O&amp;M #9-12MoEnd'!$2:$2,0),FALSE)/1000</f>
        <v>77878.831436556298</v>
      </c>
      <c r="I18" s="88">
        <f>VLOOKUP($C18,'2023 Actuals O&amp;M #9-12 Mo End'!$A:$N,MATCH('MFR Logic'!$C$12,'2023 Actuals O&amp;M #9-12 Mo End'!$2:$2,0),FALSE)/1000</f>
        <v>93385.985825524709</v>
      </c>
      <c r="J18" s="89">
        <f>H18-I18</f>
        <v>-15507.154388968411</v>
      </c>
      <c r="K18" s="94">
        <f>J18/I18</f>
        <v>-0.16605440582852338</v>
      </c>
      <c r="L18" s="23"/>
      <c r="M18" s="23"/>
      <c r="N18" s="23"/>
      <c r="O18" s="23"/>
      <c r="P18" s="24"/>
    </row>
    <row r="19" spans="1:18" s="12" customFormat="1" x14ac:dyDescent="0.3">
      <c r="A19" s="22">
        <f t="shared" ref="A19:A48" si="0">A18+1</f>
        <v>2</v>
      </c>
      <c r="B19" s="35"/>
      <c r="F19" s="35"/>
      <c r="G19" s="35"/>
      <c r="H19" s="90"/>
      <c r="I19" s="90"/>
      <c r="J19" s="89"/>
      <c r="K19" s="95"/>
      <c r="L19" s="25"/>
      <c r="M19" s="109"/>
      <c r="N19" s="23"/>
      <c r="O19" s="23"/>
      <c r="P19" s="24"/>
    </row>
    <row r="20" spans="1:18" s="12" customFormat="1" x14ac:dyDescent="0.3">
      <c r="A20" s="22">
        <f t="shared" si="0"/>
        <v>3</v>
      </c>
      <c r="B20" s="35" t="s">
        <v>53</v>
      </c>
      <c r="C20" s="120" t="s">
        <v>973</v>
      </c>
      <c r="D20" s="120"/>
      <c r="E20" s="120"/>
      <c r="F20" s="120"/>
      <c r="G20" s="120"/>
      <c r="H20" s="41">
        <f>VLOOKUP($C20,'Rate Case Frcst O&amp;M #9-12MoEnd'!$A:$AN,MATCH('MFR Logic'!$C$10,'Rate Case Frcst O&amp;M #9-12MoEnd'!$2:$2,0),FALSE)/1000</f>
        <v>4137.2494402698703</v>
      </c>
      <c r="I20" s="88">
        <f>VLOOKUP(C20,'2023 Actuals O&amp;M #9-12 Mo End'!$A:$N,MATCH('MFR Logic'!$C$12,'2023 Actuals O&amp;M #9-12 Mo End'!$2:$2,0),FALSE)/1000</f>
        <v>16128.582839999999</v>
      </c>
      <c r="J20" s="89">
        <f>H20-I20</f>
        <v>-11991.333399730129</v>
      </c>
      <c r="K20" s="94">
        <f>J20/I20</f>
        <v>-0.74348338714488871</v>
      </c>
      <c r="L20" s="25"/>
      <c r="M20" s="113"/>
      <c r="N20" s="1"/>
      <c r="O20" s="1"/>
      <c r="P20" s="1"/>
      <c r="Q20" s="1"/>
      <c r="R20" s="1"/>
    </row>
    <row r="21" spans="1:18" s="12" customFormat="1" x14ac:dyDescent="0.3">
      <c r="A21" s="22">
        <f t="shared" si="0"/>
        <v>4</v>
      </c>
      <c r="B21" s="35"/>
      <c r="C21" s="35"/>
      <c r="D21" s="35"/>
      <c r="E21" s="35"/>
      <c r="F21" s="35"/>
      <c r="G21" s="35"/>
      <c r="H21" s="90"/>
      <c r="I21" s="90"/>
      <c r="J21" s="89"/>
      <c r="K21" s="95"/>
      <c r="L21" s="25"/>
      <c r="M21" s="1"/>
      <c r="N21" s="1"/>
      <c r="O21" s="1"/>
      <c r="P21" s="1"/>
      <c r="Q21" s="1"/>
      <c r="R21" s="1"/>
    </row>
    <row r="22" spans="1:18" s="12" customFormat="1" x14ac:dyDescent="0.3">
      <c r="A22" s="22">
        <f t="shared" si="0"/>
        <v>5</v>
      </c>
      <c r="B22" s="12" t="s">
        <v>54</v>
      </c>
      <c r="C22" s="12" t="s">
        <v>970</v>
      </c>
      <c r="F22" s="120"/>
      <c r="H22" s="41">
        <f>VLOOKUP($C22,'Rate Case Frcst O&amp;M #9-12MoEnd'!$A:$AN,MATCH('MFR Logic'!$C$10,'Rate Case Frcst O&amp;M #9-12MoEnd'!$2:$2,0),FALSE)/1000</f>
        <v>16698.149384999899</v>
      </c>
      <c r="I22" s="88">
        <f>VLOOKUP(C22,'2023 Actuals O&amp;M #9-12 Mo End'!$A:$N,MATCH('MFR Logic'!$C$12,'2023 Actuals O&amp;M #9-12 Mo End'!$2:$2,0),FALSE)/1000</f>
        <v>7333.9782100000002</v>
      </c>
      <c r="J22" s="91">
        <f>H22-I22</f>
        <v>9364.1711749998976</v>
      </c>
      <c r="K22" s="94">
        <f>J22/I22</f>
        <v>1.2768201522922029</v>
      </c>
      <c r="L22" s="23"/>
      <c r="M22" s="1"/>
      <c r="N22" s="1"/>
      <c r="O22" s="1"/>
      <c r="P22" s="1"/>
      <c r="Q22" s="1"/>
      <c r="R22" s="1"/>
    </row>
    <row r="23" spans="1:18" s="12" customFormat="1" x14ac:dyDescent="0.3">
      <c r="A23" s="22">
        <f t="shared" si="0"/>
        <v>6</v>
      </c>
      <c r="B23" s="35"/>
      <c r="C23" s="35"/>
      <c r="D23" s="35"/>
      <c r="E23" s="35"/>
      <c r="F23" s="35"/>
      <c r="G23" s="35"/>
      <c r="H23" s="90"/>
      <c r="I23" s="90"/>
      <c r="J23" s="89"/>
      <c r="K23" s="95"/>
      <c r="L23" s="25"/>
      <c r="M23" s="1"/>
      <c r="N23" s="1"/>
      <c r="O23" s="1"/>
      <c r="P23" s="1"/>
      <c r="Q23" s="1"/>
      <c r="R23" s="1"/>
    </row>
    <row r="24" spans="1:18" s="12" customFormat="1" x14ac:dyDescent="0.3">
      <c r="A24" s="22">
        <f t="shared" si="0"/>
        <v>7</v>
      </c>
      <c r="B24" s="12" t="s">
        <v>55</v>
      </c>
      <c r="C24" s="120" t="s">
        <v>972</v>
      </c>
      <c r="D24" s="35"/>
      <c r="E24" s="35"/>
      <c r="F24" s="35"/>
      <c r="G24" s="35"/>
      <c r="H24" s="41">
        <f>(VLOOKUP($C24,'Rate Case Frcst O&amp;M #9-12MoEnd'!$A:$AN,MATCH('MFR Logic'!$C$10,'Rate Case Frcst O&amp;M #9-12MoEnd'!$2:$2,0),FALSE)/1000)-H26</f>
        <v>220038.56878418481</v>
      </c>
      <c r="I24" s="88">
        <f>(VLOOKUP(C24,'2023 Actuals O&amp;M #9-12 Mo End'!$A:$N,MATCH('MFR Logic'!$C$12,'2023 Actuals O&amp;M #9-12 Mo End'!$2:$2,0),FALSE))/1000-I26</f>
        <v>573207.69387177646</v>
      </c>
      <c r="J24" s="89">
        <f>H24-I24</f>
        <v>-353169.12508759164</v>
      </c>
      <c r="K24" s="94">
        <f>J24/I24</f>
        <v>-0.61612767739051622</v>
      </c>
      <c r="L24" s="25"/>
      <c r="M24" s="114"/>
      <c r="N24" s="1"/>
      <c r="O24" s="1"/>
      <c r="P24" s="1"/>
      <c r="Q24" s="1"/>
      <c r="R24" s="1"/>
    </row>
    <row r="25" spans="1:18" s="12" customFormat="1" x14ac:dyDescent="0.3">
      <c r="A25" s="22">
        <f t="shared" si="0"/>
        <v>8</v>
      </c>
      <c r="C25" s="120"/>
      <c r="H25" s="92"/>
      <c r="I25" s="92"/>
      <c r="J25" s="92"/>
      <c r="K25" s="94"/>
      <c r="L25" s="23"/>
      <c r="M25" s="1"/>
      <c r="N25" s="1"/>
      <c r="O25" s="1"/>
      <c r="P25" s="1"/>
      <c r="Q25" s="1"/>
      <c r="R25" s="1"/>
    </row>
    <row r="26" spans="1:18" s="12" customFormat="1" x14ac:dyDescent="0.3">
      <c r="A26" s="22">
        <f t="shared" si="0"/>
        <v>9</v>
      </c>
      <c r="B26" s="35" t="s">
        <v>56</v>
      </c>
      <c r="C26" s="120" t="s">
        <v>971</v>
      </c>
      <c r="D26" s="120"/>
      <c r="E26" s="120"/>
      <c r="F26" s="120"/>
      <c r="G26" s="120"/>
      <c r="H26" s="41">
        <f>VLOOKUP($C26,'Rate Case Frcst O&amp;M #9-12MoEnd'!$A:$AN,MATCH('MFR Logic'!$C$10,'Rate Case Frcst O&amp;M #9-12MoEnd'!$2:$2,0),FALSE)/1000</f>
        <v>-11771.171064933798</v>
      </c>
      <c r="I26" s="88">
        <f>VLOOKUP(C26,'2023 Actuals O&amp;M #9-12 Mo End'!$A:$N,MATCH('MFR Logic'!$C$12,'2023 Actuals O&amp;M #9-12 Mo End'!$2:$2,0),FALSE)/1000</f>
        <v>-7370.2458276854995</v>
      </c>
      <c r="J26" s="91">
        <f>H26-I26</f>
        <v>-4400.9252372482988</v>
      </c>
      <c r="K26" s="94">
        <f>-J26/I26</f>
        <v>-0.59712054931963299</v>
      </c>
      <c r="L26" s="23"/>
      <c r="M26" s="1"/>
      <c r="N26" s="1"/>
      <c r="O26" s="1"/>
      <c r="P26" s="1"/>
      <c r="Q26" s="1"/>
      <c r="R26" s="1"/>
    </row>
    <row r="27" spans="1:18" s="12" customFormat="1" x14ac:dyDescent="0.3">
      <c r="A27" s="22">
        <f t="shared" si="0"/>
        <v>10</v>
      </c>
      <c r="H27" s="92"/>
      <c r="I27" s="92"/>
      <c r="J27" s="92"/>
      <c r="K27" s="94"/>
      <c r="L27" s="25"/>
      <c r="M27" s="1"/>
      <c r="N27" s="1"/>
      <c r="O27" s="1"/>
      <c r="P27" s="1"/>
      <c r="Q27" s="1"/>
      <c r="R27" s="1"/>
    </row>
    <row r="28" spans="1:18" s="12" customFormat="1" x14ac:dyDescent="0.3">
      <c r="A28" s="22">
        <f t="shared" si="0"/>
        <v>11</v>
      </c>
      <c r="B28" s="12" t="s">
        <v>688</v>
      </c>
      <c r="H28" s="42">
        <f>SUM(H18:H27)</f>
        <v>306981.62798107706</v>
      </c>
      <c r="I28" s="42">
        <f>SUM(I18:I27)</f>
        <v>682685.99491961568</v>
      </c>
      <c r="J28" s="42">
        <f>SUM(J18:J27)</f>
        <v>-375704.36693853862</v>
      </c>
      <c r="K28" s="96">
        <f>J28/I28</f>
        <v>-0.55033261226162511</v>
      </c>
      <c r="L28" s="29"/>
      <c r="M28" s="1"/>
      <c r="N28" s="115"/>
      <c r="O28" s="1"/>
      <c r="P28" s="1"/>
      <c r="Q28" s="1"/>
      <c r="R28" s="1"/>
    </row>
    <row r="29" spans="1:18" x14ac:dyDescent="0.3">
      <c r="A29" s="22">
        <f t="shared" si="0"/>
        <v>12</v>
      </c>
      <c r="H29" s="90"/>
      <c r="I29" s="90"/>
      <c r="J29" s="89"/>
      <c r="K29" s="97"/>
      <c r="L29" s="23"/>
      <c r="M29" s="1"/>
      <c r="N29" s="1"/>
      <c r="O29" s="1"/>
      <c r="P29" s="1"/>
      <c r="Q29" s="1"/>
      <c r="R29" s="1"/>
    </row>
    <row r="30" spans="1:18" ht="14.4" thickBot="1" x14ac:dyDescent="0.35">
      <c r="A30" s="22">
        <f t="shared" si="0"/>
        <v>13</v>
      </c>
      <c r="B30" s="26" t="s">
        <v>57</v>
      </c>
      <c r="C30" s="26"/>
      <c r="D30" s="26"/>
      <c r="E30" s="26"/>
      <c r="F30" s="26"/>
      <c r="G30" s="26"/>
      <c r="H30" s="103">
        <f>'Forecast Revenue File'!N12/1000</f>
        <v>2035.3243372189672</v>
      </c>
      <c r="I30" s="104">
        <f>'Customer Counts'!R10/1000</f>
        <v>1968.2120833333333</v>
      </c>
      <c r="J30" s="101">
        <f>H30-I30</f>
        <v>67.112253885633891</v>
      </c>
      <c r="K30" s="98">
        <f>J30/I30</f>
        <v>3.4098080412134052E-2</v>
      </c>
      <c r="L30" s="23"/>
      <c r="M30" s="1"/>
      <c r="N30" s="1"/>
      <c r="O30" s="1"/>
      <c r="P30" s="1"/>
      <c r="Q30" s="1"/>
      <c r="R30" s="1"/>
    </row>
    <row r="31" spans="1:18" ht="14.4" thickTop="1" x14ac:dyDescent="0.3">
      <c r="A31" s="22">
        <f t="shared" si="0"/>
        <v>14</v>
      </c>
      <c r="B31" s="35"/>
      <c r="C31" s="35"/>
      <c r="D31" s="35"/>
      <c r="E31" s="35"/>
      <c r="F31" s="35"/>
      <c r="G31" s="35"/>
      <c r="H31" s="38"/>
      <c r="I31" s="39"/>
      <c r="J31" s="39"/>
      <c r="K31" s="99"/>
      <c r="L31" s="22"/>
      <c r="M31" s="1"/>
      <c r="N31" s="1"/>
      <c r="O31" s="1"/>
      <c r="P31" s="1"/>
      <c r="Q31" s="1"/>
      <c r="R31" s="1"/>
    </row>
    <row r="32" spans="1:18" ht="14.4" thickBot="1" x14ac:dyDescent="0.35">
      <c r="A32" s="22">
        <f t="shared" si="0"/>
        <v>15</v>
      </c>
      <c r="B32" s="35" t="s">
        <v>58</v>
      </c>
      <c r="C32" s="35"/>
      <c r="D32" s="35"/>
      <c r="E32" s="35"/>
      <c r="F32" s="35"/>
      <c r="G32" s="35"/>
      <c r="H32" s="102">
        <f>H28/H30</f>
        <v>150.8268841321534</v>
      </c>
      <c r="I32" s="102">
        <f>I28/I30</f>
        <v>346.85591085460123</v>
      </c>
      <c r="J32" s="102">
        <f>H32-I32</f>
        <v>-196.02902672244784</v>
      </c>
      <c r="K32" s="100">
        <f>J32/I32</f>
        <v>-0.56515982743226589</v>
      </c>
      <c r="L32" s="23"/>
      <c r="M32" s="1"/>
      <c r="N32" s="1"/>
      <c r="O32" s="1"/>
      <c r="P32" s="1"/>
      <c r="Q32" s="1"/>
      <c r="R32" s="1"/>
    </row>
    <row r="33" spans="1:18" ht="14.4" thickTop="1" x14ac:dyDescent="0.3">
      <c r="A33" s="22">
        <f t="shared" si="0"/>
        <v>16</v>
      </c>
      <c r="B33" s="26"/>
      <c r="C33" s="26"/>
      <c r="D33" s="26"/>
      <c r="E33" s="26"/>
      <c r="F33" s="26"/>
      <c r="G33" s="26"/>
      <c r="H33" s="26"/>
      <c r="I33" s="30"/>
      <c r="J33" s="27"/>
      <c r="K33" s="31"/>
      <c r="L33" s="23"/>
      <c r="M33" s="1"/>
      <c r="N33" s="1"/>
      <c r="O33" s="1"/>
      <c r="P33" s="1"/>
      <c r="Q33" s="1"/>
      <c r="R33" s="1"/>
    </row>
    <row r="34" spans="1:18" x14ac:dyDescent="0.3">
      <c r="A34" s="22">
        <f t="shared" si="0"/>
        <v>17</v>
      </c>
      <c r="B34" s="26"/>
      <c r="C34" s="26"/>
      <c r="D34" s="26"/>
      <c r="E34" s="26"/>
      <c r="F34" s="26"/>
      <c r="G34" s="26"/>
      <c r="H34" s="26"/>
      <c r="I34" s="27"/>
      <c r="J34" s="27"/>
      <c r="K34" s="31"/>
      <c r="L34" s="23"/>
      <c r="M34" s="1"/>
      <c r="N34" s="1"/>
      <c r="O34" s="1"/>
      <c r="P34" s="1"/>
      <c r="Q34" s="1"/>
      <c r="R34" s="1"/>
    </row>
    <row r="35" spans="1:18" x14ac:dyDescent="0.3">
      <c r="A35" s="22">
        <f t="shared" si="0"/>
        <v>18</v>
      </c>
      <c r="B35" s="26"/>
      <c r="C35" s="26"/>
      <c r="D35" s="26"/>
      <c r="E35" s="26"/>
      <c r="F35" s="26"/>
      <c r="G35" s="26"/>
      <c r="H35" s="26"/>
      <c r="I35" s="27"/>
      <c r="J35" s="27"/>
      <c r="K35" s="23"/>
      <c r="L35" s="23"/>
      <c r="M35" s="1"/>
      <c r="N35" s="1"/>
      <c r="O35" s="1"/>
      <c r="P35" s="1"/>
      <c r="Q35" s="1"/>
      <c r="R35" s="1"/>
    </row>
    <row r="36" spans="1:18" x14ac:dyDescent="0.3">
      <c r="A36" s="22">
        <f t="shared" si="0"/>
        <v>19</v>
      </c>
      <c r="B36" s="26"/>
      <c r="C36" s="26"/>
      <c r="D36" s="26"/>
      <c r="E36" s="26"/>
      <c r="F36" s="26"/>
      <c r="G36" s="26"/>
      <c r="H36" s="26"/>
      <c r="I36" s="27"/>
      <c r="J36" s="27"/>
      <c r="K36" s="23"/>
      <c r="L36" s="23"/>
      <c r="M36" s="23"/>
      <c r="N36" s="23"/>
      <c r="O36" s="23"/>
    </row>
    <row r="37" spans="1:18" x14ac:dyDescent="0.3">
      <c r="A37" s="22">
        <f t="shared" si="0"/>
        <v>20</v>
      </c>
      <c r="B37" s="26"/>
      <c r="C37" s="26"/>
      <c r="D37" s="26"/>
      <c r="E37" s="26"/>
      <c r="F37" s="26"/>
      <c r="G37" s="26"/>
      <c r="H37" s="26"/>
      <c r="I37" s="27"/>
      <c r="J37" s="27"/>
      <c r="K37" s="23"/>
      <c r="L37" s="23"/>
      <c r="M37" s="23"/>
      <c r="N37" s="23"/>
      <c r="O37" s="23"/>
    </row>
    <row r="38" spans="1:18" x14ac:dyDescent="0.3">
      <c r="A38" s="22">
        <f t="shared" si="0"/>
        <v>21</v>
      </c>
      <c r="B38" s="26"/>
      <c r="C38" s="26"/>
      <c r="D38" s="26"/>
      <c r="E38" s="26"/>
      <c r="F38" s="26"/>
      <c r="G38" s="26"/>
      <c r="H38" s="26"/>
      <c r="I38" s="27"/>
      <c r="J38" s="27"/>
      <c r="K38" s="23"/>
      <c r="L38" s="23"/>
      <c r="M38" s="23"/>
      <c r="N38" s="23"/>
      <c r="O38" s="23"/>
    </row>
    <row r="39" spans="1:18" x14ac:dyDescent="0.3">
      <c r="A39" s="22">
        <f t="shared" si="0"/>
        <v>22</v>
      </c>
      <c r="B39" s="26"/>
      <c r="C39" s="26"/>
      <c r="D39" s="26"/>
      <c r="E39" s="26"/>
      <c r="F39" s="26"/>
      <c r="G39" s="26"/>
      <c r="H39" s="26"/>
      <c r="I39" s="27"/>
      <c r="J39" s="27"/>
      <c r="K39" s="23"/>
      <c r="L39" s="23"/>
      <c r="M39" s="23"/>
      <c r="N39" s="23"/>
      <c r="O39" s="23"/>
    </row>
    <row r="40" spans="1:18" x14ac:dyDescent="0.3">
      <c r="A40" s="22">
        <f t="shared" si="0"/>
        <v>23</v>
      </c>
      <c r="B40" s="26"/>
      <c r="C40" s="26"/>
      <c r="D40" s="26"/>
      <c r="E40" s="26"/>
      <c r="F40" s="26"/>
      <c r="G40" s="26"/>
      <c r="H40" s="26"/>
      <c r="I40" s="27"/>
      <c r="J40" s="27"/>
      <c r="K40" s="23"/>
      <c r="L40" s="23"/>
      <c r="M40" s="23"/>
      <c r="N40" s="23"/>
      <c r="O40" s="23"/>
    </row>
    <row r="41" spans="1:18" x14ac:dyDescent="0.3">
      <c r="A41" s="22">
        <f t="shared" si="0"/>
        <v>24</v>
      </c>
      <c r="B41" s="26"/>
      <c r="C41" s="26"/>
      <c r="D41" s="26"/>
      <c r="E41" s="26"/>
      <c r="F41" s="26"/>
      <c r="G41" s="26"/>
      <c r="H41" s="26"/>
      <c r="I41" s="27"/>
      <c r="J41" s="27"/>
      <c r="K41" s="23"/>
      <c r="L41" s="23"/>
      <c r="M41" s="23"/>
      <c r="N41" s="23"/>
      <c r="O41" s="23"/>
    </row>
    <row r="42" spans="1:18" x14ac:dyDescent="0.3">
      <c r="A42" s="22">
        <f t="shared" si="0"/>
        <v>25</v>
      </c>
      <c r="B42" s="26"/>
      <c r="C42" s="26"/>
      <c r="D42" s="26"/>
      <c r="E42" s="26"/>
      <c r="F42" s="26"/>
      <c r="G42" s="26"/>
      <c r="H42" s="26"/>
      <c r="I42" s="27"/>
      <c r="J42" s="27"/>
      <c r="K42" s="23"/>
      <c r="L42" s="23"/>
      <c r="M42" s="23"/>
      <c r="N42" s="23"/>
      <c r="O42" s="23"/>
    </row>
    <row r="43" spans="1:18" x14ac:dyDescent="0.3">
      <c r="A43" s="22">
        <f t="shared" si="0"/>
        <v>26</v>
      </c>
      <c r="B43" s="26"/>
      <c r="C43" s="26"/>
      <c r="D43" s="26"/>
      <c r="E43" s="26"/>
      <c r="F43" s="26"/>
      <c r="G43" s="26"/>
      <c r="H43" s="26"/>
      <c r="I43" s="27"/>
      <c r="J43" s="27"/>
      <c r="K43" s="23"/>
      <c r="L43" s="23"/>
      <c r="M43" s="23"/>
      <c r="N43" s="23"/>
      <c r="O43" s="23"/>
    </row>
    <row r="44" spans="1:18" x14ac:dyDescent="0.3">
      <c r="A44" s="22">
        <f t="shared" si="0"/>
        <v>27</v>
      </c>
      <c r="B44" s="26"/>
      <c r="C44" s="26"/>
      <c r="D44" s="26"/>
      <c r="E44" s="26"/>
      <c r="F44" s="26"/>
      <c r="G44" s="26"/>
      <c r="H44" s="26"/>
      <c r="I44" s="27"/>
      <c r="J44" s="27"/>
      <c r="K44" s="23"/>
      <c r="L44" s="23"/>
      <c r="M44" s="23"/>
      <c r="N44" s="23"/>
      <c r="O44" s="23"/>
    </row>
    <row r="45" spans="1:18" x14ac:dyDescent="0.3">
      <c r="A45" s="22">
        <f t="shared" si="0"/>
        <v>28</v>
      </c>
      <c r="B45" s="26"/>
      <c r="C45" s="26"/>
      <c r="D45" s="26"/>
      <c r="E45" s="26"/>
      <c r="F45" s="26"/>
      <c r="G45" s="26"/>
      <c r="H45" s="26"/>
      <c r="I45" s="27"/>
      <c r="J45" s="27"/>
      <c r="K45" s="23"/>
      <c r="L45" s="23"/>
      <c r="M45" s="23"/>
      <c r="N45" s="23"/>
      <c r="O45" s="23"/>
    </row>
    <row r="46" spans="1:18" x14ac:dyDescent="0.3">
      <c r="A46" s="22">
        <f t="shared" si="0"/>
        <v>29</v>
      </c>
      <c r="B46" s="26"/>
      <c r="C46" s="26"/>
      <c r="D46" s="26"/>
      <c r="E46" s="26"/>
      <c r="F46" s="26"/>
      <c r="G46" s="26"/>
      <c r="H46" s="26"/>
      <c r="I46" s="27"/>
      <c r="J46" s="27"/>
      <c r="K46" s="23"/>
      <c r="L46" s="23"/>
      <c r="M46" s="23"/>
      <c r="N46" s="23"/>
      <c r="O46" s="23"/>
    </row>
    <row r="47" spans="1:18" x14ac:dyDescent="0.3">
      <c r="A47" s="22">
        <f t="shared" si="0"/>
        <v>30</v>
      </c>
      <c r="B47" s="26"/>
      <c r="C47" s="26"/>
      <c r="D47" s="26"/>
      <c r="E47" s="26"/>
      <c r="F47" s="26"/>
      <c r="G47" s="26"/>
      <c r="H47" s="26"/>
      <c r="I47" s="27"/>
      <c r="J47" s="27"/>
      <c r="K47" s="23"/>
      <c r="L47" s="23"/>
      <c r="M47" s="23"/>
      <c r="N47" s="23"/>
      <c r="O47" s="23"/>
    </row>
    <row r="48" spans="1:18" x14ac:dyDescent="0.3">
      <c r="A48" s="22">
        <f t="shared" si="0"/>
        <v>31</v>
      </c>
      <c r="B48" s="26"/>
      <c r="C48" s="26"/>
      <c r="D48" s="26"/>
      <c r="E48" s="26"/>
      <c r="F48" s="26"/>
      <c r="G48" s="26"/>
      <c r="H48" s="26"/>
      <c r="I48" s="27"/>
      <c r="J48" s="27"/>
      <c r="K48" s="23"/>
      <c r="L48" s="23"/>
      <c r="M48" s="23"/>
      <c r="N48" s="23"/>
      <c r="O48" s="23"/>
    </row>
    <row r="49" spans="1:15" x14ac:dyDescent="0.3">
      <c r="A49" s="122" t="s">
        <v>681</v>
      </c>
      <c r="B49" s="122"/>
      <c r="C49" s="122"/>
      <c r="D49" s="122"/>
      <c r="E49" s="122"/>
      <c r="F49" s="122"/>
      <c r="G49" s="122"/>
      <c r="H49" s="122"/>
      <c r="I49" s="123"/>
      <c r="J49" s="123"/>
      <c r="K49" s="124"/>
      <c r="L49" s="124"/>
      <c r="M49" s="124" t="s">
        <v>682</v>
      </c>
      <c r="N49" s="124"/>
      <c r="O49" s="124"/>
    </row>
    <row r="50" spans="1:15" s="128" customFormat="1" x14ac:dyDescent="0.3">
      <c r="A50" s="125"/>
      <c r="B50" s="126"/>
      <c r="C50" s="126"/>
      <c r="D50" s="126"/>
      <c r="E50" s="126"/>
      <c r="F50" s="126"/>
      <c r="G50" s="126"/>
      <c r="H50" s="126"/>
      <c r="I50" s="127"/>
      <c r="J50" s="127"/>
      <c r="L50" s="129"/>
      <c r="M50" s="129"/>
      <c r="N50" s="129"/>
      <c r="O50" s="129"/>
    </row>
  </sheetData>
  <mergeCells count="2">
    <mergeCell ref="I3:K7"/>
    <mergeCell ref="A3:B3"/>
  </mergeCells>
  <pageMargins left="0.7" right="0.7" top="0.75" bottom="0.75" header="0.3" footer="0.3"/>
  <pageSetup fitToWidth="4" fitToHeight="4" orientation="portrait" horizontalDpi="1200" verticalDpi="1200" r:id="rId1"/>
  <headerFooter>
    <oddHeader xml:space="preserve">&amp;RDEF’s Response to OPC POD 1 (1-26)
Q7
Page &amp;P of &amp;N
</oddHeader>
    <oddFooter>&amp;R20240025-OPCPOD1-00004242</oddFooter>
  </headerFooter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A48437-47EE-4A9C-9D76-97FBEB7044AF}">
  <sheetPr>
    <tabColor rgb="FF002060"/>
  </sheetPr>
  <dimension ref="A1"/>
  <sheetViews>
    <sheetView tabSelected="1" workbookViewId="0">
      <selection activeCell="F30" sqref="F30"/>
    </sheetView>
  </sheetViews>
  <sheetFormatPr defaultRowHeight="13.2" x14ac:dyDescent="0.25"/>
  <sheetData/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42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719EFD-1C1D-4792-90C2-269EEC3B3F37}">
  <sheetPr>
    <tabColor rgb="FF002060"/>
  </sheetPr>
  <dimension ref="A1:AN563"/>
  <sheetViews>
    <sheetView tabSelected="1" topLeftCell="A316" workbookViewId="0">
      <selection activeCell="F30" sqref="F30"/>
    </sheetView>
  </sheetViews>
  <sheetFormatPr defaultColWidth="9.33203125" defaultRowHeight="10.199999999999999" outlineLevelCol="1" x14ac:dyDescent="0.2"/>
  <cols>
    <col min="1" max="1" width="70.33203125" style="133" bestFit="1" customWidth="1"/>
    <col min="2" max="13" width="12.44140625" style="107" hidden="1" customWidth="1" outlineLevel="1"/>
    <col min="14" max="14" width="13.33203125" style="107" bestFit="1" customWidth="1" collapsed="1"/>
    <col min="15" max="26" width="12.44140625" style="107" hidden="1" customWidth="1" outlineLevel="1"/>
    <col min="27" max="27" width="13.33203125" style="107" bestFit="1" customWidth="1" collapsed="1"/>
    <col min="28" max="39" width="12.44140625" style="107" hidden="1" customWidth="1" outlineLevel="1"/>
    <col min="40" max="40" width="13.33203125" style="107" bestFit="1" customWidth="1" collapsed="1"/>
    <col min="41" max="16384" width="9.33203125" style="107"/>
  </cols>
  <sheetData>
    <row r="1" spans="1:40" s="106" customFormat="1" x14ac:dyDescent="0.2">
      <c r="A1" s="131"/>
    </row>
    <row r="2" spans="1:40" s="106" customFormat="1" x14ac:dyDescent="0.2">
      <c r="A2" s="131" t="s">
        <v>707</v>
      </c>
      <c r="B2" s="106" t="s">
        <v>60</v>
      </c>
      <c r="C2" s="106" t="s">
        <v>61</v>
      </c>
      <c r="D2" s="106" t="s">
        <v>62</v>
      </c>
      <c r="E2" s="106" t="s">
        <v>63</v>
      </c>
      <c r="F2" s="106" t="s">
        <v>64</v>
      </c>
      <c r="G2" s="106" t="s">
        <v>65</v>
      </c>
      <c r="H2" s="106" t="s">
        <v>66</v>
      </c>
      <c r="I2" s="106" t="s">
        <v>67</v>
      </c>
      <c r="J2" s="106" t="s">
        <v>68</v>
      </c>
      <c r="K2" s="106" t="s">
        <v>69</v>
      </c>
      <c r="L2" s="106" t="s">
        <v>70</v>
      </c>
      <c r="M2" s="106" t="s">
        <v>71</v>
      </c>
      <c r="N2" s="106" t="s">
        <v>12</v>
      </c>
      <c r="O2" s="106" t="s">
        <v>72</v>
      </c>
      <c r="P2" s="106" t="s">
        <v>73</v>
      </c>
      <c r="Q2" s="106" t="s">
        <v>74</v>
      </c>
      <c r="R2" s="106" t="s">
        <v>75</v>
      </c>
      <c r="S2" s="106" t="s">
        <v>76</v>
      </c>
      <c r="T2" s="106" t="s">
        <v>77</v>
      </c>
      <c r="U2" s="106" t="s">
        <v>78</v>
      </c>
      <c r="V2" s="106" t="s">
        <v>79</v>
      </c>
      <c r="W2" s="106" t="s">
        <v>80</v>
      </c>
      <c r="X2" s="106" t="s">
        <v>81</v>
      </c>
      <c r="Y2" s="106" t="s">
        <v>82</v>
      </c>
      <c r="Z2" s="106" t="s">
        <v>83</v>
      </c>
      <c r="AA2" s="106" t="s">
        <v>10</v>
      </c>
      <c r="AB2" s="106" t="s">
        <v>84</v>
      </c>
      <c r="AC2" s="106" t="s">
        <v>85</v>
      </c>
      <c r="AD2" s="106" t="s">
        <v>86</v>
      </c>
      <c r="AE2" s="106" t="s">
        <v>87</v>
      </c>
      <c r="AF2" s="106" t="s">
        <v>88</v>
      </c>
      <c r="AG2" s="106" t="s">
        <v>89</v>
      </c>
      <c r="AH2" s="106" t="s">
        <v>90</v>
      </c>
      <c r="AI2" s="106" t="s">
        <v>91</v>
      </c>
      <c r="AJ2" s="106" t="s">
        <v>92</v>
      </c>
      <c r="AK2" s="106" t="s">
        <v>93</v>
      </c>
      <c r="AL2" s="106" t="s">
        <v>94</v>
      </c>
      <c r="AM2" s="106" t="s">
        <v>95</v>
      </c>
      <c r="AN2" s="106" t="s">
        <v>8</v>
      </c>
    </row>
    <row r="3" spans="1:40" s="106" customFormat="1" x14ac:dyDescent="0.2">
      <c r="A3" s="131"/>
    </row>
    <row r="4" spans="1:40" x14ac:dyDescent="0.2">
      <c r="A4" s="133" t="s">
        <v>96</v>
      </c>
    </row>
    <row r="5" spans="1:40" x14ac:dyDescent="0.2">
      <c r="A5" s="133" t="s">
        <v>97</v>
      </c>
      <c r="B5" s="107">
        <v>0</v>
      </c>
      <c r="C5" s="107">
        <v>0</v>
      </c>
      <c r="D5" s="107">
        <v>0</v>
      </c>
      <c r="E5" s="107">
        <v>0</v>
      </c>
      <c r="F5" s="107">
        <v>0</v>
      </c>
      <c r="G5" s="107">
        <v>0</v>
      </c>
      <c r="H5" s="107">
        <v>0</v>
      </c>
      <c r="I5" s="107">
        <v>0</v>
      </c>
      <c r="J5" s="107">
        <v>0</v>
      </c>
      <c r="K5" s="107">
        <v>0</v>
      </c>
      <c r="L5" s="107">
        <v>0</v>
      </c>
      <c r="M5" s="107">
        <v>0</v>
      </c>
      <c r="N5" s="107">
        <v>0</v>
      </c>
      <c r="O5" s="107">
        <v>0</v>
      </c>
      <c r="P5" s="107">
        <v>0</v>
      </c>
      <c r="Q5" s="107">
        <v>0</v>
      </c>
      <c r="R5" s="107">
        <v>0</v>
      </c>
      <c r="S5" s="107">
        <v>0</v>
      </c>
      <c r="T5" s="107">
        <v>0</v>
      </c>
      <c r="U5" s="107">
        <v>0</v>
      </c>
      <c r="V5" s="107">
        <v>0</v>
      </c>
      <c r="W5" s="107">
        <v>0</v>
      </c>
      <c r="X5" s="107">
        <v>0</v>
      </c>
      <c r="Y5" s="107">
        <v>0</v>
      </c>
      <c r="Z5" s="107">
        <v>0</v>
      </c>
      <c r="AA5" s="107">
        <v>0</v>
      </c>
      <c r="AB5" s="107">
        <v>0</v>
      </c>
      <c r="AC5" s="107">
        <v>0</v>
      </c>
      <c r="AD5" s="107">
        <v>0</v>
      </c>
      <c r="AE5" s="107">
        <v>0</v>
      </c>
      <c r="AF5" s="107">
        <v>0</v>
      </c>
      <c r="AG5" s="107">
        <v>0</v>
      </c>
      <c r="AH5" s="107">
        <v>0</v>
      </c>
      <c r="AI5" s="107">
        <v>0</v>
      </c>
      <c r="AJ5" s="107">
        <v>0</v>
      </c>
      <c r="AK5" s="107">
        <v>0</v>
      </c>
      <c r="AL5" s="107">
        <v>0</v>
      </c>
      <c r="AM5" s="107">
        <v>0</v>
      </c>
      <c r="AN5" s="107">
        <v>0</v>
      </c>
    </row>
    <row r="6" spans="1:40" x14ac:dyDescent="0.2">
      <c r="A6" s="133" t="s">
        <v>98</v>
      </c>
      <c r="B6" s="107">
        <v>0</v>
      </c>
      <c r="C6" s="107">
        <v>0</v>
      </c>
      <c r="D6" s="107">
        <v>0</v>
      </c>
      <c r="E6" s="107">
        <v>0</v>
      </c>
      <c r="F6" s="107">
        <v>0</v>
      </c>
      <c r="G6" s="107">
        <v>0</v>
      </c>
      <c r="H6" s="107">
        <v>0</v>
      </c>
      <c r="I6" s="107">
        <v>0</v>
      </c>
      <c r="J6" s="107">
        <v>0</v>
      </c>
      <c r="K6" s="107">
        <v>0</v>
      </c>
      <c r="L6" s="107">
        <v>0</v>
      </c>
      <c r="M6" s="107">
        <v>0</v>
      </c>
      <c r="N6" s="107">
        <v>0</v>
      </c>
      <c r="O6" s="107">
        <v>0</v>
      </c>
      <c r="P6" s="107">
        <v>0</v>
      </c>
      <c r="Q6" s="107">
        <v>0</v>
      </c>
      <c r="R6" s="107">
        <v>0</v>
      </c>
      <c r="S6" s="107">
        <v>0</v>
      </c>
      <c r="T6" s="107">
        <v>0</v>
      </c>
      <c r="U6" s="107">
        <v>0</v>
      </c>
      <c r="V6" s="107">
        <v>0</v>
      </c>
      <c r="W6" s="107">
        <v>0</v>
      </c>
      <c r="X6" s="107">
        <v>0</v>
      </c>
      <c r="Y6" s="107">
        <v>0</v>
      </c>
      <c r="Z6" s="107">
        <v>0</v>
      </c>
      <c r="AA6" s="107">
        <v>0</v>
      </c>
      <c r="AB6" s="107">
        <v>0</v>
      </c>
      <c r="AC6" s="107">
        <v>0</v>
      </c>
      <c r="AD6" s="107">
        <v>0</v>
      </c>
      <c r="AE6" s="107">
        <v>0</v>
      </c>
      <c r="AF6" s="107">
        <v>0</v>
      </c>
      <c r="AG6" s="107">
        <v>0</v>
      </c>
      <c r="AH6" s="107">
        <v>0</v>
      </c>
      <c r="AI6" s="107">
        <v>0</v>
      </c>
      <c r="AJ6" s="107">
        <v>0</v>
      </c>
      <c r="AK6" s="107">
        <v>0</v>
      </c>
      <c r="AL6" s="107">
        <v>0</v>
      </c>
      <c r="AM6" s="107">
        <v>0</v>
      </c>
      <c r="AN6" s="107">
        <v>0</v>
      </c>
    </row>
    <row r="7" spans="1:40" x14ac:dyDescent="0.2">
      <c r="A7" s="133" t="s">
        <v>99</v>
      </c>
      <c r="B7" s="107">
        <v>0</v>
      </c>
      <c r="C7" s="107">
        <v>0</v>
      </c>
      <c r="D7" s="107">
        <v>0</v>
      </c>
      <c r="E7" s="107">
        <v>0</v>
      </c>
      <c r="F7" s="107">
        <v>0</v>
      </c>
      <c r="G7" s="107">
        <v>0</v>
      </c>
      <c r="H7" s="107">
        <v>0</v>
      </c>
      <c r="I7" s="107">
        <v>0</v>
      </c>
      <c r="J7" s="107">
        <v>0</v>
      </c>
      <c r="K7" s="107">
        <v>0</v>
      </c>
      <c r="L7" s="107">
        <v>0</v>
      </c>
      <c r="M7" s="107">
        <v>0</v>
      </c>
      <c r="N7" s="107">
        <v>0</v>
      </c>
      <c r="O7" s="107">
        <v>0</v>
      </c>
      <c r="P7" s="107">
        <v>0</v>
      </c>
      <c r="Q7" s="107">
        <v>0</v>
      </c>
      <c r="R7" s="107">
        <v>0</v>
      </c>
      <c r="S7" s="107">
        <v>0</v>
      </c>
      <c r="T7" s="107">
        <v>0</v>
      </c>
      <c r="U7" s="107">
        <v>0</v>
      </c>
      <c r="V7" s="107">
        <v>0</v>
      </c>
      <c r="W7" s="107">
        <v>0</v>
      </c>
      <c r="X7" s="107">
        <v>0</v>
      </c>
      <c r="Y7" s="107">
        <v>0</v>
      </c>
      <c r="Z7" s="107">
        <v>0</v>
      </c>
      <c r="AA7" s="107">
        <v>0</v>
      </c>
      <c r="AB7" s="107">
        <v>0</v>
      </c>
      <c r="AC7" s="107">
        <v>0</v>
      </c>
      <c r="AD7" s="107">
        <v>0</v>
      </c>
      <c r="AE7" s="107">
        <v>0</v>
      </c>
      <c r="AF7" s="107">
        <v>0</v>
      </c>
      <c r="AG7" s="107">
        <v>0</v>
      </c>
      <c r="AH7" s="107">
        <v>0</v>
      </c>
      <c r="AI7" s="107">
        <v>0</v>
      </c>
      <c r="AJ7" s="107">
        <v>0</v>
      </c>
      <c r="AK7" s="107">
        <v>0</v>
      </c>
      <c r="AL7" s="107">
        <v>0</v>
      </c>
      <c r="AM7" s="107">
        <v>0</v>
      </c>
      <c r="AN7" s="107">
        <v>0</v>
      </c>
    </row>
    <row r="8" spans="1:40" x14ac:dyDescent="0.2">
      <c r="A8" s="133" t="s">
        <v>100</v>
      </c>
      <c r="B8" s="107">
        <v>0</v>
      </c>
      <c r="C8" s="107">
        <v>0</v>
      </c>
      <c r="D8" s="107">
        <v>0</v>
      </c>
      <c r="E8" s="107">
        <v>0</v>
      </c>
      <c r="F8" s="107">
        <v>0</v>
      </c>
      <c r="G8" s="107">
        <v>0</v>
      </c>
      <c r="H8" s="107">
        <v>0</v>
      </c>
      <c r="I8" s="107">
        <v>0</v>
      </c>
      <c r="J8" s="107">
        <v>0</v>
      </c>
      <c r="K8" s="107">
        <v>0</v>
      </c>
      <c r="L8" s="107">
        <v>0</v>
      </c>
      <c r="M8" s="107">
        <v>0</v>
      </c>
      <c r="N8" s="107">
        <v>0</v>
      </c>
      <c r="O8" s="107">
        <v>0</v>
      </c>
      <c r="P8" s="107">
        <v>0</v>
      </c>
      <c r="Q8" s="107">
        <v>0</v>
      </c>
      <c r="R8" s="107">
        <v>0</v>
      </c>
      <c r="S8" s="107">
        <v>0</v>
      </c>
      <c r="T8" s="107">
        <v>0</v>
      </c>
      <c r="U8" s="107">
        <v>0</v>
      </c>
      <c r="V8" s="107">
        <v>0</v>
      </c>
      <c r="W8" s="107">
        <v>0</v>
      </c>
      <c r="X8" s="107">
        <v>0</v>
      </c>
      <c r="Y8" s="107">
        <v>0</v>
      </c>
      <c r="Z8" s="107">
        <v>0</v>
      </c>
      <c r="AA8" s="107">
        <v>0</v>
      </c>
      <c r="AB8" s="107">
        <v>0</v>
      </c>
      <c r="AC8" s="107">
        <v>0</v>
      </c>
      <c r="AD8" s="107">
        <v>0</v>
      </c>
      <c r="AE8" s="107">
        <v>0</v>
      </c>
      <c r="AF8" s="107">
        <v>0</v>
      </c>
      <c r="AG8" s="107">
        <v>0</v>
      </c>
      <c r="AH8" s="107">
        <v>0</v>
      </c>
      <c r="AI8" s="107">
        <v>0</v>
      </c>
      <c r="AJ8" s="107">
        <v>0</v>
      </c>
      <c r="AK8" s="107">
        <v>0</v>
      </c>
      <c r="AL8" s="107">
        <v>0</v>
      </c>
      <c r="AM8" s="107">
        <v>0</v>
      </c>
      <c r="AN8" s="107">
        <v>0</v>
      </c>
    </row>
    <row r="9" spans="1:40" x14ac:dyDescent="0.2">
      <c r="A9" s="133" t="s">
        <v>101</v>
      </c>
      <c r="B9" s="107">
        <v>0</v>
      </c>
      <c r="C9" s="107">
        <v>0</v>
      </c>
      <c r="D9" s="107">
        <v>0</v>
      </c>
      <c r="E9" s="107">
        <v>0</v>
      </c>
      <c r="F9" s="107">
        <v>0</v>
      </c>
      <c r="G9" s="107">
        <v>0</v>
      </c>
      <c r="H9" s="107">
        <v>0</v>
      </c>
      <c r="I9" s="107">
        <v>0</v>
      </c>
      <c r="J9" s="107">
        <v>0</v>
      </c>
      <c r="K9" s="107">
        <v>0</v>
      </c>
      <c r="L9" s="107">
        <v>0</v>
      </c>
      <c r="M9" s="107">
        <v>0</v>
      </c>
      <c r="N9" s="107">
        <v>0</v>
      </c>
      <c r="O9" s="107">
        <v>0</v>
      </c>
      <c r="P9" s="107">
        <v>0</v>
      </c>
      <c r="Q9" s="107">
        <v>0</v>
      </c>
      <c r="R9" s="107">
        <v>0</v>
      </c>
      <c r="S9" s="107">
        <v>0</v>
      </c>
      <c r="T9" s="107">
        <v>0</v>
      </c>
      <c r="U9" s="107">
        <v>0</v>
      </c>
      <c r="V9" s="107">
        <v>0</v>
      </c>
      <c r="W9" s="107">
        <v>0</v>
      </c>
      <c r="X9" s="107">
        <v>0</v>
      </c>
      <c r="Y9" s="107">
        <v>0</v>
      </c>
      <c r="Z9" s="107">
        <v>0</v>
      </c>
      <c r="AA9" s="107">
        <v>0</v>
      </c>
      <c r="AB9" s="107">
        <v>0</v>
      </c>
      <c r="AC9" s="107">
        <v>0</v>
      </c>
      <c r="AD9" s="107">
        <v>0</v>
      </c>
      <c r="AE9" s="107">
        <v>0</v>
      </c>
      <c r="AF9" s="107">
        <v>0</v>
      </c>
      <c r="AG9" s="107">
        <v>0</v>
      </c>
      <c r="AH9" s="107">
        <v>0</v>
      </c>
      <c r="AI9" s="107">
        <v>0</v>
      </c>
      <c r="AJ9" s="107">
        <v>0</v>
      </c>
      <c r="AK9" s="107">
        <v>0</v>
      </c>
      <c r="AL9" s="107">
        <v>0</v>
      </c>
      <c r="AM9" s="107">
        <v>0</v>
      </c>
      <c r="AN9" s="107">
        <v>0</v>
      </c>
    </row>
    <row r="10" spans="1:40" x14ac:dyDescent="0.2">
      <c r="A10" s="133" t="s">
        <v>102</v>
      </c>
      <c r="B10" s="107">
        <v>0</v>
      </c>
      <c r="C10" s="107">
        <v>0</v>
      </c>
      <c r="D10" s="107">
        <v>0</v>
      </c>
      <c r="E10" s="107">
        <v>0</v>
      </c>
      <c r="F10" s="107">
        <v>0</v>
      </c>
      <c r="G10" s="107">
        <v>0</v>
      </c>
      <c r="H10" s="107">
        <v>0</v>
      </c>
      <c r="I10" s="107">
        <v>0</v>
      </c>
      <c r="J10" s="107">
        <v>0</v>
      </c>
      <c r="K10" s="107">
        <v>0</v>
      </c>
      <c r="L10" s="107">
        <v>0</v>
      </c>
      <c r="M10" s="107">
        <v>0</v>
      </c>
      <c r="N10" s="107">
        <v>0</v>
      </c>
      <c r="O10" s="107">
        <v>0</v>
      </c>
      <c r="P10" s="107">
        <v>0</v>
      </c>
      <c r="Q10" s="107">
        <v>0</v>
      </c>
      <c r="R10" s="107">
        <v>0</v>
      </c>
      <c r="S10" s="107">
        <v>0</v>
      </c>
      <c r="T10" s="107">
        <v>0</v>
      </c>
      <c r="U10" s="107">
        <v>0</v>
      </c>
      <c r="V10" s="107">
        <v>0</v>
      </c>
      <c r="W10" s="107">
        <v>0</v>
      </c>
      <c r="X10" s="107">
        <v>0</v>
      </c>
      <c r="Y10" s="107">
        <v>0</v>
      </c>
      <c r="Z10" s="107">
        <v>0</v>
      </c>
      <c r="AA10" s="107">
        <v>0</v>
      </c>
      <c r="AB10" s="107">
        <v>0</v>
      </c>
      <c r="AC10" s="107">
        <v>0</v>
      </c>
      <c r="AD10" s="107">
        <v>0</v>
      </c>
      <c r="AE10" s="107">
        <v>0</v>
      </c>
      <c r="AF10" s="107">
        <v>0</v>
      </c>
      <c r="AG10" s="107">
        <v>0</v>
      </c>
      <c r="AH10" s="107">
        <v>0</v>
      </c>
      <c r="AI10" s="107">
        <v>0</v>
      </c>
      <c r="AJ10" s="107">
        <v>0</v>
      </c>
      <c r="AK10" s="107">
        <v>0</v>
      </c>
      <c r="AL10" s="107">
        <v>0</v>
      </c>
      <c r="AM10" s="107">
        <v>0</v>
      </c>
      <c r="AN10" s="107">
        <v>0</v>
      </c>
    </row>
    <row r="11" spans="1:40" x14ac:dyDescent="0.2">
      <c r="A11" s="133" t="s">
        <v>103</v>
      </c>
      <c r="B11" s="107">
        <v>0</v>
      </c>
      <c r="C11" s="107">
        <v>0</v>
      </c>
      <c r="D11" s="107">
        <v>0</v>
      </c>
      <c r="E11" s="107">
        <v>0</v>
      </c>
      <c r="F11" s="107">
        <v>0</v>
      </c>
      <c r="G11" s="107">
        <v>0</v>
      </c>
      <c r="H11" s="107">
        <v>0</v>
      </c>
      <c r="I11" s="107">
        <v>0</v>
      </c>
      <c r="J11" s="107">
        <v>0</v>
      </c>
      <c r="K11" s="107">
        <v>0</v>
      </c>
      <c r="L11" s="107">
        <v>0</v>
      </c>
      <c r="M11" s="107">
        <v>0</v>
      </c>
      <c r="N11" s="107">
        <v>0</v>
      </c>
      <c r="O11" s="107">
        <v>0</v>
      </c>
      <c r="P11" s="107">
        <v>0</v>
      </c>
      <c r="Q11" s="107">
        <v>0</v>
      </c>
      <c r="R11" s="107">
        <v>0</v>
      </c>
      <c r="S11" s="107">
        <v>0</v>
      </c>
      <c r="T11" s="107">
        <v>0</v>
      </c>
      <c r="U11" s="107">
        <v>0</v>
      </c>
      <c r="V11" s="107">
        <v>0</v>
      </c>
      <c r="W11" s="107">
        <v>0</v>
      </c>
      <c r="X11" s="107">
        <v>0</v>
      </c>
      <c r="Y11" s="107">
        <v>0</v>
      </c>
      <c r="Z11" s="107">
        <v>0</v>
      </c>
      <c r="AA11" s="107">
        <v>0</v>
      </c>
      <c r="AB11" s="107">
        <v>0</v>
      </c>
      <c r="AC11" s="107">
        <v>0</v>
      </c>
      <c r="AD11" s="107">
        <v>0</v>
      </c>
      <c r="AE11" s="107">
        <v>0</v>
      </c>
      <c r="AF11" s="107">
        <v>0</v>
      </c>
      <c r="AG11" s="107">
        <v>0</v>
      </c>
      <c r="AH11" s="107">
        <v>0</v>
      </c>
      <c r="AI11" s="107">
        <v>0</v>
      </c>
      <c r="AJ11" s="107">
        <v>0</v>
      </c>
      <c r="AK11" s="107">
        <v>0</v>
      </c>
      <c r="AL11" s="107">
        <v>0</v>
      </c>
      <c r="AM11" s="107">
        <v>0</v>
      </c>
      <c r="AN11" s="107">
        <v>0</v>
      </c>
    </row>
    <row r="12" spans="1:40" x14ac:dyDescent="0.2">
      <c r="A12" s="133" t="s">
        <v>104</v>
      </c>
      <c r="B12" s="107">
        <v>0</v>
      </c>
      <c r="C12" s="107">
        <v>0</v>
      </c>
      <c r="D12" s="107">
        <v>0</v>
      </c>
      <c r="E12" s="107">
        <v>0</v>
      </c>
      <c r="F12" s="107">
        <v>0</v>
      </c>
      <c r="G12" s="107">
        <v>0</v>
      </c>
      <c r="H12" s="107">
        <v>0</v>
      </c>
      <c r="I12" s="107">
        <v>0</v>
      </c>
      <c r="J12" s="107">
        <v>0</v>
      </c>
      <c r="K12" s="107">
        <v>0</v>
      </c>
      <c r="L12" s="107">
        <v>0</v>
      </c>
      <c r="M12" s="107">
        <v>0</v>
      </c>
      <c r="N12" s="107">
        <v>0</v>
      </c>
      <c r="O12" s="107">
        <v>0</v>
      </c>
      <c r="P12" s="107">
        <v>0</v>
      </c>
      <c r="Q12" s="107">
        <v>0</v>
      </c>
      <c r="R12" s="107">
        <v>0</v>
      </c>
      <c r="S12" s="107">
        <v>0</v>
      </c>
      <c r="T12" s="107">
        <v>0</v>
      </c>
      <c r="U12" s="107">
        <v>0</v>
      </c>
      <c r="V12" s="107">
        <v>0</v>
      </c>
      <c r="W12" s="107">
        <v>0</v>
      </c>
      <c r="X12" s="107">
        <v>0</v>
      </c>
      <c r="Y12" s="107">
        <v>0</v>
      </c>
      <c r="Z12" s="107">
        <v>0</v>
      </c>
      <c r="AA12" s="107">
        <v>0</v>
      </c>
      <c r="AB12" s="107">
        <v>0</v>
      </c>
      <c r="AC12" s="107">
        <v>0</v>
      </c>
      <c r="AD12" s="107">
        <v>0</v>
      </c>
      <c r="AE12" s="107">
        <v>0</v>
      </c>
      <c r="AF12" s="107">
        <v>0</v>
      </c>
      <c r="AG12" s="107">
        <v>0</v>
      </c>
      <c r="AH12" s="107">
        <v>0</v>
      </c>
      <c r="AI12" s="107">
        <v>0</v>
      </c>
      <c r="AJ12" s="107">
        <v>0</v>
      </c>
      <c r="AK12" s="107">
        <v>0</v>
      </c>
      <c r="AL12" s="107">
        <v>0</v>
      </c>
      <c r="AM12" s="107">
        <v>0</v>
      </c>
      <c r="AN12" s="107">
        <v>0</v>
      </c>
    </row>
    <row r="13" spans="1:40" x14ac:dyDescent="0.2">
      <c r="A13" s="133" t="s">
        <v>105</v>
      </c>
      <c r="B13" s="107">
        <v>0</v>
      </c>
      <c r="C13" s="107">
        <v>0</v>
      </c>
      <c r="D13" s="107">
        <v>0</v>
      </c>
      <c r="E13" s="107">
        <v>0</v>
      </c>
      <c r="F13" s="107">
        <v>0</v>
      </c>
      <c r="G13" s="107">
        <v>0</v>
      </c>
      <c r="H13" s="107">
        <v>0</v>
      </c>
      <c r="I13" s="107">
        <v>0</v>
      </c>
      <c r="J13" s="107">
        <v>0</v>
      </c>
      <c r="K13" s="107">
        <v>0</v>
      </c>
      <c r="L13" s="107">
        <v>0</v>
      </c>
      <c r="M13" s="107">
        <v>0</v>
      </c>
      <c r="N13" s="107">
        <v>0</v>
      </c>
      <c r="O13" s="107">
        <v>0</v>
      </c>
      <c r="P13" s="107">
        <v>0</v>
      </c>
      <c r="Q13" s="107">
        <v>0</v>
      </c>
      <c r="R13" s="107">
        <v>0</v>
      </c>
      <c r="S13" s="107">
        <v>0</v>
      </c>
      <c r="T13" s="107">
        <v>0</v>
      </c>
      <c r="U13" s="107">
        <v>0</v>
      </c>
      <c r="V13" s="107">
        <v>0</v>
      </c>
      <c r="W13" s="107">
        <v>0</v>
      </c>
      <c r="X13" s="107">
        <v>0</v>
      </c>
      <c r="Y13" s="107">
        <v>0</v>
      </c>
      <c r="Z13" s="107">
        <v>0</v>
      </c>
      <c r="AA13" s="107">
        <v>0</v>
      </c>
      <c r="AB13" s="107">
        <v>0</v>
      </c>
      <c r="AC13" s="107">
        <v>0</v>
      </c>
      <c r="AD13" s="107">
        <v>0</v>
      </c>
      <c r="AE13" s="107">
        <v>0</v>
      </c>
      <c r="AF13" s="107">
        <v>0</v>
      </c>
      <c r="AG13" s="107">
        <v>0</v>
      </c>
      <c r="AH13" s="107">
        <v>0</v>
      </c>
      <c r="AI13" s="107">
        <v>0</v>
      </c>
      <c r="AJ13" s="107">
        <v>0</v>
      </c>
      <c r="AK13" s="107">
        <v>0</v>
      </c>
      <c r="AL13" s="107">
        <v>0</v>
      </c>
      <c r="AM13" s="107">
        <v>0</v>
      </c>
      <c r="AN13" s="107">
        <v>0</v>
      </c>
    </row>
    <row r="14" spans="1:40" x14ac:dyDescent="0.2">
      <c r="A14" s="133" t="s">
        <v>106</v>
      </c>
      <c r="B14" s="107">
        <v>0</v>
      </c>
      <c r="C14" s="107">
        <v>0</v>
      </c>
      <c r="D14" s="107">
        <v>0</v>
      </c>
      <c r="E14" s="107">
        <v>0</v>
      </c>
      <c r="F14" s="107">
        <v>0</v>
      </c>
      <c r="G14" s="107">
        <v>0</v>
      </c>
      <c r="H14" s="107">
        <v>0</v>
      </c>
      <c r="I14" s="107">
        <v>0</v>
      </c>
      <c r="J14" s="107">
        <v>0</v>
      </c>
      <c r="K14" s="107">
        <v>0</v>
      </c>
      <c r="L14" s="107">
        <v>0</v>
      </c>
      <c r="M14" s="107">
        <v>0</v>
      </c>
      <c r="N14" s="107">
        <v>0</v>
      </c>
      <c r="O14" s="107">
        <v>0</v>
      </c>
      <c r="P14" s="107">
        <v>0</v>
      </c>
      <c r="Q14" s="107">
        <v>0</v>
      </c>
      <c r="R14" s="107">
        <v>0</v>
      </c>
      <c r="S14" s="107">
        <v>0</v>
      </c>
      <c r="T14" s="107">
        <v>0</v>
      </c>
      <c r="U14" s="107">
        <v>0</v>
      </c>
      <c r="V14" s="107">
        <v>0</v>
      </c>
      <c r="W14" s="107">
        <v>0</v>
      </c>
      <c r="X14" s="107">
        <v>0</v>
      </c>
      <c r="Y14" s="107">
        <v>0</v>
      </c>
      <c r="Z14" s="107">
        <v>0</v>
      </c>
      <c r="AA14" s="107">
        <v>0</v>
      </c>
      <c r="AB14" s="107">
        <v>0</v>
      </c>
      <c r="AC14" s="107">
        <v>0</v>
      </c>
      <c r="AD14" s="107">
        <v>0</v>
      </c>
      <c r="AE14" s="107">
        <v>0</v>
      </c>
      <c r="AF14" s="107">
        <v>0</v>
      </c>
      <c r="AG14" s="107">
        <v>0</v>
      </c>
      <c r="AH14" s="107">
        <v>0</v>
      </c>
      <c r="AI14" s="107">
        <v>0</v>
      </c>
      <c r="AJ14" s="107">
        <v>0</v>
      </c>
      <c r="AK14" s="107">
        <v>0</v>
      </c>
      <c r="AL14" s="107">
        <v>0</v>
      </c>
      <c r="AM14" s="107">
        <v>0</v>
      </c>
      <c r="AN14" s="107">
        <v>0</v>
      </c>
    </row>
    <row r="15" spans="1:40" x14ac:dyDescent="0.2">
      <c r="A15" s="133" t="s">
        <v>107</v>
      </c>
      <c r="B15" s="107">
        <v>0</v>
      </c>
      <c r="C15" s="107">
        <v>0</v>
      </c>
      <c r="D15" s="107">
        <v>0</v>
      </c>
      <c r="E15" s="107">
        <v>0</v>
      </c>
      <c r="F15" s="107">
        <v>0</v>
      </c>
      <c r="G15" s="107">
        <v>0</v>
      </c>
      <c r="H15" s="107">
        <v>0</v>
      </c>
      <c r="I15" s="107">
        <v>0</v>
      </c>
      <c r="J15" s="107">
        <v>0</v>
      </c>
      <c r="K15" s="107">
        <v>0</v>
      </c>
      <c r="L15" s="107">
        <v>0</v>
      </c>
      <c r="M15" s="107">
        <v>0</v>
      </c>
      <c r="N15" s="107">
        <v>0</v>
      </c>
      <c r="O15" s="107">
        <v>0</v>
      </c>
      <c r="P15" s="107">
        <v>0</v>
      </c>
      <c r="Q15" s="107">
        <v>0</v>
      </c>
      <c r="R15" s="107">
        <v>0</v>
      </c>
      <c r="S15" s="107">
        <v>0</v>
      </c>
      <c r="T15" s="107">
        <v>0</v>
      </c>
      <c r="U15" s="107">
        <v>0</v>
      </c>
      <c r="V15" s="107">
        <v>0</v>
      </c>
      <c r="W15" s="107">
        <v>0</v>
      </c>
      <c r="X15" s="107">
        <v>0</v>
      </c>
      <c r="Y15" s="107">
        <v>0</v>
      </c>
      <c r="Z15" s="107">
        <v>0</v>
      </c>
      <c r="AA15" s="107">
        <v>0</v>
      </c>
      <c r="AB15" s="107">
        <v>0</v>
      </c>
      <c r="AC15" s="107">
        <v>0</v>
      </c>
      <c r="AD15" s="107">
        <v>0</v>
      </c>
      <c r="AE15" s="107">
        <v>0</v>
      </c>
      <c r="AF15" s="107">
        <v>0</v>
      </c>
      <c r="AG15" s="107">
        <v>0</v>
      </c>
      <c r="AH15" s="107">
        <v>0</v>
      </c>
      <c r="AI15" s="107">
        <v>0</v>
      </c>
      <c r="AJ15" s="107">
        <v>0</v>
      </c>
      <c r="AK15" s="107">
        <v>0</v>
      </c>
      <c r="AL15" s="107">
        <v>0</v>
      </c>
      <c r="AM15" s="107">
        <v>0</v>
      </c>
      <c r="AN15" s="107">
        <v>0</v>
      </c>
    </row>
    <row r="16" spans="1:40" x14ac:dyDescent="0.2">
      <c r="A16" s="133" t="s">
        <v>108</v>
      </c>
      <c r="B16" s="107">
        <v>0</v>
      </c>
      <c r="C16" s="107">
        <v>0</v>
      </c>
      <c r="D16" s="107">
        <v>0</v>
      </c>
      <c r="E16" s="107">
        <v>0</v>
      </c>
      <c r="F16" s="107">
        <v>0</v>
      </c>
      <c r="G16" s="107">
        <v>0</v>
      </c>
      <c r="H16" s="107">
        <v>0</v>
      </c>
      <c r="I16" s="107">
        <v>0</v>
      </c>
      <c r="J16" s="107">
        <v>0</v>
      </c>
      <c r="K16" s="107">
        <v>0</v>
      </c>
      <c r="L16" s="107">
        <v>0</v>
      </c>
      <c r="M16" s="107">
        <v>0</v>
      </c>
      <c r="N16" s="107">
        <v>0</v>
      </c>
      <c r="O16" s="107">
        <v>0</v>
      </c>
      <c r="P16" s="107">
        <v>0</v>
      </c>
      <c r="Q16" s="107">
        <v>0</v>
      </c>
      <c r="R16" s="107">
        <v>0</v>
      </c>
      <c r="S16" s="107">
        <v>0</v>
      </c>
      <c r="T16" s="107">
        <v>0</v>
      </c>
      <c r="U16" s="107">
        <v>0</v>
      </c>
      <c r="V16" s="107">
        <v>0</v>
      </c>
      <c r="W16" s="107">
        <v>0</v>
      </c>
      <c r="X16" s="107">
        <v>0</v>
      </c>
      <c r="Y16" s="107">
        <v>0</v>
      </c>
      <c r="Z16" s="107">
        <v>0</v>
      </c>
      <c r="AA16" s="107">
        <v>0</v>
      </c>
      <c r="AB16" s="107">
        <v>0</v>
      </c>
      <c r="AC16" s="107">
        <v>0</v>
      </c>
      <c r="AD16" s="107">
        <v>0</v>
      </c>
      <c r="AE16" s="107">
        <v>0</v>
      </c>
      <c r="AF16" s="107">
        <v>0</v>
      </c>
      <c r="AG16" s="107">
        <v>0</v>
      </c>
      <c r="AH16" s="107">
        <v>0</v>
      </c>
      <c r="AI16" s="107">
        <v>0</v>
      </c>
      <c r="AJ16" s="107">
        <v>0</v>
      </c>
      <c r="AK16" s="107">
        <v>0</v>
      </c>
      <c r="AL16" s="107">
        <v>0</v>
      </c>
      <c r="AM16" s="107">
        <v>0</v>
      </c>
      <c r="AN16" s="107">
        <v>0</v>
      </c>
    </row>
    <row r="17" spans="1:40" x14ac:dyDescent="0.2">
      <c r="A17" s="133" t="s">
        <v>109</v>
      </c>
      <c r="B17" s="107">
        <v>0</v>
      </c>
      <c r="C17" s="107">
        <v>0</v>
      </c>
      <c r="D17" s="107">
        <v>0</v>
      </c>
      <c r="E17" s="107">
        <v>0</v>
      </c>
      <c r="F17" s="107">
        <v>0</v>
      </c>
      <c r="G17" s="107">
        <v>0</v>
      </c>
      <c r="H17" s="107">
        <v>0</v>
      </c>
      <c r="I17" s="107">
        <v>0</v>
      </c>
      <c r="J17" s="107">
        <v>0</v>
      </c>
      <c r="K17" s="107">
        <v>0</v>
      </c>
      <c r="L17" s="107">
        <v>0</v>
      </c>
      <c r="M17" s="107">
        <v>0</v>
      </c>
      <c r="N17" s="107">
        <v>0</v>
      </c>
      <c r="O17" s="107">
        <v>0</v>
      </c>
      <c r="P17" s="107">
        <v>0</v>
      </c>
      <c r="Q17" s="107">
        <v>0</v>
      </c>
      <c r="R17" s="107">
        <v>0</v>
      </c>
      <c r="S17" s="107">
        <v>0</v>
      </c>
      <c r="T17" s="107">
        <v>0</v>
      </c>
      <c r="U17" s="107">
        <v>0</v>
      </c>
      <c r="V17" s="107">
        <v>0</v>
      </c>
      <c r="W17" s="107">
        <v>0</v>
      </c>
      <c r="X17" s="107">
        <v>0</v>
      </c>
      <c r="Y17" s="107">
        <v>0</v>
      </c>
      <c r="Z17" s="107">
        <v>0</v>
      </c>
      <c r="AA17" s="107">
        <v>0</v>
      </c>
      <c r="AB17" s="107">
        <v>0</v>
      </c>
      <c r="AC17" s="107">
        <v>0</v>
      </c>
      <c r="AD17" s="107">
        <v>0</v>
      </c>
      <c r="AE17" s="107">
        <v>0</v>
      </c>
      <c r="AF17" s="107">
        <v>0</v>
      </c>
      <c r="AG17" s="107">
        <v>0</v>
      </c>
      <c r="AH17" s="107">
        <v>0</v>
      </c>
      <c r="AI17" s="107">
        <v>0</v>
      </c>
      <c r="AJ17" s="107">
        <v>0</v>
      </c>
      <c r="AK17" s="107">
        <v>0</v>
      </c>
      <c r="AL17" s="107">
        <v>0</v>
      </c>
      <c r="AM17" s="107">
        <v>0</v>
      </c>
      <c r="AN17" s="107">
        <v>0</v>
      </c>
    </row>
    <row r="18" spans="1:40" x14ac:dyDescent="0.2">
      <c r="A18" s="133" t="s">
        <v>110</v>
      </c>
    </row>
    <row r="19" spans="1:40" x14ac:dyDescent="0.2">
      <c r="A19" s="133" t="s">
        <v>111</v>
      </c>
    </row>
    <row r="20" spans="1:40" x14ac:dyDescent="0.2">
      <c r="A20" s="133" t="s">
        <v>112</v>
      </c>
    </row>
    <row r="21" spans="1:40" x14ac:dyDescent="0.2">
      <c r="A21" s="133" t="s">
        <v>113</v>
      </c>
    </row>
    <row r="22" spans="1:40" x14ac:dyDescent="0.2">
      <c r="A22" s="133" t="s">
        <v>114</v>
      </c>
      <c r="B22" s="107">
        <v>0</v>
      </c>
      <c r="C22" s="107">
        <v>0</v>
      </c>
      <c r="D22" s="107">
        <v>0</v>
      </c>
      <c r="E22" s="107">
        <v>0</v>
      </c>
      <c r="F22" s="107">
        <v>0</v>
      </c>
      <c r="G22" s="107">
        <v>0</v>
      </c>
      <c r="H22" s="107">
        <v>0</v>
      </c>
      <c r="I22" s="107">
        <v>0</v>
      </c>
      <c r="J22" s="107">
        <v>0</v>
      </c>
      <c r="K22" s="107">
        <v>0</v>
      </c>
      <c r="L22" s="107">
        <v>0</v>
      </c>
      <c r="M22" s="107">
        <v>0</v>
      </c>
      <c r="N22" s="107">
        <v>0</v>
      </c>
      <c r="O22" s="107">
        <v>0</v>
      </c>
      <c r="P22" s="107">
        <v>0</v>
      </c>
      <c r="Q22" s="107">
        <v>0</v>
      </c>
      <c r="R22" s="107">
        <v>0</v>
      </c>
      <c r="S22" s="107">
        <v>0</v>
      </c>
      <c r="T22" s="107">
        <v>0</v>
      </c>
      <c r="U22" s="107">
        <v>0</v>
      </c>
      <c r="V22" s="107">
        <v>0</v>
      </c>
      <c r="W22" s="107">
        <v>0</v>
      </c>
      <c r="X22" s="107">
        <v>0</v>
      </c>
      <c r="Y22" s="107">
        <v>0</v>
      </c>
      <c r="Z22" s="107">
        <v>0</v>
      </c>
      <c r="AA22" s="107">
        <v>0</v>
      </c>
      <c r="AB22" s="107">
        <v>0</v>
      </c>
      <c r="AC22" s="107">
        <v>0</v>
      </c>
      <c r="AD22" s="107">
        <v>0</v>
      </c>
      <c r="AE22" s="107">
        <v>0</v>
      </c>
      <c r="AF22" s="107">
        <v>0</v>
      </c>
      <c r="AG22" s="107">
        <v>0</v>
      </c>
      <c r="AH22" s="107">
        <v>0</v>
      </c>
      <c r="AI22" s="107">
        <v>0</v>
      </c>
      <c r="AJ22" s="107">
        <v>0</v>
      </c>
      <c r="AK22" s="107">
        <v>0</v>
      </c>
      <c r="AL22" s="107">
        <v>0</v>
      </c>
      <c r="AM22" s="107">
        <v>0</v>
      </c>
      <c r="AN22" s="107">
        <v>0</v>
      </c>
    </row>
    <row r="23" spans="1:40" x14ac:dyDescent="0.2">
      <c r="A23" s="133" t="s">
        <v>115</v>
      </c>
      <c r="B23" s="107">
        <v>0</v>
      </c>
      <c r="C23" s="107">
        <v>0</v>
      </c>
      <c r="D23" s="107">
        <v>0</v>
      </c>
      <c r="E23" s="107">
        <v>0</v>
      </c>
      <c r="F23" s="107">
        <v>0</v>
      </c>
      <c r="G23" s="107">
        <v>0</v>
      </c>
      <c r="H23" s="107">
        <v>0</v>
      </c>
      <c r="I23" s="107">
        <v>0</v>
      </c>
      <c r="J23" s="107">
        <v>0</v>
      </c>
      <c r="K23" s="107">
        <v>0</v>
      </c>
      <c r="L23" s="107">
        <v>0</v>
      </c>
      <c r="M23" s="107">
        <v>0</v>
      </c>
      <c r="N23" s="107">
        <v>0</v>
      </c>
      <c r="O23" s="107">
        <v>0</v>
      </c>
      <c r="P23" s="107">
        <v>0</v>
      </c>
      <c r="Q23" s="107">
        <v>0</v>
      </c>
      <c r="R23" s="107">
        <v>0</v>
      </c>
      <c r="S23" s="107">
        <v>0</v>
      </c>
      <c r="T23" s="107">
        <v>0</v>
      </c>
      <c r="U23" s="107">
        <v>0</v>
      </c>
      <c r="V23" s="107">
        <v>0</v>
      </c>
      <c r="W23" s="107">
        <v>0</v>
      </c>
      <c r="X23" s="107">
        <v>0</v>
      </c>
      <c r="Y23" s="107">
        <v>0</v>
      </c>
      <c r="Z23" s="107">
        <v>0</v>
      </c>
      <c r="AA23" s="107">
        <v>0</v>
      </c>
      <c r="AB23" s="107">
        <v>0</v>
      </c>
      <c r="AC23" s="107">
        <v>0</v>
      </c>
      <c r="AD23" s="107">
        <v>0</v>
      </c>
      <c r="AE23" s="107">
        <v>0</v>
      </c>
      <c r="AF23" s="107">
        <v>0</v>
      </c>
      <c r="AG23" s="107">
        <v>0</v>
      </c>
      <c r="AH23" s="107">
        <v>0</v>
      </c>
      <c r="AI23" s="107">
        <v>0</v>
      </c>
      <c r="AJ23" s="107">
        <v>0</v>
      </c>
      <c r="AK23" s="107">
        <v>0</v>
      </c>
      <c r="AL23" s="107">
        <v>0</v>
      </c>
      <c r="AM23" s="107">
        <v>0</v>
      </c>
      <c r="AN23" s="107">
        <v>0</v>
      </c>
    </row>
    <row r="24" spans="1:40" x14ac:dyDescent="0.2">
      <c r="A24" s="133" t="s">
        <v>116</v>
      </c>
      <c r="B24" s="107">
        <v>0</v>
      </c>
      <c r="C24" s="107">
        <v>0</v>
      </c>
      <c r="D24" s="107">
        <v>0</v>
      </c>
      <c r="E24" s="107">
        <v>0</v>
      </c>
      <c r="F24" s="107">
        <v>0</v>
      </c>
      <c r="G24" s="107">
        <v>0</v>
      </c>
      <c r="H24" s="107">
        <v>0</v>
      </c>
      <c r="I24" s="107">
        <v>0</v>
      </c>
      <c r="J24" s="107">
        <v>0</v>
      </c>
      <c r="K24" s="107">
        <v>0</v>
      </c>
      <c r="L24" s="107">
        <v>0</v>
      </c>
      <c r="M24" s="107">
        <v>0</v>
      </c>
      <c r="N24" s="107">
        <v>0</v>
      </c>
      <c r="O24" s="107">
        <v>0</v>
      </c>
      <c r="P24" s="107">
        <v>0</v>
      </c>
      <c r="Q24" s="107">
        <v>0</v>
      </c>
      <c r="R24" s="107">
        <v>0</v>
      </c>
      <c r="S24" s="107">
        <v>0</v>
      </c>
      <c r="T24" s="107">
        <v>0</v>
      </c>
      <c r="U24" s="107">
        <v>0</v>
      </c>
      <c r="V24" s="107">
        <v>0</v>
      </c>
      <c r="W24" s="107">
        <v>0</v>
      </c>
      <c r="X24" s="107">
        <v>0</v>
      </c>
      <c r="Y24" s="107">
        <v>0</v>
      </c>
      <c r="Z24" s="107">
        <v>0</v>
      </c>
      <c r="AA24" s="107">
        <v>0</v>
      </c>
      <c r="AB24" s="107">
        <v>0</v>
      </c>
      <c r="AC24" s="107">
        <v>0</v>
      </c>
      <c r="AD24" s="107">
        <v>0</v>
      </c>
      <c r="AE24" s="107">
        <v>0</v>
      </c>
      <c r="AF24" s="107">
        <v>0</v>
      </c>
      <c r="AG24" s="107">
        <v>0</v>
      </c>
      <c r="AH24" s="107">
        <v>0</v>
      </c>
      <c r="AI24" s="107">
        <v>0</v>
      </c>
      <c r="AJ24" s="107">
        <v>0</v>
      </c>
      <c r="AK24" s="107">
        <v>0</v>
      </c>
      <c r="AL24" s="107">
        <v>0</v>
      </c>
      <c r="AM24" s="107">
        <v>0</v>
      </c>
      <c r="AN24" s="107">
        <v>0</v>
      </c>
    </row>
    <row r="25" spans="1:40" x14ac:dyDescent="0.2">
      <c r="A25" s="133" t="s">
        <v>117</v>
      </c>
      <c r="B25" s="107">
        <v>0</v>
      </c>
      <c r="C25" s="107">
        <v>0</v>
      </c>
      <c r="D25" s="107">
        <v>0</v>
      </c>
      <c r="E25" s="107">
        <v>0</v>
      </c>
      <c r="F25" s="107">
        <v>0</v>
      </c>
      <c r="G25" s="107">
        <v>0</v>
      </c>
      <c r="H25" s="107">
        <v>0</v>
      </c>
      <c r="I25" s="107">
        <v>0</v>
      </c>
      <c r="J25" s="107">
        <v>0</v>
      </c>
      <c r="K25" s="107">
        <v>0</v>
      </c>
      <c r="L25" s="107">
        <v>0</v>
      </c>
      <c r="M25" s="107">
        <v>0</v>
      </c>
      <c r="N25" s="107">
        <v>0</v>
      </c>
      <c r="O25" s="107">
        <v>0</v>
      </c>
      <c r="P25" s="107">
        <v>0</v>
      </c>
      <c r="Q25" s="107">
        <v>0</v>
      </c>
      <c r="R25" s="107">
        <v>0</v>
      </c>
      <c r="S25" s="107">
        <v>0</v>
      </c>
      <c r="T25" s="107">
        <v>0</v>
      </c>
      <c r="U25" s="107">
        <v>0</v>
      </c>
      <c r="V25" s="107">
        <v>0</v>
      </c>
      <c r="W25" s="107">
        <v>0</v>
      </c>
      <c r="X25" s="107">
        <v>0</v>
      </c>
      <c r="Y25" s="107">
        <v>0</v>
      </c>
      <c r="Z25" s="107">
        <v>0</v>
      </c>
      <c r="AA25" s="107">
        <v>0</v>
      </c>
      <c r="AB25" s="107">
        <v>0</v>
      </c>
      <c r="AC25" s="107">
        <v>0</v>
      </c>
      <c r="AD25" s="107">
        <v>0</v>
      </c>
      <c r="AE25" s="107">
        <v>0</v>
      </c>
      <c r="AF25" s="107">
        <v>0</v>
      </c>
      <c r="AG25" s="107">
        <v>0</v>
      </c>
      <c r="AH25" s="107">
        <v>0</v>
      </c>
      <c r="AI25" s="107">
        <v>0</v>
      </c>
      <c r="AJ25" s="107">
        <v>0</v>
      </c>
      <c r="AK25" s="107">
        <v>0</v>
      </c>
      <c r="AL25" s="107">
        <v>0</v>
      </c>
      <c r="AM25" s="107">
        <v>0</v>
      </c>
      <c r="AN25" s="107">
        <v>0</v>
      </c>
    </row>
    <row r="26" spans="1:40" x14ac:dyDescent="0.2">
      <c r="A26" s="133" t="s">
        <v>118</v>
      </c>
      <c r="B26" s="107">
        <v>0</v>
      </c>
      <c r="C26" s="107">
        <v>0</v>
      </c>
      <c r="D26" s="107">
        <v>0</v>
      </c>
      <c r="E26" s="107">
        <v>0</v>
      </c>
      <c r="F26" s="107">
        <v>0</v>
      </c>
      <c r="G26" s="107">
        <v>0</v>
      </c>
      <c r="H26" s="107">
        <v>0</v>
      </c>
      <c r="I26" s="107">
        <v>0</v>
      </c>
      <c r="J26" s="107">
        <v>0</v>
      </c>
      <c r="K26" s="107">
        <v>0</v>
      </c>
      <c r="L26" s="107">
        <v>0</v>
      </c>
      <c r="M26" s="107">
        <v>0</v>
      </c>
      <c r="N26" s="107">
        <v>0</v>
      </c>
      <c r="O26" s="107">
        <v>0</v>
      </c>
      <c r="P26" s="107">
        <v>0</v>
      </c>
      <c r="Q26" s="107">
        <v>0</v>
      </c>
      <c r="R26" s="107">
        <v>0</v>
      </c>
      <c r="S26" s="107">
        <v>0</v>
      </c>
      <c r="T26" s="107">
        <v>0</v>
      </c>
      <c r="U26" s="107">
        <v>0</v>
      </c>
      <c r="V26" s="107">
        <v>0</v>
      </c>
      <c r="W26" s="107">
        <v>0</v>
      </c>
      <c r="X26" s="107">
        <v>0</v>
      </c>
      <c r="Y26" s="107">
        <v>0</v>
      </c>
      <c r="Z26" s="107">
        <v>0</v>
      </c>
      <c r="AA26" s="107">
        <v>0</v>
      </c>
      <c r="AB26" s="107">
        <v>0</v>
      </c>
      <c r="AC26" s="107">
        <v>0</v>
      </c>
      <c r="AD26" s="107">
        <v>0</v>
      </c>
      <c r="AE26" s="107">
        <v>0</v>
      </c>
      <c r="AF26" s="107">
        <v>0</v>
      </c>
      <c r="AG26" s="107">
        <v>0</v>
      </c>
      <c r="AH26" s="107">
        <v>0</v>
      </c>
      <c r="AI26" s="107">
        <v>0</v>
      </c>
      <c r="AJ26" s="107">
        <v>0</v>
      </c>
      <c r="AK26" s="107">
        <v>0</v>
      </c>
      <c r="AL26" s="107">
        <v>0</v>
      </c>
      <c r="AM26" s="107">
        <v>0</v>
      </c>
      <c r="AN26" s="107">
        <v>0</v>
      </c>
    </row>
    <row r="27" spans="1:40" x14ac:dyDescent="0.2">
      <c r="A27" s="133" t="s">
        <v>119</v>
      </c>
      <c r="B27" s="107">
        <v>0</v>
      </c>
      <c r="C27" s="107">
        <v>0</v>
      </c>
      <c r="D27" s="107">
        <v>0</v>
      </c>
      <c r="E27" s="107">
        <v>0</v>
      </c>
      <c r="F27" s="107">
        <v>0</v>
      </c>
      <c r="G27" s="107">
        <v>0</v>
      </c>
      <c r="H27" s="107">
        <v>0</v>
      </c>
      <c r="I27" s="107">
        <v>0</v>
      </c>
      <c r="J27" s="107">
        <v>0</v>
      </c>
      <c r="K27" s="107">
        <v>0</v>
      </c>
      <c r="L27" s="107">
        <v>0</v>
      </c>
      <c r="M27" s="107">
        <v>0</v>
      </c>
      <c r="N27" s="107">
        <v>0</v>
      </c>
      <c r="O27" s="107">
        <v>0</v>
      </c>
      <c r="P27" s="107">
        <v>0</v>
      </c>
      <c r="Q27" s="107">
        <v>0</v>
      </c>
      <c r="R27" s="107">
        <v>0</v>
      </c>
      <c r="S27" s="107">
        <v>0</v>
      </c>
      <c r="T27" s="107">
        <v>0</v>
      </c>
      <c r="U27" s="107">
        <v>0</v>
      </c>
      <c r="V27" s="107">
        <v>0</v>
      </c>
      <c r="W27" s="107">
        <v>0</v>
      </c>
      <c r="X27" s="107">
        <v>0</v>
      </c>
      <c r="Y27" s="107">
        <v>0</v>
      </c>
      <c r="Z27" s="107">
        <v>0</v>
      </c>
      <c r="AA27" s="107">
        <v>0</v>
      </c>
      <c r="AB27" s="107">
        <v>0</v>
      </c>
      <c r="AC27" s="107">
        <v>0</v>
      </c>
      <c r="AD27" s="107">
        <v>0</v>
      </c>
      <c r="AE27" s="107">
        <v>0</v>
      </c>
      <c r="AF27" s="107">
        <v>0</v>
      </c>
      <c r="AG27" s="107">
        <v>0</v>
      </c>
      <c r="AH27" s="107">
        <v>0</v>
      </c>
      <c r="AI27" s="107">
        <v>0</v>
      </c>
      <c r="AJ27" s="107">
        <v>0</v>
      </c>
      <c r="AK27" s="107">
        <v>0</v>
      </c>
      <c r="AL27" s="107">
        <v>0</v>
      </c>
      <c r="AM27" s="107">
        <v>0</v>
      </c>
      <c r="AN27" s="107">
        <v>0</v>
      </c>
    </row>
    <row r="28" spans="1:40" x14ac:dyDescent="0.2">
      <c r="A28" s="133" t="s">
        <v>120</v>
      </c>
      <c r="B28" s="107">
        <v>0</v>
      </c>
      <c r="C28" s="107">
        <v>0</v>
      </c>
      <c r="D28" s="107">
        <v>0</v>
      </c>
      <c r="E28" s="107">
        <v>0</v>
      </c>
      <c r="F28" s="107">
        <v>0</v>
      </c>
      <c r="G28" s="107">
        <v>0</v>
      </c>
      <c r="H28" s="107">
        <v>0</v>
      </c>
      <c r="I28" s="107">
        <v>0</v>
      </c>
      <c r="J28" s="107">
        <v>0</v>
      </c>
      <c r="K28" s="107">
        <v>0</v>
      </c>
      <c r="L28" s="107">
        <v>0</v>
      </c>
      <c r="M28" s="107">
        <v>0</v>
      </c>
      <c r="N28" s="107">
        <v>0</v>
      </c>
      <c r="O28" s="107">
        <v>0</v>
      </c>
      <c r="P28" s="107">
        <v>0</v>
      </c>
      <c r="Q28" s="107">
        <v>0</v>
      </c>
      <c r="R28" s="107">
        <v>0</v>
      </c>
      <c r="S28" s="107">
        <v>0</v>
      </c>
      <c r="T28" s="107">
        <v>0</v>
      </c>
      <c r="U28" s="107">
        <v>0</v>
      </c>
      <c r="V28" s="107">
        <v>0</v>
      </c>
      <c r="W28" s="107">
        <v>0</v>
      </c>
      <c r="X28" s="107">
        <v>0</v>
      </c>
      <c r="Y28" s="107">
        <v>0</v>
      </c>
      <c r="Z28" s="107">
        <v>0</v>
      </c>
      <c r="AA28" s="107">
        <v>0</v>
      </c>
      <c r="AB28" s="107">
        <v>0</v>
      </c>
      <c r="AC28" s="107">
        <v>0</v>
      </c>
      <c r="AD28" s="107">
        <v>0</v>
      </c>
      <c r="AE28" s="107">
        <v>0</v>
      </c>
      <c r="AF28" s="107">
        <v>0</v>
      </c>
      <c r="AG28" s="107">
        <v>0</v>
      </c>
      <c r="AH28" s="107">
        <v>0</v>
      </c>
      <c r="AI28" s="107">
        <v>0</v>
      </c>
      <c r="AJ28" s="107">
        <v>0</v>
      </c>
      <c r="AK28" s="107">
        <v>0</v>
      </c>
      <c r="AL28" s="107">
        <v>0</v>
      </c>
      <c r="AM28" s="107">
        <v>0</v>
      </c>
      <c r="AN28" s="107">
        <v>0</v>
      </c>
    </row>
    <row r="29" spans="1:40" x14ac:dyDescent="0.2">
      <c r="A29" s="133" t="s">
        <v>121</v>
      </c>
      <c r="B29" s="107">
        <v>0</v>
      </c>
      <c r="C29" s="107">
        <v>0</v>
      </c>
      <c r="D29" s="107">
        <v>0</v>
      </c>
      <c r="E29" s="107">
        <v>0</v>
      </c>
      <c r="F29" s="107">
        <v>0</v>
      </c>
      <c r="G29" s="107">
        <v>0</v>
      </c>
      <c r="H29" s="107">
        <v>0</v>
      </c>
      <c r="I29" s="107">
        <v>0</v>
      </c>
      <c r="J29" s="107">
        <v>0</v>
      </c>
      <c r="K29" s="107">
        <v>0</v>
      </c>
      <c r="L29" s="107">
        <v>0</v>
      </c>
      <c r="M29" s="107">
        <v>0</v>
      </c>
      <c r="N29" s="107">
        <v>0</v>
      </c>
      <c r="O29" s="107">
        <v>0</v>
      </c>
      <c r="P29" s="107">
        <v>0</v>
      </c>
      <c r="Q29" s="107">
        <v>0</v>
      </c>
      <c r="R29" s="107">
        <v>0</v>
      </c>
      <c r="S29" s="107">
        <v>0</v>
      </c>
      <c r="T29" s="107">
        <v>0</v>
      </c>
      <c r="U29" s="107">
        <v>0</v>
      </c>
      <c r="V29" s="107">
        <v>0</v>
      </c>
      <c r="W29" s="107">
        <v>0</v>
      </c>
      <c r="X29" s="107">
        <v>0</v>
      </c>
      <c r="Y29" s="107">
        <v>0</v>
      </c>
      <c r="Z29" s="107">
        <v>0</v>
      </c>
      <c r="AA29" s="107">
        <v>0</v>
      </c>
      <c r="AB29" s="107">
        <v>0</v>
      </c>
      <c r="AC29" s="107">
        <v>0</v>
      </c>
      <c r="AD29" s="107">
        <v>0</v>
      </c>
      <c r="AE29" s="107">
        <v>0</v>
      </c>
      <c r="AF29" s="107">
        <v>0</v>
      </c>
      <c r="AG29" s="107">
        <v>0</v>
      </c>
      <c r="AH29" s="107">
        <v>0</v>
      </c>
      <c r="AI29" s="107">
        <v>0</v>
      </c>
      <c r="AJ29" s="107">
        <v>0</v>
      </c>
      <c r="AK29" s="107">
        <v>0</v>
      </c>
      <c r="AL29" s="107">
        <v>0</v>
      </c>
      <c r="AM29" s="107">
        <v>0</v>
      </c>
      <c r="AN29" s="107">
        <v>0</v>
      </c>
    </row>
    <row r="30" spans="1:40" x14ac:dyDescent="0.2">
      <c r="A30" s="133" t="s">
        <v>122</v>
      </c>
      <c r="B30" s="107">
        <v>0</v>
      </c>
      <c r="C30" s="107">
        <v>0</v>
      </c>
      <c r="D30" s="107">
        <v>0</v>
      </c>
      <c r="E30" s="107">
        <v>0</v>
      </c>
      <c r="F30" s="107">
        <v>0</v>
      </c>
      <c r="G30" s="107">
        <v>0</v>
      </c>
      <c r="H30" s="107">
        <v>0</v>
      </c>
      <c r="I30" s="107">
        <v>0</v>
      </c>
      <c r="J30" s="107">
        <v>0</v>
      </c>
      <c r="K30" s="107">
        <v>0</v>
      </c>
      <c r="L30" s="107">
        <v>0</v>
      </c>
      <c r="M30" s="107">
        <v>0</v>
      </c>
      <c r="N30" s="107">
        <v>0</v>
      </c>
      <c r="O30" s="107">
        <v>0</v>
      </c>
      <c r="P30" s="107">
        <v>0</v>
      </c>
      <c r="Q30" s="107">
        <v>0</v>
      </c>
      <c r="R30" s="107">
        <v>0</v>
      </c>
      <c r="S30" s="107">
        <v>0</v>
      </c>
      <c r="T30" s="107">
        <v>0</v>
      </c>
      <c r="U30" s="107">
        <v>0</v>
      </c>
      <c r="V30" s="107">
        <v>0</v>
      </c>
      <c r="W30" s="107">
        <v>0</v>
      </c>
      <c r="X30" s="107">
        <v>0</v>
      </c>
      <c r="Y30" s="107">
        <v>0</v>
      </c>
      <c r="Z30" s="107">
        <v>0</v>
      </c>
      <c r="AA30" s="107">
        <v>0</v>
      </c>
      <c r="AB30" s="107">
        <v>0</v>
      </c>
      <c r="AC30" s="107">
        <v>0</v>
      </c>
      <c r="AD30" s="107">
        <v>0</v>
      </c>
      <c r="AE30" s="107">
        <v>0</v>
      </c>
      <c r="AF30" s="107">
        <v>0</v>
      </c>
      <c r="AG30" s="107">
        <v>0</v>
      </c>
      <c r="AH30" s="107">
        <v>0</v>
      </c>
      <c r="AI30" s="107">
        <v>0</v>
      </c>
      <c r="AJ30" s="107">
        <v>0</v>
      </c>
      <c r="AK30" s="107">
        <v>0</v>
      </c>
      <c r="AL30" s="107">
        <v>0</v>
      </c>
      <c r="AM30" s="107">
        <v>0</v>
      </c>
      <c r="AN30" s="107">
        <v>0</v>
      </c>
    </row>
    <row r="31" spans="1:40" x14ac:dyDescent="0.2">
      <c r="A31" s="133" t="s">
        <v>123</v>
      </c>
      <c r="B31" s="107">
        <v>0</v>
      </c>
      <c r="C31" s="107">
        <v>0</v>
      </c>
      <c r="D31" s="107">
        <v>0</v>
      </c>
      <c r="E31" s="107">
        <v>0</v>
      </c>
      <c r="F31" s="107">
        <v>0</v>
      </c>
      <c r="G31" s="107">
        <v>0</v>
      </c>
      <c r="H31" s="107">
        <v>0</v>
      </c>
      <c r="I31" s="107">
        <v>0</v>
      </c>
      <c r="J31" s="107">
        <v>0</v>
      </c>
      <c r="K31" s="107">
        <v>0</v>
      </c>
      <c r="L31" s="107">
        <v>0</v>
      </c>
      <c r="M31" s="107">
        <v>0</v>
      </c>
      <c r="N31" s="107">
        <v>0</v>
      </c>
      <c r="O31" s="107">
        <v>0</v>
      </c>
      <c r="P31" s="107">
        <v>0</v>
      </c>
      <c r="Q31" s="107">
        <v>0</v>
      </c>
      <c r="R31" s="107">
        <v>0</v>
      </c>
      <c r="S31" s="107">
        <v>0</v>
      </c>
      <c r="T31" s="107">
        <v>0</v>
      </c>
      <c r="U31" s="107">
        <v>0</v>
      </c>
      <c r="V31" s="107">
        <v>0</v>
      </c>
      <c r="W31" s="107">
        <v>0</v>
      </c>
      <c r="X31" s="107">
        <v>0</v>
      </c>
      <c r="Y31" s="107">
        <v>0</v>
      </c>
      <c r="Z31" s="107">
        <v>0</v>
      </c>
      <c r="AA31" s="107">
        <v>0</v>
      </c>
      <c r="AB31" s="107">
        <v>0</v>
      </c>
      <c r="AC31" s="107">
        <v>0</v>
      </c>
      <c r="AD31" s="107">
        <v>0</v>
      </c>
      <c r="AE31" s="107">
        <v>0</v>
      </c>
      <c r="AF31" s="107">
        <v>0</v>
      </c>
      <c r="AG31" s="107">
        <v>0</v>
      </c>
      <c r="AH31" s="107">
        <v>0</v>
      </c>
      <c r="AI31" s="107">
        <v>0</v>
      </c>
      <c r="AJ31" s="107">
        <v>0</v>
      </c>
      <c r="AK31" s="107">
        <v>0</v>
      </c>
      <c r="AL31" s="107">
        <v>0</v>
      </c>
      <c r="AM31" s="107">
        <v>0</v>
      </c>
      <c r="AN31" s="107">
        <v>0</v>
      </c>
    </row>
    <row r="32" spans="1:40" x14ac:dyDescent="0.2">
      <c r="A32" s="133" t="s">
        <v>124</v>
      </c>
      <c r="B32" s="107">
        <v>0</v>
      </c>
      <c r="C32" s="107">
        <v>0</v>
      </c>
      <c r="D32" s="107">
        <v>0</v>
      </c>
      <c r="E32" s="107">
        <v>0</v>
      </c>
      <c r="F32" s="107">
        <v>0</v>
      </c>
      <c r="G32" s="107">
        <v>0</v>
      </c>
      <c r="H32" s="107">
        <v>0</v>
      </c>
      <c r="I32" s="107">
        <v>0</v>
      </c>
      <c r="J32" s="107">
        <v>0</v>
      </c>
      <c r="K32" s="107">
        <v>0</v>
      </c>
      <c r="L32" s="107">
        <v>0</v>
      </c>
      <c r="M32" s="107">
        <v>0</v>
      </c>
      <c r="N32" s="107">
        <v>0</v>
      </c>
      <c r="O32" s="107">
        <v>0</v>
      </c>
      <c r="P32" s="107">
        <v>0</v>
      </c>
      <c r="Q32" s="107">
        <v>0</v>
      </c>
      <c r="R32" s="107">
        <v>0</v>
      </c>
      <c r="S32" s="107">
        <v>0</v>
      </c>
      <c r="T32" s="107">
        <v>0</v>
      </c>
      <c r="U32" s="107">
        <v>0</v>
      </c>
      <c r="V32" s="107">
        <v>0</v>
      </c>
      <c r="W32" s="107">
        <v>0</v>
      </c>
      <c r="X32" s="107">
        <v>0</v>
      </c>
      <c r="Y32" s="107">
        <v>0</v>
      </c>
      <c r="Z32" s="107">
        <v>0</v>
      </c>
      <c r="AA32" s="107">
        <v>0</v>
      </c>
      <c r="AB32" s="107">
        <v>0</v>
      </c>
      <c r="AC32" s="107">
        <v>0</v>
      </c>
      <c r="AD32" s="107">
        <v>0</v>
      </c>
      <c r="AE32" s="107">
        <v>0</v>
      </c>
      <c r="AF32" s="107">
        <v>0</v>
      </c>
      <c r="AG32" s="107">
        <v>0</v>
      </c>
      <c r="AH32" s="107">
        <v>0</v>
      </c>
      <c r="AI32" s="107">
        <v>0</v>
      </c>
      <c r="AJ32" s="107">
        <v>0</v>
      </c>
      <c r="AK32" s="107">
        <v>0</v>
      </c>
      <c r="AL32" s="107">
        <v>0</v>
      </c>
      <c r="AM32" s="107">
        <v>0</v>
      </c>
      <c r="AN32" s="107">
        <v>0</v>
      </c>
    </row>
    <row r="33" spans="1:40" x14ac:dyDescent="0.2">
      <c r="A33" s="133" t="s">
        <v>125</v>
      </c>
      <c r="B33" s="107">
        <v>0</v>
      </c>
      <c r="C33" s="107">
        <v>0</v>
      </c>
      <c r="D33" s="107">
        <v>0</v>
      </c>
      <c r="E33" s="107">
        <v>0</v>
      </c>
      <c r="F33" s="107">
        <v>0</v>
      </c>
      <c r="G33" s="107">
        <v>0</v>
      </c>
      <c r="H33" s="107">
        <v>0</v>
      </c>
      <c r="I33" s="107">
        <v>0</v>
      </c>
      <c r="J33" s="107">
        <v>0</v>
      </c>
      <c r="K33" s="107">
        <v>0</v>
      </c>
      <c r="L33" s="107">
        <v>0</v>
      </c>
      <c r="M33" s="107">
        <v>0</v>
      </c>
      <c r="N33" s="107">
        <v>0</v>
      </c>
      <c r="O33" s="107">
        <v>0</v>
      </c>
      <c r="P33" s="107">
        <v>0</v>
      </c>
      <c r="Q33" s="107">
        <v>0</v>
      </c>
      <c r="R33" s="107">
        <v>0</v>
      </c>
      <c r="S33" s="107">
        <v>0</v>
      </c>
      <c r="T33" s="107">
        <v>0</v>
      </c>
      <c r="U33" s="107">
        <v>0</v>
      </c>
      <c r="V33" s="107">
        <v>0</v>
      </c>
      <c r="W33" s="107">
        <v>0</v>
      </c>
      <c r="X33" s="107">
        <v>0</v>
      </c>
      <c r="Y33" s="107">
        <v>0</v>
      </c>
      <c r="Z33" s="107">
        <v>0</v>
      </c>
      <c r="AA33" s="107">
        <v>0</v>
      </c>
      <c r="AB33" s="107">
        <v>0</v>
      </c>
      <c r="AC33" s="107">
        <v>0</v>
      </c>
      <c r="AD33" s="107">
        <v>0</v>
      </c>
      <c r="AE33" s="107">
        <v>0</v>
      </c>
      <c r="AF33" s="107">
        <v>0</v>
      </c>
      <c r="AG33" s="107">
        <v>0</v>
      </c>
      <c r="AH33" s="107">
        <v>0</v>
      </c>
      <c r="AI33" s="107">
        <v>0</v>
      </c>
      <c r="AJ33" s="107">
        <v>0</v>
      </c>
      <c r="AK33" s="107">
        <v>0</v>
      </c>
      <c r="AL33" s="107">
        <v>0</v>
      </c>
      <c r="AM33" s="107">
        <v>0</v>
      </c>
      <c r="AN33" s="107">
        <v>0</v>
      </c>
    </row>
    <row r="34" spans="1:40" x14ac:dyDescent="0.2">
      <c r="A34" s="133" t="s">
        <v>126</v>
      </c>
      <c r="B34" s="107">
        <v>0</v>
      </c>
      <c r="C34" s="107">
        <v>0</v>
      </c>
      <c r="D34" s="107">
        <v>0</v>
      </c>
      <c r="E34" s="107">
        <v>0</v>
      </c>
      <c r="F34" s="107">
        <v>0</v>
      </c>
      <c r="G34" s="107">
        <v>0</v>
      </c>
      <c r="H34" s="107">
        <v>0</v>
      </c>
      <c r="I34" s="107">
        <v>0</v>
      </c>
      <c r="J34" s="107">
        <v>0</v>
      </c>
      <c r="K34" s="107">
        <v>0</v>
      </c>
      <c r="L34" s="107">
        <v>0</v>
      </c>
      <c r="M34" s="107">
        <v>0</v>
      </c>
      <c r="N34" s="107">
        <v>0</v>
      </c>
      <c r="O34" s="107">
        <v>0</v>
      </c>
      <c r="P34" s="107">
        <v>0</v>
      </c>
      <c r="Q34" s="107">
        <v>0</v>
      </c>
      <c r="R34" s="107">
        <v>0</v>
      </c>
      <c r="S34" s="107">
        <v>0</v>
      </c>
      <c r="T34" s="107">
        <v>0</v>
      </c>
      <c r="U34" s="107">
        <v>0</v>
      </c>
      <c r="V34" s="107">
        <v>0</v>
      </c>
      <c r="W34" s="107">
        <v>0</v>
      </c>
      <c r="X34" s="107">
        <v>0</v>
      </c>
      <c r="Y34" s="107">
        <v>0</v>
      </c>
      <c r="Z34" s="107">
        <v>0</v>
      </c>
      <c r="AA34" s="107">
        <v>0</v>
      </c>
      <c r="AB34" s="107">
        <v>0</v>
      </c>
      <c r="AC34" s="107">
        <v>0</v>
      </c>
      <c r="AD34" s="107">
        <v>0</v>
      </c>
      <c r="AE34" s="107">
        <v>0</v>
      </c>
      <c r="AF34" s="107">
        <v>0</v>
      </c>
      <c r="AG34" s="107">
        <v>0</v>
      </c>
      <c r="AH34" s="107">
        <v>0</v>
      </c>
      <c r="AI34" s="107">
        <v>0</v>
      </c>
      <c r="AJ34" s="107">
        <v>0</v>
      </c>
      <c r="AK34" s="107">
        <v>0</v>
      </c>
      <c r="AL34" s="107">
        <v>0</v>
      </c>
      <c r="AM34" s="107">
        <v>0</v>
      </c>
      <c r="AN34" s="107">
        <v>0</v>
      </c>
    </row>
    <row r="35" spans="1:40" x14ac:dyDescent="0.2">
      <c r="A35" s="133" t="s">
        <v>127</v>
      </c>
      <c r="B35" s="107">
        <v>0</v>
      </c>
      <c r="C35" s="107">
        <v>0</v>
      </c>
      <c r="D35" s="107">
        <v>0</v>
      </c>
      <c r="E35" s="107">
        <v>0</v>
      </c>
      <c r="F35" s="107">
        <v>0</v>
      </c>
      <c r="G35" s="107">
        <v>0</v>
      </c>
      <c r="H35" s="107">
        <v>0</v>
      </c>
      <c r="I35" s="107">
        <v>0</v>
      </c>
      <c r="J35" s="107">
        <v>0</v>
      </c>
      <c r="K35" s="107">
        <v>0</v>
      </c>
      <c r="L35" s="107">
        <v>0</v>
      </c>
      <c r="M35" s="107">
        <v>0</v>
      </c>
      <c r="N35" s="107">
        <v>0</v>
      </c>
      <c r="O35" s="107">
        <v>0</v>
      </c>
      <c r="P35" s="107">
        <v>0</v>
      </c>
      <c r="Q35" s="107">
        <v>0</v>
      </c>
      <c r="R35" s="107">
        <v>0</v>
      </c>
      <c r="S35" s="107">
        <v>0</v>
      </c>
      <c r="T35" s="107">
        <v>0</v>
      </c>
      <c r="U35" s="107">
        <v>0</v>
      </c>
      <c r="V35" s="107">
        <v>0</v>
      </c>
      <c r="W35" s="107">
        <v>0</v>
      </c>
      <c r="X35" s="107">
        <v>0</v>
      </c>
      <c r="Y35" s="107">
        <v>0</v>
      </c>
      <c r="Z35" s="107">
        <v>0</v>
      </c>
      <c r="AA35" s="107">
        <v>0</v>
      </c>
      <c r="AB35" s="107">
        <v>0</v>
      </c>
      <c r="AC35" s="107">
        <v>0</v>
      </c>
      <c r="AD35" s="107">
        <v>0</v>
      </c>
      <c r="AE35" s="107">
        <v>0</v>
      </c>
      <c r="AF35" s="107">
        <v>0</v>
      </c>
      <c r="AG35" s="107">
        <v>0</v>
      </c>
      <c r="AH35" s="107">
        <v>0</v>
      </c>
      <c r="AI35" s="107">
        <v>0</v>
      </c>
      <c r="AJ35" s="107">
        <v>0</v>
      </c>
      <c r="AK35" s="107">
        <v>0</v>
      </c>
      <c r="AL35" s="107">
        <v>0</v>
      </c>
      <c r="AM35" s="107">
        <v>0</v>
      </c>
      <c r="AN35" s="107">
        <v>0</v>
      </c>
    </row>
    <row r="36" spans="1:40" x14ac:dyDescent="0.2">
      <c r="A36" s="133" t="s">
        <v>128</v>
      </c>
      <c r="B36" s="107">
        <v>0</v>
      </c>
      <c r="C36" s="107">
        <v>0</v>
      </c>
      <c r="D36" s="107">
        <v>0</v>
      </c>
      <c r="E36" s="107">
        <v>0</v>
      </c>
      <c r="F36" s="107">
        <v>0</v>
      </c>
      <c r="G36" s="107">
        <v>0</v>
      </c>
      <c r="H36" s="107">
        <v>0</v>
      </c>
      <c r="I36" s="107">
        <v>0</v>
      </c>
      <c r="J36" s="107">
        <v>0</v>
      </c>
      <c r="K36" s="107">
        <v>0</v>
      </c>
      <c r="L36" s="107">
        <v>0</v>
      </c>
      <c r="M36" s="107">
        <v>0</v>
      </c>
      <c r="N36" s="107">
        <v>0</v>
      </c>
      <c r="O36" s="107">
        <v>0</v>
      </c>
      <c r="P36" s="107">
        <v>0</v>
      </c>
      <c r="Q36" s="107">
        <v>0</v>
      </c>
      <c r="R36" s="107">
        <v>0</v>
      </c>
      <c r="S36" s="107">
        <v>0</v>
      </c>
      <c r="T36" s="107">
        <v>0</v>
      </c>
      <c r="U36" s="107">
        <v>0</v>
      </c>
      <c r="V36" s="107">
        <v>0</v>
      </c>
      <c r="W36" s="107">
        <v>0</v>
      </c>
      <c r="X36" s="107">
        <v>0</v>
      </c>
      <c r="Y36" s="107">
        <v>0</v>
      </c>
      <c r="Z36" s="107">
        <v>0</v>
      </c>
      <c r="AA36" s="107">
        <v>0</v>
      </c>
      <c r="AB36" s="107">
        <v>0</v>
      </c>
      <c r="AC36" s="107">
        <v>0</v>
      </c>
      <c r="AD36" s="107">
        <v>0</v>
      </c>
      <c r="AE36" s="107">
        <v>0</v>
      </c>
      <c r="AF36" s="107">
        <v>0</v>
      </c>
      <c r="AG36" s="107">
        <v>0</v>
      </c>
      <c r="AH36" s="107">
        <v>0</v>
      </c>
      <c r="AI36" s="107">
        <v>0</v>
      </c>
      <c r="AJ36" s="107">
        <v>0</v>
      </c>
      <c r="AK36" s="107">
        <v>0</v>
      </c>
      <c r="AL36" s="107">
        <v>0</v>
      </c>
      <c r="AM36" s="107">
        <v>0</v>
      </c>
      <c r="AN36" s="107">
        <v>0</v>
      </c>
    </row>
    <row r="37" spans="1:40" x14ac:dyDescent="0.2">
      <c r="A37" s="133" t="s">
        <v>129</v>
      </c>
    </row>
    <row r="38" spans="1:40" x14ac:dyDescent="0.2">
      <c r="A38" s="133" t="s">
        <v>130</v>
      </c>
    </row>
    <row r="39" spans="1:40" ht="10.8" thickBot="1" x14ac:dyDescent="0.25">
      <c r="A39" s="135" t="s">
        <v>131</v>
      </c>
    </row>
    <row r="40" spans="1:40" x14ac:dyDescent="0.2">
      <c r="A40" s="136" t="s">
        <v>132</v>
      </c>
    </row>
    <row r="41" spans="1:40" x14ac:dyDescent="0.2">
      <c r="A41" s="133" t="s">
        <v>133</v>
      </c>
      <c r="B41" s="107">
        <v>13508342.985029999</v>
      </c>
      <c r="C41" s="107">
        <v>13553302.8392256</v>
      </c>
      <c r="D41" s="107">
        <v>13612873.143364999</v>
      </c>
      <c r="E41" s="107">
        <v>13658116.2585801</v>
      </c>
      <c r="F41" s="107">
        <v>13710701.4094768</v>
      </c>
      <c r="G41" s="107">
        <v>13753998.2663798</v>
      </c>
      <c r="H41" s="107">
        <v>13811640.432728499</v>
      </c>
      <c r="I41" s="107">
        <v>13865185.648904899</v>
      </c>
      <c r="J41" s="107">
        <v>13920933.363507301</v>
      </c>
      <c r="K41" s="107">
        <v>13968316.9962328</v>
      </c>
      <c r="L41" s="107">
        <v>14036747.507662101</v>
      </c>
      <c r="M41" s="107">
        <v>14086198.958850799</v>
      </c>
      <c r="N41" s="107">
        <v>14086198.958850799</v>
      </c>
      <c r="O41" s="107">
        <v>14110602.828650801</v>
      </c>
      <c r="P41" s="107">
        <v>14134426.5531529</v>
      </c>
      <c r="Q41" s="107">
        <v>14159173.172111901</v>
      </c>
      <c r="R41" s="107">
        <v>14183163.8589337</v>
      </c>
      <c r="S41" s="107">
        <v>14206549.3581094</v>
      </c>
      <c r="T41" s="107">
        <v>14230031.156830501</v>
      </c>
      <c r="U41" s="107">
        <v>14254908.750120999</v>
      </c>
      <c r="V41" s="107">
        <v>14279533.151010901</v>
      </c>
      <c r="W41" s="107">
        <v>14304053.4110916</v>
      </c>
      <c r="X41" s="107">
        <v>14328217.0055007</v>
      </c>
      <c r="Y41" s="107">
        <v>14352662.281804601</v>
      </c>
      <c r="Z41" s="107">
        <v>14377267.4426664</v>
      </c>
      <c r="AA41" s="107">
        <v>14377267.4426664</v>
      </c>
      <c r="AB41" s="107">
        <v>14402054.867362101</v>
      </c>
      <c r="AC41" s="107">
        <v>14426253.0286335</v>
      </c>
      <c r="AD41" s="107">
        <v>14451388.5894666</v>
      </c>
      <c r="AE41" s="107">
        <v>14475756.3371995</v>
      </c>
      <c r="AF41" s="107">
        <v>14499509.385570001</v>
      </c>
      <c r="AG41" s="107">
        <v>14523360.247023201</v>
      </c>
      <c r="AH41" s="107">
        <v>14548628.840707401</v>
      </c>
      <c r="AI41" s="107">
        <v>14573640.2625736</v>
      </c>
      <c r="AJ41" s="107">
        <v>14598545.906852599</v>
      </c>
      <c r="AK41" s="107">
        <v>14623089.2797562</v>
      </c>
      <c r="AL41" s="107">
        <v>14647918.761740601</v>
      </c>
      <c r="AM41" s="107">
        <v>14672910.641183799</v>
      </c>
      <c r="AN41" s="107">
        <v>14672910.641183799</v>
      </c>
    </row>
    <row r="42" spans="1:40" x14ac:dyDescent="0.2">
      <c r="A42" s="133" t="s">
        <v>134</v>
      </c>
      <c r="B42" s="107">
        <v>1793593.25139548</v>
      </c>
      <c r="C42" s="107">
        <v>1800739.4673244299</v>
      </c>
      <c r="D42" s="107">
        <v>1807360.06589243</v>
      </c>
      <c r="E42" s="107">
        <v>1814141.0434584899</v>
      </c>
      <c r="F42" s="107">
        <v>1823667.7587302299</v>
      </c>
      <c r="G42" s="107">
        <v>1830789.1194770001</v>
      </c>
      <c r="H42" s="107">
        <v>1837252.56093621</v>
      </c>
      <c r="I42" s="107">
        <v>1843821.8037859299</v>
      </c>
      <c r="J42" s="107">
        <v>1850526.3593544101</v>
      </c>
      <c r="K42" s="107">
        <v>1857264.7461176999</v>
      </c>
      <c r="L42" s="107">
        <v>1866355.1328761801</v>
      </c>
      <c r="M42" s="107">
        <v>1872967.5561631499</v>
      </c>
      <c r="N42" s="107">
        <v>1872967.5561631499</v>
      </c>
      <c r="O42" s="107">
        <v>1876166.4753344599</v>
      </c>
      <c r="P42" s="107">
        <v>1879917.5204475101</v>
      </c>
      <c r="Q42" s="107">
        <v>1882645.8705575899</v>
      </c>
      <c r="R42" s="107">
        <v>1886207.7039492</v>
      </c>
      <c r="S42" s="107">
        <v>1890407.82155539</v>
      </c>
      <c r="T42" s="107">
        <v>1894233.6448956099</v>
      </c>
      <c r="U42" s="107">
        <v>1896999.82426962</v>
      </c>
      <c r="V42" s="107">
        <v>1899994.06671818</v>
      </c>
      <c r="W42" s="107">
        <v>1902917.8331313899</v>
      </c>
      <c r="X42" s="107">
        <v>1906321.9846201499</v>
      </c>
      <c r="Y42" s="107">
        <v>1909550.26341684</v>
      </c>
      <c r="Z42" s="107">
        <v>1912809.8278082199</v>
      </c>
      <c r="AA42" s="107">
        <v>1912809.8278082199</v>
      </c>
      <c r="AB42" s="107">
        <v>1916013.85124934</v>
      </c>
      <c r="AC42" s="107">
        <v>1919782.4581075399</v>
      </c>
      <c r="AD42" s="107">
        <v>1922507.82432145</v>
      </c>
      <c r="AE42" s="107">
        <v>1926086.3863880399</v>
      </c>
      <c r="AF42" s="107">
        <v>1930289.27860093</v>
      </c>
      <c r="AG42" s="107">
        <v>1934134.86689879</v>
      </c>
      <c r="AH42" s="107">
        <v>1936900.77827601</v>
      </c>
      <c r="AI42" s="107">
        <v>1939899.4608447901</v>
      </c>
      <c r="AJ42" s="107">
        <v>1942824.35171726</v>
      </c>
      <c r="AK42" s="107">
        <v>1946241.6382433299</v>
      </c>
      <c r="AL42" s="107">
        <v>1949452.4682637099</v>
      </c>
      <c r="AM42" s="107">
        <v>1952722.83505487</v>
      </c>
      <c r="AN42" s="107">
        <v>1952722.83505487</v>
      </c>
    </row>
    <row r="43" spans="1:40" x14ac:dyDescent="0.2">
      <c r="A43" s="133" t="s">
        <v>135</v>
      </c>
      <c r="B43" s="107">
        <v>77483.260510340493</v>
      </c>
      <c r="C43" s="107">
        <v>77702.805381108701</v>
      </c>
      <c r="D43" s="107">
        <v>78347.024830231196</v>
      </c>
      <c r="E43" s="107">
        <v>78620.571025935904</v>
      </c>
      <c r="F43" s="107">
        <v>78858.613776863305</v>
      </c>
      <c r="G43" s="107">
        <v>79544.150289182697</v>
      </c>
      <c r="H43" s="107">
        <v>79774.443759866495</v>
      </c>
      <c r="I43" s="107">
        <v>80017.202135295302</v>
      </c>
      <c r="J43" s="107">
        <v>80670.205886723401</v>
      </c>
      <c r="K43" s="107">
        <v>80942.793729258206</v>
      </c>
      <c r="L43" s="107">
        <v>81145.731935076095</v>
      </c>
      <c r="M43" s="107">
        <v>80858.296406256704</v>
      </c>
      <c r="N43" s="107">
        <v>80858.296406256704</v>
      </c>
      <c r="O43" s="107">
        <v>80979.166154559003</v>
      </c>
      <c r="P43" s="107">
        <v>81096.440428601694</v>
      </c>
      <c r="Q43" s="107">
        <v>81367.122630582293</v>
      </c>
      <c r="R43" s="107">
        <v>81513.344282690494</v>
      </c>
      <c r="S43" s="107">
        <v>81620.311378255297</v>
      </c>
      <c r="T43" s="107">
        <v>81995.002421989804</v>
      </c>
      <c r="U43" s="107">
        <v>82095.474918730397</v>
      </c>
      <c r="V43" s="107">
        <v>82208.227757892295</v>
      </c>
      <c r="W43" s="107">
        <v>82498.491821236195</v>
      </c>
      <c r="X43" s="107">
        <v>82638.691695396104</v>
      </c>
      <c r="Y43" s="107">
        <v>82712.189575714598</v>
      </c>
      <c r="Z43" s="107">
        <v>82567.899982745395</v>
      </c>
      <c r="AA43" s="107">
        <v>82567.899982745395</v>
      </c>
      <c r="AB43" s="107">
        <v>82698.962506248005</v>
      </c>
      <c r="AC43" s="107">
        <v>82824.436043928494</v>
      </c>
      <c r="AD43" s="107">
        <v>83121.354420688105</v>
      </c>
      <c r="AE43" s="107">
        <v>83277.789096374603</v>
      </c>
      <c r="AF43" s="107">
        <v>83394.244657944597</v>
      </c>
      <c r="AG43" s="107">
        <v>83794.286310375595</v>
      </c>
      <c r="AH43" s="107">
        <v>83904.027669567993</v>
      </c>
      <c r="AI43" s="107">
        <v>84026.348261066101</v>
      </c>
      <c r="AJ43" s="107">
        <v>84342.735243945994</v>
      </c>
      <c r="AK43" s="107">
        <v>84493.275659961</v>
      </c>
      <c r="AL43" s="107">
        <v>84575.387187022498</v>
      </c>
      <c r="AM43" s="107">
        <v>84420.088681601905</v>
      </c>
      <c r="AN43" s="107">
        <v>84420.088681601905</v>
      </c>
    </row>
    <row r="44" spans="1:40" x14ac:dyDescent="0.2">
      <c r="A44" s="133" t="s">
        <v>136</v>
      </c>
      <c r="B44" s="107">
        <v>15379419.4969358</v>
      </c>
      <c r="C44" s="107">
        <v>15431745.111931199</v>
      </c>
      <c r="D44" s="107">
        <v>15498580.234087599</v>
      </c>
      <c r="E44" s="107">
        <v>15550877.873064499</v>
      </c>
      <c r="F44" s="107">
        <v>15613227.781983901</v>
      </c>
      <c r="G44" s="107">
        <v>15664331.536145899</v>
      </c>
      <c r="H44" s="107">
        <v>15728667.4374246</v>
      </c>
      <c r="I44" s="107">
        <v>15789024.654826101</v>
      </c>
      <c r="J44" s="107">
        <v>15852129.9287485</v>
      </c>
      <c r="K44" s="107">
        <v>15906524.5360798</v>
      </c>
      <c r="L44" s="107">
        <v>15984248.3724733</v>
      </c>
      <c r="M44" s="107">
        <v>16040024.8114202</v>
      </c>
      <c r="N44" s="107">
        <v>16040024.8114202</v>
      </c>
      <c r="O44" s="107">
        <v>16067748.4701398</v>
      </c>
      <c r="P44" s="107">
        <v>16095440.514029</v>
      </c>
      <c r="Q44" s="107">
        <v>16123186.165300099</v>
      </c>
      <c r="R44" s="107">
        <v>16150884.9071656</v>
      </c>
      <c r="S44" s="107">
        <v>16178577.491043</v>
      </c>
      <c r="T44" s="107">
        <v>16206259.8041481</v>
      </c>
      <c r="U44" s="107">
        <v>16234004.0493093</v>
      </c>
      <c r="V44" s="107">
        <v>16261735.445487</v>
      </c>
      <c r="W44" s="107">
        <v>16289469.7360442</v>
      </c>
      <c r="X44" s="107">
        <v>16317177.6818162</v>
      </c>
      <c r="Y44" s="107">
        <v>16344924.7347971</v>
      </c>
      <c r="Z44" s="107">
        <v>16372645.1704574</v>
      </c>
      <c r="AA44" s="107">
        <v>16372645.1704574</v>
      </c>
      <c r="AB44" s="107">
        <v>16400767.6811177</v>
      </c>
      <c r="AC44" s="107">
        <v>16428859.922785001</v>
      </c>
      <c r="AD44" s="107">
        <v>16457017.768208699</v>
      </c>
      <c r="AE44" s="107">
        <v>16485120.5126839</v>
      </c>
      <c r="AF44" s="107">
        <v>16513192.908828899</v>
      </c>
      <c r="AG44" s="107">
        <v>16541289.400232401</v>
      </c>
      <c r="AH44" s="107">
        <v>16569433.646653</v>
      </c>
      <c r="AI44" s="107">
        <v>16597566.0716794</v>
      </c>
      <c r="AJ44" s="107">
        <v>16625712.9938138</v>
      </c>
      <c r="AK44" s="107">
        <v>16653824.193659499</v>
      </c>
      <c r="AL44" s="107">
        <v>16681946.6171913</v>
      </c>
      <c r="AM44" s="107">
        <v>16710053.5649202</v>
      </c>
      <c r="AN44" s="107">
        <v>16710053.5649202</v>
      </c>
    </row>
    <row r="45" spans="1:40" x14ac:dyDescent="0.2">
      <c r="A45" s="133" t="s">
        <v>137</v>
      </c>
    </row>
    <row r="46" spans="1:40" x14ac:dyDescent="0.2">
      <c r="A46" s="133" t="s">
        <v>138</v>
      </c>
      <c r="B46" s="107">
        <v>29790266.541912898</v>
      </c>
      <c r="C46" s="107">
        <v>28244902.0502395</v>
      </c>
      <c r="D46" s="107">
        <v>22865958.426381301</v>
      </c>
      <c r="E46" s="107">
        <v>19366321.752752699</v>
      </c>
      <c r="F46" s="107">
        <v>19509204.038506601</v>
      </c>
      <c r="G46" s="107">
        <v>22032090.395394199</v>
      </c>
      <c r="H46" s="107">
        <v>26047113.100023098</v>
      </c>
      <c r="I46" s="107">
        <v>29303371.417284399</v>
      </c>
      <c r="J46" s="107">
        <v>30942308.891288102</v>
      </c>
      <c r="K46" s="107">
        <v>31420360.083646499</v>
      </c>
      <c r="L46" s="107">
        <v>33783746.597209997</v>
      </c>
      <c r="M46" s="107">
        <v>37467099.468594797</v>
      </c>
      <c r="N46" s="107">
        <v>37467099.468594797</v>
      </c>
      <c r="O46" s="107">
        <v>37294685.529981203</v>
      </c>
      <c r="P46" s="107">
        <v>37120805.489944302</v>
      </c>
      <c r="Q46" s="107">
        <v>37246530.085677996</v>
      </c>
      <c r="R46" s="107">
        <v>37106159.703766599</v>
      </c>
      <c r="S46" s="107">
        <v>36924838.667082302</v>
      </c>
      <c r="T46" s="107">
        <v>36750218.369141802</v>
      </c>
      <c r="U46" s="107">
        <v>36578447.304713801</v>
      </c>
      <c r="V46" s="107">
        <v>36406185.832651697</v>
      </c>
      <c r="W46" s="107">
        <v>36233149.804454297</v>
      </c>
      <c r="X46" s="107">
        <v>36059855.707780004</v>
      </c>
      <c r="Y46" s="107">
        <v>35885619.937493101</v>
      </c>
      <c r="Z46" s="107">
        <v>35713085.516394801</v>
      </c>
      <c r="AA46" s="107">
        <v>35713085.516394801</v>
      </c>
      <c r="AB46" s="107">
        <v>35442040.080105402</v>
      </c>
      <c r="AC46" s="107">
        <v>35170936.839745604</v>
      </c>
      <c r="AD46" s="107">
        <v>36147832.679471903</v>
      </c>
      <c r="AE46" s="107">
        <v>35979667.2161825</v>
      </c>
      <c r="AF46" s="107">
        <v>35705060.624166101</v>
      </c>
      <c r="AG46" s="107">
        <v>35433048.440009899</v>
      </c>
      <c r="AH46" s="107">
        <v>35161754.251236103</v>
      </c>
      <c r="AI46" s="107">
        <v>34890420.495462202</v>
      </c>
      <c r="AJ46" s="107">
        <v>34621318.654268503</v>
      </c>
      <c r="AK46" s="107">
        <v>34357212.700283602</v>
      </c>
      <c r="AL46" s="107">
        <v>34085219.044169798</v>
      </c>
      <c r="AM46" s="107">
        <v>33813862.063207097</v>
      </c>
      <c r="AN46" s="107">
        <v>33813862.063207097</v>
      </c>
    </row>
    <row r="47" spans="1:40" x14ac:dyDescent="0.2">
      <c r="A47" s="133" t="s">
        <v>139</v>
      </c>
      <c r="B47" s="107">
        <v>8848263.1452351995</v>
      </c>
      <c r="C47" s="107">
        <v>8826629.0272637997</v>
      </c>
      <c r="D47" s="107">
        <v>7924922.7799329404</v>
      </c>
      <c r="E47" s="107">
        <v>7581732.6742619704</v>
      </c>
      <c r="F47" s="107">
        <v>7615735.7140788101</v>
      </c>
      <c r="G47" s="107">
        <v>7768568.3417417798</v>
      </c>
      <c r="H47" s="107">
        <v>7935587.3782049399</v>
      </c>
      <c r="I47" s="107">
        <v>8071872.5288978899</v>
      </c>
      <c r="J47" s="107">
        <v>8187812.65070304</v>
      </c>
      <c r="K47" s="107">
        <v>8249101.8530957196</v>
      </c>
      <c r="L47" s="107">
        <v>8371330.7762335502</v>
      </c>
      <c r="M47" s="107">
        <v>8581762.9825644195</v>
      </c>
      <c r="N47" s="107">
        <v>8581762.9825644195</v>
      </c>
      <c r="O47" s="107">
        <v>8588973.7174839191</v>
      </c>
      <c r="P47" s="107">
        <v>8597450.2063688505</v>
      </c>
      <c r="Q47" s="107">
        <v>8363325.5249317503</v>
      </c>
      <c r="R47" s="107">
        <v>8344809.4578481195</v>
      </c>
      <c r="S47" s="107">
        <v>8360205.2972989697</v>
      </c>
      <c r="T47" s="107">
        <v>8369368.2383261397</v>
      </c>
      <c r="U47" s="107">
        <v>8375912.4052791297</v>
      </c>
      <c r="V47" s="107">
        <v>8382923.6788064903</v>
      </c>
      <c r="W47" s="107">
        <v>8390547.3625471797</v>
      </c>
      <c r="X47" s="107">
        <v>8398631.5847940501</v>
      </c>
      <c r="Y47" s="107">
        <v>8407461.8587952908</v>
      </c>
      <c r="Z47" s="107">
        <v>8414690.0075626299</v>
      </c>
      <c r="AA47" s="107">
        <v>8414690.0075626299</v>
      </c>
      <c r="AB47" s="107">
        <v>8421598.2904304191</v>
      </c>
      <c r="AC47" s="107">
        <v>8428977.9874929804</v>
      </c>
      <c r="AD47" s="107">
        <v>7416621.3145131003</v>
      </c>
      <c r="AE47" s="107">
        <v>7339311.89181895</v>
      </c>
      <c r="AF47" s="107">
        <v>7352732.3584870398</v>
      </c>
      <c r="AG47" s="107">
        <v>7361275.3210326396</v>
      </c>
      <c r="AH47" s="107">
        <v>7368239.91818015</v>
      </c>
      <c r="AI47" s="107">
        <v>7375374.04531941</v>
      </c>
      <c r="AJ47" s="107">
        <v>7380637.2551685004</v>
      </c>
      <c r="AK47" s="107">
        <v>7382324.9368412998</v>
      </c>
      <c r="AL47" s="107">
        <v>7390751.3514264803</v>
      </c>
      <c r="AM47" s="107">
        <v>7397948.2502552504</v>
      </c>
      <c r="AN47" s="107">
        <v>7397948.2502552504</v>
      </c>
    </row>
    <row r="48" spans="1:40" x14ac:dyDescent="0.2">
      <c r="A48" s="133" t="s">
        <v>140</v>
      </c>
      <c r="B48" s="107">
        <v>1703986.8828131701</v>
      </c>
      <c r="C48" s="107">
        <v>1699802.5436098001</v>
      </c>
      <c r="D48" s="107">
        <v>1549754.6193566199</v>
      </c>
      <c r="E48" s="107">
        <v>1495231.63865606</v>
      </c>
      <c r="F48" s="107">
        <v>1499870.67903156</v>
      </c>
      <c r="G48" s="107">
        <v>1529988.9750049</v>
      </c>
      <c r="H48" s="107">
        <v>1573617.2024940001</v>
      </c>
      <c r="I48" s="107">
        <v>1606824.53342573</v>
      </c>
      <c r="J48" s="107">
        <v>1634554.7178955399</v>
      </c>
      <c r="K48" s="107">
        <v>1646861.71588016</v>
      </c>
      <c r="L48" s="107">
        <v>1671448.50171181</v>
      </c>
      <c r="M48" s="107">
        <v>1722275.9076803999</v>
      </c>
      <c r="N48" s="107">
        <v>1722275.9076803999</v>
      </c>
      <c r="O48" s="107">
        <v>1722493.3367346299</v>
      </c>
      <c r="P48" s="107">
        <v>1722800.32102527</v>
      </c>
      <c r="Q48" s="107">
        <v>1683919.6847343601</v>
      </c>
      <c r="R48" s="107">
        <v>1680025.0882329301</v>
      </c>
      <c r="S48" s="107">
        <v>1680363.8794223601</v>
      </c>
      <c r="T48" s="107">
        <v>1680627.53545611</v>
      </c>
      <c r="U48" s="107">
        <v>1680721.6361229699</v>
      </c>
      <c r="V48" s="107">
        <v>1680880.72523972</v>
      </c>
      <c r="W48" s="107">
        <v>1681263.02179803</v>
      </c>
      <c r="X48" s="107">
        <v>1681543.7225853</v>
      </c>
      <c r="Y48" s="107">
        <v>1681781.7054057601</v>
      </c>
      <c r="Z48" s="107">
        <v>1681972.1189725101</v>
      </c>
      <c r="AA48" s="107">
        <v>1681972.1189725101</v>
      </c>
      <c r="AB48" s="107">
        <v>1681821.3533990299</v>
      </c>
      <c r="AC48" s="107">
        <v>1681592.9910704601</v>
      </c>
      <c r="AD48" s="107">
        <v>1516371.9925766501</v>
      </c>
      <c r="AE48" s="107">
        <v>1503155.9681170599</v>
      </c>
      <c r="AF48" s="107">
        <v>1502905.0100734399</v>
      </c>
      <c r="AG48" s="107">
        <v>1502724.6471019399</v>
      </c>
      <c r="AH48" s="107">
        <v>1502587.18674237</v>
      </c>
      <c r="AI48" s="107">
        <v>1502450.0963188701</v>
      </c>
      <c r="AJ48" s="107">
        <v>1501977.67948862</v>
      </c>
      <c r="AK48" s="107">
        <v>1500745.69817163</v>
      </c>
      <c r="AL48" s="107">
        <v>1500581.7483302101</v>
      </c>
      <c r="AM48" s="107">
        <v>1500436.4238316701</v>
      </c>
      <c r="AN48" s="107">
        <v>1500436.4238316701</v>
      </c>
    </row>
    <row r="49" spans="1:40" x14ac:dyDescent="0.2">
      <c r="A49" s="133" t="s">
        <v>141</v>
      </c>
      <c r="B49" s="107">
        <v>40342516.569961302</v>
      </c>
      <c r="C49" s="107">
        <v>38771333.621113099</v>
      </c>
      <c r="D49" s="107">
        <v>32340635.825670801</v>
      </c>
      <c r="E49" s="107">
        <v>28443286.065670699</v>
      </c>
      <c r="F49" s="107">
        <v>28624810.431616899</v>
      </c>
      <c r="G49" s="107">
        <v>31330647.712140799</v>
      </c>
      <c r="H49" s="107">
        <v>35556317.680721998</v>
      </c>
      <c r="I49" s="107">
        <v>38982068.479607999</v>
      </c>
      <c r="J49" s="107">
        <v>40764676.259886697</v>
      </c>
      <c r="K49" s="107">
        <v>41316323.652622402</v>
      </c>
      <c r="L49" s="107">
        <v>43826525.875155397</v>
      </c>
      <c r="M49" s="107">
        <v>47771138.358839698</v>
      </c>
      <c r="N49" s="107">
        <v>47771138.358839698</v>
      </c>
      <c r="O49" s="107">
        <v>47606152.584199801</v>
      </c>
      <c r="P49" s="107">
        <v>47441056.017338403</v>
      </c>
      <c r="Q49" s="107">
        <v>47293775.295344099</v>
      </c>
      <c r="R49" s="107">
        <v>47130994.249847703</v>
      </c>
      <c r="S49" s="107">
        <v>46965407.843803696</v>
      </c>
      <c r="T49" s="107">
        <v>46800214.142924003</v>
      </c>
      <c r="U49" s="107">
        <v>46635081.346115902</v>
      </c>
      <c r="V49" s="107">
        <v>46469990.236697897</v>
      </c>
      <c r="W49" s="107">
        <v>46304960.1887995</v>
      </c>
      <c r="X49" s="107">
        <v>46140031.015159398</v>
      </c>
      <c r="Y49" s="107">
        <v>45974863.501694202</v>
      </c>
      <c r="Z49" s="107">
        <v>45809747.642929897</v>
      </c>
      <c r="AA49" s="107">
        <v>45809747.642929897</v>
      </c>
      <c r="AB49" s="107">
        <v>45545459.723934799</v>
      </c>
      <c r="AC49" s="107">
        <v>45281507.818309098</v>
      </c>
      <c r="AD49" s="107">
        <v>45080825.986561701</v>
      </c>
      <c r="AE49" s="107">
        <v>44822135.076118499</v>
      </c>
      <c r="AF49" s="107">
        <v>44560697.992726602</v>
      </c>
      <c r="AG49" s="107">
        <v>44297048.408144496</v>
      </c>
      <c r="AH49" s="107">
        <v>44032581.356158599</v>
      </c>
      <c r="AI49" s="107">
        <v>43768244.637100503</v>
      </c>
      <c r="AJ49" s="107">
        <v>43503933.588925697</v>
      </c>
      <c r="AK49" s="107">
        <v>43240283.335296601</v>
      </c>
      <c r="AL49" s="107">
        <v>42976552.143926501</v>
      </c>
      <c r="AM49" s="107">
        <v>42712246.737294003</v>
      </c>
      <c r="AN49" s="107">
        <v>42712246.737294003</v>
      </c>
    </row>
    <row r="50" spans="1:40" x14ac:dyDescent="0.2">
      <c r="A50" s="136" t="s">
        <v>142</v>
      </c>
      <c r="B50" s="107">
        <v>55721936.066897199</v>
      </c>
      <c r="C50" s="107">
        <v>54203078.733044297</v>
      </c>
      <c r="D50" s="107">
        <v>47839216.059758499</v>
      </c>
      <c r="E50" s="107">
        <v>43994163.938735299</v>
      </c>
      <c r="F50" s="107">
        <v>44238038.213600896</v>
      </c>
      <c r="G50" s="107">
        <v>46994979.248286799</v>
      </c>
      <c r="H50" s="107">
        <v>51284985.118146703</v>
      </c>
      <c r="I50" s="107">
        <v>54771093.134434201</v>
      </c>
      <c r="J50" s="107">
        <v>56616806.1886352</v>
      </c>
      <c r="K50" s="107">
        <v>57222848.1887023</v>
      </c>
      <c r="L50" s="107">
        <v>59810774.247628704</v>
      </c>
      <c r="M50" s="107">
        <v>63811163.170259997</v>
      </c>
      <c r="N50" s="107">
        <v>63811163.170259997</v>
      </c>
      <c r="O50" s="107">
        <v>63673901.054339603</v>
      </c>
      <c r="P50" s="107">
        <v>63536496.531367503</v>
      </c>
      <c r="Q50" s="107">
        <v>63416961.460644297</v>
      </c>
      <c r="R50" s="107">
        <v>63281879.157013297</v>
      </c>
      <c r="S50" s="107">
        <v>63143985.334846698</v>
      </c>
      <c r="T50" s="107">
        <v>63006473.9470722</v>
      </c>
      <c r="U50" s="107">
        <v>62869085.395425297</v>
      </c>
      <c r="V50" s="107">
        <v>62731725.682184897</v>
      </c>
      <c r="W50" s="107">
        <v>62594429.924843803</v>
      </c>
      <c r="X50" s="107">
        <v>62457208.696975701</v>
      </c>
      <c r="Y50" s="107">
        <v>62319788.2364913</v>
      </c>
      <c r="Z50" s="107">
        <v>62182392.813387297</v>
      </c>
      <c r="AA50" s="107">
        <v>62182392.813387297</v>
      </c>
      <c r="AB50" s="107">
        <v>61946227.405052498</v>
      </c>
      <c r="AC50" s="107">
        <v>61710367.741094097</v>
      </c>
      <c r="AD50" s="107">
        <v>61537843.754770502</v>
      </c>
      <c r="AE50" s="107">
        <v>61307255.588802502</v>
      </c>
      <c r="AF50" s="107">
        <v>61073890.901555598</v>
      </c>
      <c r="AG50" s="107">
        <v>60838337.808376901</v>
      </c>
      <c r="AH50" s="107">
        <v>60602015.0028117</v>
      </c>
      <c r="AI50" s="107">
        <v>60365810.708779901</v>
      </c>
      <c r="AJ50" s="107">
        <v>60129646.582739502</v>
      </c>
      <c r="AK50" s="107">
        <v>59894107.5289561</v>
      </c>
      <c r="AL50" s="107">
        <v>59658498.761117898</v>
      </c>
      <c r="AM50" s="107">
        <v>59422300.302214302</v>
      </c>
      <c r="AN50" s="107">
        <v>59422300.302214302</v>
      </c>
    </row>
    <row r="51" spans="1:40" x14ac:dyDescent="0.2">
      <c r="A51" s="133" t="s">
        <v>143</v>
      </c>
    </row>
    <row r="52" spans="1:40" x14ac:dyDescent="0.2">
      <c r="A52" s="136" t="s">
        <v>144</v>
      </c>
    </row>
    <row r="53" spans="1:40" x14ac:dyDescent="0.2">
      <c r="A53" s="133" t="s">
        <v>145</v>
      </c>
      <c r="B53" s="107">
        <v>-1797756.93152785</v>
      </c>
      <c r="C53" s="107">
        <v>-1796350.7220000101</v>
      </c>
      <c r="D53" s="107">
        <v>-1794944.5124721699</v>
      </c>
      <c r="E53" s="107">
        <v>-1793538.30294433</v>
      </c>
      <c r="F53" s="107">
        <v>-1792132.0934164899</v>
      </c>
      <c r="G53" s="107">
        <v>-1790725.88414833</v>
      </c>
      <c r="H53" s="107">
        <v>-1802143.16874961</v>
      </c>
      <c r="I53" s="107">
        <v>-1800736.95948145</v>
      </c>
      <c r="J53" s="107">
        <v>-1799330.7499536099</v>
      </c>
      <c r="K53" s="107">
        <v>-1797924.54068545</v>
      </c>
      <c r="L53" s="107">
        <v>-1796518.33141729</v>
      </c>
      <c r="M53" s="107">
        <v>-1847129.4957336099</v>
      </c>
      <c r="N53" s="107">
        <v>-1847129.4957336099</v>
      </c>
      <c r="O53" s="107">
        <v>-1847129.4957336099</v>
      </c>
      <c r="P53" s="107">
        <v>-1847129.4957336099</v>
      </c>
      <c r="Q53" s="107">
        <v>-1847129.4957336099</v>
      </c>
      <c r="R53" s="107">
        <v>-1847129.4957336099</v>
      </c>
      <c r="S53" s="107">
        <v>-1847129.4957336099</v>
      </c>
      <c r="T53" s="107">
        <v>-1847129.4957336099</v>
      </c>
      <c r="U53" s="107">
        <v>-1847129.4957336099</v>
      </c>
      <c r="V53" s="107">
        <v>-1847129.4957336099</v>
      </c>
      <c r="W53" s="107">
        <v>-1847129.4957336099</v>
      </c>
      <c r="X53" s="107">
        <v>-1847129.4957336099</v>
      </c>
      <c r="Y53" s="107">
        <v>-1847129.4957336099</v>
      </c>
      <c r="Z53" s="107">
        <v>-1847129.4957336099</v>
      </c>
      <c r="AA53" s="107">
        <v>-1847129.4957336099</v>
      </c>
      <c r="AB53" s="107">
        <v>-1847129.4957336099</v>
      </c>
      <c r="AC53" s="107">
        <v>-1847129.4957336099</v>
      </c>
      <c r="AD53" s="107">
        <v>-1847129.4957336099</v>
      </c>
      <c r="AE53" s="107">
        <v>-1847129.4957336099</v>
      </c>
      <c r="AF53" s="107">
        <v>-1847129.4957336099</v>
      </c>
      <c r="AG53" s="107">
        <v>-1847129.4957336099</v>
      </c>
      <c r="AH53" s="107">
        <v>-1847129.4957336099</v>
      </c>
      <c r="AI53" s="107">
        <v>-1847129.4957336099</v>
      </c>
      <c r="AJ53" s="107">
        <v>-1847129.4957336099</v>
      </c>
      <c r="AK53" s="107">
        <v>-1847129.4957336099</v>
      </c>
      <c r="AL53" s="107">
        <v>-1847129.4957336099</v>
      </c>
      <c r="AM53" s="107">
        <v>-1847129.4957336099</v>
      </c>
      <c r="AN53" s="107">
        <v>-1847129.4957336099</v>
      </c>
    </row>
    <row r="54" spans="1:40" x14ac:dyDescent="0.2">
      <c r="A54" s="133" t="s">
        <v>146</v>
      </c>
      <c r="B54" s="107">
        <v>0</v>
      </c>
      <c r="C54" s="107">
        <v>0</v>
      </c>
      <c r="D54" s="107">
        <v>0</v>
      </c>
      <c r="E54" s="107">
        <v>0</v>
      </c>
      <c r="F54" s="107">
        <v>0</v>
      </c>
      <c r="G54" s="107">
        <v>0</v>
      </c>
      <c r="H54" s="107">
        <v>0</v>
      </c>
      <c r="I54" s="107">
        <v>0</v>
      </c>
      <c r="J54" s="107">
        <v>0</v>
      </c>
      <c r="K54" s="107">
        <v>0</v>
      </c>
      <c r="L54" s="107">
        <v>0</v>
      </c>
      <c r="M54" s="107">
        <v>0</v>
      </c>
      <c r="N54" s="107">
        <v>0</v>
      </c>
      <c r="O54" s="107">
        <v>0</v>
      </c>
      <c r="P54" s="107">
        <v>0</v>
      </c>
      <c r="Q54" s="107">
        <v>0</v>
      </c>
      <c r="R54" s="107">
        <v>0</v>
      </c>
      <c r="S54" s="107">
        <v>0</v>
      </c>
      <c r="T54" s="107">
        <v>0</v>
      </c>
      <c r="U54" s="107">
        <v>0</v>
      </c>
      <c r="V54" s="107">
        <v>0</v>
      </c>
      <c r="W54" s="107">
        <v>0</v>
      </c>
      <c r="X54" s="107">
        <v>0</v>
      </c>
      <c r="Y54" s="107">
        <v>0</v>
      </c>
      <c r="Z54" s="107">
        <v>0</v>
      </c>
      <c r="AA54" s="107">
        <v>0</v>
      </c>
      <c r="AB54" s="107">
        <v>0</v>
      </c>
      <c r="AC54" s="107">
        <v>0</v>
      </c>
      <c r="AD54" s="107">
        <v>0</v>
      </c>
      <c r="AE54" s="107">
        <v>0</v>
      </c>
      <c r="AF54" s="107">
        <v>0</v>
      </c>
      <c r="AG54" s="107">
        <v>0</v>
      </c>
      <c r="AH54" s="107">
        <v>0</v>
      </c>
      <c r="AI54" s="107">
        <v>0</v>
      </c>
      <c r="AJ54" s="107">
        <v>0</v>
      </c>
      <c r="AK54" s="107">
        <v>0</v>
      </c>
      <c r="AL54" s="107">
        <v>0</v>
      </c>
      <c r="AM54" s="107">
        <v>0</v>
      </c>
      <c r="AN54" s="107">
        <v>0</v>
      </c>
    </row>
    <row r="55" spans="1:40" x14ac:dyDescent="0.2">
      <c r="A55" s="136" t="s">
        <v>147</v>
      </c>
      <c r="B55" s="107">
        <v>-1797756.93152785</v>
      </c>
      <c r="C55" s="107">
        <v>-1796350.7220000101</v>
      </c>
      <c r="D55" s="107">
        <v>-1794944.5124721699</v>
      </c>
      <c r="E55" s="107">
        <v>-1793538.30294433</v>
      </c>
      <c r="F55" s="107">
        <v>-1792132.0934164899</v>
      </c>
      <c r="G55" s="107">
        <v>-1790725.88414833</v>
      </c>
      <c r="H55" s="107">
        <v>-1802143.16874961</v>
      </c>
      <c r="I55" s="107">
        <v>-1800736.95948145</v>
      </c>
      <c r="J55" s="107">
        <v>-1799330.7499536099</v>
      </c>
      <c r="K55" s="107">
        <v>-1797924.54068545</v>
      </c>
      <c r="L55" s="107">
        <v>-1796518.33141729</v>
      </c>
      <c r="M55" s="107">
        <v>-1847129.4957336099</v>
      </c>
      <c r="N55" s="107">
        <v>-1847129.4957336099</v>
      </c>
      <c r="O55" s="107">
        <v>-1847129.4957336099</v>
      </c>
      <c r="P55" s="107">
        <v>-1847129.4957336099</v>
      </c>
      <c r="Q55" s="107">
        <v>-1847129.4957336099</v>
      </c>
      <c r="R55" s="107">
        <v>-1847129.4957336099</v>
      </c>
      <c r="S55" s="107">
        <v>-1847129.4957336099</v>
      </c>
      <c r="T55" s="107">
        <v>-1847129.4957336099</v>
      </c>
      <c r="U55" s="107">
        <v>-1847129.4957336099</v>
      </c>
      <c r="V55" s="107">
        <v>-1847129.4957336099</v>
      </c>
      <c r="W55" s="107">
        <v>-1847129.4957336099</v>
      </c>
      <c r="X55" s="107">
        <v>-1847129.4957336099</v>
      </c>
      <c r="Y55" s="107">
        <v>-1847129.4957336099</v>
      </c>
      <c r="Z55" s="107">
        <v>-1847129.4957336099</v>
      </c>
      <c r="AA55" s="107">
        <v>-1847129.4957336099</v>
      </c>
      <c r="AB55" s="107">
        <v>-1847129.4957336099</v>
      </c>
      <c r="AC55" s="107">
        <v>-1847129.4957336099</v>
      </c>
      <c r="AD55" s="107">
        <v>-1847129.4957336099</v>
      </c>
      <c r="AE55" s="107">
        <v>-1847129.4957336099</v>
      </c>
      <c r="AF55" s="107">
        <v>-1847129.4957336099</v>
      </c>
      <c r="AG55" s="107">
        <v>-1847129.4957336099</v>
      </c>
      <c r="AH55" s="107">
        <v>-1847129.4957336099</v>
      </c>
      <c r="AI55" s="107">
        <v>-1847129.4957336099</v>
      </c>
      <c r="AJ55" s="107">
        <v>-1847129.4957336099</v>
      </c>
      <c r="AK55" s="107">
        <v>-1847129.4957336099</v>
      </c>
      <c r="AL55" s="107">
        <v>-1847129.4957336099</v>
      </c>
      <c r="AM55" s="107">
        <v>-1847129.4957336099</v>
      </c>
      <c r="AN55" s="107">
        <v>-1847129.4957336099</v>
      </c>
    </row>
    <row r="56" spans="1:40" x14ac:dyDescent="0.2">
      <c r="A56" s="133" t="s">
        <v>148</v>
      </c>
    </row>
    <row r="57" spans="1:40" x14ac:dyDescent="0.2">
      <c r="A57" s="136" t="s">
        <v>149</v>
      </c>
    </row>
    <row r="58" spans="1:40" x14ac:dyDescent="0.2">
      <c r="A58" s="133" t="s">
        <v>150</v>
      </c>
      <c r="B58" s="107">
        <v>16445424.446548199</v>
      </c>
      <c r="C58" s="107">
        <v>16817621.326010801</v>
      </c>
      <c r="D58" s="107">
        <v>17137876.8066427</v>
      </c>
      <c r="E58" s="107">
        <v>17478261.1504477</v>
      </c>
      <c r="F58" s="107">
        <v>17764766.883330502</v>
      </c>
      <c r="G58" s="107">
        <v>18089707.8890469</v>
      </c>
      <c r="H58" s="107">
        <v>18439274.6307173</v>
      </c>
      <c r="I58" s="107">
        <v>18763662.855839498</v>
      </c>
      <c r="J58" s="107">
        <v>19152047.6948396</v>
      </c>
      <c r="K58" s="107">
        <v>19471208.960156199</v>
      </c>
      <c r="L58" s="107">
        <v>19865531.104408201</v>
      </c>
      <c r="M58" s="107">
        <v>20139937.3072391</v>
      </c>
      <c r="N58" s="107">
        <v>20139937.3072391</v>
      </c>
      <c r="O58" s="107">
        <v>20238255.622969899</v>
      </c>
      <c r="P58" s="107">
        <v>20491248.327044699</v>
      </c>
      <c r="Q58" s="107">
        <v>20703466.585656598</v>
      </c>
      <c r="R58" s="107">
        <v>20930299.196788501</v>
      </c>
      <c r="S58" s="107">
        <v>21107254.820572399</v>
      </c>
      <c r="T58" s="107">
        <v>21322762.449179702</v>
      </c>
      <c r="U58" s="107">
        <v>21557698.5457495</v>
      </c>
      <c r="V58" s="107">
        <v>21772785.601890299</v>
      </c>
      <c r="W58" s="107">
        <v>22030929.832107201</v>
      </c>
      <c r="X58" s="107">
        <v>22242372.670966201</v>
      </c>
      <c r="Y58" s="107">
        <v>22505111.553468399</v>
      </c>
      <c r="Z58" s="107">
        <v>22688782.8448436</v>
      </c>
      <c r="AA58" s="107">
        <v>22688782.8448436</v>
      </c>
      <c r="AB58" s="107">
        <v>22787466.539672598</v>
      </c>
      <c r="AC58" s="107">
        <v>23041399.437295001</v>
      </c>
      <c r="AD58" s="107">
        <v>23254406.359904699</v>
      </c>
      <c r="AE58" s="107">
        <v>23482081.946165599</v>
      </c>
      <c r="AF58" s="107">
        <v>23659695.187869001</v>
      </c>
      <c r="AG58" s="107">
        <v>23876003.7047178</v>
      </c>
      <c r="AH58" s="107">
        <v>24111812.891295899</v>
      </c>
      <c r="AI58" s="107">
        <v>24327699.2727101</v>
      </c>
      <c r="AJ58" s="107">
        <v>24586802.8410252</v>
      </c>
      <c r="AK58" s="107">
        <v>24799031.462199599</v>
      </c>
      <c r="AL58" s="107">
        <v>25062746.757847499</v>
      </c>
      <c r="AM58" s="107">
        <v>25247100.624491598</v>
      </c>
      <c r="AN58" s="107">
        <v>25247100.624491598</v>
      </c>
    </row>
    <row r="59" spans="1:40" x14ac:dyDescent="0.2">
      <c r="A59" s="133" t="s">
        <v>151</v>
      </c>
      <c r="B59" s="107">
        <v>723054.31685329799</v>
      </c>
      <c r="C59" s="107">
        <v>740948.73825165897</v>
      </c>
      <c r="D59" s="107">
        <v>756329.08770753106</v>
      </c>
      <c r="E59" s="107">
        <v>771216.84869303496</v>
      </c>
      <c r="F59" s="107">
        <v>781374.84573118098</v>
      </c>
      <c r="G59" s="107">
        <v>795895.48808596504</v>
      </c>
      <c r="H59" s="107">
        <v>811688.27857368498</v>
      </c>
      <c r="I59" s="107">
        <v>827326.33008802799</v>
      </c>
      <c r="J59" s="107">
        <v>841984.79857576499</v>
      </c>
      <c r="K59" s="107">
        <v>856364.245609693</v>
      </c>
      <c r="L59" s="107">
        <v>871212.84393967502</v>
      </c>
      <c r="M59" s="107">
        <v>886642.24288550403</v>
      </c>
      <c r="N59" s="107">
        <v>886642.24288550403</v>
      </c>
      <c r="O59" s="107">
        <v>891402.96686629904</v>
      </c>
      <c r="P59" s="107">
        <v>903548.88118265604</v>
      </c>
      <c r="Q59" s="107">
        <v>913720.80716752901</v>
      </c>
      <c r="R59" s="107">
        <v>923623.76647921198</v>
      </c>
      <c r="S59" s="107">
        <v>929877.55544626201</v>
      </c>
      <c r="T59" s="107">
        <v>939489.298259984</v>
      </c>
      <c r="U59" s="107">
        <v>950085.57114981103</v>
      </c>
      <c r="V59" s="107">
        <v>960434.32024109899</v>
      </c>
      <c r="W59" s="107">
        <v>970158.78456478403</v>
      </c>
      <c r="X59" s="107">
        <v>979666.44701968005</v>
      </c>
      <c r="Y59" s="107">
        <v>989541.90102769202</v>
      </c>
      <c r="Z59" s="107">
        <v>999851.33256892697</v>
      </c>
      <c r="AA59" s="107">
        <v>999851.33256892697</v>
      </c>
      <c r="AB59" s="107">
        <v>1004608.07016881</v>
      </c>
      <c r="AC59" s="107">
        <v>1016777.14182235</v>
      </c>
      <c r="AD59" s="107">
        <v>1026964.1285126799</v>
      </c>
      <c r="AE59" s="107">
        <v>1036882.69455601</v>
      </c>
      <c r="AF59" s="107">
        <v>1043138.02595812</v>
      </c>
      <c r="AG59" s="107">
        <v>1052764.1395378499</v>
      </c>
      <c r="AH59" s="107">
        <v>1063378.6207843099</v>
      </c>
      <c r="AI59" s="107">
        <v>1073742.7985910701</v>
      </c>
      <c r="AJ59" s="107">
        <v>1083482.1590794499</v>
      </c>
      <c r="AK59" s="107">
        <v>1093003.86035754</v>
      </c>
      <c r="AL59" s="107">
        <v>1102894.85369974</v>
      </c>
      <c r="AM59" s="107">
        <v>1113221.2958597001</v>
      </c>
      <c r="AN59" s="107">
        <v>1113221.2958597001</v>
      </c>
    </row>
    <row r="60" spans="1:40" x14ac:dyDescent="0.2">
      <c r="A60" s="133" t="s">
        <v>152</v>
      </c>
      <c r="B60" s="107">
        <v>3913910.4759032102</v>
      </c>
      <c r="C60" s="107">
        <v>3996582.5838938602</v>
      </c>
      <c r="D60" s="107">
        <v>4067028.4357270598</v>
      </c>
      <c r="E60" s="107">
        <v>4143448.2995515899</v>
      </c>
      <c r="F60" s="107">
        <v>4209231.1568549601</v>
      </c>
      <c r="G60" s="107">
        <v>4287201.2101492798</v>
      </c>
      <c r="H60" s="107">
        <v>4369095.3203682899</v>
      </c>
      <c r="I60" s="107">
        <v>4443270.8150994899</v>
      </c>
      <c r="J60" s="107">
        <v>4520144.8765282603</v>
      </c>
      <c r="K60" s="107">
        <v>4592864.73217839</v>
      </c>
      <c r="L60" s="107">
        <v>4685587.3503200104</v>
      </c>
      <c r="M60" s="107">
        <v>4769323.3564902795</v>
      </c>
      <c r="N60" s="107">
        <v>4769323.3564902795</v>
      </c>
      <c r="O60" s="107">
        <v>4799054.7776808301</v>
      </c>
      <c r="P60" s="107">
        <v>4855331.0656505097</v>
      </c>
      <c r="Q60" s="107">
        <v>4902095.3214419596</v>
      </c>
      <c r="R60" s="107">
        <v>4953108.5966535397</v>
      </c>
      <c r="S60" s="107">
        <v>4993847.7316802498</v>
      </c>
      <c r="T60" s="107">
        <v>5045650.5771650504</v>
      </c>
      <c r="U60" s="107">
        <v>5100777.8128230805</v>
      </c>
      <c r="V60" s="107">
        <v>5150047.3745846702</v>
      </c>
      <c r="W60" s="107">
        <v>5201231.5324854897</v>
      </c>
      <c r="X60" s="107">
        <v>5249494.0045506796</v>
      </c>
      <c r="Y60" s="107">
        <v>5311381.1858991999</v>
      </c>
      <c r="Z60" s="107">
        <v>5367521.6714851502</v>
      </c>
      <c r="AA60" s="107">
        <v>5367521.6714851502</v>
      </c>
      <c r="AB60" s="107">
        <v>5398087.2017684402</v>
      </c>
      <c r="AC60" s="107">
        <v>5455218.70866457</v>
      </c>
      <c r="AD60" s="107">
        <v>5502786.8647568095</v>
      </c>
      <c r="AE60" s="107">
        <v>5554654.3133396301</v>
      </c>
      <c r="AF60" s="107">
        <v>5596329.2607387202</v>
      </c>
      <c r="AG60" s="107">
        <v>5649019.10336567</v>
      </c>
      <c r="AH60" s="107">
        <v>5705032.65286816</v>
      </c>
      <c r="AI60" s="107">
        <v>5755146.8153890297</v>
      </c>
      <c r="AJ60" s="107">
        <v>5807198.5841247896</v>
      </c>
      <c r="AK60" s="107">
        <v>5856291.6232006196</v>
      </c>
      <c r="AL60" s="107">
        <v>5919215.7575938897</v>
      </c>
      <c r="AM60" s="107">
        <v>5976276.81171693</v>
      </c>
      <c r="AN60" s="107">
        <v>5976276.81171693</v>
      </c>
    </row>
    <row r="61" spans="1:40" x14ac:dyDescent="0.2">
      <c r="A61" s="133" t="s">
        <v>153</v>
      </c>
      <c r="B61" s="107">
        <v>12708918.309500599</v>
      </c>
      <c r="C61" s="107">
        <v>12830133.999413</v>
      </c>
      <c r="D61" s="107">
        <v>13033836.3124048</v>
      </c>
      <c r="E61" s="107">
        <v>13208357.6705094</v>
      </c>
      <c r="F61" s="107">
        <v>13500677.987822</v>
      </c>
      <c r="G61" s="107">
        <v>13692358.268376499</v>
      </c>
      <c r="H61" s="107">
        <v>13845997.0028287</v>
      </c>
      <c r="I61" s="107">
        <v>14041104.0175444</v>
      </c>
      <c r="J61" s="107">
        <v>14168994.114795299</v>
      </c>
      <c r="K61" s="107">
        <v>14372652.447381301</v>
      </c>
      <c r="L61" s="107">
        <v>14476657.8045255</v>
      </c>
      <c r="M61" s="107">
        <v>14706418.460238701</v>
      </c>
      <c r="N61" s="107">
        <v>14706418.460238701</v>
      </c>
      <c r="O61" s="107">
        <v>14978442.222992901</v>
      </c>
      <c r="P61" s="107">
        <v>15060836.303953201</v>
      </c>
      <c r="Q61" s="107">
        <v>15195821.0070449</v>
      </c>
      <c r="R61" s="107">
        <v>15312122.9062356</v>
      </c>
      <c r="S61" s="107">
        <v>15492671.381452199</v>
      </c>
      <c r="T61" s="107">
        <v>15619798.4306491</v>
      </c>
      <c r="U61" s="107">
        <v>15723056.1431954</v>
      </c>
      <c r="V61" s="107">
        <v>15852423.434601</v>
      </c>
      <c r="W61" s="107">
        <v>15937427.4479666</v>
      </c>
      <c r="X61" s="107">
        <v>16072350.8896394</v>
      </c>
      <c r="Y61" s="107">
        <v>16141650.5651566</v>
      </c>
      <c r="Z61" s="107">
        <v>16295439.552057</v>
      </c>
      <c r="AA61" s="107">
        <v>16295439.552057</v>
      </c>
      <c r="AB61" s="107">
        <v>16568474.2332385</v>
      </c>
      <c r="AC61" s="107">
        <v>16651174.514267201</v>
      </c>
      <c r="AD61" s="107">
        <v>16786660.859283101</v>
      </c>
      <c r="AE61" s="107">
        <v>16903394.969733</v>
      </c>
      <c r="AF61" s="107">
        <v>17084614.4149368</v>
      </c>
      <c r="AG61" s="107">
        <v>17212213.904759198</v>
      </c>
      <c r="AH61" s="107">
        <v>17315855.3526209</v>
      </c>
      <c r="AI61" s="107">
        <v>17445703.410035498</v>
      </c>
      <c r="AJ61" s="107">
        <v>17531023.3227279</v>
      </c>
      <c r="AK61" s="107">
        <v>17666448.1786598</v>
      </c>
      <c r="AL61" s="107">
        <v>17736005.3916739</v>
      </c>
      <c r="AM61" s="107">
        <v>17890365.902617801</v>
      </c>
      <c r="AN61" s="107">
        <v>17890365.902617801</v>
      </c>
    </row>
    <row r="62" spans="1:40" x14ac:dyDescent="0.2">
      <c r="A62" s="133" t="s">
        <v>154</v>
      </c>
      <c r="B62" s="107">
        <v>33791307.548805498</v>
      </c>
      <c r="C62" s="107">
        <v>34385286.647569299</v>
      </c>
      <c r="D62" s="107">
        <v>34995070.642482199</v>
      </c>
      <c r="E62" s="107">
        <v>35601283.969201803</v>
      </c>
      <c r="F62" s="107">
        <v>36256050.873738699</v>
      </c>
      <c r="G62" s="107">
        <v>36865162.855658598</v>
      </c>
      <c r="H62" s="107">
        <v>37466055.232488103</v>
      </c>
      <c r="I62" s="107">
        <v>38075364.018571503</v>
      </c>
      <c r="J62" s="107">
        <v>38683171.484739102</v>
      </c>
      <c r="K62" s="107">
        <v>39293090.385325603</v>
      </c>
      <c r="L62" s="107">
        <v>39898989.103193402</v>
      </c>
      <c r="M62" s="107">
        <v>40502321.366853602</v>
      </c>
      <c r="N62" s="107">
        <v>40502321.366853602</v>
      </c>
      <c r="O62" s="107">
        <v>40907155.590510003</v>
      </c>
      <c r="P62" s="107">
        <v>41310964.577831097</v>
      </c>
      <c r="Q62" s="107">
        <v>41715103.721311003</v>
      </c>
      <c r="R62" s="107">
        <v>42119154.4661569</v>
      </c>
      <c r="S62" s="107">
        <v>42523651.489151098</v>
      </c>
      <c r="T62" s="107">
        <v>42927700.755253799</v>
      </c>
      <c r="U62" s="107">
        <v>43331618.072917797</v>
      </c>
      <c r="V62" s="107">
        <v>43735690.7313172</v>
      </c>
      <c r="W62" s="107">
        <v>44139747.5971241</v>
      </c>
      <c r="X62" s="107">
        <v>44543884.012176</v>
      </c>
      <c r="Y62" s="107">
        <v>44947685.2055519</v>
      </c>
      <c r="Z62" s="107">
        <v>45351595.400954701</v>
      </c>
      <c r="AA62" s="107">
        <v>45351595.400954701</v>
      </c>
      <c r="AB62" s="107">
        <v>45758636.044848397</v>
      </c>
      <c r="AC62" s="107">
        <v>46164569.802049197</v>
      </c>
      <c r="AD62" s="107">
        <v>46570818.212457299</v>
      </c>
      <c r="AE62" s="107">
        <v>46977013.923794299</v>
      </c>
      <c r="AF62" s="107">
        <v>47383776.889502697</v>
      </c>
      <c r="AG62" s="107">
        <v>47790000.852380604</v>
      </c>
      <c r="AH62" s="107">
        <v>48196079.517569304</v>
      </c>
      <c r="AI62" s="107">
        <v>48602292.296725802</v>
      </c>
      <c r="AJ62" s="107">
        <v>49008506.906957299</v>
      </c>
      <c r="AK62" s="107">
        <v>49414775.124417603</v>
      </c>
      <c r="AL62" s="107">
        <v>49820862.760815099</v>
      </c>
      <c r="AM62" s="107">
        <v>50226964.634686098</v>
      </c>
      <c r="AN62" s="107">
        <v>50226964.634686098</v>
      </c>
    </row>
    <row r="63" spans="1:40" x14ac:dyDescent="0.2">
      <c r="A63" s="133" t="s">
        <v>155</v>
      </c>
    </row>
    <row r="64" spans="1:40" x14ac:dyDescent="0.2">
      <c r="A64" s="133" t="s">
        <v>156</v>
      </c>
      <c r="B64" s="107">
        <v>62473514.210108303</v>
      </c>
      <c r="C64" s="107">
        <v>62632907.167711101</v>
      </c>
      <c r="D64" s="107">
        <v>62843224.317417502</v>
      </c>
      <c r="E64" s="107">
        <v>63051700.731476799</v>
      </c>
      <c r="F64" s="107">
        <v>63218049.688434802</v>
      </c>
      <c r="G64" s="107">
        <v>63371687.427203499</v>
      </c>
      <c r="H64" s="107">
        <v>63504579.730315298</v>
      </c>
      <c r="I64" s="107">
        <v>63649654.733492702</v>
      </c>
      <c r="J64" s="107">
        <v>63784030.032167003</v>
      </c>
      <c r="K64" s="107">
        <v>63938136.7812199</v>
      </c>
      <c r="L64" s="107">
        <v>64107367.873866104</v>
      </c>
      <c r="M64" s="107">
        <v>64243092.061094098</v>
      </c>
      <c r="N64" s="107">
        <v>64243092.061094098</v>
      </c>
      <c r="O64" s="107">
        <v>64352278.884318598</v>
      </c>
      <c r="P64" s="107">
        <v>64463237.2851156</v>
      </c>
      <c r="Q64" s="107">
        <v>64573146.839603797</v>
      </c>
      <c r="R64" s="107">
        <v>64693559.967833303</v>
      </c>
      <c r="S64" s="107">
        <v>64801871.6265103</v>
      </c>
      <c r="T64" s="107">
        <v>64911111.832974397</v>
      </c>
      <c r="U64" s="107">
        <v>65015119.919793703</v>
      </c>
      <c r="V64" s="107">
        <v>65122539.4994938</v>
      </c>
      <c r="W64" s="107">
        <v>65211907.886648297</v>
      </c>
      <c r="X64" s="107">
        <v>65309412.530188702</v>
      </c>
      <c r="Y64" s="107">
        <v>65422603.4981279</v>
      </c>
      <c r="Z64" s="107">
        <v>65525096.489733197</v>
      </c>
      <c r="AA64" s="107">
        <v>65525096.489733197</v>
      </c>
      <c r="AB64" s="107">
        <v>65635999.399010301</v>
      </c>
      <c r="AC64" s="107">
        <v>65748701.729691997</v>
      </c>
      <c r="AD64" s="107">
        <v>65860338.7293787</v>
      </c>
      <c r="AE64" s="107">
        <v>65982644.3871627</v>
      </c>
      <c r="AF64" s="107">
        <v>66092658.376957297</v>
      </c>
      <c r="AG64" s="107">
        <v>66203615.508496799</v>
      </c>
      <c r="AH64" s="107">
        <v>66309258.287322797</v>
      </c>
      <c r="AI64" s="107">
        <v>66418366.177361697</v>
      </c>
      <c r="AJ64" s="107">
        <v>66509139.164798699</v>
      </c>
      <c r="AK64" s="107">
        <v>66608176.285921201</v>
      </c>
      <c r="AL64" s="107">
        <v>66723146.272936396</v>
      </c>
      <c r="AM64" s="107">
        <v>66827250.1438419</v>
      </c>
      <c r="AN64" s="107">
        <v>66827250.1438419</v>
      </c>
    </row>
    <row r="65" spans="1:40" x14ac:dyDescent="0.2">
      <c r="A65" s="133" t="s">
        <v>157</v>
      </c>
      <c r="B65" s="107">
        <v>703301.17514495098</v>
      </c>
      <c r="C65" s="107">
        <v>703680.40846138902</v>
      </c>
      <c r="D65" s="107">
        <v>708999.43652405101</v>
      </c>
      <c r="E65" s="107">
        <v>709297.54735462705</v>
      </c>
      <c r="F65" s="107">
        <v>709471.63236760395</v>
      </c>
      <c r="G65" s="107">
        <v>709708.13118841604</v>
      </c>
      <c r="H65" s="107">
        <v>710057.43808644405</v>
      </c>
      <c r="I65" s="107">
        <v>710332.04291045701</v>
      </c>
      <c r="J65" s="107">
        <v>710518.91111295298</v>
      </c>
      <c r="K65" s="107">
        <v>710679.55595533503</v>
      </c>
      <c r="L65" s="107">
        <v>710868.47442485194</v>
      </c>
      <c r="M65" s="107">
        <v>711168.39604565594</v>
      </c>
      <c r="N65" s="107">
        <v>711168.39604565594</v>
      </c>
      <c r="O65" s="107">
        <v>711464.45612496999</v>
      </c>
      <c r="P65" s="107">
        <v>711902.09559618705</v>
      </c>
      <c r="Q65" s="107">
        <v>718523.14076155296</v>
      </c>
      <c r="R65" s="107">
        <v>718883.44478928798</v>
      </c>
      <c r="S65" s="107">
        <v>719087.45503637998</v>
      </c>
      <c r="T65" s="107">
        <v>719359.11871875694</v>
      </c>
      <c r="U65" s="107">
        <v>719752.58477998502</v>
      </c>
      <c r="V65" s="107">
        <v>720065.33887742902</v>
      </c>
      <c r="W65" s="107">
        <v>720283.234920608</v>
      </c>
      <c r="X65" s="107">
        <v>720472.81361635402</v>
      </c>
      <c r="Y65" s="107">
        <v>720692.80948288797</v>
      </c>
      <c r="Z65" s="107">
        <v>721033.03370422905</v>
      </c>
      <c r="AA65" s="107">
        <v>721033.03370422905</v>
      </c>
      <c r="AB65" s="107">
        <v>721386.90754700894</v>
      </c>
      <c r="AC65" s="107">
        <v>721920.98440971901</v>
      </c>
      <c r="AD65" s="107">
        <v>731187.78949123202</v>
      </c>
      <c r="AE65" s="107">
        <v>731667.50660585496</v>
      </c>
      <c r="AF65" s="107">
        <v>731924.12666997802</v>
      </c>
      <c r="AG65" s="107">
        <v>732252.56010232097</v>
      </c>
      <c r="AH65" s="107">
        <v>732709.04002598696</v>
      </c>
      <c r="AI65" s="107">
        <v>733080.52896245499</v>
      </c>
      <c r="AJ65" s="107">
        <v>733351.96573613095</v>
      </c>
      <c r="AK65" s="107">
        <v>733593.62515966501</v>
      </c>
      <c r="AL65" s="107">
        <v>733866.97014843998</v>
      </c>
      <c r="AM65" s="107">
        <v>734267.691551456</v>
      </c>
      <c r="AN65" s="107">
        <v>734267.691551456</v>
      </c>
    </row>
    <row r="66" spans="1:40" x14ac:dyDescent="0.2">
      <c r="A66" s="133" t="s">
        <v>158</v>
      </c>
      <c r="B66" s="107">
        <v>6462364.1389790699</v>
      </c>
      <c r="C66" s="107">
        <v>6469966.9301219899</v>
      </c>
      <c r="D66" s="107">
        <v>6479145.3068391504</v>
      </c>
      <c r="E66" s="107">
        <v>6482925.4798516799</v>
      </c>
      <c r="F66" s="107">
        <v>6490611.6736113001</v>
      </c>
      <c r="G66" s="107">
        <v>6498686.3760839896</v>
      </c>
      <c r="H66" s="107">
        <v>6505233.2627173597</v>
      </c>
      <c r="I66" s="107">
        <v>6512840.8280833596</v>
      </c>
      <c r="J66" s="107">
        <v>6542543.6209362699</v>
      </c>
      <c r="K66" s="107">
        <v>6566158.7639661301</v>
      </c>
      <c r="L66" s="107">
        <v>6570311.2074314198</v>
      </c>
      <c r="M66" s="107">
        <v>6580990.3179202899</v>
      </c>
      <c r="N66" s="107">
        <v>6580990.3179202899</v>
      </c>
      <c r="O66" s="107">
        <v>6585636.8212531097</v>
      </c>
      <c r="P66" s="107">
        <v>6590253.79668249</v>
      </c>
      <c r="Q66" s="107">
        <v>6592153.9810957704</v>
      </c>
      <c r="R66" s="107">
        <v>6593505.43991159</v>
      </c>
      <c r="S66" s="107">
        <v>6597519.5611369899</v>
      </c>
      <c r="T66" s="107">
        <v>6602632.5484915199</v>
      </c>
      <c r="U66" s="107">
        <v>6607510.7230288796</v>
      </c>
      <c r="V66" s="107">
        <v>6612696.0303719696</v>
      </c>
      <c r="W66" s="107">
        <v>6629024.7335861102</v>
      </c>
      <c r="X66" s="107">
        <v>6640461.7092304602</v>
      </c>
      <c r="Y66" s="107">
        <v>6642774.6906044697</v>
      </c>
      <c r="Z66" s="107">
        <v>6650298.0176212098</v>
      </c>
      <c r="AA66" s="107">
        <v>6650298.0176212098</v>
      </c>
      <c r="AB66" s="107">
        <v>6655689.5229506996</v>
      </c>
      <c r="AC66" s="107">
        <v>6661230.5135460999</v>
      </c>
      <c r="AD66" s="107">
        <v>6665209.1444735304</v>
      </c>
      <c r="AE66" s="107">
        <v>6667267.5138435597</v>
      </c>
      <c r="AF66" s="107">
        <v>6672387.0855358904</v>
      </c>
      <c r="AG66" s="107">
        <v>6678426.5450557498</v>
      </c>
      <c r="AH66" s="107">
        <v>6683863.8572526798</v>
      </c>
      <c r="AI66" s="107">
        <v>6689825.5463737603</v>
      </c>
      <c r="AJ66" s="107">
        <v>6710212.1937880795</v>
      </c>
      <c r="AK66" s="107">
        <v>6725280.4443626199</v>
      </c>
      <c r="AL66" s="107">
        <v>6728152.8007105701</v>
      </c>
      <c r="AM66" s="107">
        <v>6736701.8942492604</v>
      </c>
      <c r="AN66" s="107">
        <v>6736701.8942492604</v>
      </c>
    </row>
    <row r="67" spans="1:40" x14ac:dyDescent="0.2">
      <c r="A67" s="133" t="s">
        <v>159</v>
      </c>
      <c r="B67" s="107">
        <v>7533434.1884930898</v>
      </c>
      <c r="C67" s="107">
        <v>7552695.46266062</v>
      </c>
      <c r="D67" s="107">
        <v>7565217.1985330004</v>
      </c>
      <c r="E67" s="107">
        <v>7579352.6455318304</v>
      </c>
      <c r="F67" s="107">
        <v>7604320.6504264697</v>
      </c>
      <c r="G67" s="107">
        <v>7625115.9647386996</v>
      </c>
      <c r="H67" s="107">
        <v>7652544.7221323</v>
      </c>
      <c r="I67" s="107">
        <v>7675552.5536760697</v>
      </c>
      <c r="J67" s="107">
        <v>7693362.6016156496</v>
      </c>
      <c r="K67" s="107">
        <v>7709628.2106928499</v>
      </c>
      <c r="L67" s="107">
        <v>7732187.04342914</v>
      </c>
      <c r="M67" s="107">
        <v>7756865.1607605601</v>
      </c>
      <c r="N67" s="107">
        <v>7756865.1607605601</v>
      </c>
      <c r="O67" s="107">
        <v>7772816.4631751599</v>
      </c>
      <c r="P67" s="107">
        <v>7786224.8358603902</v>
      </c>
      <c r="Q67" s="107">
        <v>7792768.5647625402</v>
      </c>
      <c r="R67" s="107">
        <v>7800933.0058084503</v>
      </c>
      <c r="S67" s="107">
        <v>7817189.9518900402</v>
      </c>
      <c r="T67" s="107">
        <v>7831975.9312149202</v>
      </c>
      <c r="U67" s="107">
        <v>7853443.0328719402</v>
      </c>
      <c r="V67" s="107">
        <v>7870478.99041194</v>
      </c>
      <c r="W67" s="107">
        <v>7882323.84043427</v>
      </c>
      <c r="X67" s="107">
        <v>7892615.2288697902</v>
      </c>
      <c r="Y67" s="107">
        <v>7907703.8043382401</v>
      </c>
      <c r="Z67" s="107">
        <v>7926339.6431237897</v>
      </c>
      <c r="AA67" s="107">
        <v>7926339.6431237897</v>
      </c>
      <c r="AB67" s="107">
        <v>7942541.6516839396</v>
      </c>
      <c r="AC67" s="107">
        <v>7956160.7633638103</v>
      </c>
      <c r="AD67" s="107">
        <v>7962807.3398584602</v>
      </c>
      <c r="AE67" s="107">
        <v>7971100.1011814298</v>
      </c>
      <c r="AF67" s="107">
        <v>7987612.5572010102</v>
      </c>
      <c r="AG67" s="107">
        <v>8002630.9273231104</v>
      </c>
      <c r="AH67" s="107">
        <v>8024435.4267782997</v>
      </c>
      <c r="AI67" s="107">
        <v>8041739.1379562104</v>
      </c>
      <c r="AJ67" s="107">
        <v>8053770.1531339996</v>
      </c>
      <c r="AK67" s="107">
        <v>8064223.2910154304</v>
      </c>
      <c r="AL67" s="107">
        <v>8079549.0131756803</v>
      </c>
      <c r="AM67" s="107">
        <v>8098477.7508850796</v>
      </c>
      <c r="AN67" s="107">
        <v>8098477.7508850796</v>
      </c>
    </row>
    <row r="68" spans="1:40" x14ac:dyDescent="0.2">
      <c r="A68" s="133" t="s">
        <v>160</v>
      </c>
      <c r="B68" s="107">
        <v>77172613.712725401</v>
      </c>
      <c r="C68" s="107">
        <v>77359249.9689551</v>
      </c>
      <c r="D68" s="107">
        <v>77596586.259313807</v>
      </c>
      <c r="E68" s="107">
        <v>77823276.404214993</v>
      </c>
      <c r="F68" s="107">
        <v>78022453.644840196</v>
      </c>
      <c r="G68" s="107">
        <v>78205197.899214596</v>
      </c>
      <c r="H68" s="107">
        <v>78372415.153251499</v>
      </c>
      <c r="I68" s="107">
        <v>78548380.158162594</v>
      </c>
      <c r="J68" s="107">
        <v>78730455.165831894</v>
      </c>
      <c r="K68" s="107">
        <v>78924603.311834306</v>
      </c>
      <c r="L68" s="107">
        <v>79120734.599151507</v>
      </c>
      <c r="M68" s="107">
        <v>79292115.935820594</v>
      </c>
      <c r="N68" s="107">
        <v>79292115.935820594</v>
      </c>
      <c r="O68" s="107">
        <v>79422196.624871805</v>
      </c>
      <c r="P68" s="107">
        <v>79551618.013254702</v>
      </c>
      <c r="Q68" s="107">
        <v>79676592.526223704</v>
      </c>
      <c r="R68" s="107">
        <v>79806881.858342603</v>
      </c>
      <c r="S68" s="107">
        <v>79935668.594573706</v>
      </c>
      <c r="T68" s="107">
        <v>80065079.431399599</v>
      </c>
      <c r="U68" s="107">
        <v>80195826.260474503</v>
      </c>
      <c r="V68" s="107">
        <v>80325779.859155193</v>
      </c>
      <c r="W68" s="107">
        <v>80443539.695589304</v>
      </c>
      <c r="X68" s="107">
        <v>80562962.281905398</v>
      </c>
      <c r="Y68" s="107">
        <v>80693774.802553505</v>
      </c>
      <c r="Z68" s="107">
        <v>80822767.184182405</v>
      </c>
      <c r="AA68" s="107">
        <v>80822767.184182405</v>
      </c>
      <c r="AB68" s="107">
        <v>80955617.481191993</v>
      </c>
      <c r="AC68" s="107">
        <v>81088013.991011605</v>
      </c>
      <c r="AD68" s="107">
        <v>81219543.003201902</v>
      </c>
      <c r="AE68" s="107">
        <v>81352679.508793607</v>
      </c>
      <c r="AF68" s="107">
        <v>81484582.146364197</v>
      </c>
      <c r="AG68" s="107">
        <v>81616925.540978</v>
      </c>
      <c r="AH68" s="107">
        <v>81750266.611379802</v>
      </c>
      <c r="AI68" s="107">
        <v>81883011.390654102</v>
      </c>
      <c r="AJ68" s="107">
        <v>82006473.477456897</v>
      </c>
      <c r="AK68" s="107">
        <v>82131273.646458894</v>
      </c>
      <c r="AL68" s="107">
        <v>82264715.056971103</v>
      </c>
      <c r="AM68" s="107">
        <v>82396697.480527699</v>
      </c>
      <c r="AN68" s="107">
        <v>82396697.480527699</v>
      </c>
    </row>
    <row r="69" spans="1:40" x14ac:dyDescent="0.2">
      <c r="A69" s="136" t="s">
        <v>161</v>
      </c>
      <c r="B69" s="107">
        <v>110963921.26153</v>
      </c>
      <c r="C69" s="107">
        <v>111744536.616524</v>
      </c>
      <c r="D69" s="107">
        <v>112591656.901796</v>
      </c>
      <c r="E69" s="107">
        <v>113424560.37341601</v>
      </c>
      <c r="F69" s="107">
        <v>114278504.51857799</v>
      </c>
      <c r="G69" s="107">
        <v>115070360.75487299</v>
      </c>
      <c r="H69" s="107">
        <v>115838470.385739</v>
      </c>
      <c r="I69" s="107">
        <v>116623744.176734</v>
      </c>
      <c r="J69" s="107">
        <v>117413626.650571</v>
      </c>
      <c r="K69" s="107">
        <v>118217693.69715901</v>
      </c>
      <c r="L69" s="107">
        <v>119019723.702345</v>
      </c>
      <c r="M69" s="107">
        <v>119794437.302674</v>
      </c>
      <c r="N69" s="107">
        <v>119794437.302674</v>
      </c>
      <c r="O69" s="107">
        <v>120329352.215381</v>
      </c>
      <c r="P69" s="107">
        <v>120862582.591085</v>
      </c>
      <c r="Q69" s="107">
        <v>121391696.24753401</v>
      </c>
      <c r="R69" s="107">
        <v>121926036.324499</v>
      </c>
      <c r="S69" s="107">
        <v>122459320.08372401</v>
      </c>
      <c r="T69" s="107">
        <v>122992780.186653</v>
      </c>
      <c r="U69" s="107">
        <v>123527444.33339199</v>
      </c>
      <c r="V69" s="107">
        <v>124061470.590472</v>
      </c>
      <c r="W69" s="107">
        <v>124583287.292713</v>
      </c>
      <c r="X69" s="107">
        <v>125106846.294081</v>
      </c>
      <c r="Y69" s="107">
        <v>125641460.00810499</v>
      </c>
      <c r="Z69" s="107">
        <v>126174362.58513699</v>
      </c>
      <c r="AA69" s="107">
        <v>126174362.58513699</v>
      </c>
      <c r="AB69" s="107">
        <v>126714253.52604</v>
      </c>
      <c r="AC69" s="107">
        <v>127252583.79306</v>
      </c>
      <c r="AD69" s="107">
        <v>127790361.21565901</v>
      </c>
      <c r="AE69" s="107">
        <v>128329693.432588</v>
      </c>
      <c r="AF69" s="107">
        <v>128868359.03586601</v>
      </c>
      <c r="AG69" s="107">
        <v>129406926.39335801</v>
      </c>
      <c r="AH69" s="107">
        <v>129946346.128949</v>
      </c>
      <c r="AI69" s="107">
        <v>130485303.68738</v>
      </c>
      <c r="AJ69" s="107">
        <v>131014980.384414</v>
      </c>
      <c r="AK69" s="107">
        <v>131546048.77087601</v>
      </c>
      <c r="AL69" s="107">
        <v>132085577.81778599</v>
      </c>
      <c r="AM69" s="107">
        <v>132623662.11521301</v>
      </c>
      <c r="AN69" s="107">
        <v>132623662.11521301</v>
      </c>
    </row>
    <row r="70" spans="1:40" x14ac:dyDescent="0.2">
      <c r="A70" s="133" t="s">
        <v>162</v>
      </c>
    </row>
    <row r="71" spans="1:40" x14ac:dyDescent="0.2">
      <c r="A71" s="136" t="s">
        <v>163</v>
      </c>
    </row>
    <row r="72" spans="1:40" x14ac:dyDescent="0.2">
      <c r="A72" s="133" t="s">
        <v>164</v>
      </c>
      <c r="B72" s="107">
        <v>0</v>
      </c>
      <c r="C72" s="107">
        <v>0</v>
      </c>
      <c r="D72" s="107">
        <v>0</v>
      </c>
      <c r="E72" s="107">
        <v>0</v>
      </c>
      <c r="F72" s="107">
        <v>0</v>
      </c>
      <c r="G72" s="107">
        <v>0</v>
      </c>
      <c r="H72" s="107">
        <v>0</v>
      </c>
      <c r="I72" s="107">
        <v>0</v>
      </c>
      <c r="J72" s="107">
        <v>0</v>
      </c>
      <c r="K72" s="107">
        <v>0</v>
      </c>
      <c r="L72" s="107">
        <v>0</v>
      </c>
      <c r="M72" s="107">
        <v>0</v>
      </c>
      <c r="N72" s="107">
        <v>0</v>
      </c>
      <c r="O72" s="107">
        <v>0</v>
      </c>
      <c r="P72" s="107">
        <v>0</v>
      </c>
      <c r="Q72" s="107">
        <v>0</v>
      </c>
      <c r="R72" s="107">
        <v>0</v>
      </c>
      <c r="S72" s="107">
        <v>0</v>
      </c>
      <c r="T72" s="107">
        <v>0</v>
      </c>
      <c r="U72" s="107">
        <v>0</v>
      </c>
      <c r="V72" s="107">
        <v>0</v>
      </c>
      <c r="W72" s="107">
        <v>0</v>
      </c>
      <c r="X72" s="107">
        <v>0</v>
      </c>
      <c r="Y72" s="107">
        <v>0</v>
      </c>
      <c r="Z72" s="107">
        <v>0</v>
      </c>
      <c r="AA72" s="107">
        <v>0</v>
      </c>
      <c r="AB72" s="107">
        <v>0</v>
      </c>
      <c r="AC72" s="107">
        <v>0</v>
      </c>
      <c r="AD72" s="107">
        <v>0</v>
      </c>
      <c r="AE72" s="107">
        <v>0</v>
      </c>
      <c r="AF72" s="107">
        <v>0</v>
      </c>
      <c r="AG72" s="107">
        <v>0</v>
      </c>
      <c r="AH72" s="107">
        <v>0</v>
      </c>
      <c r="AI72" s="107">
        <v>0</v>
      </c>
      <c r="AJ72" s="107">
        <v>0</v>
      </c>
      <c r="AK72" s="107">
        <v>0</v>
      </c>
      <c r="AL72" s="107">
        <v>0</v>
      </c>
      <c r="AM72" s="107">
        <v>0</v>
      </c>
      <c r="AN72" s="107">
        <v>0</v>
      </c>
    </row>
    <row r="73" spans="1:40" x14ac:dyDescent="0.2">
      <c r="A73" s="133" t="s">
        <v>165</v>
      </c>
    </row>
    <row r="74" spans="1:40" x14ac:dyDescent="0.2">
      <c r="A74" s="133" t="s">
        <v>166</v>
      </c>
      <c r="B74" s="107">
        <v>241025.66187742501</v>
      </c>
      <c r="C74" s="107">
        <v>242750.445346792</v>
      </c>
      <c r="D74" s="107">
        <v>242249.627770861</v>
      </c>
      <c r="E74" s="107">
        <v>244977.61380018399</v>
      </c>
      <c r="F74" s="107">
        <v>248908.99413344701</v>
      </c>
      <c r="G74" s="107">
        <v>249191.29607434399</v>
      </c>
      <c r="H74" s="107">
        <v>248192.82306254399</v>
      </c>
      <c r="I74" s="107">
        <v>247557.20031982701</v>
      </c>
      <c r="J74" s="107">
        <v>245720.66265873099</v>
      </c>
      <c r="K74" s="107">
        <v>245248.61374942001</v>
      </c>
      <c r="L74" s="107">
        <v>243503.09806935</v>
      </c>
      <c r="M74" s="107">
        <v>242809.91254681899</v>
      </c>
      <c r="N74" s="107">
        <v>242809.91254681899</v>
      </c>
      <c r="O74" s="107">
        <v>252610.31176774201</v>
      </c>
      <c r="P74" s="107">
        <v>257310.32911151799</v>
      </c>
      <c r="Q74" s="107">
        <v>255694.591389179</v>
      </c>
      <c r="R74" s="107">
        <v>264499.008975807</v>
      </c>
      <c r="S74" s="107">
        <v>276172.40687515301</v>
      </c>
      <c r="T74" s="107">
        <v>277086.013068053</v>
      </c>
      <c r="U74" s="107">
        <v>272957.14682054601</v>
      </c>
      <c r="V74" s="107">
        <v>269490.44515173399</v>
      </c>
      <c r="W74" s="107">
        <v>255643.29641140701</v>
      </c>
      <c r="X74" s="107">
        <v>250371.27315710601</v>
      </c>
      <c r="Y74" s="107">
        <v>218009.40681075101</v>
      </c>
      <c r="Z74" s="107">
        <v>209377.09175262801</v>
      </c>
      <c r="AA74" s="107">
        <v>209377.09175262801</v>
      </c>
      <c r="AB74" s="107">
        <v>226803.708258133</v>
      </c>
      <c r="AC74" s="107">
        <v>234116.04029589999</v>
      </c>
      <c r="AD74" s="107">
        <v>231816.970451815</v>
      </c>
      <c r="AE74" s="107">
        <v>243996.04210241101</v>
      </c>
      <c r="AF74" s="107">
        <v>259766.12546209499</v>
      </c>
      <c r="AG74" s="107">
        <v>260906.13348174799</v>
      </c>
      <c r="AH74" s="107">
        <v>256465.061629009</v>
      </c>
      <c r="AI74" s="107">
        <v>253241.39137536401</v>
      </c>
      <c r="AJ74" s="107">
        <v>242132.775501945</v>
      </c>
      <c r="AK74" s="107">
        <v>238489.609854952</v>
      </c>
      <c r="AL74" s="107">
        <v>219317.968117276</v>
      </c>
      <c r="AM74" s="107">
        <v>214713.569319809</v>
      </c>
      <c r="AN74" s="107">
        <v>214713.569319809</v>
      </c>
    </row>
    <row r="75" spans="1:40" x14ac:dyDescent="0.2">
      <c r="A75" s="133" t="s">
        <v>167</v>
      </c>
      <c r="B75" s="107">
        <v>19410.491535951402</v>
      </c>
      <c r="C75" s="107">
        <v>19588.760891684</v>
      </c>
      <c r="D75" s="107">
        <v>19536.570970696299</v>
      </c>
      <c r="E75" s="107">
        <v>19804.542697013399</v>
      </c>
      <c r="F75" s="107">
        <v>20126.3221504342</v>
      </c>
      <c r="G75" s="107">
        <v>20143.457009013899</v>
      </c>
      <c r="H75" s="107">
        <v>20110.712575597601</v>
      </c>
      <c r="I75" s="107">
        <v>20115.1831058604</v>
      </c>
      <c r="J75" s="107">
        <v>20241.171547488098</v>
      </c>
      <c r="K75" s="107">
        <v>20325.657215418902</v>
      </c>
      <c r="L75" s="107">
        <v>21049.161700297402</v>
      </c>
      <c r="M75" s="107">
        <v>21278.147067254798</v>
      </c>
      <c r="N75" s="107">
        <v>21278.147067254798</v>
      </c>
      <c r="O75" s="107">
        <v>21393.9519338522</v>
      </c>
      <c r="P75" s="107">
        <v>21435.572815769599</v>
      </c>
      <c r="Q75" s="107">
        <v>21431.4142977589</v>
      </c>
      <c r="R75" s="107">
        <v>21382.567025573899</v>
      </c>
      <c r="S75" s="107">
        <v>21271.417750408</v>
      </c>
      <c r="T75" s="107">
        <v>21268.4585478603</v>
      </c>
      <c r="U75" s="107">
        <v>21241.5895084164</v>
      </c>
      <c r="V75" s="107">
        <v>21189.9364808135</v>
      </c>
      <c r="W75" s="107">
        <v>20887.294880560399</v>
      </c>
      <c r="X75" s="107">
        <v>20739.6354913988</v>
      </c>
      <c r="Y75" s="107">
        <v>19652.442373837799</v>
      </c>
      <c r="Z75" s="107">
        <v>19320.687836277699</v>
      </c>
      <c r="AA75" s="107">
        <v>19320.687836277699</v>
      </c>
      <c r="AB75" s="107">
        <v>20063.0803395068</v>
      </c>
      <c r="AC75" s="107">
        <v>20404.289704808602</v>
      </c>
      <c r="AD75" s="107">
        <v>20285.700588347499</v>
      </c>
      <c r="AE75" s="107">
        <v>20994.287326285699</v>
      </c>
      <c r="AF75" s="107">
        <v>22008.153930310698</v>
      </c>
      <c r="AG75" s="107">
        <v>22085.817715620698</v>
      </c>
      <c r="AH75" s="107">
        <v>21775.989723039402</v>
      </c>
      <c r="AI75" s="107">
        <v>21546.728460602801</v>
      </c>
      <c r="AJ75" s="107">
        <v>20739.345935630801</v>
      </c>
      <c r="AK75" s="107">
        <v>20473.238204042402</v>
      </c>
      <c r="AL75" s="107">
        <v>19071.156114817801</v>
      </c>
      <c r="AM75" s="107">
        <v>18744.8717262024</v>
      </c>
      <c r="AN75" s="107">
        <v>18744.8717262024</v>
      </c>
    </row>
    <row r="76" spans="1:40" x14ac:dyDescent="0.2">
      <c r="A76" s="133" t="s">
        <v>168</v>
      </c>
      <c r="B76" s="107">
        <v>22503.311675986901</v>
      </c>
      <c r="C76" s="107">
        <v>22495.035675878698</v>
      </c>
      <c r="D76" s="107">
        <v>22493.344629655701</v>
      </c>
      <c r="E76" s="107">
        <v>22558.7388361952</v>
      </c>
      <c r="F76" s="107">
        <v>22735.419564874101</v>
      </c>
      <c r="G76" s="107">
        <v>22751.153965688402</v>
      </c>
      <c r="H76" s="107">
        <v>22686.9668437203</v>
      </c>
      <c r="I76" s="107">
        <v>22636.655878366899</v>
      </c>
      <c r="J76" s="107">
        <v>22450.0036726822</v>
      </c>
      <c r="K76" s="107">
        <v>22386.2473995744</v>
      </c>
      <c r="L76" s="107">
        <v>22052.1885052258</v>
      </c>
      <c r="M76" s="107">
        <v>21936.068989308402</v>
      </c>
      <c r="N76" s="107">
        <v>21936.068989308402</v>
      </c>
      <c r="O76" s="107">
        <v>22926.860128631401</v>
      </c>
      <c r="P76" s="107">
        <v>23393.677759597002</v>
      </c>
      <c r="Q76" s="107">
        <v>23235.2446250014</v>
      </c>
      <c r="R76" s="107">
        <v>24091.5630131939</v>
      </c>
      <c r="S76" s="107">
        <v>25214.158758485901</v>
      </c>
      <c r="T76" s="107">
        <v>25301.501988552998</v>
      </c>
      <c r="U76" s="107">
        <v>24907.2967735245</v>
      </c>
      <c r="V76" s="107">
        <v>24579.279802636</v>
      </c>
      <c r="W76" s="107">
        <v>23284.921843399999</v>
      </c>
      <c r="X76" s="107">
        <v>22798.6322458301</v>
      </c>
      <c r="Y76" s="107">
        <v>19891.166774199199</v>
      </c>
      <c r="Z76" s="107">
        <v>19115.362923054799</v>
      </c>
      <c r="AA76" s="107">
        <v>19115.362923054799</v>
      </c>
      <c r="AB76" s="107">
        <v>20653.377693009101</v>
      </c>
      <c r="AC76" s="107">
        <v>21301.071067811001</v>
      </c>
      <c r="AD76" s="107">
        <v>21096.671376414099</v>
      </c>
      <c r="AE76" s="107">
        <v>22184.281932579299</v>
      </c>
      <c r="AF76" s="107">
        <v>23606.204667193499</v>
      </c>
      <c r="AG76" s="107">
        <v>23710.299699949701</v>
      </c>
      <c r="AH76" s="107">
        <v>23307.248869380499</v>
      </c>
      <c r="AI76" s="107">
        <v>23019.582405828402</v>
      </c>
      <c r="AJ76" s="107">
        <v>22044.540606862502</v>
      </c>
      <c r="AK76" s="107">
        <v>21729.4184528103</v>
      </c>
      <c r="AL76" s="107">
        <v>20055.151323480401</v>
      </c>
      <c r="AM76" s="107">
        <v>19634.4457190334</v>
      </c>
      <c r="AN76" s="107">
        <v>19634.4457190334</v>
      </c>
    </row>
    <row r="77" spans="1:40" x14ac:dyDescent="0.2">
      <c r="A77" s="133" t="s">
        <v>169</v>
      </c>
      <c r="B77" s="107">
        <v>81348.536506798802</v>
      </c>
      <c r="C77" s="107">
        <v>74378.204530502306</v>
      </c>
      <c r="D77" s="107">
        <v>76596.749103083406</v>
      </c>
      <c r="E77" s="107">
        <v>64557.403618830802</v>
      </c>
      <c r="F77" s="107">
        <v>48291.424363256498</v>
      </c>
      <c r="G77" s="107">
        <v>47102.412448430499</v>
      </c>
      <c r="H77" s="107">
        <v>51812.7445537311</v>
      </c>
      <c r="I77" s="107">
        <v>55288.135272478801</v>
      </c>
      <c r="J77" s="107">
        <v>67495.013194495899</v>
      </c>
      <c r="K77" s="107">
        <v>71588.720424248706</v>
      </c>
      <c r="L77" s="107">
        <v>93767.722569161298</v>
      </c>
      <c r="M77" s="107">
        <v>99860.018311871099</v>
      </c>
      <c r="N77" s="107">
        <v>99860.018311871099</v>
      </c>
      <c r="O77" s="107">
        <v>88911.874452109594</v>
      </c>
      <c r="P77" s="107">
        <v>83685.079072962806</v>
      </c>
      <c r="Q77" s="107">
        <v>85469.071543738304</v>
      </c>
      <c r="R77" s="107">
        <v>75830.179509540598</v>
      </c>
      <c r="S77" s="107">
        <v>63112.247814706199</v>
      </c>
      <c r="T77" s="107">
        <v>62111.4458291634</v>
      </c>
      <c r="U77" s="107">
        <v>66675.767892150703</v>
      </c>
      <c r="V77" s="107">
        <v>70535.362479359799</v>
      </c>
      <c r="W77" s="107">
        <v>86035.932186188307</v>
      </c>
      <c r="X77" s="107">
        <v>91964.575118294102</v>
      </c>
      <c r="Y77" s="107">
        <v>128465.936705525</v>
      </c>
      <c r="Z77" s="107">
        <v>138246.48711309201</v>
      </c>
      <c r="AA77" s="107">
        <v>138246.48711309201</v>
      </c>
      <c r="AB77" s="107">
        <v>118426.407777143</v>
      </c>
      <c r="AC77" s="107">
        <v>110075.57048606699</v>
      </c>
      <c r="AD77" s="107">
        <v>112714.01917112801</v>
      </c>
      <c r="AE77" s="107">
        <v>98647.338199902806</v>
      </c>
      <c r="AF77" s="107">
        <v>80317.375656676406</v>
      </c>
      <c r="AG77" s="107">
        <v>78986.343538750007</v>
      </c>
      <c r="AH77" s="107">
        <v>84177.359520112193</v>
      </c>
      <c r="AI77" s="107">
        <v>87945.502567391901</v>
      </c>
      <c r="AJ77" s="107">
        <v>100934.108636834</v>
      </c>
      <c r="AK77" s="107">
        <v>105191.287625135</v>
      </c>
      <c r="AL77" s="107">
        <v>127617.545243377</v>
      </c>
      <c r="AM77" s="107">
        <v>133013.27109035</v>
      </c>
      <c r="AN77" s="107">
        <v>133013.27109035</v>
      </c>
    </row>
    <row r="78" spans="1:40" x14ac:dyDescent="0.2">
      <c r="A78" s="136" t="s">
        <v>170</v>
      </c>
      <c r="B78" s="107">
        <v>364288.00159616303</v>
      </c>
      <c r="C78" s="107">
        <v>359212.44644485798</v>
      </c>
      <c r="D78" s="107">
        <v>360876.29247429699</v>
      </c>
      <c r="E78" s="107">
        <v>351898.29895222402</v>
      </c>
      <c r="F78" s="107">
        <v>340062.16021201102</v>
      </c>
      <c r="G78" s="107">
        <v>339188.31949747697</v>
      </c>
      <c r="H78" s="107">
        <v>342803.24703559303</v>
      </c>
      <c r="I78" s="107">
        <v>345597.17457653303</v>
      </c>
      <c r="J78" s="107">
        <v>355906.85107339697</v>
      </c>
      <c r="K78" s="107">
        <v>359549.23878866201</v>
      </c>
      <c r="L78" s="107">
        <v>380372.170844034</v>
      </c>
      <c r="M78" s="107">
        <v>385884.14691525302</v>
      </c>
      <c r="N78" s="107">
        <v>385884.14691525302</v>
      </c>
      <c r="O78" s="107">
        <v>385842.998282335</v>
      </c>
      <c r="P78" s="107">
        <v>385824.65875984798</v>
      </c>
      <c r="Q78" s="107">
        <v>385830.32185567799</v>
      </c>
      <c r="R78" s="107">
        <v>385803.31852411502</v>
      </c>
      <c r="S78" s="107">
        <v>385770.231198753</v>
      </c>
      <c r="T78" s="107">
        <v>385767.41943363001</v>
      </c>
      <c r="U78" s="107">
        <v>385781.80099463701</v>
      </c>
      <c r="V78" s="107">
        <v>385795.02391454298</v>
      </c>
      <c r="W78" s="107">
        <v>385851.44532155601</v>
      </c>
      <c r="X78" s="107">
        <v>385874.11601262901</v>
      </c>
      <c r="Y78" s="107">
        <v>386018.95266431401</v>
      </c>
      <c r="Z78" s="107">
        <v>386059.62962505402</v>
      </c>
      <c r="AA78" s="107">
        <v>386059.62962505402</v>
      </c>
      <c r="AB78" s="107">
        <v>385946.57406779198</v>
      </c>
      <c r="AC78" s="107">
        <v>385896.97155458701</v>
      </c>
      <c r="AD78" s="107">
        <v>385913.36158770497</v>
      </c>
      <c r="AE78" s="107">
        <v>385821.94956117898</v>
      </c>
      <c r="AF78" s="107">
        <v>385697.85971627501</v>
      </c>
      <c r="AG78" s="107">
        <v>385688.59443606902</v>
      </c>
      <c r="AH78" s="107">
        <v>385725.65974154102</v>
      </c>
      <c r="AI78" s="107">
        <v>385753.20480918698</v>
      </c>
      <c r="AJ78" s="107">
        <v>385850.77068127203</v>
      </c>
      <c r="AK78" s="107">
        <v>385883.55413694098</v>
      </c>
      <c r="AL78" s="107">
        <v>386061.82079895103</v>
      </c>
      <c r="AM78" s="107">
        <v>386106.15785539499</v>
      </c>
      <c r="AN78" s="107">
        <v>386106.15785539499</v>
      </c>
    </row>
    <row r="79" spans="1:40" x14ac:dyDescent="0.2">
      <c r="A79" s="133" t="s">
        <v>171</v>
      </c>
    </row>
    <row r="80" spans="1:40" x14ac:dyDescent="0.2">
      <c r="A80" s="133" t="s">
        <v>172</v>
      </c>
    </row>
    <row r="81" spans="1:40" x14ac:dyDescent="0.2">
      <c r="A81" s="133" t="s">
        <v>173</v>
      </c>
      <c r="B81" s="107">
        <v>0</v>
      </c>
      <c r="C81" s="107">
        <v>0</v>
      </c>
      <c r="D81" s="107">
        <v>0</v>
      </c>
      <c r="E81" s="107">
        <v>0</v>
      </c>
      <c r="F81" s="107">
        <v>0</v>
      </c>
      <c r="G81" s="107">
        <v>0</v>
      </c>
      <c r="H81" s="107">
        <v>0</v>
      </c>
      <c r="I81" s="107">
        <v>0</v>
      </c>
      <c r="J81" s="107">
        <v>0</v>
      </c>
      <c r="K81" s="107">
        <v>0</v>
      </c>
      <c r="L81" s="107">
        <v>0</v>
      </c>
      <c r="M81" s="107">
        <v>0</v>
      </c>
      <c r="N81" s="107">
        <v>0</v>
      </c>
      <c r="O81" s="107">
        <v>0</v>
      </c>
      <c r="P81" s="107">
        <v>0</v>
      </c>
      <c r="Q81" s="107">
        <v>0</v>
      </c>
      <c r="R81" s="107">
        <v>0</v>
      </c>
      <c r="S81" s="107">
        <v>0</v>
      </c>
      <c r="T81" s="107">
        <v>0</v>
      </c>
      <c r="U81" s="107">
        <v>0</v>
      </c>
      <c r="V81" s="107">
        <v>0</v>
      </c>
      <c r="W81" s="107">
        <v>0</v>
      </c>
      <c r="X81" s="107">
        <v>0</v>
      </c>
      <c r="Y81" s="107">
        <v>0</v>
      </c>
      <c r="Z81" s="107">
        <v>0</v>
      </c>
      <c r="AA81" s="107">
        <v>0</v>
      </c>
      <c r="AB81" s="107">
        <v>0</v>
      </c>
      <c r="AC81" s="107">
        <v>0</v>
      </c>
      <c r="AD81" s="107">
        <v>0</v>
      </c>
      <c r="AE81" s="107">
        <v>0</v>
      </c>
      <c r="AF81" s="107">
        <v>0</v>
      </c>
      <c r="AG81" s="107">
        <v>0</v>
      </c>
      <c r="AH81" s="107">
        <v>0</v>
      </c>
      <c r="AI81" s="107">
        <v>0</v>
      </c>
      <c r="AJ81" s="107">
        <v>0</v>
      </c>
      <c r="AK81" s="107">
        <v>0</v>
      </c>
      <c r="AL81" s="107">
        <v>0</v>
      </c>
      <c r="AM81" s="107">
        <v>0</v>
      </c>
      <c r="AN81" s="107">
        <v>0</v>
      </c>
    </row>
    <row r="82" spans="1:40" x14ac:dyDescent="0.2">
      <c r="A82" s="133" t="s">
        <v>174</v>
      </c>
    </row>
    <row r="83" spans="1:40" x14ac:dyDescent="0.2">
      <c r="A83" s="136" t="s">
        <v>175</v>
      </c>
    </row>
    <row r="84" spans="1:40" x14ac:dyDescent="0.2">
      <c r="A84" s="133" t="s">
        <v>176</v>
      </c>
      <c r="B84" s="107">
        <v>722318.54640852497</v>
      </c>
      <c r="C84" s="107">
        <v>722989.80186480202</v>
      </c>
      <c r="D84" s="107">
        <v>723690.85523344902</v>
      </c>
      <c r="E84" s="107">
        <v>724391.90860209498</v>
      </c>
      <c r="F84" s="107">
        <v>725092.97341356496</v>
      </c>
      <c r="G84" s="107">
        <v>725794.02678221196</v>
      </c>
      <c r="H84" s="107">
        <v>726495.09159368195</v>
      </c>
      <c r="I84" s="107">
        <v>727196.16784797399</v>
      </c>
      <c r="J84" s="107">
        <v>727897.23265944398</v>
      </c>
      <c r="K84" s="107">
        <v>728598.30891373695</v>
      </c>
      <c r="L84" s="107">
        <v>729299.37372520706</v>
      </c>
      <c r="M84" s="107">
        <v>730000.44997950003</v>
      </c>
      <c r="N84" s="107">
        <v>730000.44997950003</v>
      </c>
      <c r="O84" s="107">
        <v>730000.44997950003</v>
      </c>
      <c r="P84" s="107">
        <v>730000.44997950003</v>
      </c>
      <c r="Q84" s="107">
        <v>730000.44997950003</v>
      </c>
      <c r="R84" s="107">
        <v>730000.44997950003</v>
      </c>
      <c r="S84" s="107">
        <v>730000.44997950003</v>
      </c>
      <c r="T84" s="107">
        <v>730000.44997950003</v>
      </c>
      <c r="U84" s="107">
        <v>730000.44997950003</v>
      </c>
      <c r="V84" s="107">
        <v>730000.44997950003</v>
      </c>
      <c r="W84" s="107">
        <v>730000.44997950003</v>
      </c>
      <c r="X84" s="107">
        <v>730000.44997950003</v>
      </c>
      <c r="Y84" s="107">
        <v>730000.44997950003</v>
      </c>
      <c r="Z84" s="107">
        <v>730000.44997950003</v>
      </c>
      <c r="AA84" s="107">
        <v>730000.44997950003</v>
      </c>
      <c r="AB84" s="107">
        <v>730000.44997950003</v>
      </c>
      <c r="AC84" s="107">
        <v>730000.44997950003</v>
      </c>
      <c r="AD84" s="107">
        <v>730000.44997950003</v>
      </c>
      <c r="AE84" s="107">
        <v>730000.44997950003</v>
      </c>
      <c r="AF84" s="107">
        <v>730000.44997950003</v>
      </c>
      <c r="AG84" s="107">
        <v>730000.44997950003</v>
      </c>
      <c r="AH84" s="107">
        <v>730000.44997950003</v>
      </c>
      <c r="AI84" s="107">
        <v>730000.44997950003</v>
      </c>
      <c r="AJ84" s="107">
        <v>730000.44997950003</v>
      </c>
      <c r="AK84" s="107">
        <v>730000.44997950003</v>
      </c>
      <c r="AL84" s="107">
        <v>730000.44997950003</v>
      </c>
      <c r="AM84" s="107">
        <v>730000.44997950003</v>
      </c>
      <c r="AN84" s="107">
        <v>730000.44997950003</v>
      </c>
    </row>
    <row r="85" spans="1:40" x14ac:dyDescent="0.2">
      <c r="A85" s="133" t="s">
        <v>177</v>
      </c>
      <c r="B85" s="107">
        <v>0</v>
      </c>
      <c r="C85" s="107">
        <v>0</v>
      </c>
      <c r="D85" s="107">
        <v>0</v>
      </c>
      <c r="E85" s="107">
        <v>0</v>
      </c>
      <c r="F85" s="107">
        <v>0</v>
      </c>
      <c r="G85" s="107">
        <v>0</v>
      </c>
      <c r="H85" s="107">
        <v>0</v>
      </c>
      <c r="I85" s="107">
        <v>0</v>
      </c>
      <c r="J85" s="107">
        <v>0</v>
      </c>
      <c r="K85" s="107">
        <v>0</v>
      </c>
      <c r="L85" s="107">
        <v>0</v>
      </c>
      <c r="M85" s="107">
        <v>0</v>
      </c>
      <c r="N85" s="107">
        <v>0</v>
      </c>
      <c r="O85" s="107">
        <v>0</v>
      </c>
      <c r="P85" s="107">
        <v>0</v>
      </c>
      <c r="Q85" s="107">
        <v>0</v>
      </c>
      <c r="R85" s="107">
        <v>0</v>
      </c>
      <c r="S85" s="107">
        <v>0</v>
      </c>
      <c r="T85" s="107">
        <v>0</v>
      </c>
      <c r="U85" s="107">
        <v>0</v>
      </c>
      <c r="V85" s="107">
        <v>0</v>
      </c>
      <c r="W85" s="107">
        <v>0</v>
      </c>
      <c r="X85" s="107">
        <v>0</v>
      </c>
      <c r="Y85" s="107">
        <v>0</v>
      </c>
      <c r="Z85" s="107">
        <v>0</v>
      </c>
      <c r="AA85" s="107">
        <v>0</v>
      </c>
      <c r="AB85" s="107">
        <v>0</v>
      </c>
      <c r="AC85" s="107">
        <v>0</v>
      </c>
      <c r="AD85" s="107">
        <v>0</v>
      </c>
      <c r="AE85" s="107">
        <v>0</v>
      </c>
      <c r="AF85" s="107">
        <v>0</v>
      </c>
      <c r="AG85" s="107">
        <v>0</v>
      </c>
      <c r="AH85" s="107">
        <v>0</v>
      </c>
      <c r="AI85" s="107">
        <v>0</v>
      </c>
      <c r="AJ85" s="107">
        <v>0</v>
      </c>
      <c r="AK85" s="107">
        <v>0</v>
      </c>
      <c r="AL85" s="107">
        <v>0</v>
      </c>
      <c r="AM85" s="107">
        <v>0</v>
      </c>
      <c r="AN85" s="107">
        <v>0</v>
      </c>
    </row>
    <row r="86" spans="1:40" x14ac:dyDescent="0.2">
      <c r="A86" s="133" t="s">
        <v>178</v>
      </c>
      <c r="B86" s="107">
        <v>0</v>
      </c>
      <c r="C86" s="107">
        <v>0</v>
      </c>
      <c r="D86" s="107">
        <v>0</v>
      </c>
      <c r="E86" s="107">
        <v>0</v>
      </c>
      <c r="F86" s="107">
        <v>0</v>
      </c>
      <c r="G86" s="107">
        <v>0</v>
      </c>
      <c r="H86" s="107">
        <v>0</v>
      </c>
      <c r="I86" s="107">
        <v>0</v>
      </c>
      <c r="J86" s="107">
        <v>0</v>
      </c>
      <c r="K86" s="107">
        <v>0</v>
      </c>
      <c r="L86" s="107">
        <v>0</v>
      </c>
      <c r="M86" s="107">
        <v>0</v>
      </c>
      <c r="N86" s="107">
        <v>0</v>
      </c>
      <c r="O86" s="107">
        <v>0</v>
      </c>
      <c r="P86" s="107">
        <v>0</v>
      </c>
      <c r="Q86" s="107">
        <v>0</v>
      </c>
      <c r="R86" s="107">
        <v>0</v>
      </c>
      <c r="S86" s="107">
        <v>0</v>
      </c>
      <c r="T86" s="107">
        <v>0</v>
      </c>
      <c r="U86" s="107">
        <v>0</v>
      </c>
      <c r="V86" s="107">
        <v>0</v>
      </c>
      <c r="W86" s="107">
        <v>0</v>
      </c>
      <c r="X86" s="107">
        <v>0</v>
      </c>
      <c r="Y86" s="107">
        <v>0</v>
      </c>
      <c r="Z86" s="107">
        <v>0</v>
      </c>
      <c r="AA86" s="107">
        <v>0</v>
      </c>
      <c r="AB86" s="107">
        <v>0</v>
      </c>
      <c r="AC86" s="107">
        <v>0</v>
      </c>
      <c r="AD86" s="107">
        <v>0</v>
      </c>
      <c r="AE86" s="107">
        <v>0</v>
      </c>
      <c r="AF86" s="107">
        <v>0</v>
      </c>
      <c r="AG86" s="107">
        <v>0</v>
      </c>
      <c r="AH86" s="107">
        <v>0</v>
      </c>
      <c r="AI86" s="107">
        <v>0</v>
      </c>
      <c r="AJ86" s="107">
        <v>0</v>
      </c>
      <c r="AK86" s="107">
        <v>0</v>
      </c>
      <c r="AL86" s="107">
        <v>0</v>
      </c>
      <c r="AM86" s="107">
        <v>0</v>
      </c>
      <c r="AN86" s="107">
        <v>0</v>
      </c>
    </row>
    <row r="87" spans="1:40" x14ac:dyDescent="0.2">
      <c r="A87" s="133" t="s">
        <v>179</v>
      </c>
      <c r="B87" s="107">
        <v>0</v>
      </c>
      <c r="C87" s="107">
        <v>0</v>
      </c>
      <c r="D87" s="107">
        <v>0</v>
      </c>
      <c r="E87" s="107">
        <v>0</v>
      </c>
      <c r="F87" s="107">
        <v>0</v>
      </c>
      <c r="G87" s="107">
        <v>0</v>
      </c>
      <c r="H87" s="107">
        <v>0</v>
      </c>
      <c r="I87" s="107">
        <v>0</v>
      </c>
      <c r="J87" s="107">
        <v>0</v>
      </c>
      <c r="K87" s="107">
        <v>0</v>
      </c>
      <c r="L87" s="107">
        <v>0</v>
      </c>
      <c r="M87" s="107">
        <v>0</v>
      </c>
      <c r="N87" s="107">
        <v>0</v>
      </c>
      <c r="O87" s="107">
        <v>0</v>
      </c>
      <c r="P87" s="107">
        <v>0</v>
      </c>
      <c r="Q87" s="107">
        <v>0</v>
      </c>
      <c r="R87" s="107">
        <v>0</v>
      </c>
      <c r="S87" s="107">
        <v>0</v>
      </c>
      <c r="T87" s="107">
        <v>0</v>
      </c>
      <c r="U87" s="107">
        <v>0</v>
      </c>
      <c r="V87" s="107">
        <v>0</v>
      </c>
      <c r="W87" s="107">
        <v>0</v>
      </c>
      <c r="X87" s="107">
        <v>0</v>
      </c>
      <c r="Y87" s="107">
        <v>0</v>
      </c>
      <c r="Z87" s="107">
        <v>0</v>
      </c>
      <c r="AA87" s="107">
        <v>0</v>
      </c>
      <c r="AB87" s="107">
        <v>0</v>
      </c>
      <c r="AC87" s="107">
        <v>0</v>
      </c>
      <c r="AD87" s="107">
        <v>0</v>
      </c>
      <c r="AE87" s="107">
        <v>0</v>
      </c>
      <c r="AF87" s="107">
        <v>0</v>
      </c>
      <c r="AG87" s="107">
        <v>0</v>
      </c>
      <c r="AH87" s="107">
        <v>0</v>
      </c>
      <c r="AI87" s="107">
        <v>0</v>
      </c>
      <c r="AJ87" s="107">
        <v>0</v>
      </c>
      <c r="AK87" s="107">
        <v>0</v>
      </c>
      <c r="AL87" s="107">
        <v>0</v>
      </c>
      <c r="AM87" s="107">
        <v>0</v>
      </c>
      <c r="AN87" s="107">
        <v>0</v>
      </c>
    </row>
    <row r="88" spans="1:40" x14ac:dyDescent="0.2">
      <c r="A88" s="133" t="s">
        <v>180</v>
      </c>
      <c r="B88" s="107">
        <v>0</v>
      </c>
      <c r="C88" s="107">
        <v>0</v>
      </c>
      <c r="D88" s="107">
        <v>0</v>
      </c>
      <c r="E88" s="107">
        <v>0</v>
      </c>
      <c r="F88" s="107">
        <v>0</v>
      </c>
      <c r="G88" s="107">
        <v>0</v>
      </c>
      <c r="H88" s="107">
        <v>0</v>
      </c>
      <c r="I88" s="107">
        <v>0</v>
      </c>
      <c r="J88" s="107">
        <v>0</v>
      </c>
      <c r="K88" s="107">
        <v>0</v>
      </c>
      <c r="L88" s="107">
        <v>0</v>
      </c>
      <c r="M88" s="107">
        <v>0</v>
      </c>
      <c r="N88" s="107">
        <v>0</v>
      </c>
      <c r="O88" s="107">
        <v>0</v>
      </c>
      <c r="P88" s="107">
        <v>0</v>
      </c>
      <c r="Q88" s="107">
        <v>0</v>
      </c>
      <c r="R88" s="107">
        <v>0</v>
      </c>
      <c r="S88" s="107">
        <v>0</v>
      </c>
      <c r="T88" s="107">
        <v>0</v>
      </c>
      <c r="U88" s="107">
        <v>0</v>
      </c>
      <c r="V88" s="107">
        <v>0</v>
      </c>
      <c r="W88" s="107">
        <v>0</v>
      </c>
      <c r="X88" s="107">
        <v>0</v>
      </c>
      <c r="Y88" s="107">
        <v>0</v>
      </c>
      <c r="Z88" s="107">
        <v>0</v>
      </c>
      <c r="AA88" s="107">
        <v>0</v>
      </c>
      <c r="AB88" s="107">
        <v>0</v>
      </c>
      <c r="AC88" s="107">
        <v>0</v>
      </c>
      <c r="AD88" s="107">
        <v>0</v>
      </c>
      <c r="AE88" s="107">
        <v>0</v>
      </c>
      <c r="AF88" s="107">
        <v>0</v>
      </c>
      <c r="AG88" s="107">
        <v>0</v>
      </c>
      <c r="AH88" s="107">
        <v>0</v>
      </c>
      <c r="AI88" s="107">
        <v>0</v>
      </c>
      <c r="AJ88" s="107">
        <v>0</v>
      </c>
      <c r="AK88" s="107">
        <v>0</v>
      </c>
      <c r="AL88" s="107">
        <v>0</v>
      </c>
      <c r="AM88" s="107">
        <v>0</v>
      </c>
      <c r="AN88" s="107">
        <v>0</v>
      </c>
    </row>
    <row r="89" spans="1:40" x14ac:dyDescent="0.2">
      <c r="A89" s="133" t="s">
        <v>181</v>
      </c>
      <c r="B89" s="107">
        <v>0</v>
      </c>
      <c r="C89" s="107">
        <v>0</v>
      </c>
      <c r="D89" s="107">
        <v>0</v>
      </c>
      <c r="E89" s="107">
        <v>0</v>
      </c>
      <c r="F89" s="107">
        <v>0</v>
      </c>
      <c r="G89" s="107">
        <v>0</v>
      </c>
      <c r="H89" s="107">
        <v>0</v>
      </c>
      <c r="I89" s="107">
        <v>0</v>
      </c>
      <c r="J89" s="107">
        <v>0</v>
      </c>
      <c r="K89" s="107">
        <v>0</v>
      </c>
      <c r="L89" s="107">
        <v>0</v>
      </c>
      <c r="M89" s="107">
        <v>0</v>
      </c>
      <c r="N89" s="107">
        <v>0</v>
      </c>
      <c r="O89" s="107">
        <v>0</v>
      </c>
      <c r="P89" s="107">
        <v>0</v>
      </c>
      <c r="Q89" s="107">
        <v>0</v>
      </c>
      <c r="R89" s="107">
        <v>0</v>
      </c>
      <c r="S89" s="107">
        <v>0</v>
      </c>
      <c r="T89" s="107">
        <v>0</v>
      </c>
      <c r="U89" s="107">
        <v>0</v>
      </c>
      <c r="V89" s="107">
        <v>0</v>
      </c>
      <c r="W89" s="107">
        <v>0</v>
      </c>
      <c r="X89" s="107">
        <v>0</v>
      </c>
      <c r="Y89" s="107">
        <v>0</v>
      </c>
      <c r="Z89" s="107">
        <v>0</v>
      </c>
      <c r="AA89" s="107">
        <v>0</v>
      </c>
      <c r="AB89" s="107">
        <v>0</v>
      </c>
      <c r="AC89" s="107">
        <v>0</v>
      </c>
      <c r="AD89" s="107">
        <v>0</v>
      </c>
      <c r="AE89" s="107">
        <v>0</v>
      </c>
      <c r="AF89" s="107">
        <v>0</v>
      </c>
      <c r="AG89" s="107">
        <v>0</v>
      </c>
      <c r="AH89" s="107">
        <v>0</v>
      </c>
      <c r="AI89" s="107">
        <v>0</v>
      </c>
      <c r="AJ89" s="107">
        <v>0</v>
      </c>
      <c r="AK89" s="107">
        <v>0</v>
      </c>
      <c r="AL89" s="107">
        <v>0</v>
      </c>
      <c r="AM89" s="107">
        <v>0</v>
      </c>
      <c r="AN89" s="107">
        <v>0</v>
      </c>
    </row>
    <row r="90" spans="1:40" x14ac:dyDescent="0.2">
      <c r="A90" s="133" t="s">
        <v>182</v>
      </c>
      <c r="B90" s="107">
        <v>0</v>
      </c>
      <c r="C90" s="107">
        <v>0</v>
      </c>
      <c r="D90" s="107">
        <v>0</v>
      </c>
      <c r="E90" s="107">
        <v>0</v>
      </c>
      <c r="F90" s="107">
        <v>0</v>
      </c>
      <c r="G90" s="107">
        <v>0</v>
      </c>
      <c r="H90" s="107">
        <v>0</v>
      </c>
      <c r="I90" s="107">
        <v>0</v>
      </c>
      <c r="J90" s="107">
        <v>0</v>
      </c>
      <c r="K90" s="107">
        <v>0</v>
      </c>
      <c r="L90" s="107">
        <v>0</v>
      </c>
      <c r="M90" s="107">
        <v>0</v>
      </c>
      <c r="N90" s="107">
        <v>0</v>
      </c>
      <c r="O90" s="107">
        <v>0</v>
      </c>
      <c r="P90" s="107">
        <v>0</v>
      </c>
      <c r="Q90" s="107">
        <v>0</v>
      </c>
      <c r="R90" s="107">
        <v>0</v>
      </c>
      <c r="S90" s="107">
        <v>0</v>
      </c>
      <c r="T90" s="107">
        <v>0</v>
      </c>
      <c r="U90" s="107">
        <v>0</v>
      </c>
      <c r="V90" s="107">
        <v>0</v>
      </c>
      <c r="W90" s="107">
        <v>0</v>
      </c>
      <c r="X90" s="107">
        <v>0</v>
      </c>
      <c r="Y90" s="107">
        <v>0</v>
      </c>
      <c r="Z90" s="107">
        <v>0</v>
      </c>
      <c r="AA90" s="107">
        <v>0</v>
      </c>
      <c r="AB90" s="107">
        <v>0</v>
      </c>
      <c r="AC90" s="107">
        <v>0</v>
      </c>
      <c r="AD90" s="107">
        <v>0</v>
      </c>
      <c r="AE90" s="107">
        <v>0</v>
      </c>
      <c r="AF90" s="107">
        <v>0</v>
      </c>
      <c r="AG90" s="107">
        <v>0</v>
      </c>
      <c r="AH90" s="107">
        <v>0</v>
      </c>
      <c r="AI90" s="107">
        <v>0</v>
      </c>
      <c r="AJ90" s="107">
        <v>0</v>
      </c>
      <c r="AK90" s="107">
        <v>0</v>
      </c>
      <c r="AL90" s="107">
        <v>0</v>
      </c>
      <c r="AM90" s="107">
        <v>0</v>
      </c>
      <c r="AN90" s="107">
        <v>0</v>
      </c>
    </row>
    <row r="91" spans="1:40" x14ac:dyDescent="0.2">
      <c r="A91" s="136" t="s">
        <v>183</v>
      </c>
      <c r="B91" s="107">
        <v>722318.54640852497</v>
      </c>
      <c r="C91" s="107">
        <v>722989.80186480202</v>
      </c>
      <c r="D91" s="107">
        <v>723690.85523344902</v>
      </c>
      <c r="E91" s="107">
        <v>724391.90860209498</v>
      </c>
      <c r="F91" s="107">
        <v>725092.97341356496</v>
      </c>
      <c r="G91" s="107">
        <v>725794.02678221196</v>
      </c>
      <c r="H91" s="107">
        <v>726495.09159368195</v>
      </c>
      <c r="I91" s="107">
        <v>727196.16784797399</v>
      </c>
      <c r="J91" s="107">
        <v>727897.23265944398</v>
      </c>
      <c r="K91" s="107">
        <v>728598.30891373695</v>
      </c>
      <c r="L91" s="107">
        <v>729299.37372520706</v>
      </c>
      <c r="M91" s="107">
        <v>730000.44997950003</v>
      </c>
      <c r="N91" s="107">
        <v>730000.44997950003</v>
      </c>
      <c r="O91" s="107">
        <v>730000.44997950003</v>
      </c>
      <c r="P91" s="107">
        <v>730000.44997950003</v>
      </c>
      <c r="Q91" s="107">
        <v>730000.44997950003</v>
      </c>
      <c r="R91" s="107">
        <v>730000.44997950003</v>
      </c>
      <c r="S91" s="107">
        <v>730000.44997950003</v>
      </c>
      <c r="T91" s="107">
        <v>730000.44997950003</v>
      </c>
      <c r="U91" s="107">
        <v>730000.44997950003</v>
      </c>
      <c r="V91" s="107">
        <v>730000.44997950003</v>
      </c>
      <c r="W91" s="107">
        <v>730000.44997950003</v>
      </c>
      <c r="X91" s="107">
        <v>730000.44997950003</v>
      </c>
      <c r="Y91" s="107">
        <v>730000.44997950003</v>
      </c>
      <c r="Z91" s="107">
        <v>730000.44997950003</v>
      </c>
      <c r="AA91" s="107">
        <v>730000.44997950003</v>
      </c>
      <c r="AB91" s="107">
        <v>730000.44997950003</v>
      </c>
      <c r="AC91" s="107">
        <v>730000.44997950003</v>
      </c>
      <c r="AD91" s="107">
        <v>730000.44997950003</v>
      </c>
      <c r="AE91" s="107">
        <v>730000.44997950003</v>
      </c>
      <c r="AF91" s="107">
        <v>730000.44997950003</v>
      </c>
      <c r="AG91" s="107">
        <v>730000.44997950003</v>
      </c>
      <c r="AH91" s="107">
        <v>730000.44997950003</v>
      </c>
      <c r="AI91" s="107">
        <v>730000.44997950003</v>
      </c>
      <c r="AJ91" s="107">
        <v>730000.44997950003</v>
      </c>
      <c r="AK91" s="107">
        <v>730000.44997950003</v>
      </c>
      <c r="AL91" s="107">
        <v>730000.44997950003</v>
      </c>
      <c r="AM91" s="107">
        <v>730000.44997950003</v>
      </c>
      <c r="AN91" s="107">
        <v>730000.44997950003</v>
      </c>
    </row>
    <row r="92" spans="1:40" x14ac:dyDescent="0.2">
      <c r="A92" s="133" t="s">
        <v>184</v>
      </c>
      <c r="B92" s="107">
        <v>0</v>
      </c>
      <c r="C92" s="107">
        <v>0</v>
      </c>
      <c r="D92" s="107">
        <v>0</v>
      </c>
      <c r="E92" s="107">
        <v>0</v>
      </c>
      <c r="F92" s="107">
        <v>0</v>
      </c>
      <c r="G92" s="107">
        <v>0</v>
      </c>
      <c r="H92" s="107">
        <v>0</v>
      </c>
      <c r="I92" s="107">
        <v>0</v>
      </c>
      <c r="J92" s="107">
        <v>0</v>
      </c>
      <c r="K92" s="107">
        <v>0</v>
      </c>
      <c r="L92" s="107">
        <v>0</v>
      </c>
      <c r="M92" s="107">
        <v>0</v>
      </c>
      <c r="N92" s="107">
        <v>0</v>
      </c>
      <c r="O92" s="107">
        <v>0</v>
      </c>
      <c r="P92" s="107">
        <v>0</v>
      </c>
      <c r="Q92" s="107">
        <v>0</v>
      </c>
      <c r="R92" s="107">
        <v>0</v>
      </c>
      <c r="S92" s="107">
        <v>0</v>
      </c>
      <c r="T92" s="107">
        <v>0</v>
      </c>
      <c r="U92" s="107">
        <v>0</v>
      </c>
      <c r="V92" s="107">
        <v>0</v>
      </c>
      <c r="W92" s="107">
        <v>0</v>
      </c>
      <c r="X92" s="107">
        <v>0</v>
      </c>
      <c r="Y92" s="107">
        <v>0</v>
      </c>
      <c r="Z92" s="107">
        <v>0</v>
      </c>
      <c r="AA92" s="107">
        <v>0</v>
      </c>
      <c r="AB92" s="107">
        <v>0</v>
      </c>
      <c r="AC92" s="107">
        <v>0</v>
      </c>
      <c r="AD92" s="107">
        <v>0</v>
      </c>
      <c r="AE92" s="107">
        <v>0</v>
      </c>
      <c r="AF92" s="107">
        <v>0</v>
      </c>
      <c r="AG92" s="107">
        <v>0</v>
      </c>
      <c r="AH92" s="107">
        <v>0</v>
      </c>
      <c r="AI92" s="107">
        <v>0</v>
      </c>
      <c r="AJ92" s="107">
        <v>0</v>
      </c>
      <c r="AK92" s="107">
        <v>0</v>
      </c>
      <c r="AL92" s="107">
        <v>0</v>
      </c>
      <c r="AM92" s="107">
        <v>0</v>
      </c>
      <c r="AN92" s="107">
        <v>0</v>
      </c>
    </row>
    <row r="93" spans="1:40" x14ac:dyDescent="0.2">
      <c r="A93" s="136" t="s">
        <v>185</v>
      </c>
      <c r="B93" s="107">
        <v>0</v>
      </c>
      <c r="C93" s="107">
        <v>0</v>
      </c>
      <c r="D93" s="107">
        <v>0</v>
      </c>
      <c r="E93" s="107">
        <v>0</v>
      </c>
      <c r="F93" s="107">
        <v>0</v>
      </c>
      <c r="G93" s="107">
        <v>0</v>
      </c>
      <c r="H93" s="107">
        <v>0</v>
      </c>
      <c r="I93" s="107">
        <v>0</v>
      </c>
      <c r="J93" s="107">
        <v>0</v>
      </c>
      <c r="K93" s="107">
        <v>0</v>
      </c>
      <c r="L93" s="107">
        <v>0</v>
      </c>
      <c r="M93" s="107">
        <v>0</v>
      </c>
      <c r="N93" s="107">
        <v>0</v>
      </c>
      <c r="O93" s="107">
        <v>0</v>
      </c>
      <c r="P93" s="107">
        <v>0</v>
      </c>
      <c r="Q93" s="107">
        <v>0</v>
      </c>
      <c r="R93" s="107">
        <v>0</v>
      </c>
      <c r="S93" s="107">
        <v>0</v>
      </c>
      <c r="T93" s="107">
        <v>0</v>
      </c>
      <c r="U93" s="107">
        <v>0</v>
      </c>
      <c r="V93" s="107">
        <v>0</v>
      </c>
      <c r="W93" s="107">
        <v>0</v>
      </c>
      <c r="X93" s="107">
        <v>0</v>
      </c>
      <c r="Y93" s="107">
        <v>0</v>
      </c>
      <c r="Z93" s="107">
        <v>0</v>
      </c>
      <c r="AA93" s="107">
        <v>0</v>
      </c>
      <c r="AB93" s="107">
        <v>0</v>
      </c>
      <c r="AC93" s="107">
        <v>0</v>
      </c>
      <c r="AD93" s="107">
        <v>0</v>
      </c>
      <c r="AE93" s="107">
        <v>0</v>
      </c>
      <c r="AF93" s="107">
        <v>0</v>
      </c>
      <c r="AG93" s="107">
        <v>0</v>
      </c>
      <c r="AH93" s="107">
        <v>0</v>
      </c>
      <c r="AI93" s="107">
        <v>0</v>
      </c>
      <c r="AJ93" s="107">
        <v>0</v>
      </c>
      <c r="AK93" s="107">
        <v>0</v>
      </c>
      <c r="AL93" s="107">
        <v>0</v>
      </c>
      <c r="AM93" s="107">
        <v>0</v>
      </c>
      <c r="AN93" s="107">
        <v>0</v>
      </c>
    </row>
    <row r="94" spans="1:40" x14ac:dyDescent="0.2">
      <c r="A94" s="136" t="s">
        <v>186</v>
      </c>
      <c r="B94" s="107">
        <v>165974706.944904</v>
      </c>
      <c r="C94" s="107">
        <v>165233466.87587801</v>
      </c>
      <c r="D94" s="107">
        <v>159720495.59678999</v>
      </c>
      <c r="E94" s="107">
        <v>156701476.21676201</v>
      </c>
      <c r="F94" s="107">
        <v>157789565.77238801</v>
      </c>
      <c r="G94" s="107">
        <v>161339596.46529099</v>
      </c>
      <c r="H94" s="107">
        <v>166390610.67376599</v>
      </c>
      <c r="I94" s="107">
        <v>170666893.69411099</v>
      </c>
      <c r="J94" s="107">
        <v>173314906.17298499</v>
      </c>
      <c r="K94" s="107">
        <v>174730764.89287901</v>
      </c>
      <c r="L94" s="107">
        <v>178143651.16312501</v>
      </c>
      <c r="M94" s="107">
        <v>182874355.57409501</v>
      </c>
      <c r="N94" s="107">
        <v>182874355.57409501</v>
      </c>
      <c r="O94" s="107">
        <v>183271967.222249</v>
      </c>
      <c r="P94" s="107">
        <v>183667774.735459</v>
      </c>
      <c r="Q94" s="107">
        <v>184077358.98427999</v>
      </c>
      <c r="R94" s="107">
        <v>184476589.75428301</v>
      </c>
      <c r="S94" s="107">
        <v>184871946.60401601</v>
      </c>
      <c r="T94" s="107">
        <v>185267892.50740501</v>
      </c>
      <c r="U94" s="107">
        <v>185665182.48405799</v>
      </c>
      <c r="V94" s="107">
        <v>186061862.250817</v>
      </c>
      <c r="W94" s="107">
        <v>186446439.61712399</v>
      </c>
      <c r="X94" s="107">
        <v>186832800.061315</v>
      </c>
      <c r="Y94" s="107">
        <v>187230138.15150699</v>
      </c>
      <c r="Z94" s="107">
        <v>187625685.98239499</v>
      </c>
      <c r="AA94" s="107">
        <v>187625685.98239499</v>
      </c>
      <c r="AB94" s="107">
        <v>187929298.45940599</v>
      </c>
      <c r="AC94" s="107">
        <v>188231719.45995501</v>
      </c>
      <c r="AD94" s="107">
        <v>188596989.28626299</v>
      </c>
      <c r="AE94" s="107">
        <v>188905641.92519701</v>
      </c>
      <c r="AF94" s="107">
        <v>189210818.75138399</v>
      </c>
      <c r="AG94" s="107">
        <v>189513823.75041699</v>
      </c>
      <c r="AH94" s="107">
        <v>189816957.74574801</v>
      </c>
      <c r="AI94" s="107">
        <v>190119738.555215</v>
      </c>
      <c r="AJ94" s="107">
        <v>190413348.692081</v>
      </c>
      <c r="AK94" s="107">
        <v>190708910.80821499</v>
      </c>
      <c r="AL94" s="107">
        <v>191013009.35394901</v>
      </c>
      <c r="AM94" s="107">
        <v>191314939.52952901</v>
      </c>
      <c r="AN94" s="107">
        <v>191314939.52952901</v>
      </c>
    </row>
    <row r="95" spans="1:40" x14ac:dyDescent="0.2">
      <c r="A95" s="133" t="s">
        <v>187</v>
      </c>
    </row>
    <row r="96" spans="1:40" ht="10.8" thickBot="1" x14ac:dyDescent="0.25">
      <c r="A96" s="135" t="s">
        <v>188</v>
      </c>
    </row>
    <row r="97" spans="1:40" x14ac:dyDescent="0.2">
      <c r="A97" s="136" t="s">
        <v>189</v>
      </c>
      <c r="B97" s="107">
        <v>0</v>
      </c>
      <c r="C97" s="107">
        <v>0</v>
      </c>
      <c r="D97" s="107">
        <v>0</v>
      </c>
      <c r="E97" s="107">
        <v>0</v>
      </c>
      <c r="F97" s="107">
        <v>0</v>
      </c>
      <c r="G97" s="107">
        <v>0</v>
      </c>
      <c r="H97" s="107">
        <v>0</v>
      </c>
      <c r="I97" s="107">
        <v>0</v>
      </c>
      <c r="J97" s="107">
        <v>0</v>
      </c>
      <c r="K97" s="107">
        <v>0</v>
      </c>
      <c r="L97" s="107">
        <v>0</v>
      </c>
      <c r="M97" s="107">
        <v>0</v>
      </c>
      <c r="N97" s="107">
        <v>0</v>
      </c>
      <c r="O97" s="107">
        <v>0</v>
      </c>
      <c r="P97" s="107">
        <v>0</v>
      </c>
      <c r="Q97" s="107">
        <v>0</v>
      </c>
      <c r="R97" s="107">
        <v>0</v>
      </c>
      <c r="S97" s="107">
        <v>0</v>
      </c>
      <c r="T97" s="107">
        <v>0</v>
      </c>
      <c r="U97" s="107">
        <v>0</v>
      </c>
      <c r="V97" s="107">
        <v>0</v>
      </c>
      <c r="W97" s="107">
        <v>0</v>
      </c>
      <c r="X97" s="107">
        <v>0</v>
      </c>
      <c r="Y97" s="107">
        <v>0</v>
      </c>
      <c r="Z97" s="107">
        <v>0</v>
      </c>
      <c r="AA97" s="107">
        <v>0</v>
      </c>
      <c r="AB97" s="107">
        <v>0</v>
      </c>
      <c r="AC97" s="107">
        <v>0</v>
      </c>
      <c r="AD97" s="107">
        <v>0</v>
      </c>
      <c r="AE97" s="107">
        <v>0</v>
      </c>
      <c r="AF97" s="107">
        <v>0</v>
      </c>
      <c r="AG97" s="107">
        <v>0</v>
      </c>
      <c r="AH97" s="107">
        <v>0</v>
      </c>
      <c r="AI97" s="107">
        <v>0</v>
      </c>
      <c r="AJ97" s="107">
        <v>0</v>
      </c>
      <c r="AK97" s="107">
        <v>0</v>
      </c>
      <c r="AL97" s="107">
        <v>0</v>
      </c>
      <c r="AM97" s="107">
        <v>0</v>
      </c>
      <c r="AN97" s="107">
        <v>0</v>
      </c>
    </row>
    <row r="98" spans="1:40" x14ac:dyDescent="0.2">
      <c r="A98" s="133" t="s">
        <v>190</v>
      </c>
      <c r="B98" s="107">
        <v>559.19112766188096</v>
      </c>
      <c r="C98" s="107">
        <v>555.44920003641096</v>
      </c>
      <c r="D98" s="107">
        <v>551.73937920497804</v>
      </c>
      <c r="E98" s="107">
        <v>548.14500310870505</v>
      </c>
      <c r="F98" s="107">
        <v>544.66602528478904</v>
      </c>
      <c r="G98" s="107">
        <v>541.17572101121004</v>
      </c>
      <c r="H98" s="107">
        <v>537.66353214395804</v>
      </c>
      <c r="I98" s="107">
        <v>534.11164585366998</v>
      </c>
      <c r="J98" s="107">
        <v>530.51896659289696</v>
      </c>
      <c r="K98" s="107">
        <v>526.94243630428196</v>
      </c>
      <c r="L98" s="107">
        <v>523.45288156776303</v>
      </c>
      <c r="M98" s="107">
        <v>520.04897640618594</v>
      </c>
      <c r="N98" s="107">
        <v>520.04897640618594</v>
      </c>
      <c r="O98" s="107">
        <v>515.76881294037105</v>
      </c>
      <c r="P98" s="107">
        <v>511.67490981388102</v>
      </c>
      <c r="Q98" s="107">
        <v>507.53590522847901</v>
      </c>
      <c r="R98" s="107">
        <v>503.498925644971</v>
      </c>
      <c r="S98" s="107">
        <v>499.55870086911</v>
      </c>
      <c r="T98" s="107">
        <v>495.72581454486902</v>
      </c>
      <c r="U98" s="107">
        <v>491.96555130478902</v>
      </c>
      <c r="V98" s="107">
        <v>488.277222766818</v>
      </c>
      <c r="W98" s="107">
        <v>484.66697262249397</v>
      </c>
      <c r="X98" s="107">
        <v>481.13405763825199</v>
      </c>
      <c r="Y98" s="107">
        <v>477.61353216107898</v>
      </c>
      <c r="Z98" s="107">
        <v>474.17462848916699</v>
      </c>
      <c r="AA98" s="107">
        <v>474.17462848916699</v>
      </c>
      <c r="AB98" s="107">
        <v>470.93158661091201</v>
      </c>
      <c r="AC98" s="107">
        <v>467.75831336518701</v>
      </c>
      <c r="AD98" s="107">
        <v>464.55494636221698</v>
      </c>
      <c r="AE98" s="107">
        <v>461.42056198075198</v>
      </c>
      <c r="AF98" s="107">
        <v>458.35438349077498</v>
      </c>
      <c r="AG98" s="107">
        <v>455.38037273243202</v>
      </c>
      <c r="AH98" s="107">
        <v>452.48795212552602</v>
      </c>
      <c r="AI98" s="107">
        <v>449.72095217127202</v>
      </c>
      <c r="AJ98" s="107">
        <v>447.08339138790399</v>
      </c>
      <c r="AK98" s="107">
        <v>444.55534530530798</v>
      </c>
      <c r="AL98" s="107">
        <v>442.13700403098198</v>
      </c>
      <c r="AM98" s="107">
        <v>439.81790896057902</v>
      </c>
      <c r="AN98" s="107">
        <v>439.81790896057902</v>
      </c>
    </row>
    <row r="99" spans="1:40" x14ac:dyDescent="0.2">
      <c r="A99" s="133" t="s">
        <v>191</v>
      </c>
      <c r="B99" s="107">
        <v>32.856661568734602</v>
      </c>
      <c r="C99" s="107">
        <v>32.639651208655899</v>
      </c>
      <c r="D99" s="107">
        <v>32.424601349662801</v>
      </c>
      <c r="E99" s="107">
        <v>32.2163107137822</v>
      </c>
      <c r="F99" s="107">
        <v>32.014776640735001</v>
      </c>
      <c r="G99" s="107">
        <v>31.812552287852</v>
      </c>
      <c r="H99" s="107">
        <v>31.609018327293001</v>
      </c>
      <c r="I99" s="107">
        <v>31.403128188901999</v>
      </c>
      <c r="J99" s="107">
        <v>31.194816204159</v>
      </c>
      <c r="K99" s="107">
        <v>30.987429147535099</v>
      </c>
      <c r="L99" s="107">
        <v>30.7851324818511</v>
      </c>
      <c r="M99" s="107">
        <v>30.587842883865299</v>
      </c>
      <c r="N99" s="107">
        <v>30.587842883865299</v>
      </c>
      <c r="O99" s="107">
        <v>30.3367805930794</v>
      </c>
      <c r="P99" s="107">
        <v>30.096669086026701</v>
      </c>
      <c r="Q99" s="107">
        <v>29.853923688840599</v>
      </c>
      <c r="R99" s="107">
        <v>29.6171746712843</v>
      </c>
      <c r="S99" s="107">
        <v>29.386111982998202</v>
      </c>
      <c r="T99" s="107">
        <v>29.1613579181567</v>
      </c>
      <c r="U99" s="107">
        <v>28.9408702801645</v>
      </c>
      <c r="V99" s="107">
        <v>28.7246085619906</v>
      </c>
      <c r="W99" s="107">
        <v>28.512933879319501</v>
      </c>
      <c r="X99" s="107">
        <v>28.305802848876802</v>
      </c>
      <c r="Y99" s="107">
        <v>28.099395552422902</v>
      </c>
      <c r="Z99" s="107">
        <v>27.8977837968968</v>
      </c>
      <c r="AA99" s="107">
        <v>27.8977837968968</v>
      </c>
      <c r="AB99" s="107">
        <v>27.706981346221401</v>
      </c>
      <c r="AC99" s="107">
        <v>27.520283691773301</v>
      </c>
      <c r="AD99" s="107">
        <v>27.331815488917901</v>
      </c>
      <c r="AE99" s="107">
        <v>27.1474058377962</v>
      </c>
      <c r="AF99" s="107">
        <v>26.967009039956899</v>
      </c>
      <c r="AG99" s="107">
        <v>26.7920348760919</v>
      </c>
      <c r="AH99" s="107">
        <v>26.621861020526701</v>
      </c>
      <c r="AI99" s="107">
        <v>26.4590662148752</v>
      </c>
      <c r="AJ99" s="107">
        <v>26.303886886280502</v>
      </c>
      <c r="AK99" s="107">
        <v>26.155150790328701</v>
      </c>
      <c r="AL99" s="107">
        <v>26.0128691118821</v>
      </c>
      <c r="AM99" s="107">
        <v>25.876426525140001</v>
      </c>
      <c r="AN99" s="107">
        <v>25.876426525140001</v>
      </c>
    </row>
    <row r="100" spans="1:40" x14ac:dyDescent="0.2">
      <c r="A100" s="133" t="s">
        <v>192</v>
      </c>
      <c r="B100" s="107">
        <v>291.64081734003901</v>
      </c>
      <c r="C100" s="107">
        <v>289.68595889429901</v>
      </c>
      <c r="D100" s="107">
        <v>287.74776016527397</v>
      </c>
      <c r="E100" s="107">
        <v>285.86979822418903</v>
      </c>
      <c r="F100" s="107">
        <v>284.052048758409</v>
      </c>
      <c r="G100" s="107">
        <v>282.22842063577701</v>
      </c>
      <c r="H100" s="107">
        <v>280.39340615552999</v>
      </c>
      <c r="I100" s="107">
        <v>278.53771512882599</v>
      </c>
      <c r="J100" s="107">
        <v>276.66077767811498</v>
      </c>
      <c r="K100" s="107">
        <v>274.79229016889599</v>
      </c>
      <c r="L100" s="107">
        <v>272.969187068498</v>
      </c>
      <c r="M100" s="107">
        <v>271.19078306415503</v>
      </c>
      <c r="N100" s="107">
        <v>271.19078306415503</v>
      </c>
      <c r="O100" s="107">
        <v>268.96167577725998</v>
      </c>
      <c r="P100" s="107">
        <v>266.82967893280397</v>
      </c>
      <c r="Q100" s="107">
        <v>264.674242115693</v>
      </c>
      <c r="R100" s="107">
        <v>262.57198976215898</v>
      </c>
      <c r="S100" s="107">
        <v>260.52017331271099</v>
      </c>
      <c r="T100" s="107">
        <v>258.52431097029699</v>
      </c>
      <c r="U100" s="107">
        <v>256.56629825077601</v>
      </c>
      <c r="V100" s="107">
        <v>254.64577610559999</v>
      </c>
      <c r="W100" s="107">
        <v>252.76594729095299</v>
      </c>
      <c r="X100" s="107">
        <v>250.92642562420599</v>
      </c>
      <c r="Y100" s="107">
        <v>249.093343813453</v>
      </c>
      <c r="Z100" s="107">
        <v>247.30280350706701</v>
      </c>
      <c r="AA100" s="107">
        <v>247.30280350706701</v>
      </c>
      <c r="AB100" s="107">
        <v>245.64023005380301</v>
      </c>
      <c r="AC100" s="107">
        <v>244.01389125426999</v>
      </c>
      <c r="AD100" s="107">
        <v>242.372696702106</v>
      </c>
      <c r="AE100" s="107">
        <v>240.767330162631</v>
      </c>
      <c r="AF100" s="107">
        <v>239.19738262537399</v>
      </c>
      <c r="AG100" s="107">
        <v>237.67536062330399</v>
      </c>
      <c r="AH100" s="107">
        <v>236.19572384782799</v>
      </c>
      <c r="AI100" s="107">
        <v>234.78136544479301</v>
      </c>
      <c r="AJ100" s="107">
        <v>233.43437345274199</v>
      </c>
      <c r="AK100" s="107">
        <v>232.14435590840401</v>
      </c>
      <c r="AL100" s="107">
        <v>230.911412362383</v>
      </c>
      <c r="AM100" s="107">
        <v>229.730068736768</v>
      </c>
      <c r="AN100" s="107">
        <v>229.730068736768</v>
      </c>
    </row>
    <row r="101" spans="1:40" x14ac:dyDescent="0.2">
      <c r="A101" s="133" t="s">
        <v>193</v>
      </c>
      <c r="B101" s="107">
        <v>323.89314994038898</v>
      </c>
      <c r="C101" s="107">
        <v>321.72572597670597</v>
      </c>
      <c r="D101" s="107">
        <v>319.57689791755701</v>
      </c>
      <c r="E101" s="107">
        <v>317.49493773465798</v>
      </c>
      <c r="F101" s="107">
        <v>315.47981851509797</v>
      </c>
      <c r="G101" s="107">
        <v>313.45813912325002</v>
      </c>
      <c r="H101" s="107">
        <v>311.423784087184</v>
      </c>
      <c r="I101" s="107">
        <v>309.36643590795802</v>
      </c>
      <c r="J101" s="107">
        <v>307.28546004143999</v>
      </c>
      <c r="K101" s="107">
        <v>305.213838230997</v>
      </c>
      <c r="L101" s="107">
        <v>303.19259440650501</v>
      </c>
      <c r="M101" s="107">
        <v>301.22096060528401</v>
      </c>
      <c r="N101" s="107">
        <v>301.22096060528401</v>
      </c>
      <c r="O101" s="107">
        <v>298.74181919896898</v>
      </c>
      <c r="P101" s="107">
        <v>296.37056285902099</v>
      </c>
      <c r="Q101" s="107">
        <v>293.97318300879999</v>
      </c>
      <c r="R101" s="107">
        <v>291.63489772557199</v>
      </c>
      <c r="S101" s="107">
        <v>289.35265442574399</v>
      </c>
      <c r="T101" s="107">
        <v>287.13258333079199</v>
      </c>
      <c r="U101" s="107">
        <v>284.95457672623502</v>
      </c>
      <c r="V101" s="107">
        <v>282.81823588981399</v>
      </c>
      <c r="W101" s="107">
        <v>280.727119349188</v>
      </c>
      <c r="X101" s="107">
        <v>278.68079661119401</v>
      </c>
      <c r="Y101" s="107">
        <v>276.64165008042397</v>
      </c>
      <c r="Z101" s="107">
        <v>274.64978024800803</v>
      </c>
      <c r="AA101" s="107">
        <v>274.64978024800803</v>
      </c>
      <c r="AB101" s="107">
        <v>272.77135680296698</v>
      </c>
      <c r="AC101" s="107">
        <v>270.93334450276802</v>
      </c>
      <c r="AD101" s="107">
        <v>269.07790140109302</v>
      </c>
      <c r="AE101" s="107">
        <v>267.26241417368698</v>
      </c>
      <c r="AF101" s="107">
        <v>265.48643292568897</v>
      </c>
      <c r="AG101" s="107">
        <v>263.76383675086498</v>
      </c>
      <c r="AH101" s="107">
        <v>262.088498939977</v>
      </c>
      <c r="AI101" s="107">
        <v>260.48580684360002</v>
      </c>
      <c r="AJ101" s="107">
        <v>258.958088053898</v>
      </c>
      <c r="AK101" s="107">
        <v>257.49380198854197</v>
      </c>
      <c r="AL101" s="107">
        <v>256.09305876093703</v>
      </c>
      <c r="AM101" s="107">
        <v>254.74980057462301</v>
      </c>
      <c r="AN101" s="107">
        <v>254.74980057462301</v>
      </c>
    </row>
    <row r="102" spans="1:40" x14ac:dyDescent="0.2">
      <c r="A102" s="133" t="s">
        <v>194</v>
      </c>
      <c r="B102" s="107">
        <v>309.17086862625098</v>
      </c>
      <c r="C102" s="107">
        <v>306.46871310057099</v>
      </c>
      <c r="D102" s="107">
        <v>303.767902714348</v>
      </c>
      <c r="E102" s="107">
        <v>301.136246567076</v>
      </c>
      <c r="F102" s="107">
        <v>298.57370350128798</v>
      </c>
      <c r="G102" s="107">
        <v>296.01038999816097</v>
      </c>
      <c r="H102" s="107">
        <v>293.44023748928902</v>
      </c>
      <c r="I102" s="107">
        <v>290.85338263421698</v>
      </c>
      <c r="J102" s="107">
        <v>288.24950730318898</v>
      </c>
      <c r="K102" s="107">
        <v>285.65987026141602</v>
      </c>
      <c r="L102" s="107">
        <v>283.12277229151601</v>
      </c>
      <c r="M102" s="107">
        <v>280.638680407842</v>
      </c>
      <c r="N102" s="107">
        <v>280.638680407842</v>
      </c>
      <c r="O102" s="107">
        <v>278.32893751540001</v>
      </c>
      <c r="P102" s="107">
        <v>276.11970795576298</v>
      </c>
      <c r="Q102" s="107">
        <v>273.88613989246898</v>
      </c>
      <c r="R102" s="107">
        <v>271.70762849344999</v>
      </c>
      <c r="S102" s="107">
        <v>269.58132975664802</v>
      </c>
      <c r="T102" s="107">
        <v>267.51295502851798</v>
      </c>
      <c r="U102" s="107">
        <v>265.48377054482802</v>
      </c>
      <c r="V102" s="107">
        <v>263.49340482781503</v>
      </c>
      <c r="W102" s="107">
        <v>261.54517325269097</v>
      </c>
      <c r="X102" s="107">
        <v>259.63867474168097</v>
      </c>
      <c r="Y102" s="107">
        <v>257.73886209118098</v>
      </c>
      <c r="Z102" s="107">
        <v>255.88309574547199</v>
      </c>
      <c r="AA102" s="107">
        <v>255.88309574547199</v>
      </c>
      <c r="AB102" s="107">
        <v>254.13302405124401</v>
      </c>
      <c r="AC102" s="107">
        <v>252.420602228192</v>
      </c>
      <c r="AD102" s="107">
        <v>250.69194064176199</v>
      </c>
      <c r="AE102" s="107">
        <v>249.00050476434899</v>
      </c>
      <c r="AF102" s="107">
        <v>247.34587544218701</v>
      </c>
      <c r="AG102" s="107">
        <v>245.74098341738599</v>
      </c>
      <c r="AH102" s="107">
        <v>244.18012061574001</v>
      </c>
      <c r="AI102" s="107">
        <v>242.686939682635</v>
      </c>
      <c r="AJ102" s="107">
        <v>241.26360916700699</v>
      </c>
      <c r="AK102" s="107">
        <v>239.89937704884599</v>
      </c>
      <c r="AL102" s="107">
        <v>238.59434591756201</v>
      </c>
      <c r="AM102" s="107">
        <v>237.34287190295001</v>
      </c>
      <c r="AN102" s="107">
        <v>237.34287190295001</v>
      </c>
    </row>
    <row r="103" spans="1:40" x14ac:dyDescent="0.2">
      <c r="A103" s="133" t="s">
        <v>195</v>
      </c>
      <c r="B103" s="107">
        <v>28253.536215116899</v>
      </c>
      <c r="C103" s="107">
        <v>28209.994320547201</v>
      </c>
      <c r="D103" s="107">
        <v>28164.563450145299</v>
      </c>
      <c r="E103" s="107">
        <v>28118.8655558951</v>
      </c>
      <c r="F103" s="107">
        <v>28072.900835612701</v>
      </c>
      <c r="G103" s="107">
        <v>28026.921534381399</v>
      </c>
      <c r="H103" s="107">
        <v>27980.950337325601</v>
      </c>
      <c r="I103" s="107">
        <v>27935.022973999101</v>
      </c>
      <c r="J103" s="107">
        <v>27889.1396857974</v>
      </c>
      <c r="K103" s="107">
        <v>27843.1880954724</v>
      </c>
      <c r="L103" s="107">
        <v>27797.032356917</v>
      </c>
      <c r="M103" s="107">
        <v>27750.666985136901</v>
      </c>
      <c r="N103" s="107">
        <v>27750.666985136901</v>
      </c>
      <c r="O103" s="107">
        <v>27752.621135242502</v>
      </c>
      <c r="P103" s="107">
        <v>27754.218068431401</v>
      </c>
      <c r="Q103" s="107">
        <v>27755.681824106701</v>
      </c>
      <c r="R103" s="107">
        <v>27756.949308282201</v>
      </c>
      <c r="S103" s="107">
        <v>27758.030566712401</v>
      </c>
      <c r="T103" s="107">
        <v>27758.905317424102</v>
      </c>
      <c r="U103" s="107">
        <v>27759.639776079501</v>
      </c>
      <c r="V103" s="107">
        <v>27760.235252103201</v>
      </c>
      <c r="W103" s="107">
        <v>27760.679935318702</v>
      </c>
      <c r="X103" s="107">
        <v>27760.975347539501</v>
      </c>
      <c r="Y103" s="107">
        <v>27761.245559492701</v>
      </c>
      <c r="Z103" s="107">
        <v>27761.358237685599</v>
      </c>
      <c r="AA103" s="107">
        <v>27761.358237685599</v>
      </c>
      <c r="AB103" s="107">
        <v>27759.487551976399</v>
      </c>
      <c r="AC103" s="107">
        <v>27757.482628812599</v>
      </c>
      <c r="AD103" s="107">
        <v>27755.25189213</v>
      </c>
      <c r="AE103" s="107">
        <v>27752.888443972399</v>
      </c>
      <c r="AF103" s="107">
        <v>27750.393730176798</v>
      </c>
      <c r="AG103" s="107">
        <v>27747.722183034999</v>
      </c>
      <c r="AH103" s="107">
        <v>27744.893748810198</v>
      </c>
      <c r="AI103" s="107">
        <v>27741.825218549999</v>
      </c>
      <c r="AJ103" s="107">
        <v>27738.5088691643</v>
      </c>
      <c r="AK103" s="107">
        <v>27734.982654027001</v>
      </c>
      <c r="AL103" s="107">
        <v>27731.246214445699</v>
      </c>
      <c r="AM103" s="107">
        <v>27727.319306235</v>
      </c>
      <c r="AN103" s="107">
        <v>27727.319306235</v>
      </c>
    </row>
    <row r="104" spans="1:40" x14ac:dyDescent="0.2">
      <c r="A104" s="133" t="s">
        <v>196</v>
      </c>
      <c r="B104" s="107">
        <v>29770.288840254201</v>
      </c>
      <c r="C104" s="107">
        <v>29715.963569763899</v>
      </c>
      <c r="D104" s="107">
        <v>29659.819991497101</v>
      </c>
      <c r="E104" s="107">
        <v>29603.727852243501</v>
      </c>
      <c r="F104" s="107">
        <v>29547.687208313</v>
      </c>
      <c r="G104" s="107">
        <v>29491.606757437701</v>
      </c>
      <c r="H104" s="107">
        <v>29435.480315528799</v>
      </c>
      <c r="I104" s="107">
        <v>29379.295281712701</v>
      </c>
      <c r="J104" s="107">
        <v>29323.0492136172</v>
      </c>
      <c r="K104" s="107">
        <v>29266.783959585598</v>
      </c>
      <c r="L104" s="107">
        <v>29210.5549247331</v>
      </c>
      <c r="M104" s="107">
        <v>29154.3542285043</v>
      </c>
      <c r="N104" s="107">
        <v>29154.3542285043</v>
      </c>
      <c r="O104" s="107">
        <v>29144.759161267601</v>
      </c>
      <c r="P104" s="107">
        <v>29135.3095970789</v>
      </c>
      <c r="Q104" s="107">
        <v>29125.605218041001</v>
      </c>
      <c r="R104" s="107">
        <v>29115.979924579598</v>
      </c>
      <c r="S104" s="107">
        <v>29106.429537059601</v>
      </c>
      <c r="T104" s="107">
        <v>29096.9623392168</v>
      </c>
      <c r="U104" s="107">
        <v>29087.550843186302</v>
      </c>
      <c r="V104" s="107">
        <v>29078.194500255198</v>
      </c>
      <c r="W104" s="107">
        <v>29068.8980817134</v>
      </c>
      <c r="X104" s="107">
        <v>29059.661105003699</v>
      </c>
      <c r="Y104" s="107">
        <v>29050.4323431913</v>
      </c>
      <c r="Z104" s="107">
        <v>29041.266329472201</v>
      </c>
      <c r="AA104" s="107">
        <v>29041.266329472201</v>
      </c>
      <c r="AB104" s="107">
        <v>29030.670730841499</v>
      </c>
      <c r="AC104" s="107">
        <v>29020.129063854802</v>
      </c>
      <c r="AD104" s="107">
        <v>29009.281192726099</v>
      </c>
      <c r="AE104" s="107">
        <v>28998.486660891602</v>
      </c>
      <c r="AF104" s="107">
        <v>28987.7448137008</v>
      </c>
      <c r="AG104" s="107">
        <v>28977.074771435098</v>
      </c>
      <c r="AH104" s="107">
        <v>28966.467905359801</v>
      </c>
      <c r="AI104" s="107">
        <v>28955.959348907101</v>
      </c>
      <c r="AJ104" s="107">
        <v>28945.5522181122</v>
      </c>
      <c r="AK104" s="107">
        <v>28935.230685068502</v>
      </c>
      <c r="AL104" s="107">
        <v>28924.994904629399</v>
      </c>
      <c r="AM104" s="107">
        <v>28914.8363829351</v>
      </c>
      <c r="AN104" s="107">
        <v>28914.8363829351</v>
      </c>
    </row>
    <row r="105" spans="1:40" x14ac:dyDescent="0.2">
      <c r="A105" s="133" t="s">
        <v>197</v>
      </c>
    </row>
    <row r="106" spans="1:40" x14ac:dyDescent="0.2">
      <c r="A106" s="133" t="s">
        <v>198</v>
      </c>
      <c r="B106" s="107">
        <v>3.06729890851873E-10</v>
      </c>
      <c r="C106" s="107">
        <v>3.8390642044163602E-10</v>
      </c>
      <c r="D106" s="107">
        <v>3.8390642044163602E-10</v>
      </c>
      <c r="E106" s="107">
        <v>3.8390642044163602E-10</v>
      </c>
      <c r="F106" s="107">
        <v>3.8292206150202302E-10</v>
      </c>
      <c r="G106" s="107">
        <v>5.3533503420711403E-10</v>
      </c>
      <c r="H106" s="107">
        <v>5.3533503420711403E-10</v>
      </c>
      <c r="I106" s="107">
        <v>4.5872377082809598E-10</v>
      </c>
      <c r="J106" s="107">
        <v>3.0604647251615199E-10</v>
      </c>
      <c r="K106" s="107">
        <v>3.0604647251615199E-10</v>
      </c>
      <c r="L106" s="107">
        <v>3.0604647251615199E-10</v>
      </c>
      <c r="M106" s="107">
        <v>3.0604647251615199E-10</v>
      </c>
      <c r="N106" s="107">
        <v>3.0604647251615199E-10</v>
      </c>
      <c r="O106" s="107">
        <v>3.0604647251615199E-10</v>
      </c>
      <c r="P106" s="107">
        <v>3.03302091200586E-10</v>
      </c>
      <c r="Q106" s="107">
        <v>4.5142768348863301E-10</v>
      </c>
      <c r="R106" s="107">
        <v>4.5142768348863301E-10</v>
      </c>
      <c r="S106" s="107">
        <v>4.4850483893944098E-10</v>
      </c>
      <c r="T106" s="107">
        <v>2.9609186623435101E-10</v>
      </c>
      <c r="U106" s="107">
        <v>2.9609186623435101E-10</v>
      </c>
      <c r="V106" s="107">
        <v>3.6835778122259398E-10</v>
      </c>
      <c r="W106" s="107">
        <v>3.6835778122259398E-10</v>
      </c>
      <c r="X106" s="107">
        <v>4.3976568509418401E-10</v>
      </c>
      <c r="Y106" s="107">
        <v>5.1073927649336201E-10</v>
      </c>
      <c r="Z106" s="107">
        <v>5.1073927649336201E-10</v>
      </c>
      <c r="AA106" s="107">
        <v>5.1073927649336201E-10</v>
      </c>
      <c r="AB106" s="107">
        <v>5.1073927649336201E-10</v>
      </c>
      <c r="AC106" s="107">
        <v>4.3630712821916498E-10</v>
      </c>
      <c r="AD106" s="107">
        <v>2.8818153593111802E-10</v>
      </c>
      <c r="AE106" s="107">
        <v>2.8818153593111802E-10</v>
      </c>
      <c r="AF106" s="107">
        <v>2.84232942506513E-10</v>
      </c>
      <c r="AG106" s="107">
        <v>4.22720828691543E-10</v>
      </c>
      <c r="AH106" s="107">
        <v>4.9176864379110202E-10</v>
      </c>
      <c r="AI106" s="107">
        <v>4.1950272880285801E-10</v>
      </c>
      <c r="AJ106" s="107">
        <v>5.5680663334958997E-10</v>
      </c>
      <c r="AK106" s="107">
        <v>4.8539872947800005E-10</v>
      </c>
      <c r="AL106" s="107">
        <v>4.8267871859791296E-10</v>
      </c>
      <c r="AM106" s="107">
        <v>4.8267871859791296E-10</v>
      </c>
      <c r="AN106" s="107">
        <v>4.8267871859791296E-10</v>
      </c>
    </row>
    <row r="107" spans="1:40" x14ac:dyDescent="0.2">
      <c r="A107" s="133" t="s">
        <v>199</v>
      </c>
      <c r="B107" s="107">
        <v>2.4930389217869398E-11</v>
      </c>
      <c r="C107" s="107">
        <v>3.1194764917726499E-11</v>
      </c>
      <c r="D107" s="107">
        <v>3.1194764917726499E-11</v>
      </c>
      <c r="E107" s="107">
        <v>3.1194764917726499E-11</v>
      </c>
      <c r="F107" s="107">
        <v>3.1114196146784003E-11</v>
      </c>
      <c r="G107" s="107">
        <v>4.3551498462249102E-11</v>
      </c>
      <c r="H107" s="107">
        <v>4.3551498462249102E-11</v>
      </c>
      <c r="I107" s="107">
        <v>3.7324791981668799E-11</v>
      </c>
      <c r="J107" s="107">
        <v>2.4922202313202301E-11</v>
      </c>
      <c r="K107" s="107">
        <v>2.4922202313202301E-11</v>
      </c>
      <c r="L107" s="107">
        <v>2.4922202313202301E-11</v>
      </c>
      <c r="M107" s="107">
        <v>2.4922202313202301E-11</v>
      </c>
      <c r="N107" s="107">
        <v>2.4922202313202301E-11</v>
      </c>
      <c r="O107" s="107">
        <v>2.4922202313202301E-11</v>
      </c>
      <c r="P107" s="107">
        <v>2.4897899515506701E-11</v>
      </c>
      <c r="Q107" s="107">
        <v>3.7372024157593902E-11</v>
      </c>
      <c r="R107" s="107">
        <v>3.7372024157593902E-11</v>
      </c>
      <c r="S107" s="107">
        <v>3.7399854276627499E-11</v>
      </c>
      <c r="T107" s="107">
        <v>2.49625519611624E-11</v>
      </c>
      <c r="U107" s="107">
        <v>2.49625519611624E-11</v>
      </c>
      <c r="V107" s="107">
        <v>3.1139280827024198E-11</v>
      </c>
      <c r="W107" s="107">
        <v>3.1139280827024198E-11</v>
      </c>
      <c r="X107" s="107">
        <v>3.7263809547297103E-11</v>
      </c>
      <c r="Y107" s="107">
        <v>4.3360760878655699E-11</v>
      </c>
      <c r="Z107" s="107">
        <v>4.3360760878655699E-11</v>
      </c>
      <c r="AA107" s="107">
        <v>4.3360760878655699E-11</v>
      </c>
      <c r="AB107" s="107">
        <v>4.3360760878655699E-11</v>
      </c>
      <c r="AC107" s="107">
        <v>3.7120687976494202E-11</v>
      </c>
      <c r="AD107" s="107">
        <v>2.4646563334407001E-11</v>
      </c>
      <c r="AE107" s="107">
        <v>2.4646563334407001E-11</v>
      </c>
      <c r="AF107" s="107">
        <v>2.4392706273872099E-11</v>
      </c>
      <c r="AG107" s="107">
        <v>3.6323453963813298E-11</v>
      </c>
      <c r="AH107" s="107">
        <v>4.2273015967107799E-11</v>
      </c>
      <c r="AI107" s="107">
        <v>3.6096287101246001E-11</v>
      </c>
      <c r="AJ107" s="107">
        <v>4.7934238169872299E-11</v>
      </c>
      <c r="AK107" s="107">
        <v>4.1809709449599303E-11</v>
      </c>
      <c r="AL107" s="107">
        <v>4.1610786551412103E-11</v>
      </c>
      <c r="AM107" s="107">
        <v>4.1610786551412103E-11</v>
      </c>
      <c r="AN107" s="107">
        <v>4.1610786551412103E-11</v>
      </c>
    </row>
    <row r="108" spans="1:40" x14ac:dyDescent="0.2">
      <c r="A108" s="133" t="s">
        <v>200</v>
      </c>
      <c r="B108" s="107">
        <v>2.79829268526942E-11</v>
      </c>
      <c r="C108" s="107">
        <v>3.5046583009955897E-11</v>
      </c>
      <c r="D108" s="107">
        <v>3.5046583009955897E-11</v>
      </c>
      <c r="E108" s="107">
        <v>3.5046583009955897E-11</v>
      </c>
      <c r="F108" s="107">
        <v>3.5002344793352697E-11</v>
      </c>
      <c r="G108" s="107">
        <v>4.8940078821569098E-11</v>
      </c>
      <c r="H108" s="107">
        <v>4.8940078821569098E-11</v>
      </c>
      <c r="I108" s="107">
        <v>4.1947505362965698E-11</v>
      </c>
      <c r="J108" s="107">
        <v>2.7993952220897499E-11</v>
      </c>
      <c r="K108" s="107">
        <v>2.7993952220897499E-11</v>
      </c>
      <c r="L108" s="107">
        <v>2.7993952220897499E-11</v>
      </c>
      <c r="M108" s="107">
        <v>2.7993952220897499E-11</v>
      </c>
      <c r="N108" s="107">
        <v>2.7993952220897499E-11</v>
      </c>
      <c r="O108" s="107">
        <v>2.7993952220897499E-11</v>
      </c>
      <c r="P108" s="107">
        <v>2.77213733152271E-11</v>
      </c>
      <c r="Q108" s="107">
        <v>4.1236529499580601E-11</v>
      </c>
      <c r="R108" s="107">
        <v>4.1236529499580601E-11</v>
      </c>
      <c r="S108" s="107">
        <v>4.0955448285407603E-11</v>
      </c>
      <c r="T108" s="107">
        <v>2.7017714257191199E-11</v>
      </c>
      <c r="U108" s="107">
        <v>2.7017714257191199E-11</v>
      </c>
      <c r="V108" s="107">
        <v>3.3609547422239602E-11</v>
      </c>
      <c r="W108" s="107">
        <v>3.3609547422239602E-11</v>
      </c>
      <c r="X108" s="107">
        <v>4.0122319598220102E-11</v>
      </c>
      <c r="Y108" s="107">
        <v>4.66014993909733E-11</v>
      </c>
      <c r="Z108" s="107">
        <v>4.66014993909733E-11</v>
      </c>
      <c r="AA108" s="107">
        <v>4.66014993909733E-11</v>
      </c>
      <c r="AB108" s="107">
        <v>4.66014993909733E-11</v>
      </c>
      <c r="AC108" s="107">
        <v>3.9810422139382099E-11</v>
      </c>
      <c r="AD108" s="107">
        <v>2.62952659550285E-11</v>
      </c>
      <c r="AE108" s="107">
        <v>2.62952659550285E-11</v>
      </c>
      <c r="AF108" s="107">
        <v>2.59392377317061E-11</v>
      </c>
      <c r="AG108" s="107">
        <v>3.8578872848857597E-11</v>
      </c>
      <c r="AH108" s="107">
        <v>4.4881312553456498E-11</v>
      </c>
      <c r="AI108" s="107">
        <v>3.8289479388408099E-11</v>
      </c>
      <c r="AJ108" s="107">
        <v>5.0833752597706101E-11</v>
      </c>
      <c r="AK108" s="107">
        <v>4.4320980421725601E-11</v>
      </c>
      <c r="AL108" s="107">
        <v>4.4083440785305201E-11</v>
      </c>
      <c r="AM108" s="107">
        <v>4.4083440785305201E-11</v>
      </c>
      <c r="AN108" s="107">
        <v>4.4083440785305201E-11</v>
      </c>
    </row>
    <row r="109" spans="1:40" x14ac:dyDescent="0.2">
      <c r="A109" s="133" t="s">
        <v>201</v>
      </c>
      <c r="B109" s="107">
        <v>8.1337252134475195E-11</v>
      </c>
      <c r="C109" s="107">
        <v>1.0403295314441899E-10</v>
      </c>
      <c r="D109" s="107">
        <v>1.0403295314441899E-10</v>
      </c>
      <c r="E109" s="107">
        <v>1.0403295314441899E-10</v>
      </c>
      <c r="F109" s="107">
        <v>1.08105711497588E-10</v>
      </c>
      <c r="G109" s="107">
        <v>1.5572742444563999E-10</v>
      </c>
      <c r="H109" s="107">
        <v>1.5572742444563999E-10</v>
      </c>
      <c r="I109" s="107">
        <v>1.3531247368841599E-10</v>
      </c>
      <c r="J109" s="107">
        <v>9.3851549451622701E-11</v>
      </c>
      <c r="K109" s="107">
        <v>9.3851549451622701E-11</v>
      </c>
      <c r="L109" s="107">
        <v>9.3851549451622701E-11</v>
      </c>
      <c r="M109" s="107">
        <v>9.3851549451622701E-11</v>
      </c>
      <c r="N109" s="107">
        <v>9.3851549451622701E-11</v>
      </c>
      <c r="O109" s="107">
        <v>9.3851549451622701E-11</v>
      </c>
      <c r="P109" s="107">
        <v>9.6903521078452504E-11</v>
      </c>
      <c r="Q109" s="107">
        <v>1.4921250668222399E-10</v>
      </c>
      <c r="R109" s="107">
        <v>1.4921250668222399E-10</v>
      </c>
      <c r="S109" s="107">
        <v>1.5239688689882899E-10</v>
      </c>
      <c r="T109" s="107">
        <v>1.0477517395077699E-10</v>
      </c>
      <c r="U109" s="107">
        <v>1.0477517395077699E-10</v>
      </c>
      <c r="V109" s="107">
        <v>1.3295963862211699E-10</v>
      </c>
      <c r="W109" s="107">
        <v>1.3295963862211699E-10</v>
      </c>
      <c r="X109" s="107">
        <v>1.6213789100771501E-10</v>
      </c>
      <c r="Y109" s="107">
        <v>1.91813814007428E-10</v>
      </c>
      <c r="Z109" s="107">
        <v>1.91813814007428E-10</v>
      </c>
      <c r="AA109" s="107">
        <v>1.91813814007428E-10</v>
      </c>
      <c r="AB109" s="107">
        <v>1.91813814007428E-10</v>
      </c>
      <c r="AC109" s="107">
        <v>1.6606614137065399E-10</v>
      </c>
      <c r="AD109" s="107">
        <v>1.1375715576688301E-10</v>
      </c>
      <c r="AE109" s="107">
        <v>1.1375715576688301E-10</v>
      </c>
      <c r="AF109" s="107">
        <v>1.1834670471983699E-10</v>
      </c>
      <c r="AG109" s="107">
        <v>1.8178004939635299E-10</v>
      </c>
      <c r="AH109" s="107">
        <v>2.1372722196133399E-10</v>
      </c>
      <c r="AI109" s="107">
        <v>1.8554275728999401E-10</v>
      </c>
      <c r="AJ109" s="107">
        <v>2.5035503266399399E-10</v>
      </c>
      <c r="AK109" s="107">
        <v>2.2117678027839599E-10</v>
      </c>
      <c r="AL109" s="107">
        <v>2.2435854559384999E-10</v>
      </c>
      <c r="AM109" s="107">
        <v>2.2435854559384999E-10</v>
      </c>
      <c r="AN109" s="107">
        <v>2.2435854559384999E-10</v>
      </c>
    </row>
    <row r="110" spans="1:40" x14ac:dyDescent="0.2">
      <c r="A110" s="133" t="s">
        <v>202</v>
      </c>
      <c r="B110" s="107">
        <v>8712097.0947471596</v>
      </c>
      <c r="C110" s="107">
        <v>8738786.5351650007</v>
      </c>
      <c r="D110" s="107">
        <v>8745920.88637821</v>
      </c>
      <c r="E110" s="107">
        <v>8771888.4311804194</v>
      </c>
      <c r="F110" s="107">
        <v>8798273.5849800706</v>
      </c>
      <c r="G110" s="107">
        <v>8805002.0801510494</v>
      </c>
      <c r="H110" s="107">
        <v>8831069.9439668301</v>
      </c>
      <c r="I110" s="107">
        <v>8857319.9895438291</v>
      </c>
      <c r="J110" s="107">
        <v>8865212.3007462006</v>
      </c>
      <c r="K110" s="107">
        <v>8891238.9154005796</v>
      </c>
      <c r="L110" s="107">
        <v>8917473.8725909106</v>
      </c>
      <c r="M110" s="107">
        <v>8923416.9820362106</v>
      </c>
      <c r="N110" s="107">
        <v>8923416.9820362106</v>
      </c>
      <c r="O110" s="107">
        <v>8962040.3126843609</v>
      </c>
      <c r="P110" s="107">
        <v>9000852.5423354693</v>
      </c>
      <c r="Q110" s="107">
        <v>9037390.7424633298</v>
      </c>
      <c r="R110" s="107">
        <v>9076119.0240472294</v>
      </c>
      <c r="S110" s="107">
        <v>9114895.8687023297</v>
      </c>
      <c r="T110" s="107">
        <v>9151386.8724910393</v>
      </c>
      <c r="U110" s="107">
        <v>9190126.8200099003</v>
      </c>
      <c r="V110" s="107">
        <v>9228887.9531494994</v>
      </c>
      <c r="W110" s="107">
        <v>9265514.2952119093</v>
      </c>
      <c r="X110" s="107">
        <v>9304249.4459328596</v>
      </c>
      <c r="Y110" s="107">
        <v>9343008.8244685195</v>
      </c>
      <c r="Z110" s="107">
        <v>9379408.4970283695</v>
      </c>
      <c r="AA110" s="107">
        <v>9379408.4970283695</v>
      </c>
      <c r="AB110" s="107">
        <v>9417763.3319071494</v>
      </c>
      <c r="AC110" s="107">
        <v>9456361.8416437097</v>
      </c>
      <c r="AD110" s="107">
        <v>9492026.9117536191</v>
      </c>
      <c r="AE110" s="107">
        <v>9530517.1306415405</v>
      </c>
      <c r="AF110" s="107">
        <v>9569069.9946429003</v>
      </c>
      <c r="AG110" s="107">
        <v>9604674.1826885808</v>
      </c>
      <c r="AH110" s="107">
        <v>9643179.45033269</v>
      </c>
      <c r="AI110" s="107">
        <v>9681712.0468829591</v>
      </c>
      <c r="AJ110" s="107">
        <v>9717490.81782257</v>
      </c>
      <c r="AK110" s="107">
        <v>9755989.8977207094</v>
      </c>
      <c r="AL110" s="107">
        <v>9794520.2308769803</v>
      </c>
      <c r="AM110" s="107">
        <v>9830006.6039852891</v>
      </c>
      <c r="AN110" s="107">
        <v>9830006.6039852891</v>
      </c>
    </row>
    <row r="111" spans="1:40" x14ac:dyDescent="0.2">
      <c r="A111" s="133" t="s">
        <v>203</v>
      </c>
      <c r="B111" s="107">
        <v>8712097.0947471596</v>
      </c>
      <c r="C111" s="107">
        <v>8738786.5351650007</v>
      </c>
      <c r="D111" s="107">
        <v>8745920.88637821</v>
      </c>
      <c r="E111" s="107">
        <v>8771888.4311804194</v>
      </c>
      <c r="F111" s="107">
        <v>8798273.5849800706</v>
      </c>
      <c r="G111" s="107">
        <v>8805002.0801510494</v>
      </c>
      <c r="H111" s="107">
        <v>8831069.9439668301</v>
      </c>
      <c r="I111" s="107">
        <v>8857319.9895438291</v>
      </c>
      <c r="J111" s="107">
        <v>8865212.3007462006</v>
      </c>
      <c r="K111" s="107">
        <v>8891238.9154005796</v>
      </c>
      <c r="L111" s="107">
        <v>8917473.8725909106</v>
      </c>
      <c r="M111" s="107">
        <v>8923416.9820362106</v>
      </c>
      <c r="N111" s="107">
        <v>8923416.9820362106</v>
      </c>
      <c r="O111" s="107">
        <v>8962040.3126843609</v>
      </c>
      <c r="P111" s="107">
        <v>9000852.5423354693</v>
      </c>
      <c r="Q111" s="107">
        <v>9037390.7424633298</v>
      </c>
      <c r="R111" s="107">
        <v>9076119.0240472294</v>
      </c>
      <c r="S111" s="107">
        <v>9114895.8687023297</v>
      </c>
      <c r="T111" s="107">
        <v>9151386.8724910393</v>
      </c>
      <c r="U111" s="107">
        <v>9190126.8200099003</v>
      </c>
      <c r="V111" s="107">
        <v>9228887.9531494994</v>
      </c>
      <c r="W111" s="107">
        <v>9265514.2952119093</v>
      </c>
      <c r="X111" s="107">
        <v>9304249.4459328596</v>
      </c>
      <c r="Y111" s="107">
        <v>9343008.8244685195</v>
      </c>
      <c r="Z111" s="107">
        <v>9379408.4970283695</v>
      </c>
      <c r="AA111" s="107">
        <v>9379408.4970283695</v>
      </c>
      <c r="AB111" s="107">
        <v>9417763.3319071494</v>
      </c>
      <c r="AC111" s="107">
        <v>9456361.8416437097</v>
      </c>
      <c r="AD111" s="107">
        <v>9492026.9117536191</v>
      </c>
      <c r="AE111" s="107">
        <v>9530517.1306415405</v>
      </c>
      <c r="AF111" s="107">
        <v>9569069.9946429003</v>
      </c>
      <c r="AG111" s="107">
        <v>9604674.1826885808</v>
      </c>
      <c r="AH111" s="107">
        <v>9643179.45033269</v>
      </c>
      <c r="AI111" s="107">
        <v>9681712.0468829591</v>
      </c>
      <c r="AJ111" s="107">
        <v>9717490.81782257</v>
      </c>
      <c r="AK111" s="107">
        <v>9755989.8977207094</v>
      </c>
      <c r="AL111" s="107">
        <v>9794520.2308769803</v>
      </c>
      <c r="AM111" s="107">
        <v>9830006.6039852891</v>
      </c>
      <c r="AN111" s="107">
        <v>9830006.6039852891</v>
      </c>
    </row>
    <row r="112" spans="1:40" x14ac:dyDescent="0.2">
      <c r="A112" s="133" t="s">
        <v>204</v>
      </c>
    </row>
    <row r="113" spans="1:40" x14ac:dyDescent="0.2">
      <c r="A113" s="133" t="s">
        <v>205</v>
      </c>
      <c r="B113" s="107">
        <v>13561.2604952005</v>
      </c>
      <c r="C113" s="107">
        <v>13534.2482264108</v>
      </c>
      <c r="D113" s="107">
        <v>13471.0157247486</v>
      </c>
      <c r="E113" s="107">
        <v>13360.4122050358</v>
      </c>
      <c r="F113" s="107">
        <v>13043.759591939501</v>
      </c>
      <c r="G113" s="107">
        <v>12861.6694332718</v>
      </c>
      <c r="H113" s="107">
        <v>12768.4175798342</v>
      </c>
      <c r="I113" s="107">
        <v>12745.3670905774</v>
      </c>
      <c r="J113" s="107">
        <v>12698.132382868</v>
      </c>
      <c r="K113" s="107">
        <v>12665.2844942048</v>
      </c>
      <c r="L113" s="107">
        <v>12631.475866188101</v>
      </c>
      <c r="M113" s="107">
        <v>12589.9825202018</v>
      </c>
      <c r="N113" s="107">
        <v>12589.9825202018</v>
      </c>
      <c r="O113" s="107">
        <v>12537.1220335912</v>
      </c>
      <c r="P113" s="107">
        <v>12507.568920137201</v>
      </c>
      <c r="Q113" s="107">
        <v>12437.0211427058</v>
      </c>
      <c r="R113" s="107">
        <v>12312.7981512923</v>
      </c>
      <c r="S113" s="107">
        <v>11954.1633641182</v>
      </c>
      <c r="T113" s="107">
        <v>11754.2006032152</v>
      </c>
      <c r="U113" s="107">
        <v>11654.362146399801</v>
      </c>
      <c r="V113" s="107">
        <v>11630.426195079301</v>
      </c>
      <c r="W113" s="107">
        <v>11582.960474388199</v>
      </c>
      <c r="X113" s="107">
        <v>11550.513161295799</v>
      </c>
      <c r="Y113" s="107">
        <v>11516.404472575299</v>
      </c>
      <c r="Z113" s="107">
        <v>11474.484497400101</v>
      </c>
      <c r="AA113" s="107">
        <v>11474.484497400101</v>
      </c>
      <c r="AB113" s="107">
        <v>11434.432575749801</v>
      </c>
      <c r="AC113" s="107">
        <v>11411.5253155256</v>
      </c>
      <c r="AD113" s="107">
        <v>11356.9251290088</v>
      </c>
      <c r="AE113" s="107">
        <v>11260.476138853899</v>
      </c>
      <c r="AF113" s="107">
        <v>10981.3960526295</v>
      </c>
      <c r="AG113" s="107">
        <v>10826.2410723129</v>
      </c>
      <c r="AH113" s="107">
        <v>10749.444637750399</v>
      </c>
      <c r="AI113" s="107">
        <v>10731.4877839813</v>
      </c>
      <c r="AJ113" s="107">
        <v>10696.810485056199</v>
      </c>
      <c r="AK113" s="107">
        <v>10673.5921786095</v>
      </c>
      <c r="AL113" s="107">
        <v>10650.1620258438</v>
      </c>
      <c r="AM113" s="107">
        <v>10621.8924326667</v>
      </c>
      <c r="AN113" s="107">
        <v>10621.8924326667</v>
      </c>
    </row>
    <row r="114" spans="1:40" x14ac:dyDescent="0.2">
      <c r="A114" s="133" t="s">
        <v>206</v>
      </c>
      <c r="B114" s="107">
        <v>796.79138542488499</v>
      </c>
      <c r="C114" s="107">
        <v>795.22482862226195</v>
      </c>
      <c r="D114" s="107">
        <v>791.55938460646905</v>
      </c>
      <c r="E114" s="107">
        <v>785.15001707381498</v>
      </c>
      <c r="F114" s="107">
        <v>766.80661447445004</v>
      </c>
      <c r="G114" s="107">
        <v>756.25651293124304</v>
      </c>
      <c r="H114" s="107">
        <v>750.85249857524298</v>
      </c>
      <c r="I114" s="107">
        <v>749.51634419551101</v>
      </c>
      <c r="J114" s="107">
        <v>746.77756486190503</v>
      </c>
      <c r="K114" s="107">
        <v>744.87286214825201</v>
      </c>
      <c r="L114" s="107">
        <v>742.91290644171102</v>
      </c>
      <c r="M114" s="107">
        <v>740.50796119202596</v>
      </c>
      <c r="N114" s="107">
        <v>740.50796119202596</v>
      </c>
      <c r="O114" s="107">
        <v>737.40731446053496</v>
      </c>
      <c r="P114" s="107">
        <v>735.67399484102395</v>
      </c>
      <c r="Q114" s="107">
        <v>731.53649078664705</v>
      </c>
      <c r="R114" s="107">
        <v>724.25142268890102</v>
      </c>
      <c r="S114" s="107">
        <v>703.22035904374604</v>
      </c>
      <c r="T114" s="107">
        <v>691.49487607138997</v>
      </c>
      <c r="U114" s="107">
        <v>685.64072594451102</v>
      </c>
      <c r="V114" s="107">
        <v>684.23726367009397</v>
      </c>
      <c r="W114" s="107">
        <v>681.45427330560403</v>
      </c>
      <c r="X114" s="107">
        <v>679.55192201045395</v>
      </c>
      <c r="Y114" s="107">
        <v>677.55214036705104</v>
      </c>
      <c r="Z114" s="107">
        <v>675.09450834446397</v>
      </c>
      <c r="AA114" s="107">
        <v>675.09450834446397</v>
      </c>
      <c r="AB114" s="107">
        <v>672.73807722454001</v>
      </c>
      <c r="AC114" s="107">
        <v>671.39034211869898</v>
      </c>
      <c r="AD114" s="107">
        <v>668.17797244053099</v>
      </c>
      <c r="AE114" s="107">
        <v>662.50345315352399</v>
      </c>
      <c r="AF114" s="107">
        <v>646.08394135401397</v>
      </c>
      <c r="AG114" s="107">
        <v>636.95548985993696</v>
      </c>
      <c r="AH114" s="107">
        <v>632.43721705689302</v>
      </c>
      <c r="AI114" s="107">
        <v>631.38073618671206</v>
      </c>
      <c r="AJ114" s="107">
        <v>629.34051781577898</v>
      </c>
      <c r="AK114" s="107">
        <v>627.97448248942305</v>
      </c>
      <c r="AL114" s="107">
        <v>626.59598331018606</v>
      </c>
      <c r="AM114" s="107">
        <v>624.93275851683495</v>
      </c>
      <c r="AN114" s="107">
        <v>624.93275851683495</v>
      </c>
    </row>
    <row r="115" spans="1:40" x14ac:dyDescent="0.2">
      <c r="A115" s="133" t="s">
        <v>207</v>
      </c>
      <c r="B115" s="107">
        <v>7072.7858203664</v>
      </c>
      <c r="C115" s="107">
        <v>7058.6740664610697</v>
      </c>
      <c r="D115" s="107">
        <v>7025.6381976351604</v>
      </c>
      <c r="E115" s="107">
        <v>6967.8509224566196</v>
      </c>
      <c r="F115" s="107">
        <v>6802.4014291207804</v>
      </c>
      <c r="G115" s="107">
        <v>6707.2622354651503</v>
      </c>
      <c r="H115" s="107">
        <v>6658.54090872692</v>
      </c>
      <c r="I115" s="107">
        <v>6646.49812847462</v>
      </c>
      <c r="J115" s="107">
        <v>6621.8211157390197</v>
      </c>
      <c r="K115" s="107">
        <v>6604.6603860041496</v>
      </c>
      <c r="L115" s="107">
        <v>6586.9972114127304</v>
      </c>
      <c r="M115" s="107">
        <v>6565.3186013596396</v>
      </c>
      <c r="N115" s="107">
        <v>6565.3186013596396</v>
      </c>
      <c r="O115" s="107">
        <v>6537.7888827323604</v>
      </c>
      <c r="P115" s="107">
        <v>6522.3984001828603</v>
      </c>
      <c r="Q115" s="107">
        <v>6485.6597897987704</v>
      </c>
      <c r="R115" s="107">
        <v>6420.9708136322797</v>
      </c>
      <c r="S115" s="107">
        <v>6234.21680909528</v>
      </c>
      <c r="T115" s="107">
        <v>6130.0921076014001</v>
      </c>
      <c r="U115" s="107">
        <v>6078.1050641789698</v>
      </c>
      <c r="V115" s="107">
        <v>6065.6415528340203</v>
      </c>
      <c r="W115" s="107">
        <v>6040.9265259255799</v>
      </c>
      <c r="X115" s="107">
        <v>6024.0318268661804</v>
      </c>
      <c r="Y115" s="107">
        <v>6006.2719733194399</v>
      </c>
      <c r="Z115" s="107">
        <v>5984.4454226640801</v>
      </c>
      <c r="AA115" s="107">
        <v>5984.4454226640801</v>
      </c>
      <c r="AB115" s="107">
        <v>5963.9124588024397</v>
      </c>
      <c r="AC115" s="107">
        <v>5952.1722261755103</v>
      </c>
      <c r="AD115" s="107">
        <v>5924.1986819093099</v>
      </c>
      <c r="AE115" s="107">
        <v>5874.79951361441</v>
      </c>
      <c r="AF115" s="107">
        <v>5731.9046705719802</v>
      </c>
      <c r="AG115" s="107">
        <v>5652.5003533178397</v>
      </c>
      <c r="AH115" s="107">
        <v>5613.2146323778197</v>
      </c>
      <c r="AI115" s="107">
        <v>5604.0359451930299</v>
      </c>
      <c r="AJ115" s="107">
        <v>5586.32638405129</v>
      </c>
      <c r="AK115" s="107">
        <v>5574.4784897932796</v>
      </c>
      <c r="AL115" s="107">
        <v>5562.5330890586802</v>
      </c>
      <c r="AM115" s="107">
        <v>5548.1325997796002</v>
      </c>
      <c r="AN115" s="107">
        <v>5548.1325997796002</v>
      </c>
    </row>
    <row r="116" spans="1:40" x14ac:dyDescent="0.2">
      <c r="A116" s="133" t="s">
        <v>208</v>
      </c>
      <c r="B116" s="107">
        <v>7854.9164943120704</v>
      </c>
      <c r="C116" s="107">
        <v>7839.27027007999</v>
      </c>
      <c r="D116" s="107">
        <v>7802.64430349133</v>
      </c>
      <c r="E116" s="107">
        <v>7738.5797431997198</v>
      </c>
      <c r="F116" s="107">
        <v>7555.1658788778896</v>
      </c>
      <c r="G116" s="107">
        <v>7449.6942946313602</v>
      </c>
      <c r="H116" s="107">
        <v>7395.6802923002297</v>
      </c>
      <c r="I116" s="107">
        <v>7382.3288282534904</v>
      </c>
      <c r="J116" s="107">
        <v>7354.9692228808799</v>
      </c>
      <c r="K116" s="107">
        <v>7335.9428489680304</v>
      </c>
      <c r="L116" s="107">
        <v>7316.3599836018002</v>
      </c>
      <c r="M116" s="107">
        <v>7292.32591696689</v>
      </c>
      <c r="N116" s="107">
        <v>7292.32591696689</v>
      </c>
      <c r="O116" s="107">
        <v>7261.7082496368703</v>
      </c>
      <c r="P116" s="107">
        <v>7244.5905979784002</v>
      </c>
      <c r="Q116" s="107">
        <v>7203.7281595340201</v>
      </c>
      <c r="R116" s="107">
        <v>7131.7761502032199</v>
      </c>
      <c r="S116" s="107">
        <v>6924.0489552655899</v>
      </c>
      <c r="T116" s="107">
        <v>6808.22721989611</v>
      </c>
      <c r="U116" s="107">
        <v>6750.3991359431302</v>
      </c>
      <c r="V116" s="107">
        <v>6736.53503741228</v>
      </c>
      <c r="W116" s="107">
        <v>6709.0421076478397</v>
      </c>
      <c r="X116" s="107">
        <v>6690.2480877339804</v>
      </c>
      <c r="Y116" s="107">
        <v>6670.4917716031996</v>
      </c>
      <c r="Z116" s="107">
        <v>6646.2110292814205</v>
      </c>
      <c r="AA116" s="107">
        <v>6646.2110292814205</v>
      </c>
      <c r="AB116" s="107">
        <v>6623.01229442964</v>
      </c>
      <c r="AC116" s="107">
        <v>6609.7440307802099</v>
      </c>
      <c r="AD116" s="107">
        <v>6578.1187005171596</v>
      </c>
      <c r="AE116" s="107">
        <v>6522.25385166264</v>
      </c>
      <c r="AF116" s="107">
        <v>6360.60605410474</v>
      </c>
      <c r="AG116" s="107">
        <v>6270.7377256702903</v>
      </c>
      <c r="AH116" s="107">
        <v>6226.2559617606103</v>
      </c>
      <c r="AI116" s="107">
        <v>6215.8550553322102</v>
      </c>
      <c r="AJ116" s="107">
        <v>6195.7693907749799</v>
      </c>
      <c r="AK116" s="107">
        <v>6182.3209640136902</v>
      </c>
      <c r="AL116" s="107">
        <v>6168.7498323637401</v>
      </c>
      <c r="AM116" s="107">
        <v>6152.3756168589298</v>
      </c>
      <c r="AN116" s="107">
        <v>6152.3756168589298</v>
      </c>
    </row>
    <row r="117" spans="1:40" x14ac:dyDescent="0.2">
      <c r="A117" s="133" t="s">
        <v>209</v>
      </c>
      <c r="B117" s="107">
        <v>7505.44118492284</v>
      </c>
      <c r="C117" s="107">
        <v>7485.9348345395501</v>
      </c>
      <c r="D117" s="107">
        <v>7439.9005366594001</v>
      </c>
      <c r="E117" s="107">
        <v>7358.9211330672897</v>
      </c>
      <c r="F117" s="107">
        <v>7125.6813715558401</v>
      </c>
      <c r="G117" s="107">
        <v>6991.9525829133099</v>
      </c>
      <c r="H117" s="107">
        <v>6923.7126635558297</v>
      </c>
      <c r="I117" s="107">
        <v>6906.9248879423603</v>
      </c>
      <c r="J117" s="107">
        <v>6872.6904680998996</v>
      </c>
      <c r="K117" s="107">
        <v>6848.9064924693303</v>
      </c>
      <c r="L117" s="107">
        <v>6824.3257628396696</v>
      </c>
      <c r="M117" s="107">
        <v>6794.0448710115397</v>
      </c>
      <c r="N117" s="107">
        <v>6794.0448710115397</v>
      </c>
      <c r="O117" s="107">
        <v>6765.5192938425498</v>
      </c>
      <c r="P117" s="107">
        <v>6749.5712829091099</v>
      </c>
      <c r="Q117" s="107">
        <v>6711.5009548010203</v>
      </c>
      <c r="R117" s="107">
        <v>6644.4653909056196</v>
      </c>
      <c r="S117" s="107">
        <v>6450.9320931066304</v>
      </c>
      <c r="T117" s="107">
        <v>6343.0243999921804</v>
      </c>
      <c r="U117" s="107">
        <v>6289.1476805949997</v>
      </c>
      <c r="V117" s="107">
        <v>6276.2309091030002</v>
      </c>
      <c r="W117" s="107">
        <v>6250.6165577174397</v>
      </c>
      <c r="X117" s="107">
        <v>6233.1067239476197</v>
      </c>
      <c r="Y117" s="107">
        <v>6214.70034718844</v>
      </c>
      <c r="Z117" s="107">
        <v>6192.07869605628</v>
      </c>
      <c r="AA117" s="107">
        <v>6192.07869605628</v>
      </c>
      <c r="AB117" s="107">
        <v>6170.46511935546</v>
      </c>
      <c r="AC117" s="107">
        <v>6158.1034696402603</v>
      </c>
      <c r="AD117" s="107">
        <v>6128.6390826512197</v>
      </c>
      <c r="AE117" s="107">
        <v>6076.5914514631004</v>
      </c>
      <c r="AF117" s="107">
        <v>5925.9889684674699</v>
      </c>
      <c r="AG117" s="107">
        <v>5842.2612987474704</v>
      </c>
      <c r="AH117" s="107">
        <v>5800.8189519043399</v>
      </c>
      <c r="AI117" s="107">
        <v>5791.1287343004697</v>
      </c>
      <c r="AJ117" s="107">
        <v>5772.4155133309496</v>
      </c>
      <c r="AK117" s="107">
        <v>5759.8860109607804</v>
      </c>
      <c r="AL117" s="107">
        <v>5747.2421880666798</v>
      </c>
      <c r="AM117" s="107">
        <v>5731.9868146599001</v>
      </c>
      <c r="AN117" s="107">
        <v>5731.9868146599001</v>
      </c>
    </row>
    <row r="118" spans="1:40" x14ac:dyDescent="0.2">
      <c r="A118" s="133" t="s">
        <v>210</v>
      </c>
      <c r="B118" s="107">
        <v>680335.32487232704</v>
      </c>
      <c r="C118" s="107">
        <v>680021.004159195</v>
      </c>
      <c r="D118" s="107">
        <v>679246.65204928501</v>
      </c>
      <c r="E118" s="107">
        <v>677840.46977671399</v>
      </c>
      <c r="F118" s="107">
        <v>673656.81310388003</v>
      </c>
      <c r="G118" s="107">
        <v>671258.05998656305</v>
      </c>
      <c r="H118" s="107">
        <v>670037.48230915796</v>
      </c>
      <c r="I118" s="107">
        <v>669739.42991996696</v>
      </c>
      <c r="J118" s="107">
        <v>669136.17993586301</v>
      </c>
      <c r="K118" s="107">
        <v>668714.14723906305</v>
      </c>
      <c r="L118" s="107">
        <v>668266.96634823806</v>
      </c>
      <c r="M118" s="107">
        <v>667701.775979609</v>
      </c>
      <c r="N118" s="107">
        <v>667701.775979609</v>
      </c>
      <c r="O118" s="107">
        <v>667725.90994699497</v>
      </c>
      <c r="P118" s="107">
        <v>667737.43790607201</v>
      </c>
      <c r="Q118" s="107">
        <v>667762.38707137597</v>
      </c>
      <c r="R118" s="107">
        <v>667801.389169998</v>
      </c>
      <c r="S118" s="107">
        <v>667899.80408515094</v>
      </c>
      <c r="T118" s="107">
        <v>667945.44007657398</v>
      </c>
      <c r="U118" s="107">
        <v>667964.94063120696</v>
      </c>
      <c r="V118" s="107">
        <v>667968.80506057304</v>
      </c>
      <c r="W118" s="107">
        <v>667974.65152784297</v>
      </c>
      <c r="X118" s="107">
        <v>667977.36467912595</v>
      </c>
      <c r="Y118" s="107">
        <v>667979.98263359303</v>
      </c>
      <c r="Z118" s="107">
        <v>667981.35617222602</v>
      </c>
      <c r="AA118" s="107">
        <v>667981.35617222602</v>
      </c>
      <c r="AB118" s="107">
        <v>667958.25299925695</v>
      </c>
      <c r="AC118" s="107">
        <v>667943.77983760799</v>
      </c>
      <c r="AD118" s="107">
        <v>667905.75776932004</v>
      </c>
      <c r="AE118" s="107">
        <v>667833.03146636998</v>
      </c>
      <c r="AF118" s="107">
        <v>667605.96544804994</v>
      </c>
      <c r="AG118" s="107">
        <v>667466.59007993899</v>
      </c>
      <c r="AH118" s="107">
        <v>667391.49254283204</v>
      </c>
      <c r="AI118" s="107">
        <v>667371.57886372798</v>
      </c>
      <c r="AJ118" s="107">
        <v>667327.97719975503</v>
      </c>
      <c r="AK118" s="107">
        <v>667295.59141999495</v>
      </c>
      <c r="AL118" s="107">
        <v>667259.39084271505</v>
      </c>
      <c r="AM118" s="107">
        <v>667211.52212919097</v>
      </c>
      <c r="AN118" s="107">
        <v>667211.52212919097</v>
      </c>
    </row>
    <row r="119" spans="1:40" x14ac:dyDescent="0.2">
      <c r="A119" s="133" t="s">
        <v>211</v>
      </c>
      <c r="B119" s="107">
        <v>717126.52025255398</v>
      </c>
      <c r="C119" s="107">
        <v>716734.35638530797</v>
      </c>
      <c r="D119" s="107">
        <v>715777.41019642598</v>
      </c>
      <c r="E119" s="107">
        <v>714051.38379754697</v>
      </c>
      <c r="F119" s="107">
        <v>708950.62798984896</v>
      </c>
      <c r="G119" s="107">
        <v>706024.89504577604</v>
      </c>
      <c r="H119" s="107">
        <v>704534.68625214999</v>
      </c>
      <c r="I119" s="107">
        <v>704170.06519940996</v>
      </c>
      <c r="J119" s="107">
        <v>703430.570690313</v>
      </c>
      <c r="K119" s="107">
        <v>702913.81432285695</v>
      </c>
      <c r="L119" s="107">
        <v>702369.03807872196</v>
      </c>
      <c r="M119" s="107">
        <v>701683.95585034101</v>
      </c>
      <c r="N119" s="107">
        <v>701683.95585034101</v>
      </c>
      <c r="O119" s="107">
        <v>701565.45572125795</v>
      </c>
      <c r="P119" s="107">
        <v>701497.24110212096</v>
      </c>
      <c r="Q119" s="107">
        <v>701331.83360900299</v>
      </c>
      <c r="R119" s="107">
        <v>701035.65109872096</v>
      </c>
      <c r="S119" s="107">
        <v>700166.38566578098</v>
      </c>
      <c r="T119" s="107">
        <v>699672.47928335005</v>
      </c>
      <c r="U119" s="107">
        <v>699422.59538426797</v>
      </c>
      <c r="V119" s="107">
        <v>699361.87601867202</v>
      </c>
      <c r="W119" s="107">
        <v>699239.65146682796</v>
      </c>
      <c r="X119" s="107">
        <v>699154.81640097999</v>
      </c>
      <c r="Y119" s="107">
        <v>699065.40333864605</v>
      </c>
      <c r="Z119" s="107">
        <v>698953.67032597295</v>
      </c>
      <c r="AA119" s="107">
        <v>698953.67032597295</v>
      </c>
      <c r="AB119" s="107">
        <v>698822.81352481898</v>
      </c>
      <c r="AC119" s="107">
        <v>698746.71522184799</v>
      </c>
      <c r="AD119" s="107">
        <v>698561.81733584695</v>
      </c>
      <c r="AE119" s="107">
        <v>698229.65587511798</v>
      </c>
      <c r="AF119" s="107">
        <v>697251.945135177</v>
      </c>
      <c r="AG119" s="107">
        <v>696695.28601984796</v>
      </c>
      <c r="AH119" s="107">
        <v>696413.66394368198</v>
      </c>
      <c r="AI119" s="107">
        <v>696345.46711872204</v>
      </c>
      <c r="AJ119" s="107">
        <v>696208.63949078403</v>
      </c>
      <c r="AK119" s="107">
        <v>696113.84354586096</v>
      </c>
      <c r="AL119" s="107">
        <v>696014.67396135803</v>
      </c>
      <c r="AM119" s="107">
        <v>695890.84235167305</v>
      </c>
      <c r="AN119" s="107">
        <v>695890.84235167305</v>
      </c>
    </row>
    <row r="120" spans="1:40" x14ac:dyDescent="0.2">
      <c r="A120" s="133" t="s">
        <v>212</v>
      </c>
    </row>
    <row r="121" spans="1:40" x14ac:dyDescent="0.2">
      <c r="A121" s="133" t="s">
        <v>213</v>
      </c>
      <c r="B121" s="107">
        <v>22047.196323502299</v>
      </c>
      <c r="C121" s="107">
        <v>21896.457385384801</v>
      </c>
      <c r="D121" s="107">
        <v>21751.040376228</v>
      </c>
      <c r="E121" s="107">
        <v>21609.4114518719</v>
      </c>
      <c r="F121" s="107">
        <v>21472.256191767301</v>
      </c>
      <c r="G121" s="107">
        <v>21334.7198039588</v>
      </c>
      <c r="H121" s="107">
        <v>21196.395687680299</v>
      </c>
      <c r="I121" s="107">
        <v>21057.3260263009</v>
      </c>
      <c r="J121" s="107">
        <v>20915.508568680802</v>
      </c>
      <c r="K121" s="107">
        <v>20774.624852534402</v>
      </c>
      <c r="L121" s="107">
        <v>20636.825850151501</v>
      </c>
      <c r="M121" s="107">
        <v>20501.8983074221</v>
      </c>
      <c r="N121" s="107">
        <v>20501.8983074221</v>
      </c>
      <c r="O121" s="107">
        <v>20335.603932229202</v>
      </c>
      <c r="P121" s="107">
        <v>20170.686095272002</v>
      </c>
      <c r="Q121" s="107">
        <v>20008.446004700501</v>
      </c>
      <c r="R121" s="107">
        <v>19849.3772092418</v>
      </c>
      <c r="S121" s="107">
        <v>19694.037744215999</v>
      </c>
      <c r="T121" s="107">
        <v>19543.001817661599</v>
      </c>
      <c r="U121" s="107">
        <v>19394.9075353443</v>
      </c>
      <c r="V121" s="107">
        <v>19250.495648557699</v>
      </c>
      <c r="W121" s="107">
        <v>19107.984597701899</v>
      </c>
      <c r="X121" s="107">
        <v>18968.818939467899</v>
      </c>
      <c r="Y121" s="107">
        <v>18829.796933725702</v>
      </c>
      <c r="Z121" s="107">
        <v>18693.4820835436</v>
      </c>
      <c r="AA121" s="107">
        <v>18693.4820835436</v>
      </c>
      <c r="AB121" s="107">
        <v>18567.482311063901</v>
      </c>
      <c r="AC121" s="107">
        <v>18439.650913107002</v>
      </c>
      <c r="AD121" s="107">
        <v>18314.085806335101</v>
      </c>
      <c r="AE121" s="107">
        <v>18190.581900072899</v>
      </c>
      <c r="AF121" s="107">
        <v>18069.700845462801</v>
      </c>
      <c r="AG121" s="107">
        <v>17952.509143838801</v>
      </c>
      <c r="AH121" s="107">
        <v>17838.593993065901</v>
      </c>
      <c r="AI121" s="107">
        <v>17730.2555736387</v>
      </c>
      <c r="AJ121" s="107">
        <v>17626.140472494</v>
      </c>
      <c r="AK121" s="107">
        <v>17526.557776986301</v>
      </c>
      <c r="AL121" s="107">
        <v>17431.059915458001</v>
      </c>
      <c r="AM121" s="107">
        <v>17339.133206471601</v>
      </c>
      <c r="AN121" s="107">
        <v>17339.133206471601</v>
      </c>
    </row>
    <row r="122" spans="1:40" x14ac:dyDescent="0.2">
      <c r="A122" s="133" t="s">
        <v>214</v>
      </c>
      <c r="B122" s="107">
        <v>1295.43605299767</v>
      </c>
      <c r="C122" s="107">
        <v>1286.6940583593801</v>
      </c>
      <c r="D122" s="107">
        <v>1278.26456574092</v>
      </c>
      <c r="E122" s="107">
        <v>1270.0573058651901</v>
      </c>
      <c r="F122" s="107">
        <v>1262.1120243463699</v>
      </c>
      <c r="G122" s="107">
        <v>1254.14331880027</v>
      </c>
      <c r="H122" s="107">
        <v>1246.1273332450801</v>
      </c>
      <c r="I122" s="107">
        <v>1238.06596261346</v>
      </c>
      <c r="J122" s="107">
        <v>1229.8430532125001</v>
      </c>
      <c r="K122" s="107">
        <v>1221.6738342041101</v>
      </c>
      <c r="L122" s="107">
        <v>1213.68534259946</v>
      </c>
      <c r="M122" s="107">
        <v>1205.8649717610499</v>
      </c>
      <c r="N122" s="107">
        <v>1205.8649717610499</v>
      </c>
      <c r="O122" s="107">
        <v>1196.1106137524901</v>
      </c>
      <c r="P122" s="107">
        <v>1186.4380179073501</v>
      </c>
      <c r="Q122" s="107">
        <v>1176.92291967234</v>
      </c>
      <c r="R122" s="107">
        <v>1167.59431637631</v>
      </c>
      <c r="S122" s="107">
        <v>1158.4848984046</v>
      </c>
      <c r="T122" s="107">
        <v>1149.6284034400901</v>
      </c>
      <c r="U122" s="107">
        <v>1140.9447139153101</v>
      </c>
      <c r="V122" s="107">
        <v>1132.4772570606201</v>
      </c>
      <c r="W122" s="107">
        <v>1124.1216084875</v>
      </c>
      <c r="X122" s="107">
        <v>1115.96247465019</v>
      </c>
      <c r="Y122" s="107">
        <v>1107.81165837606</v>
      </c>
      <c r="Z122" s="107">
        <v>1099.8199613494901</v>
      </c>
      <c r="AA122" s="107">
        <v>1099.8199613494901</v>
      </c>
      <c r="AB122" s="107">
        <v>1092.4068392634299</v>
      </c>
      <c r="AC122" s="107">
        <v>1084.8859545758301</v>
      </c>
      <c r="AD122" s="107">
        <v>1077.4984057895999</v>
      </c>
      <c r="AE122" s="107">
        <v>1070.23212651617</v>
      </c>
      <c r="AF122" s="107">
        <v>1063.1201611683</v>
      </c>
      <c r="AG122" s="107">
        <v>1056.2252567211499</v>
      </c>
      <c r="AH122" s="107">
        <v>1049.52312620527</v>
      </c>
      <c r="AI122" s="107">
        <v>1043.1490993795201</v>
      </c>
      <c r="AJ122" s="107">
        <v>1037.0235489868801</v>
      </c>
      <c r="AK122" s="107">
        <v>1031.1646599989999</v>
      </c>
      <c r="AL122" s="107">
        <v>1025.5460998021499</v>
      </c>
      <c r="AM122" s="107">
        <v>1020.13764625281</v>
      </c>
      <c r="AN122" s="107">
        <v>1020.13764625281</v>
      </c>
    </row>
    <row r="123" spans="1:40" x14ac:dyDescent="0.2">
      <c r="A123" s="133" t="s">
        <v>215</v>
      </c>
      <c r="B123" s="107">
        <v>11498.507574847699</v>
      </c>
      <c r="C123" s="107">
        <v>11419.758513995999</v>
      </c>
      <c r="D123" s="107">
        <v>11343.785286410901</v>
      </c>
      <c r="E123" s="107">
        <v>11269.7880967531</v>
      </c>
      <c r="F123" s="107">
        <v>11198.1251217636</v>
      </c>
      <c r="G123" s="107">
        <v>11126.2645603245</v>
      </c>
      <c r="H123" s="107">
        <v>11053.9943134978</v>
      </c>
      <c r="I123" s="107">
        <v>10981.337054335399</v>
      </c>
      <c r="J123" s="107">
        <v>10907.246806347501</v>
      </c>
      <c r="K123" s="107">
        <v>10833.644895381</v>
      </c>
      <c r="L123" s="107">
        <v>10761.652389905399</v>
      </c>
      <c r="M123" s="107">
        <v>10691.1581572826</v>
      </c>
      <c r="N123" s="107">
        <v>10691.1581572826</v>
      </c>
      <c r="O123" s="107">
        <v>10604.552118407501</v>
      </c>
      <c r="P123" s="107">
        <v>10518.6672556924</v>
      </c>
      <c r="Q123" s="107">
        <v>10434.178761608</v>
      </c>
      <c r="R123" s="107">
        <v>10351.3438741112</v>
      </c>
      <c r="S123" s="107">
        <v>10270.453039775801</v>
      </c>
      <c r="T123" s="107">
        <v>10191.8055421302</v>
      </c>
      <c r="U123" s="107">
        <v>10114.6911301989</v>
      </c>
      <c r="V123" s="107">
        <v>10039.495489749601</v>
      </c>
      <c r="W123" s="107">
        <v>9965.2911080323593</v>
      </c>
      <c r="X123" s="107">
        <v>9892.8301955194602</v>
      </c>
      <c r="Y123" s="107">
        <v>9820.4436408210895</v>
      </c>
      <c r="Z123" s="107">
        <v>9749.4683368009391</v>
      </c>
      <c r="AA123" s="107">
        <v>9749.4683368009391</v>
      </c>
      <c r="AB123" s="107">
        <v>9684.8734642379895</v>
      </c>
      <c r="AC123" s="107">
        <v>9619.3584120514697</v>
      </c>
      <c r="AD123" s="107">
        <v>9555.0271103352006</v>
      </c>
      <c r="AE123" s="107">
        <v>9491.7709762821196</v>
      </c>
      <c r="AF123" s="107">
        <v>9429.8773472561297</v>
      </c>
      <c r="AG123" s="107">
        <v>9369.9016569088999</v>
      </c>
      <c r="AH123" s="107">
        <v>9311.6276126827306</v>
      </c>
      <c r="AI123" s="107">
        <v>9256.2501799318597</v>
      </c>
      <c r="AJ123" s="107">
        <v>9203.0790043601992</v>
      </c>
      <c r="AK123" s="107">
        <v>9152.2637026922894</v>
      </c>
      <c r="AL123" s="107">
        <v>9103.5760036978609</v>
      </c>
      <c r="AM123" s="107">
        <v>9056.7486730417495</v>
      </c>
      <c r="AN123" s="107">
        <v>9056.7486730417495</v>
      </c>
    </row>
    <row r="124" spans="1:40" x14ac:dyDescent="0.2">
      <c r="A124" s="133" t="s">
        <v>216</v>
      </c>
      <c r="B124" s="107">
        <v>12770.1165533327</v>
      </c>
      <c r="C124" s="107">
        <v>12682.8045528247</v>
      </c>
      <c r="D124" s="107">
        <v>12598.575107859</v>
      </c>
      <c r="E124" s="107">
        <v>12516.5397911981</v>
      </c>
      <c r="F124" s="107">
        <v>12437.0957088586</v>
      </c>
      <c r="G124" s="107">
        <v>12357.430883368599</v>
      </c>
      <c r="H124" s="107">
        <v>12277.3098041225</v>
      </c>
      <c r="I124" s="107">
        <v>12196.756911591199</v>
      </c>
      <c r="J124" s="107">
        <v>12114.612449106</v>
      </c>
      <c r="K124" s="107">
        <v>12033.0088401461</v>
      </c>
      <c r="L124" s="107">
        <v>11953.1919570141</v>
      </c>
      <c r="M124" s="107">
        <v>11875.0382801831</v>
      </c>
      <c r="N124" s="107">
        <v>11875.0382801831</v>
      </c>
      <c r="O124" s="107">
        <v>11778.7178301651</v>
      </c>
      <c r="P124" s="107">
        <v>11683.194693839599</v>
      </c>
      <c r="Q124" s="107">
        <v>11589.2225524687</v>
      </c>
      <c r="R124" s="107">
        <v>11497.087277630701</v>
      </c>
      <c r="S124" s="107">
        <v>11407.1120926042</v>
      </c>
      <c r="T124" s="107">
        <v>11319.6295881735</v>
      </c>
      <c r="U124" s="107">
        <v>11233.8509326937</v>
      </c>
      <c r="V124" s="107">
        <v>11150.2051815545</v>
      </c>
      <c r="W124" s="107">
        <v>11067.660425996501</v>
      </c>
      <c r="X124" s="107">
        <v>10987.053377125399</v>
      </c>
      <c r="Y124" s="107">
        <v>10906.529534151399</v>
      </c>
      <c r="Z124" s="107">
        <v>10827.5737204118</v>
      </c>
      <c r="AA124" s="107">
        <v>10827.5737204118</v>
      </c>
      <c r="AB124" s="107">
        <v>10754.592570127301</v>
      </c>
      <c r="AC124" s="107">
        <v>10680.550512100001</v>
      </c>
      <c r="AD124" s="107">
        <v>10607.821127376101</v>
      </c>
      <c r="AE124" s="107">
        <v>10536.285624047299</v>
      </c>
      <c r="AF124" s="107">
        <v>10466.269319736401</v>
      </c>
      <c r="AG124" s="107">
        <v>10398.389949639301</v>
      </c>
      <c r="AH124" s="107">
        <v>10332.4084119379</v>
      </c>
      <c r="AI124" s="107">
        <v>10269.6570091837</v>
      </c>
      <c r="AJ124" s="107">
        <v>10209.3518221665</v>
      </c>
      <c r="AK124" s="107">
        <v>10151.6718793892</v>
      </c>
      <c r="AL124" s="107">
        <v>10096.357939952</v>
      </c>
      <c r="AM124" s="107">
        <v>10043.1124710781</v>
      </c>
      <c r="AN124" s="107">
        <v>10043.1124710781</v>
      </c>
    </row>
    <row r="125" spans="1:40" x14ac:dyDescent="0.2">
      <c r="A125" s="133" t="s">
        <v>217</v>
      </c>
      <c r="B125" s="107">
        <v>12190.027160972701</v>
      </c>
      <c r="C125" s="107">
        <v>12081.1741591678</v>
      </c>
      <c r="D125" s="107">
        <v>11975.308192451501</v>
      </c>
      <c r="E125" s="107">
        <v>11871.6132480633</v>
      </c>
      <c r="F125" s="107">
        <v>11770.5875219717</v>
      </c>
      <c r="G125" s="107">
        <v>11669.579457227999</v>
      </c>
      <c r="H125" s="107">
        <v>11568.3565196447</v>
      </c>
      <c r="I125" s="107">
        <v>11467.071456067</v>
      </c>
      <c r="J125" s="107">
        <v>11364.2860548101</v>
      </c>
      <c r="K125" s="107">
        <v>11262.277219297999</v>
      </c>
      <c r="L125" s="107">
        <v>11162.089775455601</v>
      </c>
      <c r="M125" s="107">
        <v>11063.622750709599</v>
      </c>
      <c r="N125" s="107">
        <v>11063.622750709599</v>
      </c>
      <c r="O125" s="107">
        <v>10973.8838297028</v>
      </c>
      <c r="P125" s="107">
        <v>10884.887742335701</v>
      </c>
      <c r="Q125" s="107">
        <v>10797.336671200301</v>
      </c>
      <c r="R125" s="107">
        <v>10711.496954410401</v>
      </c>
      <c r="S125" s="107">
        <v>10627.669729556799</v>
      </c>
      <c r="T125" s="107">
        <v>10546.164861658899</v>
      </c>
      <c r="U125" s="107">
        <v>10466.2474195505</v>
      </c>
      <c r="V125" s="107">
        <v>10388.317141477401</v>
      </c>
      <c r="W125" s="107">
        <v>10311.4126284985</v>
      </c>
      <c r="X125" s="107">
        <v>10236.313419660901</v>
      </c>
      <c r="Y125" s="107">
        <v>10161.291731302301</v>
      </c>
      <c r="Z125" s="107">
        <v>10087.730929511201</v>
      </c>
      <c r="AA125" s="107">
        <v>10087.730929511201</v>
      </c>
      <c r="AB125" s="107">
        <v>10019.7365453577</v>
      </c>
      <c r="AC125" s="107">
        <v>9950.7537447660998</v>
      </c>
      <c r="AD125" s="107">
        <v>9882.9939231561002</v>
      </c>
      <c r="AE125" s="107">
        <v>9816.3464056123503</v>
      </c>
      <c r="AF125" s="107">
        <v>9751.1142809641697</v>
      </c>
      <c r="AG125" s="107">
        <v>9687.8730748651396</v>
      </c>
      <c r="AH125" s="107">
        <v>9626.4000232070102</v>
      </c>
      <c r="AI125" s="107">
        <v>9567.9363929627307</v>
      </c>
      <c r="AJ125" s="107">
        <v>9511.7518297362494</v>
      </c>
      <c r="AK125" s="107">
        <v>9458.0131291010002</v>
      </c>
      <c r="AL125" s="107">
        <v>9406.4787639604892</v>
      </c>
      <c r="AM125" s="107">
        <v>9356.8715318062295</v>
      </c>
      <c r="AN125" s="107">
        <v>9356.8715318062295</v>
      </c>
    </row>
    <row r="126" spans="1:40" x14ac:dyDescent="0.2">
      <c r="A126" s="133" t="s">
        <v>218</v>
      </c>
      <c r="B126" s="107">
        <v>1113891.8133175301</v>
      </c>
      <c r="C126" s="107">
        <v>1112137.7818107801</v>
      </c>
      <c r="D126" s="107">
        <v>1110356.9892611101</v>
      </c>
      <c r="E126" s="107">
        <v>1108556.3586552299</v>
      </c>
      <c r="F126" s="107">
        <v>1106744.2450158</v>
      </c>
      <c r="G126" s="107">
        <v>1104932.4181635799</v>
      </c>
      <c r="H126" s="107">
        <v>1103121.88762341</v>
      </c>
      <c r="I126" s="107">
        <v>1101323.65920508</v>
      </c>
      <c r="J126" s="107">
        <v>1099512.4618207</v>
      </c>
      <c r="K126" s="107">
        <v>1097702.3748689899</v>
      </c>
      <c r="L126" s="107">
        <v>1095879.7312346599</v>
      </c>
      <c r="M126" s="107">
        <v>1094041.8522735599</v>
      </c>
      <c r="N126" s="107">
        <v>1094041.8522735599</v>
      </c>
      <c r="O126" s="107">
        <v>1094117.7755819701</v>
      </c>
      <c r="P126" s="107">
        <v>1094182.10606541</v>
      </c>
      <c r="Q126" s="107">
        <v>1094239.48214423</v>
      </c>
      <c r="R126" s="107">
        <v>1094289.42472553</v>
      </c>
      <c r="S126" s="107">
        <v>1094332.0522698101</v>
      </c>
      <c r="T126" s="107">
        <v>1094366.5220591701</v>
      </c>
      <c r="U126" s="107">
        <v>1094395.4479934799</v>
      </c>
      <c r="V126" s="107">
        <v>1094418.7631117599</v>
      </c>
      <c r="W126" s="107">
        <v>1094436.3165415199</v>
      </c>
      <c r="X126" s="107">
        <v>1094447.9531748199</v>
      </c>
      <c r="Y126" s="107">
        <v>1094458.62357274</v>
      </c>
      <c r="Z126" s="107">
        <v>1094463.0900284599</v>
      </c>
      <c r="AA126" s="107">
        <v>1094463.0900284599</v>
      </c>
      <c r="AB126" s="107">
        <v>1094390.40950733</v>
      </c>
      <c r="AC126" s="107">
        <v>1094309.6436510801</v>
      </c>
      <c r="AD126" s="107">
        <v>1094222.2035639901</v>
      </c>
      <c r="AE126" s="107">
        <v>1094129.0767983501</v>
      </c>
      <c r="AF126" s="107">
        <v>1094030.72517415</v>
      </c>
      <c r="AG126" s="107">
        <v>1093925.45213348</v>
      </c>
      <c r="AH126" s="107">
        <v>1093814.05702366</v>
      </c>
      <c r="AI126" s="107">
        <v>1093693.9125625601</v>
      </c>
      <c r="AJ126" s="107">
        <v>1093563.0029532399</v>
      </c>
      <c r="AK126" s="107">
        <v>1093424.10120982</v>
      </c>
      <c r="AL126" s="107">
        <v>1093276.55297354</v>
      </c>
      <c r="AM126" s="107">
        <v>1093120.89409051</v>
      </c>
      <c r="AN126" s="107">
        <v>1093120.89409051</v>
      </c>
    </row>
    <row r="127" spans="1:40" x14ac:dyDescent="0.2">
      <c r="A127" s="133" t="s">
        <v>219</v>
      </c>
      <c r="B127" s="107">
        <v>1173693.0969831799</v>
      </c>
      <c r="C127" s="107">
        <v>1171504.67048051</v>
      </c>
      <c r="D127" s="107">
        <v>1169303.9627898</v>
      </c>
      <c r="E127" s="107">
        <v>1167093.7685489799</v>
      </c>
      <c r="F127" s="107">
        <v>1164884.42158451</v>
      </c>
      <c r="G127" s="107">
        <v>1162674.55618726</v>
      </c>
      <c r="H127" s="107">
        <v>1160464.0712816</v>
      </c>
      <c r="I127" s="107">
        <v>1158264.21661598</v>
      </c>
      <c r="J127" s="107">
        <v>1156043.9587528601</v>
      </c>
      <c r="K127" s="107">
        <v>1153827.6045105599</v>
      </c>
      <c r="L127" s="107">
        <v>1151607.1765497799</v>
      </c>
      <c r="M127" s="107">
        <v>1149379.4347409201</v>
      </c>
      <c r="N127" s="107">
        <v>1149379.4347409201</v>
      </c>
      <c r="O127" s="107">
        <v>1149006.6439062201</v>
      </c>
      <c r="P127" s="107">
        <v>1148625.97987045</v>
      </c>
      <c r="Q127" s="107">
        <v>1148245.58905388</v>
      </c>
      <c r="R127" s="107">
        <v>1147866.3243573001</v>
      </c>
      <c r="S127" s="107">
        <v>1147489.8097743599</v>
      </c>
      <c r="T127" s="107">
        <v>1147116.7522722301</v>
      </c>
      <c r="U127" s="107">
        <v>1146746.0897251801</v>
      </c>
      <c r="V127" s="107">
        <v>1146379.75383016</v>
      </c>
      <c r="W127" s="107">
        <v>1146012.7869102401</v>
      </c>
      <c r="X127" s="107">
        <v>1145648.9315812499</v>
      </c>
      <c r="Y127" s="107">
        <v>1145284.4970711099</v>
      </c>
      <c r="Z127" s="107">
        <v>1144921.1650600799</v>
      </c>
      <c r="AA127" s="107">
        <v>1144921.1650600799</v>
      </c>
      <c r="AB127" s="107">
        <v>1144509.5012373801</v>
      </c>
      <c r="AC127" s="107">
        <v>1144084.84318768</v>
      </c>
      <c r="AD127" s="107">
        <v>1143659.6299369801</v>
      </c>
      <c r="AE127" s="107">
        <v>1143234.29383088</v>
      </c>
      <c r="AF127" s="107">
        <v>1142810.80712874</v>
      </c>
      <c r="AG127" s="107">
        <v>1142390.3512154501</v>
      </c>
      <c r="AH127" s="107">
        <v>1141972.6101907501</v>
      </c>
      <c r="AI127" s="107">
        <v>1141561.1608176599</v>
      </c>
      <c r="AJ127" s="107">
        <v>1141150.3496309801</v>
      </c>
      <c r="AK127" s="107">
        <v>1140743.77235799</v>
      </c>
      <c r="AL127" s="107">
        <v>1140339.57169641</v>
      </c>
      <c r="AM127" s="107">
        <v>1139936.8976191599</v>
      </c>
      <c r="AN127" s="107">
        <v>1139936.8976191599</v>
      </c>
    </row>
    <row r="128" spans="1:40" x14ac:dyDescent="0.2">
      <c r="A128" s="133" t="s">
        <v>220</v>
      </c>
    </row>
    <row r="129" spans="1:40" x14ac:dyDescent="0.2">
      <c r="A129" s="133" t="s">
        <v>221</v>
      </c>
      <c r="B129" s="107">
        <v>7390911.34326223</v>
      </c>
      <c r="C129" s="107">
        <v>6719009.8538756697</v>
      </c>
      <c r="D129" s="107">
        <v>6047108.3644891102</v>
      </c>
      <c r="E129" s="107">
        <v>5375206.8751025498</v>
      </c>
      <c r="F129" s="107">
        <v>4703305.3857159996</v>
      </c>
      <c r="G129" s="107">
        <v>4031403.8963294299</v>
      </c>
      <c r="H129" s="107">
        <v>3359502.4069428798</v>
      </c>
      <c r="I129" s="107">
        <v>2687600.9175563199</v>
      </c>
      <c r="J129" s="107">
        <v>2015699.4281697499</v>
      </c>
      <c r="K129" s="107">
        <v>1343797.93878319</v>
      </c>
      <c r="L129" s="107">
        <v>671896.44939663901</v>
      </c>
      <c r="M129" s="107">
        <v>-5.0399899209176402</v>
      </c>
      <c r="N129" s="107">
        <v>-5.0399899209176402</v>
      </c>
      <c r="O129" s="107">
        <v>-5.0399899209176402</v>
      </c>
      <c r="P129" s="107">
        <v>-5.0399899209176402</v>
      </c>
      <c r="Q129" s="107">
        <v>-5.0399899209176402</v>
      </c>
      <c r="R129" s="107">
        <v>-5.0399899209176402</v>
      </c>
      <c r="S129" s="107">
        <v>-5.0399899209176402</v>
      </c>
      <c r="T129" s="107">
        <v>-5.0399899209176402</v>
      </c>
      <c r="U129" s="107">
        <v>-5.0399899209176402</v>
      </c>
      <c r="V129" s="107">
        <v>-5.0399899209176402</v>
      </c>
      <c r="W129" s="107">
        <v>-5.0399899209176402</v>
      </c>
      <c r="X129" s="107">
        <v>-5.0399899209176402</v>
      </c>
      <c r="Y129" s="107">
        <v>-5.0399899209176402</v>
      </c>
      <c r="Z129" s="107">
        <v>-5.0399899209176402</v>
      </c>
      <c r="AA129" s="107">
        <v>-5.0399899209176402</v>
      </c>
      <c r="AB129" s="107">
        <v>-5.0399899209176402</v>
      </c>
      <c r="AC129" s="107">
        <v>-5.0399899209176402</v>
      </c>
      <c r="AD129" s="107">
        <v>-5.0399899209176402</v>
      </c>
      <c r="AE129" s="107">
        <v>-5.0399899209176402</v>
      </c>
      <c r="AF129" s="107">
        <v>-5.0399899209176402</v>
      </c>
      <c r="AG129" s="107">
        <v>-5.0399899209176402</v>
      </c>
      <c r="AH129" s="107">
        <v>-5.0399899209176402</v>
      </c>
      <c r="AI129" s="107">
        <v>-5.0399899209176402</v>
      </c>
      <c r="AJ129" s="107">
        <v>-5.0399899209176402</v>
      </c>
      <c r="AK129" s="107">
        <v>-5.0399899209176402</v>
      </c>
      <c r="AL129" s="107">
        <v>-5.0399899209176402</v>
      </c>
      <c r="AM129" s="107">
        <v>-5.0399899209176402</v>
      </c>
      <c r="AN129" s="107">
        <v>-5.0399899209176402</v>
      </c>
    </row>
    <row r="130" spans="1:40" x14ac:dyDescent="0.2">
      <c r="A130" s="133" t="s">
        <v>222</v>
      </c>
    </row>
    <row r="131" spans="1:40" x14ac:dyDescent="0.2">
      <c r="A131" s="133" t="s">
        <v>223</v>
      </c>
      <c r="B131" s="107">
        <v>52696.0800194564</v>
      </c>
      <c r="C131" s="107">
        <v>50341.291345726197</v>
      </c>
      <c r="D131" s="107">
        <v>48942.1581659937</v>
      </c>
      <c r="E131" s="107">
        <v>48530.470314494603</v>
      </c>
      <c r="F131" s="107">
        <v>52277.861911899003</v>
      </c>
      <c r="G131" s="107">
        <v>54186.876139589796</v>
      </c>
      <c r="H131" s="107">
        <v>54980.049837873899</v>
      </c>
      <c r="I131" s="107">
        <v>54788.316117019102</v>
      </c>
      <c r="J131" s="107">
        <v>54697.767251925303</v>
      </c>
      <c r="K131" s="107">
        <v>53948.161169631399</v>
      </c>
      <c r="L131" s="107">
        <v>52559.821038087903</v>
      </c>
      <c r="M131" s="107">
        <v>50587.227720615898</v>
      </c>
      <c r="N131" s="107">
        <v>50587.227720615898</v>
      </c>
      <c r="O131" s="107">
        <v>50036.903455646803</v>
      </c>
      <c r="P131" s="107">
        <v>49486.3121451888</v>
      </c>
      <c r="Q131" s="107">
        <v>49204.931803846703</v>
      </c>
      <c r="R131" s="107">
        <v>48803.353989514799</v>
      </c>
      <c r="S131" s="107">
        <v>48377.802303224198</v>
      </c>
      <c r="T131" s="107">
        <v>48112.8754782412</v>
      </c>
      <c r="U131" s="107">
        <v>47724.947923477899</v>
      </c>
      <c r="V131" s="107">
        <v>47477.863981905299</v>
      </c>
      <c r="W131" s="107">
        <v>47301.094695319203</v>
      </c>
      <c r="X131" s="107">
        <v>46810.105793586503</v>
      </c>
      <c r="Y131" s="107">
        <v>46551.3115671661</v>
      </c>
      <c r="Z131" s="107">
        <v>46238.583396735798</v>
      </c>
      <c r="AA131" s="107">
        <v>46238.583396735798</v>
      </c>
      <c r="AB131" s="107">
        <v>45811.569404041198</v>
      </c>
      <c r="AC131" s="107">
        <v>45374.629695010502</v>
      </c>
      <c r="AD131" s="107">
        <v>45146.794272685802</v>
      </c>
      <c r="AE131" s="107">
        <v>44824.988887730498</v>
      </c>
      <c r="AF131" s="107">
        <v>44483.881324152899</v>
      </c>
      <c r="AG131" s="107">
        <v>44268.479813641403</v>
      </c>
      <c r="AH131" s="107">
        <v>43960.410603627097</v>
      </c>
      <c r="AI131" s="107">
        <v>43765.693432412198</v>
      </c>
      <c r="AJ131" s="107">
        <v>43627.5232095338</v>
      </c>
      <c r="AK131" s="107">
        <v>43267.421332808299</v>
      </c>
      <c r="AL131" s="107">
        <v>43081.294659206898</v>
      </c>
      <c r="AM131" s="107">
        <v>42862.274023804297</v>
      </c>
      <c r="AN131" s="107">
        <v>42862.274023804297</v>
      </c>
    </row>
    <row r="132" spans="1:40" x14ac:dyDescent="0.2">
      <c r="A132" s="133" t="s">
        <v>224</v>
      </c>
      <c r="B132" s="107">
        <v>3096.39529906191</v>
      </c>
      <c r="C132" s="107">
        <v>2958.43566385143</v>
      </c>
      <c r="D132" s="107">
        <v>2876.4394816804001</v>
      </c>
      <c r="E132" s="107">
        <v>2852.5474643185598</v>
      </c>
      <c r="F132" s="107">
        <v>3073.0333388639401</v>
      </c>
      <c r="G132" s="107">
        <v>3185.3972382852098</v>
      </c>
      <c r="H132" s="107">
        <v>3232.2971116598401</v>
      </c>
      <c r="I132" s="107">
        <v>3221.2279395833898</v>
      </c>
      <c r="J132" s="107">
        <v>3216.0520975006202</v>
      </c>
      <c r="K132" s="107">
        <v>3172.40083232098</v>
      </c>
      <c r="L132" s="107">
        <v>3091.0413573647302</v>
      </c>
      <c r="M132" s="107">
        <v>2975.4008634755</v>
      </c>
      <c r="N132" s="107">
        <v>2975.4008634755</v>
      </c>
      <c r="O132" s="107">
        <v>2943.1225181714799</v>
      </c>
      <c r="P132" s="107">
        <v>2910.8319678348398</v>
      </c>
      <c r="Q132" s="107">
        <v>2894.3316986956802</v>
      </c>
      <c r="R132" s="107">
        <v>2870.7833530787402</v>
      </c>
      <c r="S132" s="107">
        <v>2845.8303897246501</v>
      </c>
      <c r="T132" s="107">
        <v>2830.2977910333002</v>
      </c>
      <c r="U132" s="107">
        <v>2807.55346018102</v>
      </c>
      <c r="V132" s="107">
        <v>2793.0682064860898</v>
      </c>
      <c r="W132" s="107">
        <v>2782.7062371901502</v>
      </c>
      <c r="X132" s="107">
        <v>2753.9223891096399</v>
      </c>
      <c r="Y132" s="107">
        <v>2738.7516463009802</v>
      </c>
      <c r="Z132" s="107">
        <v>2720.4197044177999</v>
      </c>
      <c r="AA132" s="107">
        <v>2720.4197044177999</v>
      </c>
      <c r="AB132" s="107">
        <v>2695.29658873276</v>
      </c>
      <c r="AC132" s="107">
        <v>2669.5894993980601</v>
      </c>
      <c r="AD132" s="107">
        <v>2656.1849370883001</v>
      </c>
      <c r="AE132" s="107">
        <v>2637.2517076096101</v>
      </c>
      <c r="AF132" s="107">
        <v>2617.1828458687501</v>
      </c>
      <c r="AG132" s="107">
        <v>2604.5098254059599</v>
      </c>
      <c r="AH132" s="107">
        <v>2586.38475565509</v>
      </c>
      <c r="AI132" s="107">
        <v>2574.9286860602101</v>
      </c>
      <c r="AJ132" s="107">
        <v>2566.7995227236702</v>
      </c>
      <c r="AK132" s="107">
        <v>2545.6131418037298</v>
      </c>
      <c r="AL132" s="107">
        <v>2534.66248905474</v>
      </c>
      <c r="AM132" s="107">
        <v>2521.7765395196702</v>
      </c>
      <c r="AN132" s="107">
        <v>2521.7765395196702</v>
      </c>
    </row>
    <row r="133" spans="1:40" x14ac:dyDescent="0.2">
      <c r="A133" s="133" t="s">
        <v>225</v>
      </c>
      <c r="B133" s="107">
        <v>27483.016976652001</v>
      </c>
      <c r="C133" s="107">
        <v>26254.436200063101</v>
      </c>
      <c r="D133" s="107">
        <v>25524.485674953099</v>
      </c>
      <c r="E133" s="107">
        <v>25309.430635760498</v>
      </c>
      <c r="F133" s="107">
        <v>27263.502954077801</v>
      </c>
      <c r="G133" s="107">
        <v>28258.906384325201</v>
      </c>
      <c r="H133" s="107">
        <v>28672.2385894199</v>
      </c>
      <c r="I133" s="107">
        <v>28572.0150693012</v>
      </c>
      <c r="J133" s="107">
        <v>28524.623526498901</v>
      </c>
      <c r="K133" s="107">
        <v>28133.219825030599</v>
      </c>
      <c r="L133" s="107">
        <v>27408.8953899074</v>
      </c>
      <c r="M133" s="107">
        <v>26379.803674266801</v>
      </c>
      <c r="N133" s="107">
        <v>26379.803674266801</v>
      </c>
      <c r="O133" s="107">
        <v>26093.2039380477</v>
      </c>
      <c r="P133" s="107">
        <v>25806.479648429999</v>
      </c>
      <c r="Q133" s="107">
        <v>25659.9566486289</v>
      </c>
      <c r="R133" s="107">
        <v>25450.844797374401</v>
      </c>
      <c r="S133" s="107">
        <v>25229.2541735386</v>
      </c>
      <c r="T133" s="107">
        <v>25091.3108801542</v>
      </c>
      <c r="U133" s="107">
        <v>24889.322056225999</v>
      </c>
      <c r="V133" s="107">
        <v>24760.674401820699</v>
      </c>
      <c r="W133" s="107">
        <v>24668.6416579547</v>
      </c>
      <c r="X133" s="107">
        <v>24413.002755879301</v>
      </c>
      <c r="Y133" s="107">
        <v>24278.2622813739</v>
      </c>
      <c r="Z133" s="107">
        <v>24115.443166249701</v>
      </c>
      <c r="AA133" s="107">
        <v>24115.443166249701</v>
      </c>
      <c r="AB133" s="107">
        <v>23896.5307515854</v>
      </c>
      <c r="AC133" s="107">
        <v>23672.5941577825</v>
      </c>
      <c r="AD133" s="107">
        <v>23555.866273165298</v>
      </c>
      <c r="AE133" s="107">
        <v>23391.0442429494</v>
      </c>
      <c r="AF133" s="107">
        <v>23216.3900337673</v>
      </c>
      <c r="AG133" s="107">
        <v>23106.1530962047</v>
      </c>
      <c r="AH133" s="107">
        <v>22948.558266655898</v>
      </c>
      <c r="AI133" s="107">
        <v>22849.028135873101</v>
      </c>
      <c r="AJ133" s="107">
        <v>22778.465142621601</v>
      </c>
      <c r="AK133" s="107">
        <v>22594.7114753436</v>
      </c>
      <c r="AL133" s="107">
        <v>22499.818466074899</v>
      </c>
      <c r="AM133" s="107">
        <v>22388.249675811501</v>
      </c>
      <c r="AN133" s="107">
        <v>22388.249675811501</v>
      </c>
    </row>
    <row r="134" spans="1:40" x14ac:dyDescent="0.2">
      <c r="A134" s="133" t="s">
        <v>226</v>
      </c>
      <c r="B134" s="107">
        <v>30522.477512794001</v>
      </c>
      <c r="C134" s="107">
        <v>29158.538368652</v>
      </c>
      <c r="D134" s="107">
        <v>28348.133680477498</v>
      </c>
      <c r="E134" s="107">
        <v>28109.673333241899</v>
      </c>
      <c r="F134" s="107">
        <v>30280.223556836299</v>
      </c>
      <c r="G134" s="107">
        <v>31385.955152893799</v>
      </c>
      <c r="H134" s="107">
        <v>31845.371438556402</v>
      </c>
      <c r="I134" s="107">
        <v>31734.313555206601</v>
      </c>
      <c r="J134" s="107">
        <v>31681.8643224634</v>
      </c>
      <c r="K134" s="107">
        <v>31247.674731784999</v>
      </c>
      <c r="L134" s="107">
        <v>30443.5215323626</v>
      </c>
      <c r="M134" s="107">
        <v>29300.958216790201</v>
      </c>
      <c r="N134" s="107">
        <v>29300.958216790201</v>
      </c>
      <c r="O134" s="107">
        <v>28982.2013087698</v>
      </c>
      <c r="P134" s="107">
        <v>28663.2897235895</v>
      </c>
      <c r="Q134" s="107">
        <v>28500.309580257199</v>
      </c>
      <c r="R134" s="107">
        <v>28267.709074384202</v>
      </c>
      <c r="S134" s="107">
        <v>28021.222505720001</v>
      </c>
      <c r="T134" s="107">
        <v>27867.772510946601</v>
      </c>
      <c r="U134" s="107">
        <v>27643.0784609773</v>
      </c>
      <c r="V134" s="107">
        <v>27499.963359117199</v>
      </c>
      <c r="W134" s="107">
        <v>27397.5756673291</v>
      </c>
      <c r="X134" s="107">
        <v>27113.186782173601</v>
      </c>
      <c r="Y134" s="107">
        <v>26963.2888898247</v>
      </c>
      <c r="Z134" s="107">
        <v>26782.151565881999</v>
      </c>
      <c r="AA134" s="107">
        <v>26782.151565881999</v>
      </c>
      <c r="AB134" s="107">
        <v>26534.818005185101</v>
      </c>
      <c r="AC134" s="107">
        <v>26281.735305570201</v>
      </c>
      <c r="AD134" s="107">
        <v>26149.769264127699</v>
      </c>
      <c r="AE134" s="107">
        <v>25963.3742675371</v>
      </c>
      <c r="AF134" s="107">
        <v>25765.799130132498</v>
      </c>
      <c r="AG134" s="107">
        <v>25641.0350158744</v>
      </c>
      <c r="AH134" s="107">
        <v>25462.596238791</v>
      </c>
      <c r="AI134" s="107">
        <v>25349.812835648801</v>
      </c>
      <c r="AJ134" s="107">
        <v>25269.782359384601</v>
      </c>
      <c r="AK134" s="107">
        <v>25061.2054019362</v>
      </c>
      <c r="AL134" s="107">
        <v>24953.397756964001</v>
      </c>
      <c r="AM134" s="107">
        <v>24826.537385765401</v>
      </c>
      <c r="AN134" s="107">
        <v>24826.537385765401</v>
      </c>
    </row>
    <row r="135" spans="1:40" x14ac:dyDescent="0.2">
      <c r="A135" s="133" t="s">
        <v>227</v>
      </c>
      <c r="B135" s="107">
        <v>29111.5066967522</v>
      </c>
      <c r="C135" s="107">
        <v>27720.467850765301</v>
      </c>
      <c r="D135" s="107">
        <v>26899.590368486399</v>
      </c>
      <c r="E135" s="107">
        <v>26605.9531428421</v>
      </c>
      <c r="F135" s="107">
        <v>28611.635460719499</v>
      </c>
      <c r="G135" s="107">
        <v>29623.861026607301</v>
      </c>
      <c r="H135" s="107">
        <v>29996.986132387599</v>
      </c>
      <c r="I135" s="107">
        <v>29847.379022831999</v>
      </c>
      <c r="J135" s="107">
        <v>29765.255051023199</v>
      </c>
      <c r="K135" s="107">
        <v>29263.5040043548</v>
      </c>
      <c r="L135" s="107">
        <v>28448.0317770982</v>
      </c>
      <c r="M135" s="107">
        <v>27298.838142345001</v>
      </c>
      <c r="N135" s="107">
        <v>27298.838142345001</v>
      </c>
      <c r="O135" s="107">
        <v>27001.8617371906</v>
      </c>
      <c r="P135" s="107">
        <v>26704.741223890502</v>
      </c>
      <c r="Q135" s="107">
        <v>26552.897433652499</v>
      </c>
      <c r="R135" s="107">
        <v>26336.1904060298</v>
      </c>
      <c r="S135" s="107">
        <v>26106.546143462099</v>
      </c>
      <c r="T135" s="107">
        <v>25963.581311415601</v>
      </c>
      <c r="U135" s="107">
        <v>25754.240495450598</v>
      </c>
      <c r="V135" s="107">
        <v>25620.904378163901</v>
      </c>
      <c r="W135" s="107">
        <v>25525.512787035401</v>
      </c>
      <c r="X135" s="107">
        <v>25260.556054634199</v>
      </c>
      <c r="Y135" s="107">
        <v>25120.900611599402</v>
      </c>
      <c r="Z135" s="107">
        <v>24952.140311978401</v>
      </c>
      <c r="AA135" s="107">
        <v>24952.140311978401</v>
      </c>
      <c r="AB135" s="107">
        <v>24721.7069319271</v>
      </c>
      <c r="AC135" s="107">
        <v>24485.9172487947</v>
      </c>
      <c r="AD135" s="107">
        <v>24362.968382106701</v>
      </c>
      <c r="AE135" s="107">
        <v>24189.309664025801</v>
      </c>
      <c r="AF135" s="107">
        <v>24005.234738658099</v>
      </c>
      <c r="AG135" s="107">
        <v>23888.995695009598</v>
      </c>
      <c r="AH135" s="107">
        <v>23722.7495518672</v>
      </c>
      <c r="AI135" s="107">
        <v>23617.672583232201</v>
      </c>
      <c r="AJ135" s="107">
        <v>23543.1105500786</v>
      </c>
      <c r="AK135" s="107">
        <v>23348.7855536235</v>
      </c>
      <c r="AL135" s="107">
        <v>23248.344352048302</v>
      </c>
      <c r="AM135" s="107">
        <v>23130.1522876657</v>
      </c>
      <c r="AN135" s="107">
        <v>23130.1522876657</v>
      </c>
    </row>
    <row r="136" spans="1:40" x14ac:dyDescent="0.2">
      <c r="A136" s="133" t="s">
        <v>228</v>
      </c>
      <c r="B136" s="107">
        <v>2662116.801765</v>
      </c>
      <c r="C136" s="107">
        <v>2567425.2066636598</v>
      </c>
      <c r="D136" s="107">
        <v>2508795.6308146799</v>
      </c>
      <c r="E136" s="107">
        <v>2501964.3377475399</v>
      </c>
      <c r="F136" s="107">
        <v>2702615.1715711001</v>
      </c>
      <c r="G136" s="107">
        <v>2807736.7064688001</v>
      </c>
      <c r="H136" s="107">
        <v>2861828.8999216701</v>
      </c>
      <c r="I136" s="107">
        <v>2861523.3326561698</v>
      </c>
      <c r="J136" s="107">
        <v>2864092.8802572698</v>
      </c>
      <c r="K136" s="107">
        <v>2845071.0113382498</v>
      </c>
      <c r="L136" s="107">
        <v>2782977.7482265402</v>
      </c>
      <c r="M136" s="107">
        <v>2691359.4086711998</v>
      </c>
      <c r="N136" s="107">
        <v>2691359.4086711998</v>
      </c>
      <c r="O136" s="107">
        <v>2692289.46662171</v>
      </c>
      <c r="P136" s="107">
        <v>2693182.36564855</v>
      </c>
      <c r="Q136" s="107">
        <v>2693959.6991715599</v>
      </c>
      <c r="R136" s="107">
        <v>2694763.2566631902</v>
      </c>
      <c r="S136" s="107">
        <v>2695557.1699127099</v>
      </c>
      <c r="T136" s="107">
        <v>2696294.3630671399</v>
      </c>
      <c r="U136" s="107">
        <v>2697046.6297545498</v>
      </c>
      <c r="V136" s="107">
        <v>2697762.7778544598</v>
      </c>
      <c r="W136" s="107">
        <v>2698460.5312828999</v>
      </c>
      <c r="X136" s="107">
        <v>2699177.27264666</v>
      </c>
      <c r="Y136" s="107">
        <v>2699872.8989033801</v>
      </c>
      <c r="Z136" s="107">
        <v>2700558.5836990201</v>
      </c>
      <c r="AA136" s="107">
        <v>2700558.5836990201</v>
      </c>
      <c r="AB136" s="107">
        <v>2700312.2689723601</v>
      </c>
      <c r="AC136" s="107">
        <v>2700036.2036997098</v>
      </c>
      <c r="AD136" s="107">
        <v>2699877.5453774799</v>
      </c>
      <c r="AE136" s="107">
        <v>2699634.89155726</v>
      </c>
      <c r="AF136" s="107">
        <v>2699357.3585475502</v>
      </c>
      <c r="AG136" s="107">
        <v>2699163.8638575501</v>
      </c>
      <c r="AH136" s="107">
        <v>2698862.6097815898</v>
      </c>
      <c r="AI136" s="107">
        <v>2698646.6735539301</v>
      </c>
      <c r="AJ136" s="107">
        <v>2698472.9445780399</v>
      </c>
      <c r="AK136" s="107">
        <v>2697970.6607401702</v>
      </c>
      <c r="AL136" s="107">
        <v>2697683.0871550101</v>
      </c>
      <c r="AM136" s="107">
        <v>2697312.2209743001</v>
      </c>
      <c r="AN136" s="107">
        <v>2697312.2209743001</v>
      </c>
    </row>
    <row r="137" spans="1:40" x14ac:dyDescent="0.2">
      <c r="A137" s="133" t="s">
        <v>229</v>
      </c>
      <c r="B137" s="107">
        <v>2805026.2782697198</v>
      </c>
      <c r="C137" s="107">
        <v>2703858.3760927198</v>
      </c>
      <c r="D137" s="107">
        <v>2641386.4381862702</v>
      </c>
      <c r="E137" s="107">
        <v>2633372.4126382</v>
      </c>
      <c r="F137" s="107">
        <v>2844121.4287935002</v>
      </c>
      <c r="G137" s="107">
        <v>2954377.7024105098</v>
      </c>
      <c r="H137" s="107">
        <v>3010555.8430315698</v>
      </c>
      <c r="I137" s="107">
        <v>3009686.5843601101</v>
      </c>
      <c r="J137" s="107">
        <v>3011978.4425066798</v>
      </c>
      <c r="K137" s="107">
        <v>2990835.9719013702</v>
      </c>
      <c r="L137" s="107">
        <v>2924929.0593213602</v>
      </c>
      <c r="M137" s="107">
        <v>2827901.6372886901</v>
      </c>
      <c r="N137" s="107">
        <v>2827901.6372886901</v>
      </c>
      <c r="O137" s="107">
        <v>2827346.7595795402</v>
      </c>
      <c r="P137" s="107">
        <v>2826754.0203574901</v>
      </c>
      <c r="Q137" s="107">
        <v>2826772.1263366402</v>
      </c>
      <c r="R137" s="107">
        <v>2826492.1382835698</v>
      </c>
      <c r="S137" s="107">
        <v>2826137.8254283802</v>
      </c>
      <c r="T137" s="107">
        <v>2826160.2010389301</v>
      </c>
      <c r="U137" s="107">
        <v>2825865.7721508602</v>
      </c>
      <c r="V137" s="107">
        <v>2825915.25218195</v>
      </c>
      <c r="W137" s="107">
        <v>2826136.06232773</v>
      </c>
      <c r="X137" s="107">
        <v>2825528.0464220401</v>
      </c>
      <c r="Y137" s="107">
        <v>2825525.4138996499</v>
      </c>
      <c r="Z137" s="107">
        <v>2825367.32184429</v>
      </c>
      <c r="AA137" s="107">
        <v>2825367.32184429</v>
      </c>
      <c r="AB137" s="107">
        <v>2823972.1906538298</v>
      </c>
      <c r="AC137" s="107">
        <v>2822520.6696062698</v>
      </c>
      <c r="AD137" s="107">
        <v>2821749.1285066502</v>
      </c>
      <c r="AE137" s="107">
        <v>2820640.8603271199</v>
      </c>
      <c r="AF137" s="107">
        <v>2819445.8466201299</v>
      </c>
      <c r="AG137" s="107">
        <v>2818673.0373036801</v>
      </c>
      <c r="AH137" s="107">
        <v>2817543.30919819</v>
      </c>
      <c r="AI137" s="107">
        <v>2816803.8092271602</v>
      </c>
      <c r="AJ137" s="107">
        <v>2816258.6253623799</v>
      </c>
      <c r="AK137" s="107">
        <v>2814788.3976456798</v>
      </c>
      <c r="AL137" s="107">
        <v>2814000.6048783599</v>
      </c>
      <c r="AM137" s="107">
        <v>2813041.21088687</v>
      </c>
      <c r="AN137" s="107">
        <v>2813041.21088687</v>
      </c>
    </row>
    <row r="138" spans="1:40" x14ac:dyDescent="0.2">
      <c r="A138" s="133" t="s">
        <v>230</v>
      </c>
    </row>
    <row r="139" spans="1:40" x14ac:dyDescent="0.2">
      <c r="A139" s="133" t="s">
        <v>231</v>
      </c>
      <c r="B139" s="107">
        <v>313137.62149870797</v>
      </c>
      <c r="C139" s="107">
        <v>312968.29173593398</v>
      </c>
      <c r="D139" s="107">
        <v>312797.75906357099</v>
      </c>
      <c r="E139" s="107">
        <v>312626.17518337001</v>
      </c>
      <c r="F139" s="107">
        <v>312454.89905534399</v>
      </c>
      <c r="G139" s="107">
        <v>312283.59466095001</v>
      </c>
      <c r="H139" s="107">
        <v>312113.11333636899</v>
      </c>
      <c r="I139" s="107">
        <v>311943.70329041901</v>
      </c>
      <c r="J139" s="107">
        <v>311772.87524287001</v>
      </c>
      <c r="K139" s="107">
        <v>311601.57703697099</v>
      </c>
      <c r="L139" s="107">
        <v>311430.19520276302</v>
      </c>
      <c r="M139" s="107">
        <v>311258.4176394</v>
      </c>
      <c r="N139" s="107">
        <v>311258.4176394</v>
      </c>
      <c r="O139" s="107">
        <v>310616.63100749999</v>
      </c>
      <c r="P139" s="107">
        <v>310596.93992475001</v>
      </c>
      <c r="Q139" s="107">
        <v>310577.10895760002</v>
      </c>
      <c r="R139" s="107">
        <v>310557.15574720001</v>
      </c>
      <c r="S139" s="107">
        <v>310537.23832479998</v>
      </c>
      <c r="T139" s="107">
        <v>310517.31761535001</v>
      </c>
      <c r="U139" s="107">
        <v>310497.49261934898</v>
      </c>
      <c r="V139" s="107">
        <v>310477.79220059997</v>
      </c>
      <c r="W139" s="107">
        <v>310457.92688475002</v>
      </c>
      <c r="X139" s="107">
        <v>310438.00689495</v>
      </c>
      <c r="Y139" s="107">
        <v>310418.07718014898</v>
      </c>
      <c r="Z139" s="107">
        <v>310398.101446649</v>
      </c>
      <c r="AA139" s="107">
        <v>310398.101446649</v>
      </c>
      <c r="AB139" s="107">
        <v>309570.21318987</v>
      </c>
      <c r="AC139" s="107">
        <v>309544.81219932</v>
      </c>
      <c r="AD139" s="107">
        <v>309519.23076149001</v>
      </c>
      <c r="AE139" s="107">
        <v>309493.49163300998</v>
      </c>
      <c r="AF139" s="107">
        <v>309467.79867013003</v>
      </c>
      <c r="AG139" s="107">
        <v>309442.10146704002</v>
      </c>
      <c r="AH139" s="107">
        <v>309416.52773183997</v>
      </c>
      <c r="AI139" s="107">
        <v>309391.11469809001</v>
      </c>
      <c r="AJ139" s="107">
        <v>309365.48895132</v>
      </c>
      <c r="AK139" s="107">
        <v>309339.79267656</v>
      </c>
      <c r="AL139" s="107">
        <v>309314.08385679999</v>
      </c>
      <c r="AM139" s="107">
        <v>309288.31567409902</v>
      </c>
      <c r="AN139" s="107">
        <v>309288.31567409902</v>
      </c>
    </row>
    <row r="140" spans="1:40" x14ac:dyDescent="0.2">
      <c r="A140" s="136" t="s">
        <v>232</v>
      </c>
      <c r="B140" s="107">
        <v>21141762.2438538</v>
      </c>
      <c r="C140" s="107">
        <v>20392578.047304899</v>
      </c>
      <c r="D140" s="107">
        <v>19661954.641094901</v>
      </c>
      <c r="E140" s="107">
        <v>19003842.774303298</v>
      </c>
      <c r="F140" s="107">
        <v>18561538.035327598</v>
      </c>
      <c r="G140" s="107">
        <v>18001258.331542399</v>
      </c>
      <c r="H140" s="107">
        <v>17407675.5451269</v>
      </c>
      <c r="I140" s="107">
        <v>16758364.771847799</v>
      </c>
      <c r="J140" s="107">
        <v>16093460.625322299</v>
      </c>
      <c r="K140" s="107">
        <v>15423482.605915099</v>
      </c>
      <c r="L140" s="107">
        <v>14708916.346064899</v>
      </c>
      <c r="M140" s="107">
        <v>13942789.7417941</v>
      </c>
      <c r="N140" s="107">
        <v>13942789.7417941</v>
      </c>
      <c r="O140" s="107">
        <v>13979715.522070199</v>
      </c>
      <c r="P140" s="107">
        <v>14017456.9931974</v>
      </c>
      <c r="Q140" s="107">
        <v>14053437.9656485</v>
      </c>
      <c r="R140" s="107">
        <v>14091181.2334686</v>
      </c>
      <c r="S140" s="107">
        <v>14128328.5174428</v>
      </c>
      <c r="T140" s="107">
        <v>14163945.5450502</v>
      </c>
      <c r="U140" s="107">
        <v>14201741.2807428</v>
      </c>
      <c r="V140" s="107">
        <v>14240095.781891201</v>
      </c>
      <c r="W140" s="107">
        <v>14276424.5808932</v>
      </c>
      <c r="X140" s="107">
        <v>14314073.868347101</v>
      </c>
      <c r="Y140" s="107">
        <v>14352347.608311299</v>
      </c>
      <c r="Z140" s="107">
        <v>14388084.9820449</v>
      </c>
      <c r="AA140" s="107">
        <v>14388084.9820449</v>
      </c>
      <c r="AB140" s="107">
        <v>14423663.681253901</v>
      </c>
      <c r="AC140" s="107">
        <v>14460273.9709327</v>
      </c>
      <c r="AD140" s="107">
        <v>14494520.9594974</v>
      </c>
      <c r="AE140" s="107">
        <v>14531108.878978601</v>
      </c>
      <c r="AF140" s="107">
        <v>14567029.097020799</v>
      </c>
      <c r="AG140" s="107">
        <v>14600846.9934761</v>
      </c>
      <c r="AH140" s="107">
        <v>14637486.9893126</v>
      </c>
      <c r="AI140" s="107">
        <v>14674764.518103501</v>
      </c>
      <c r="AJ140" s="107">
        <v>14709414.433486201</v>
      </c>
      <c r="AK140" s="107">
        <v>14745905.8946419</v>
      </c>
      <c r="AL140" s="107">
        <v>14783109.1201846</v>
      </c>
      <c r="AM140" s="107">
        <v>14817073.666910101</v>
      </c>
      <c r="AN140" s="107">
        <v>14817073.666910101</v>
      </c>
    </row>
    <row r="141" spans="1:40" x14ac:dyDescent="0.2">
      <c r="A141" s="136" t="s">
        <v>233</v>
      </c>
    </row>
    <row r="142" spans="1:40" x14ac:dyDescent="0.2">
      <c r="A142" s="133" t="s">
        <v>234</v>
      </c>
      <c r="B142" s="107">
        <v>0</v>
      </c>
      <c r="C142" s="107">
        <v>0</v>
      </c>
      <c r="D142" s="107">
        <v>0</v>
      </c>
      <c r="E142" s="107">
        <v>0</v>
      </c>
      <c r="F142" s="107">
        <v>0</v>
      </c>
      <c r="G142" s="107">
        <v>0</v>
      </c>
      <c r="H142" s="107">
        <v>0</v>
      </c>
      <c r="I142" s="107">
        <v>0</v>
      </c>
      <c r="J142" s="107">
        <v>0</v>
      </c>
      <c r="K142" s="107">
        <v>0</v>
      </c>
      <c r="L142" s="107">
        <v>0</v>
      </c>
      <c r="M142" s="107">
        <v>0</v>
      </c>
      <c r="N142" s="107">
        <v>0</v>
      </c>
      <c r="O142" s="107">
        <v>0</v>
      </c>
      <c r="P142" s="107">
        <v>0</v>
      </c>
      <c r="Q142" s="107">
        <v>0</v>
      </c>
      <c r="R142" s="107">
        <v>0</v>
      </c>
      <c r="S142" s="107">
        <v>0</v>
      </c>
      <c r="T142" s="107">
        <v>0</v>
      </c>
      <c r="U142" s="107">
        <v>0</v>
      </c>
      <c r="V142" s="107">
        <v>0</v>
      </c>
      <c r="W142" s="107">
        <v>0</v>
      </c>
      <c r="X142" s="107">
        <v>0</v>
      </c>
      <c r="Y142" s="107">
        <v>0</v>
      </c>
      <c r="Z142" s="107">
        <v>0</v>
      </c>
      <c r="AA142" s="107">
        <v>0</v>
      </c>
      <c r="AB142" s="107">
        <v>0</v>
      </c>
      <c r="AC142" s="107">
        <v>0</v>
      </c>
      <c r="AD142" s="107">
        <v>0</v>
      </c>
      <c r="AE142" s="107">
        <v>0</v>
      </c>
      <c r="AF142" s="107">
        <v>0</v>
      </c>
      <c r="AG142" s="107">
        <v>0</v>
      </c>
      <c r="AH142" s="107">
        <v>0</v>
      </c>
      <c r="AI142" s="107">
        <v>0</v>
      </c>
      <c r="AJ142" s="107">
        <v>0</v>
      </c>
      <c r="AK142" s="107">
        <v>0</v>
      </c>
      <c r="AL142" s="107">
        <v>0</v>
      </c>
      <c r="AM142" s="107">
        <v>0</v>
      </c>
      <c r="AN142" s="107">
        <v>0</v>
      </c>
    </row>
    <row r="143" spans="1:40" x14ac:dyDescent="0.2">
      <c r="A143" s="133" t="s">
        <v>235</v>
      </c>
      <c r="B143" s="107">
        <v>0</v>
      </c>
      <c r="C143" s="107">
        <v>0</v>
      </c>
      <c r="D143" s="107">
        <v>0</v>
      </c>
      <c r="E143" s="107">
        <v>0</v>
      </c>
      <c r="F143" s="107">
        <v>0</v>
      </c>
      <c r="G143" s="107">
        <v>0</v>
      </c>
      <c r="H143" s="107">
        <v>0</v>
      </c>
      <c r="I143" s="107">
        <v>0</v>
      </c>
      <c r="J143" s="107">
        <v>0</v>
      </c>
      <c r="K143" s="107">
        <v>0</v>
      </c>
      <c r="L143" s="107">
        <v>0</v>
      </c>
      <c r="M143" s="107">
        <v>0</v>
      </c>
      <c r="N143" s="107">
        <v>0</v>
      </c>
      <c r="O143" s="107">
        <v>0</v>
      </c>
      <c r="P143" s="107">
        <v>0</v>
      </c>
      <c r="Q143" s="107">
        <v>0</v>
      </c>
      <c r="R143" s="107">
        <v>0</v>
      </c>
      <c r="S143" s="107">
        <v>0</v>
      </c>
      <c r="T143" s="107">
        <v>0</v>
      </c>
      <c r="U143" s="107">
        <v>0</v>
      </c>
      <c r="V143" s="107">
        <v>0</v>
      </c>
      <c r="W143" s="107">
        <v>0</v>
      </c>
      <c r="X143" s="107">
        <v>0</v>
      </c>
      <c r="Y143" s="107">
        <v>0</v>
      </c>
      <c r="Z143" s="107">
        <v>0</v>
      </c>
      <c r="AA143" s="107">
        <v>0</v>
      </c>
      <c r="AB143" s="107">
        <v>0</v>
      </c>
      <c r="AC143" s="107">
        <v>0</v>
      </c>
      <c r="AD143" s="107">
        <v>0</v>
      </c>
      <c r="AE143" s="107">
        <v>0</v>
      </c>
      <c r="AF143" s="107">
        <v>0</v>
      </c>
      <c r="AG143" s="107">
        <v>0</v>
      </c>
      <c r="AH143" s="107">
        <v>0</v>
      </c>
      <c r="AI143" s="107">
        <v>0</v>
      </c>
      <c r="AJ143" s="107">
        <v>0</v>
      </c>
      <c r="AK143" s="107">
        <v>0</v>
      </c>
      <c r="AL143" s="107">
        <v>0</v>
      </c>
      <c r="AM143" s="107">
        <v>0</v>
      </c>
      <c r="AN143" s="107">
        <v>0</v>
      </c>
    </row>
    <row r="144" spans="1:40" x14ac:dyDescent="0.2">
      <c r="A144" s="133" t="s">
        <v>236</v>
      </c>
      <c r="B144" s="107">
        <v>0</v>
      </c>
      <c r="C144" s="107">
        <v>0</v>
      </c>
      <c r="D144" s="107">
        <v>0</v>
      </c>
      <c r="E144" s="107">
        <v>0</v>
      </c>
      <c r="F144" s="107">
        <v>0</v>
      </c>
      <c r="G144" s="107">
        <v>0</v>
      </c>
      <c r="H144" s="107">
        <v>0</v>
      </c>
      <c r="I144" s="107">
        <v>0</v>
      </c>
      <c r="J144" s="107">
        <v>0</v>
      </c>
      <c r="K144" s="107">
        <v>0</v>
      </c>
      <c r="L144" s="107">
        <v>0</v>
      </c>
      <c r="M144" s="107">
        <v>0</v>
      </c>
      <c r="N144" s="107">
        <v>0</v>
      </c>
      <c r="O144" s="107">
        <v>0</v>
      </c>
      <c r="P144" s="107">
        <v>0</v>
      </c>
      <c r="Q144" s="107">
        <v>0</v>
      </c>
      <c r="R144" s="107">
        <v>0</v>
      </c>
      <c r="S144" s="107">
        <v>0</v>
      </c>
      <c r="T144" s="107">
        <v>0</v>
      </c>
      <c r="U144" s="107">
        <v>0</v>
      </c>
      <c r="V144" s="107">
        <v>0</v>
      </c>
      <c r="W144" s="107">
        <v>0</v>
      </c>
      <c r="X144" s="107">
        <v>0</v>
      </c>
      <c r="Y144" s="107">
        <v>0</v>
      </c>
      <c r="Z144" s="107">
        <v>0</v>
      </c>
      <c r="AA144" s="107">
        <v>0</v>
      </c>
      <c r="AB144" s="107">
        <v>0</v>
      </c>
      <c r="AC144" s="107">
        <v>0</v>
      </c>
      <c r="AD144" s="107">
        <v>0</v>
      </c>
      <c r="AE144" s="107">
        <v>0</v>
      </c>
      <c r="AF144" s="107">
        <v>0</v>
      </c>
      <c r="AG144" s="107">
        <v>0</v>
      </c>
      <c r="AH144" s="107">
        <v>0</v>
      </c>
      <c r="AI144" s="107">
        <v>0</v>
      </c>
      <c r="AJ144" s="107">
        <v>0</v>
      </c>
      <c r="AK144" s="107">
        <v>0</v>
      </c>
      <c r="AL144" s="107">
        <v>0</v>
      </c>
      <c r="AM144" s="107">
        <v>0</v>
      </c>
      <c r="AN144" s="107">
        <v>0</v>
      </c>
    </row>
    <row r="145" spans="1:40" x14ac:dyDescent="0.2">
      <c r="A145" s="133" t="s">
        <v>237</v>
      </c>
      <c r="B145" s="107">
        <v>0</v>
      </c>
      <c r="C145" s="107">
        <v>0</v>
      </c>
      <c r="D145" s="107">
        <v>0</v>
      </c>
      <c r="E145" s="107">
        <v>0</v>
      </c>
      <c r="F145" s="107">
        <v>0</v>
      </c>
      <c r="G145" s="107">
        <v>0</v>
      </c>
      <c r="H145" s="107">
        <v>0</v>
      </c>
      <c r="I145" s="107">
        <v>0</v>
      </c>
      <c r="J145" s="107">
        <v>0</v>
      </c>
      <c r="K145" s="107">
        <v>0</v>
      </c>
      <c r="L145" s="107">
        <v>0</v>
      </c>
      <c r="M145" s="107">
        <v>0</v>
      </c>
      <c r="N145" s="107">
        <v>0</v>
      </c>
      <c r="O145" s="107">
        <v>0</v>
      </c>
      <c r="P145" s="107">
        <v>0</v>
      </c>
      <c r="Q145" s="107">
        <v>0</v>
      </c>
      <c r="R145" s="107">
        <v>0</v>
      </c>
      <c r="S145" s="107">
        <v>0</v>
      </c>
      <c r="T145" s="107">
        <v>0</v>
      </c>
      <c r="U145" s="107">
        <v>0</v>
      </c>
      <c r="V145" s="107">
        <v>0</v>
      </c>
      <c r="W145" s="107">
        <v>0</v>
      </c>
      <c r="X145" s="107">
        <v>0</v>
      </c>
      <c r="Y145" s="107">
        <v>0</v>
      </c>
      <c r="Z145" s="107">
        <v>0</v>
      </c>
      <c r="AA145" s="107">
        <v>0</v>
      </c>
      <c r="AB145" s="107">
        <v>0</v>
      </c>
      <c r="AC145" s="107">
        <v>0</v>
      </c>
      <c r="AD145" s="107">
        <v>0</v>
      </c>
      <c r="AE145" s="107">
        <v>0</v>
      </c>
      <c r="AF145" s="107">
        <v>0</v>
      </c>
      <c r="AG145" s="107">
        <v>0</v>
      </c>
      <c r="AH145" s="107">
        <v>0</v>
      </c>
      <c r="AI145" s="107">
        <v>0</v>
      </c>
      <c r="AJ145" s="107">
        <v>0</v>
      </c>
      <c r="AK145" s="107">
        <v>0</v>
      </c>
      <c r="AL145" s="107">
        <v>0</v>
      </c>
      <c r="AM145" s="107">
        <v>0</v>
      </c>
      <c r="AN145" s="107">
        <v>0</v>
      </c>
    </row>
    <row r="146" spans="1:40" x14ac:dyDescent="0.2">
      <c r="A146" s="133" t="s">
        <v>238</v>
      </c>
      <c r="B146" s="107">
        <v>0</v>
      </c>
      <c r="C146" s="107">
        <v>0</v>
      </c>
      <c r="D146" s="107">
        <v>0</v>
      </c>
      <c r="E146" s="107">
        <v>0</v>
      </c>
      <c r="F146" s="107">
        <v>0</v>
      </c>
      <c r="G146" s="107">
        <v>0</v>
      </c>
      <c r="H146" s="107">
        <v>0</v>
      </c>
      <c r="I146" s="107">
        <v>0</v>
      </c>
      <c r="J146" s="107">
        <v>0</v>
      </c>
      <c r="K146" s="107">
        <v>0</v>
      </c>
      <c r="L146" s="107">
        <v>0</v>
      </c>
      <c r="M146" s="107">
        <v>0</v>
      </c>
      <c r="N146" s="107">
        <v>0</v>
      </c>
      <c r="O146" s="107">
        <v>0</v>
      </c>
      <c r="P146" s="107">
        <v>0</v>
      </c>
      <c r="Q146" s="107">
        <v>0</v>
      </c>
      <c r="R146" s="107">
        <v>0</v>
      </c>
      <c r="S146" s="107">
        <v>0</v>
      </c>
      <c r="T146" s="107">
        <v>0</v>
      </c>
      <c r="U146" s="107">
        <v>0</v>
      </c>
      <c r="V146" s="107">
        <v>0</v>
      </c>
      <c r="W146" s="107">
        <v>0</v>
      </c>
      <c r="X146" s="107">
        <v>0</v>
      </c>
      <c r="Y146" s="107">
        <v>0</v>
      </c>
      <c r="Z146" s="107">
        <v>0</v>
      </c>
      <c r="AA146" s="107">
        <v>0</v>
      </c>
      <c r="AB146" s="107">
        <v>0</v>
      </c>
      <c r="AC146" s="107">
        <v>0</v>
      </c>
      <c r="AD146" s="107">
        <v>0</v>
      </c>
      <c r="AE146" s="107">
        <v>0</v>
      </c>
      <c r="AF146" s="107">
        <v>0</v>
      </c>
      <c r="AG146" s="107">
        <v>0</v>
      </c>
      <c r="AH146" s="107">
        <v>0</v>
      </c>
      <c r="AI146" s="107">
        <v>0</v>
      </c>
      <c r="AJ146" s="107">
        <v>0</v>
      </c>
      <c r="AK146" s="107">
        <v>0</v>
      </c>
      <c r="AL146" s="107">
        <v>0</v>
      </c>
      <c r="AM146" s="107">
        <v>0</v>
      </c>
      <c r="AN146" s="107">
        <v>0</v>
      </c>
    </row>
    <row r="147" spans="1:40" x14ac:dyDescent="0.2">
      <c r="A147" s="133" t="s">
        <v>239</v>
      </c>
      <c r="B147" s="107">
        <v>0</v>
      </c>
      <c r="C147" s="107">
        <v>0</v>
      </c>
      <c r="D147" s="107">
        <v>0</v>
      </c>
      <c r="E147" s="107">
        <v>0</v>
      </c>
      <c r="F147" s="107">
        <v>0</v>
      </c>
      <c r="G147" s="107">
        <v>0</v>
      </c>
      <c r="H147" s="107">
        <v>0</v>
      </c>
      <c r="I147" s="107">
        <v>0</v>
      </c>
      <c r="J147" s="107">
        <v>0</v>
      </c>
      <c r="K147" s="107">
        <v>0</v>
      </c>
      <c r="L147" s="107">
        <v>0</v>
      </c>
      <c r="M147" s="107">
        <v>0</v>
      </c>
      <c r="N147" s="107">
        <v>0</v>
      </c>
      <c r="O147" s="107">
        <v>0</v>
      </c>
      <c r="P147" s="107">
        <v>0</v>
      </c>
      <c r="Q147" s="107">
        <v>0</v>
      </c>
      <c r="R147" s="107">
        <v>0</v>
      </c>
      <c r="S147" s="107">
        <v>0</v>
      </c>
      <c r="T147" s="107">
        <v>0</v>
      </c>
      <c r="U147" s="107">
        <v>0</v>
      </c>
      <c r="V147" s="107">
        <v>0</v>
      </c>
      <c r="W147" s="107">
        <v>0</v>
      </c>
      <c r="X147" s="107">
        <v>0</v>
      </c>
      <c r="Y147" s="107">
        <v>0</v>
      </c>
      <c r="Z147" s="107">
        <v>0</v>
      </c>
      <c r="AA147" s="107">
        <v>0</v>
      </c>
      <c r="AB147" s="107">
        <v>0</v>
      </c>
      <c r="AC147" s="107">
        <v>0</v>
      </c>
      <c r="AD147" s="107">
        <v>0</v>
      </c>
      <c r="AE147" s="107">
        <v>0</v>
      </c>
      <c r="AF147" s="107">
        <v>0</v>
      </c>
      <c r="AG147" s="107">
        <v>0</v>
      </c>
      <c r="AH147" s="107">
        <v>0</v>
      </c>
      <c r="AI147" s="107">
        <v>0</v>
      </c>
      <c r="AJ147" s="107">
        <v>0</v>
      </c>
      <c r="AK147" s="107">
        <v>0</v>
      </c>
      <c r="AL147" s="107">
        <v>0</v>
      </c>
      <c r="AM147" s="107">
        <v>0</v>
      </c>
      <c r="AN147" s="107">
        <v>0</v>
      </c>
    </row>
    <row r="148" spans="1:40" x14ac:dyDescent="0.2">
      <c r="A148" s="133" t="s">
        <v>240</v>
      </c>
      <c r="B148" s="107">
        <v>0</v>
      </c>
      <c r="C148" s="107">
        <v>0</v>
      </c>
      <c r="D148" s="107">
        <v>0</v>
      </c>
      <c r="E148" s="107">
        <v>0</v>
      </c>
      <c r="F148" s="107">
        <v>0</v>
      </c>
      <c r="G148" s="107">
        <v>0</v>
      </c>
      <c r="H148" s="107">
        <v>0</v>
      </c>
      <c r="I148" s="107">
        <v>0</v>
      </c>
      <c r="J148" s="107">
        <v>0</v>
      </c>
      <c r="K148" s="107">
        <v>0</v>
      </c>
      <c r="L148" s="107">
        <v>0</v>
      </c>
      <c r="M148" s="107">
        <v>0</v>
      </c>
      <c r="N148" s="107">
        <v>0</v>
      </c>
      <c r="O148" s="107">
        <v>0</v>
      </c>
      <c r="P148" s="107">
        <v>0</v>
      </c>
      <c r="Q148" s="107">
        <v>0</v>
      </c>
      <c r="R148" s="107">
        <v>0</v>
      </c>
      <c r="S148" s="107">
        <v>0</v>
      </c>
      <c r="T148" s="107">
        <v>0</v>
      </c>
      <c r="U148" s="107">
        <v>0</v>
      </c>
      <c r="V148" s="107">
        <v>0</v>
      </c>
      <c r="W148" s="107">
        <v>0</v>
      </c>
      <c r="X148" s="107">
        <v>0</v>
      </c>
      <c r="Y148" s="107">
        <v>0</v>
      </c>
      <c r="Z148" s="107">
        <v>0</v>
      </c>
      <c r="AA148" s="107">
        <v>0</v>
      </c>
      <c r="AB148" s="107">
        <v>0</v>
      </c>
      <c r="AC148" s="107">
        <v>0</v>
      </c>
      <c r="AD148" s="107">
        <v>0</v>
      </c>
      <c r="AE148" s="107">
        <v>0</v>
      </c>
      <c r="AF148" s="107">
        <v>0</v>
      </c>
      <c r="AG148" s="107">
        <v>0</v>
      </c>
      <c r="AH148" s="107">
        <v>0</v>
      </c>
      <c r="AI148" s="107">
        <v>0</v>
      </c>
      <c r="AJ148" s="107">
        <v>0</v>
      </c>
      <c r="AK148" s="107">
        <v>0</v>
      </c>
      <c r="AL148" s="107">
        <v>0</v>
      </c>
      <c r="AM148" s="107">
        <v>0</v>
      </c>
      <c r="AN148" s="107">
        <v>0</v>
      </c>
    </row>
    <row r="149" spans="1:40" x14ac:dyDescent="0.2">
      <c r="A149" s="133" t="s">
        <v>241</v>
      </c>
    </row>
    <row r="150" spans="1:40" x14ac:dyDescent="0.2">
      <c r="A150" s="133" t="s">
        <v>242</v>
      </c>
      <c r="B150" s="107">
        <v>47479.5599184823</v>
      </c>
      <c r="C150" s="107">
        <v>47215.999754199598</v>
      </c>
      <c r="D150" s="107">
        <v>46961.317518650198</v>
      </c>
      <c r="E150" s="107">
        <v>46675.500800829301</v>
      </c>
      <c r="F150" s="107">
        <v>46416.259624804501</v>
      </c>
      <c r="G150" s="107">
        <v>46079.956737179302</v>
      </c>
      <c r="H150" s="107">
        <v>45827.007792238801</v>
      </c>
      <c r="I150" s="107">
        <v>45557.684364016</v>
      </c>
      <c r="J150" s="107">
        <v>45278.875730796499</v>
      </c>
      <c r="K150" s="107">
        <v>44989.0284405204</v>
      </c>
      <c r="L150" s="107">
        <v>44746.764559107804</v>
      </c>
      <c r="M150" s="107">
        <v>44499.614212942601</v>
      </c>
      <c r="N150" s="107">
        <v>44499.614212942601</v>
      </c>
      <c r="O150" s="107">
        <v>43701.191077654497</v>
      </c>
      <c r="P150" s="107">
        <v>43412.839754868102</v>
      </c>
      <c r="Q150" s="107">
        <v>43128.693703439501</v>
      </c>
      <c r="R150" s="107">
        <v>42807.682149956003</v>
      </c>
      <c r="S150" s="107">
        <v>42514.070475378998</v>
      </c>
      <c r="T150" s="107">
        <v>42144.758622387002</v>
      </c>
      <c r="U150" s="107">
        <v>41873.9432832276</v>
      </c>
      <c r="V150" s="107">
        <v>41594.274058180999</v>
      </c>
      <c r="W150" s="107">
        <v>41314.101842611999</v>
      </c>
      <c r="X150" s="107">
        <v>41027.789200938503</v>
      </c>
      <c r="Y150" s="107">
        <v>40783.375162154203</v>
      </c>
      <c r="Z150" s="107">
        <v>40533.683648261402</v>
      </c>
      <c r="AA150" s="107">
        <v>40533.683648261402</v>
      </c>
      <c r="AB150" s="107">
        <v>39928.725523416899</v>
      </c>
      <c r="AC150" s="107">
        <v>39705.218149232503</v>
      </c>
      <c r="AD150" s="107">
        <v>39485.304383400697</v>
      </c>
      <c r="AE150" s="107">
        <v>39236.065174062402</v>
      </c>
      <c r="AF150" s="107">
        <v>39007.584350707002</v>
      </c>
      <c r="AG150" s="107">
        <v>38721.028128823898</v>
      </c>
      <c r="AH150" s="107">
        <v>38512.715088582103</v>
      </c>
      <c r="AI150" s="107">
        <v>38302.906031459403</v>
      </c>
      <c r="AJ150" s="107">
        <v>38098.219037807197</v>
      </c>
      <c r="AK150" s="107">
        <v>37893.3424541903</v>
      </c>
      <c r="AL150" s="107">
        <v>37725.448041311</v>
      </c>
      <c r="AM150" s="107">
        <v>37557.0634588291</v>
      </c>
      <c r="AN150" s="107">
        <v>37557.0634588291</v>
      </c>
    </row>
    <row r="151" spans="1:40" x14ac:dyDescent="0.2">
      <c r="A151" s="133" t="s">
        <v>243</v>
      </c>
      <c r="B151" s="107">
        <v>2790.07056909741</v>
      </c>
      <c r="C151" s="107">
        <v>2774.7855898358998</v>
      </c>
      <c r="D151" s="107">
        <v>2760.0222410566598</v>
      </c>
      <c r="E151" s="107">
        <v>2743.4594373027699</v>
      </c>
      <c r="F151" s="107">
        <v>2728.4418278927101</v>
      </c>
      <c r="G151" s="107">
        <v>2708.9568121198699</v>
      </c>
      <c r="H151" s="107">
        <v>2694.2982323769102</v>
      </c>
      <c r="I151" s="107">
        <v>2678.6865169736402</v>
      </c>
      <c r="J151" s="107">
        <v>2662.5205373429098</v>
      </c>
      <c r="K151" s="107">
        <v>2645.7135843605301</v>
      </c>
      <c r="L151" s="107">
        <v>2631.6690488464301</v>
      </c>
      <c r="M151" s="107">
        <v>2617.3442688885898</v>
      </c>
      <c r="N151" s="107">
        <v>2617.3442688885898</v>
      </c>
      <c r="O151" s="107">
        <v>2570.5110245597498</v>
      </c>
      <c r="P151" s="107">
        <v>2553.59893149461</v>
      </c>
      <c r="Q151" s="107">
        <v>2536.9342613572098</v>
      </c>
      <c r="R151" s="107">
        <v>2518.1085109813798</v>
      </c>
      <c r="S151" s="107">
        <v>2500.8905331503702</v>
      </c>
      <c r="T151" s="107">
        <v>2479.2347017135999</v>
      </c>
      <c r="U151" s="107">
        <v>2463.3551127989599</v>
      </c>
      <c r="V151" s="107">
        <v>2446.9569675398502</v>
      </c>
      <c r="W151" s="107">
        <v>2430.5300268977799</v>
      </c>
      <c r="X151" s="107">
        <v>2413.7438226548002</v>
      </c>
      <c r="Y151" s="107">
        <v>2399.4139047808999</v>
      </c>
      <c r="Z151" s="107">
        <v>2384.7753021160202</v>
      </c>
      <c r="AA151" s="107">
        <v>2384.7753021160202</v>
      </c>
      <c r="AB151" s="107">
        <v>2349.1829486683901</v>
      </c>
      <c r="AC151" s="107">
        <v>2336.0330245109599</v>
      </c>
      <c r="AD151" s="107">
        <v>2323.0945281753702</v>
      </c>
      <c r="AE151" s="107">
        <v>2308.4306867168302</v>
      </c>
      <c r="AF151" s="107">
        <v>2294.9881526191798</v>
      </c>
      <c r="AG151" s="107">
        <v>2278.1287868002601</v>
      </c>
      <c r="AH151" s="107">
        <v>2265.8728122930202</v>
      </c>
      <c r="AI151" s="107">
        <v>2253.5288205174802</v>
      </c>
      <c r="AJ151" s="107">
        <v>2241.4861823165702</v>
      </c>
      <c r="AK151" s="107">
        <v>2229.43238970223</v>
      </c>
      <c r="AL151" s="107">
        <v>2219.5544212285899</v>
      </c>
      <c r="AM151" s="107">
        <v>2209.6476139163201</v>
      </c>
      <c r="AN151" s="107">
        <v>2209.6476139163201</v>
      </c>
    </row>
    <row r="152" spans="1:40" x14ac:dyDescent="0.2">
      <c r="A152" s="133" t="s">
        <v>244</v>
      </c>
      <c r="B152" s="107">
        <v>24762.177450544499</v>
      </c>
      <c r="C152" s="107">
        <v>24624.4883061576</v>
      </c>
      <c r="D152" s="107">
        <v>24491.429377525601</v>
      </c>
      <c r="E152" s="107">
        <v>24342.098059984801</v>
      </c>
      <c r="F152" s="107">
        <v>24206.645771100601</v>
      </c>
      <c r="G152" s="107">
        <v>24030.932894650701</v>
      </c>
      <c r="H152" s="107">
        <v>23898.7745756443</v>
      </c>
      <c r="I152" s="107">
        <v>23758.065941361499</v>
      </c>
      <c r="J152" s="107">
        <v>23612.406858741699</v>
      </c>
      <c r="K152" s="107">
        <v>23460.9818748164</v>
      </c>
      <c r="L152" s="107">
        <v>23334.412135504001</v>
      </c>
      <c r="M152" s="107">
        <v>23205.285986439601</v>
      </c>
      <c r="N152" s="107">
        <v>23205.285986439601</v>
      </c>
      <c r="O152" s="107">
        <v>22789.467561953901</v>
      </c>
      <c r="P152" s="107">
        <v>22639.301793179999</v>
      </c>
      <c r="Q152" s="107">
        <v>22491.329292050999</v>
      </c>
      <c r="R152" s="107">
        <v>22324.162904443099</v>
      </c>
      <c r="S152" s="107">
        <v>22171.268768215701</v>
      </c>
      <c r="T152" s="107">
        <v>21978.960529035099</v>
      </c>
      <c r="U152" s="107">
        <v>21837.9438382185</v>
      </c>
      <c r="V152" s="107">
        <v>21692.319354256</v>
      </c>
      <c r="W152" s="107">
        <v>21546.4358883366</v>
      </c>
      <c r="X152" s="107">
        <v>21397.358339012299</v>
      </c>
      <c r="Y152" s="107">
        <v>21270.095823318799</v>
      </c>
      <c r="Z152" s="107">
        <v>21140.088483061099</v>
      </c>
      <c r="AA152" s="107">
        <v>21140.088483061099</v>
      </c>
      <c r="AB152" s="107">
        <v>20829.951470817501</v>
      </c>
      <c r="AC152" s="107">
        <v>20715.401387521699</v>
      </c>
      <c r="AD152" s="107">
        <v>20602.732038647799</v>
      </c>
      <c r="AE152" s="107">
        <v>20475.076895467799</v>
      </c>
      <c r="AF152" s="107">
        <v>20358.0899336488</v>
      </c>
      <c r="AG152" s="107">
        <v>20211.437849989499</v>
      </c>
      <c r="AH152" s="107">
        <v>20104.873944858598</v>
      </c>
      <c r="AI152" s="107">
        <v>19997.629561815502</v>
      </c>
      <c r="AJ152" s="107">
        <v>19893.096713486499</v>
      </c>
      <c r="AK152" s="107">
        <v>19788.551788807599</v>
      </c>
      <c r="AL152" s="107">
        <v>19702.954137652901</v>
      </c>
      <c r="AM152" s="107">
        <v>19617.1792784393</v>
      </c>
      <c r="AN152" s="107">
        <v>19617.1792784393</v>
      </c>
    </row>
    <row r="153" spans="1:40" x14ac:dyDescent="0.2">
      <c r="A153" s="133" t="s">
        <v>245</v>
      </c>
      <c r="B153" s="107">
        <v>27500.976799714401</v>
      </c>
      <c r="C153" s="107">
        <v>27348.315745542699</v>
      </c>
      <c r="D153" s="107">
        <v>27200.796941055301</v>
      </c>
      <c r="E153" s="107">
        <v>27035.244141300402</v>
      </c>
      <c r="F153" s="107">
        <v>26885.0845534129</v>
      </c>
      <c r="G153" s="107">
        <v>26690.288752233799</v>
      </c>
      <c r="H153" s="107">
        <v>26543.7738638105</v>
      </c>
      <c r="I153" s="107">
        <v>26387.7744822446</v>
      </c>
      <c r="J153" s="107">
        <v>26226.2810688354</v>
      </c>
      <c r="K153" s="107">
        <v>26058.3937814985</v>
      </c>
      <c r="L153" s="107">
        <v>25918.068034755401</v>
      </c>
      <c r="M153" s="107">
        <v>25774.911879295199</v>
      </c>
      <c r="N153" s="107">
        <v>25774.911879295199</v>
      </c>
      <c r="O153" s="107">
        <v>25312.452005913699</v>
      </c>
      <c r="P153" s="107">
        <v>25145.434154937899</v>
      </c>
      <c r="Q153" s="107">
        <v>24980.852066621901</v>
      </c>
      <c r="R153" s="107">
        <v>24794.9168703373</v>
      </c>
      <c r="S153" s="107">
        <v>24624.8521366805</v>
      </c>
      <c r="T153" s="107">
        <v>24410.940608789599</v>
      </c>
      <c r="U153" s="107">
        <v>24254.079889301302</v>
      </c>
      <c r="V153" s="107">
        <v>24092.090852802401</v>
      </c>
      <c r="W153" s="107">
        <v>23929.810475881299</v>
      </c>
      <c r="X153" s="107">
        <v>23763.973462694001</v>
      </c>
      <c r="Y153" s="107">
        <v>23622.404812647201</v>
      </c>
      <c r="Z153" s="107">
        <v>23477.779361810801</v>
      </c>
      <c r="AA153" s="107">
        <v>23477.779361810801</v>
      </c>
      <c r="AB153" s="107">
        <v>23127.377619361599</v>
      </c>
      <c r="AC153" s="107">
        <v>22997.918454920102</v>
      </c>
      <c r="AD153" s="107">
        <v>22870.5407678185</v>
      </c>
      <c r="AE153" s="107">
        <v>22726.177299254101</v>
      </c>
      <c r="AF153" s="107">
        <v>22593.8374308698</v>
      </c>
      <c r="AG153" s="107">
        <v>22427.859332000098</v>
      </c>
      <c r="AH153" s="107">
        <v>22307.200976854601</v>
      </c>
      <c r="AI153" s="107">
        <v>22185.676104011</v>
      </c>
      <c r="AJ153" s="107">
        <v>22067.118014968299</v>
      </c>
      <c r="AK153" s="107">
        <v>21948.4501122853</v>
      </c>
      <c r="AL153" s="107">
        <v>21851.202893999602</v>
      </c>
      <c r="AM153" s="107">
        <v>21753.671761380501</v>
      </c>
      <c r="AN153" s="107">
        <v>21753.671761380501</v>
      </c>
    </row>
    <row r="154" spans="1:40" x14ac:dyDescent="0.2">
      <c r="A154" s="133" t="s">
        <v>246</v>
      </c>
      <c r="B154" s="107">
        <v>26186.3586834704</v>
      </c>
      <c r="C154" s="107">
        <v>25996.034170131901</v>
      </c>
      <c r="D154" s="107">
        <v>25810.621327244698</v>
      </c>
      <c r="E154" s="107">
        <v>25601.357938467201</v>
      </c>
      <c r="F154" s="107">
        <v>25410.406253342298</v>
      </c>
      <c r="G154" s="107">
        <v>25163.422132354299</v>
      </c>
      <c r="H154" s="107">
        <v>24978.318941715301</v>
      </c>
      <c r="I154" s="107">
        <v>24782.1694704363</v>
      </c>
      <c r="J154" s="107">
        <v>24580.096624678899</v>
      </c>
      <c r="K154" s="107">
        <v>24370.228618878598</v>
      </c>
      <c r="L154" s="107">
        <v>24194.089469869199</v>
      </c>
      <c r="M154" s="107">
        <v>24013.724818149101</v>
      </c>
      <c r="N154" s="107">
        <v>24013.724818149101</v>
      </c>
      <c r="O154" s="107">
        <v>23582.864600631201</v>
      </c>
      <c r="P154" s="107">
        <v>23427.258997328499</v>
      </c>
      <c r="Q154" s="107">
        <v>23273.922722220199</v>
      </c>
      <c r="R154" s="107">
        <v>23100.692386516301</v>
      </c>
      <c r="S154" s="107">
        <v>22942.2480925288</v>
      </c>
      <c r="T154" s="107">
        <v>22742.9530342078</v>
      </c>
      <c r="U154" s="107">
        <v>22596.810530589901</v>
      </c>
      <c r="V154" s="107">
        <v>22445.890125342499</v>
      </c>
      <c r="W154" s="107">
        <v>22294.6982868206</v>
      </c>
      <c r="X154" s="107">
        <v>22140.192835240701</v>
      </c>
      <c r="Y154" s="107">
        <v>22008.297501475001</v>
      </c>
      <c r="Z154" s="107">
        <v>21873.5542366154</v>
      </c>
      <c r="AA154" s="107">
        <v>21873.5542366154</v>
      </c>
      <c r="AB154" s="107">
        <v>21547.095273016199</v>
      </c>
      <c r="AC154" s="107">
        <v>21426.481989655898</v>
      </c>
      <c r="AD154" s="107">
        <v>21307.807957311699</v>
      </c>
      <c r="AE154" s="107">
        <v>21173.3087736042</v>
      </c>
      <c r="AF154" s="107">
        <v>21050.011623385599</v>
      </c>
      <c r="AG154" s="107">
        <v>20895.3747264386</v>
      </c>
      <c r="AH154" s="107">
        <v>20782.9608974004</v>
      </c>
      <c r="AI154" s="107">
        <v>20669.7397593926</v>
      </c>
      <c r="AJ154" s="107">
        <v>20559.2826863066</v>
      </c>
      <c r="AK154" s="107">
        <v>20448.7233030922</v>
      </c>
      <c r="AL154" s="107">
        <v>20358.1209394381</v>
      </c>
      <c r="AM154" s="107">
        <v>20267.2540611773</v>
      </c>
      <c r="AN154" s="107">
        <v>20267.2540611773</v>
      </c>
    </row>
    <row r="155" spans="1:40" x14ac:dyDescent="0.2">
      <c r="A155" s="133" t="s">
        <v>247</v>
      </c>
      <c r="B155" s="107">
        <v>2400414.4944310598</v>
      </c>
      <c r="C155" s="107">
        <v>2397347.65027089</v>
      </c>
      <c r="D155" s="107">
        <v>2394228.7838450898</v>
      </c>
      <c r="E155" s="107">
        <v>2390594.9898858299</v>
      </c>
      <c r="F155" s="107">
        <v>2387169.8607977</v>
      </c>
      <c r="G155" s="107">
        <v>2382739.5961092901</v>
      </c>
      <c r="H155" s="107">
        <v>2379428.7360637598</v>
      </c>
      <c r="I155" s="107">
        <v>2375946.2724009599</v>
      </c>
      <c r="J155" s="107">
        <v>2372385.51566689</v>
      </c>
      <c r="K155" s="107">
        <v>2368661.5310044498</v>
      </c>
      <c r="L155" s="107">
        <v>2365457.1484352699</v>
      </c>
      <c r="M155" s="107">
        <v>2362090.65696692</v>
      </c>
      <c r="N155" s="107">
        <v>2362090.65696692</v>
      </c>
      <c r="O155" s="107">
        <v>2362455.18478614</v>
      </c>
      <c r="P155" s="107">
        <v>2362567.6637049601</v>
      </c>
      <c r="Q155" s="107">
        <v>2362668.15172975</v>
      </c>
      <c r="R155" s="107">
        <v>2362768.9392259</v>
      </c>
      <c r="S155" s="107">
        <v>2362849.5107963998</v>
      </c>
      <c r="T155" s="107">
        <v>2362933.7960527102</v>
      </c>
      <c r="U155" s="107">
        <v>2362986.6919956701</v>
      </c>
      <c r="V155" s="107">
        <v>2363031.8442418301</v>
      </c>
      <c r="W155" s="107">
        <v>2363066.3537291898</v>
      </c>
      <c r="X155" s="107">
        <v>2363090.2943713302</v>
      </c>
      <c r="Y155" s="107">
        <v>2363109.0539557198</v>
      </c>
      <c r="Z155" s="107">
        <v>2363117.2352807201</v>
      </c>
      <c r="AA155" s="107">
        <v>2363117.2352807201</v>
      </c>
      <c r="AB155" s="107">
        <v>2362768.2769381101</v>
      </c>
      <c r="AC155" s="107">
        <v>2362627.0615188698</v>
      </c>
      <c r="AD155" s="107">
        <v>2362473.9196203598</v>
      </c>
      <c r="AE155" s="107">
        <v>2362285.9835287901</v>
      </c>
      <c r="AF155" s="107">
        <v>2362100.0862420201</v>
      </c>
      <c r="AG155" s="107">
        <v>2361842.6734356298</v>
      </c>
      <c r="AH155" s="107">
        <v>2361638.9687147099</v>
      </c>
      <c r="AI155" s="107">
        <v>2361406.2959820498</v>
      </c>
      <c r="AJ155" s="107">
        <v>2361148.9318333501</v>
      </c>
      <c r="AK155" s="107">
        <v>2360863.1621571602</v>
      </c>
      <c r="AL155" s="107">
        <v>2360603.7581861699</v>
      </c>
      <c r="AM155" s="107">
        <v>2360318.6336960401</v>
      </c>
      <c r="AN155" s="107">
        <v>2360318.6336960401</v>
      </c>
    </row>
    <row r="156" spans="1:40" x14ac:dyDescent="0.2">
      <c r="A156" s="133" t="s">
        <v>248</v>
      </c>
      <c r="B156" s="107">
        <v>2529133.6378523698</v>
      </c>
      <c r="C156" s="107">
        <v>2525307.2738367599</v>
      </c>
      <c r="D156" s="107">
        <v>2521452.9712506202</v>
      </c>
      <c r="E156" s="107">
        <v>2516992.6502637202</v>
      </c>
      <c r="F156" s="107">
        <v>2512816.6988282599</v>
      </c>
      <c r="G156" s="107">
        <v>2507413.1534378198</v>
      </c>
      <c r="H156" s="107">
        <v>2503370.90946955</v>
      </c>
      <c r="I156" s="107">
        <v>2499110.6531759901</v>
      </c>
      <c r="J156" s="107">
        <v>2494745.6964872899</v>
      </c>
      <c r="K156" s="107">
        <v>2490185.8773045298</v>
      </c>
      <c r="L156" s="107">
        <v>2486282.1516833501</v>
      </c>
      <c r="M156" s="107">
        <v>2482201.5381326401</v>
      </c>
      <c r="N156" s="107">
        <v>2482201.5381326401</v>
      </c>
      <c r="O156" s="107">
        <v>2480411.6710568499</v>
      </c>
      <c r="P156" s="107">
        <v>2479746.09733677</v>
      </c>
      <c r="Q156" s="107">
        <v>2479079.88377544</v>
      </c>
      <c r="R156" s="107">
        <v>2478314.5020481301</v>
      </c>
      <c r="S156" s="107">
        <v>2477602.8408023599</v>
      </c>
      <c r="T156" s="107">
        <v>2476690.64354885</v>
      </c>
      <c r="U156" s="107">
        <v>2476012.8246498099</v>
      </c>
      <c r="V156" s="107">
        <v>2475303.3755999599</v>
      </c>
      <c r="W156" s="107">
        <v>2474581.9302497399</v>
      </c>
      <c r="X156" s="107">
        <v>2473833.3520318698</v>
      </c>
      <c r="Y156" s="107">
        <v>2473192.6411600998</v>
      </c>
      <c r="Z156" s="107">
        <v>2472527.1163125802</v>
      </c>
      <c r="AA156" s="107">
        <v>2472527.1163125802</v>
      </c>
      <c r="AB156" s="107">
        <v>2470550.60977339</v>
      </c>
      <c r="AC156" s="107">
        <v>2469808.11452471</v>
      </c>
      <c r="AD156" s="107">
        <v>2469063.3992957198</v>
      </c>
      <c r="AE156" s="107">
        <v>2468205.0423579002</v>
      </c>
      <c r="AF156" s="107">
        <v>2467404.5977332499</v>
      </c>
      <c r="AG156" s="107">
        <v>2466376.5022596801</v>
      </c>
      <c r="AH156" s="107">
        <v>2465612.5924347001</v>
      </c>
      <c r="AI156" s="107">
        <v>2464815.7762592402</v>
      </c>
      <c r="AJ156" s="107">
        <v>2464008.13446823</v>
      </c>
      <c r="AK156" s="107">
        <v>2463171.66220523</v>
      </c>
      <c r="AL156" s="107">
        <v>2462461.0386198</v>
      </c>
      <c r="AM156" s="107">
        <v>2461723.4498697901</v>
      </c>
      <c r="AN156" s="107">
        <v>2461723.4498697901</v>
      </c>
    </row>
    <row r="157" spans="1:40" x14ac:dyDescent="0.2">
      <c r="A157" s="133" t="s">
        <v>249</v>
      </c>
    </row>
    <row r="158" spans="1:40" x14ac:dyDescent="0.2">
      <c r="A158" s="133" t="s">
        <v>250</v>
      </c>
      <c r="B158" s="107">
        <v>106231.181786594</v>
      </c>
      <c r="C158" s="107">
        <v>106065.78929340201</v>
      </c>
      <c r="D158" s="107">
        <v>105934.045877906</v>
      </c>
      <c r="E158" s="107">
        <v>105721.699043596</v>
      </c>
      <c r="F158" s="107">
        <v>105419.33829906301</v>
      </c>
      <c r="G158" s="107">
        <v>105101.30081481099</v>
      </c>
      <c r="H158" s="107">
        <v>104978.866408626</v>
      </c>
      <c r="I158" s="107">
        <v>104859.40771960899</v>
      </c>
      <c r="J158" s="107">
        <v>104665.487908917</v>
      </c>
      <c r="K158" s="107">
        <v>104541.91726807599</v>
      </c>
      <c r="L158" s="107">
        <v>104452.697808706</v>
      </c>
      <c r="M158" s="107">
        <v>104295.108418731</v>
      </c>
      <c r="N158" s="107">
        <v>104295.108418731</v>
      </c>
      <c r="O158" s="107">
        <v>103991.422535605</v>
      </c>
      <c r="P158" s="107">
        <v>103593.288509031</v>
      </c>
      <c r="Q158" s="107">
        <v>103221.012993597</v>
      </c>
      <c r="R158" s="107">
        <v>102756.663905932</v>
      </c>
      <c r="S158" s="107">
        <v>102186.71776956299</v>
      </c>
      <c r="T158" s="107">
        <v>101631.073101427</v>
      </c>
      <c r="U158" s="107">
        <v>101310.11982495199</v>
      </c>
      <c r="V158" s="107">
        <v>101014.826656572</v>
      </c>
      <c r="W158" s="107">
        <v>100667.8783954</v>
      </c>
      <c r="X158" s="107">
        <v>100404.459255052</v>
      </c>
      <c r="Y158" s="107">
        <v>100163.523369537</v>
      </c>
      <c r="Z158" s="107">
        <v>99855.1605529839</v>
      </c>
      <c r="AA158" s="107">
        <v>99855.1605529839</v>
      </c>
      <c r="AB158" s="107">
        <v>99665.046417304504</v>
      </c>
      <c r="AC158" s="107">
        <v>99390.043249549402</v>
      </c>
      <c r="AD158" s="107">
        <v>99136.925613533705</v>
      </c>
      <c r="AE158" s="107">
        <v>98811.158535584007</v>
      </c>
      <c r="AF158" s="107">
        <v>98402.436337205407</v>
      </c>
      <c r="AG158" s="107">
        <v>98008.187666383805</v>
      </c>
      <c r="AH158" s="107">
        <v>97801.775909317905</v>
      </c>
      <c r="AI158" s="107">
        <v>97629.955344638307</v>
      </c>
      <c r="AJ158" s="107">
        <v>97435.607392314894</v>
      </c>
      <c r="AK158" s="107">
        <v>97313.402500733893</v>
      </c>
      <c r="AL158" s="107">
        <v>97226.498875507197</v>
      </c>
      <c r="AM158" s="107">
        <v>97102.915143378006</v>
      </c>
      <c r="AN158" s="107">
        <v>97102.915143378006</v>
      </c>
    </row>
    <row r="159" spans="1:40" x14ac:dyDescent="0.2">
      <c r="A159" s="133" t="s">
        <v>251</v>
      </c>
      <c r="B159" s="107">
        <v>6241.8111111806502</v>
      </c>
      <c r="C159" s="107">
        <v>6232.6531619255302</v>
      </c>
      <c r="D159" s="107">
        <v>6225.4603282498201</v>
      </c>
      <c r="E159" s="107">
        <v>6213.6051787734395</v>
      </c>
      <c r="F159" s="107">
        <v>6196.54644612027</v>
      </c>
      <c r="G159" s="107">
        <v>6178.5675152775402</v>
      </c>
      <c r="H159" s="107">
        <v>6171.91040499065</v>
      </c>
      <c r="I159" s="107">
        <v>6165.4122961432004</v>
      </c>
      <c r="J159" s="107">
        <v>6154.5830972725898</v>
      </c>
      <c r="K159" s="107">
        <v>6147.8273629753803</v>
      </c>
      <c r="L159" s="107">
        <v>6143.0683674392203</v>
      </c>
      <c r="M159" s="107">
        <v>6134.3499066444901</v>
      </c>
      <c r="N159" s="107">
        <v>6134.3499066444901</v>
      </c>
      <c r="O159" s="107">
        <v>6116.60951789517</v>
      </c>
      <c r="P159" s="107">
        <v>6093.3335687075896</v>
      </c>
      <c r="Q159" s="107">
        <v>6071.5758538852997</v>
      </c>
      <c r="R159" s="107">
        <v>6044.4204536691796</v>
      </c>
      <c r="S159" s="107">
        <v>6011.0747983880601</v>
      </c>
      <c r="T159" s="107">
        <v>5978.5707857781599</v>
      </c>
      <c r="U159" s="107">
        <v>5959.8296191889804</v>
      </c>
      <c r="V159" s="107">
        <v>5942.5939600288502</v>
      </c>
      <c r="W159" s="107">
        <v>5922.3307649415901</v>
      </c>
      <c r="X159" s="107">
        <v>5906.9661500226002</v>
      </c>
      <c r="Y159" s="107">
        <v>5892.9186400184799</v>
      </c>
      <c r="Z159" s="107">
        <v>5874.9193076558804</v>
      </c>
      <c r="AA159" s="107">
        <v>5874.9193076558804</v>
      </c>
      <c r="AB159" s="107">
        <v>5863.7340549340797</v>
      </c>
      <c r="AC159" s="107">
        <v>5847.5544062212402</v>
      </c>
      <c r="AD159" s="107">
        <v>5832.6623798231903</v>
      </c>
      <c r="AE159" s="107">
        <v>5813.4960664804803</v>
      </c>
      <c r="AF159" s="107">
        <v>5789.4491376945798</v>
      </c>
      <c r="AG159" s="107">
        <v>5766.2537503415297</v>
      </c>
      <c r="AH159" s="107">
        <v>5754.1096367053597</v>
      </c>
      <c r="AI159" s="107">
        <v>5744.0006754128399</v>
      </c>
      <c r="AJ159" s="107">
        <v>5732.5663285930495</v>
      </c>
      <c r="AK159" s="107">
        <v>5725.3764760800404</v>
      </c>
      <c r="AL159" s="107">
        <v>5720.2635526925797</v>
      </c>
      <c r="AM159" s="107">
        <v>5712.9925769114898</v>
      </c>
      <c r="AN159" s="107">
        <v>5712.9925769114898</v>
      </c>
    </row>
    <row r="160" spans="1:40" x14ac:dyDescent="0.2">
      <c r="A160" s="133" t="s">
        <v>252</v>
      </c>
      <c r="B160" s="107">
        <v>55403.938526040802</v>
      </c>
      <c r="C160" s="107">
        <v>55317.034080388097</v>
      </c>
      <c r="D160" s="107">
        <v>55247.692844860903</v>
      </c>
      <c r="E160" s="107">
        <v>55136.228672641097</v>
      </c>
      <c r="F160" s="107">
        <v>54977.720161347497</v>
      </c>
      <c r="G160" s="107">
        <v>54811.034526399802</v>
      </c>
      <c r="H160" s="107">
        <v>54746.561283472001</v>
      </c>
      <c r="I160" s="107">
        <v>54683.658259442796</v>
      </c>
      <c r="J160" s="107">
        <v>54581.869964470701</v>
      </c>
      <c r="K160" s="107">
        <v>54516.840852713998</v>
      </c>
      <c r="L160" s="107">
        <v>54469.7522268592</v>
      </c>
      <c r="M160" s="107">
        <v>54386.939317318298</v>
      </c>
      <c r="N160" s="107">
        <v>54386.939317318298</v>
      </c>
      <c r="O160" s="107">
        <v>54229.086206993699</v>
      </c>
      <c r="P160" s="107">
        <v>54022.063441424798</v>
      </c>
      <c r="Q160" s="107">
        <v>53828.513853651602</v>
      </c>
      <c r="R160" s="107">
        <v>53587.025363629698</v>
      </c>
      <c r="S160" s="107">
        <v>53290.557802553602</v>
      </c>
      <c r="T160" s="107">
        <v>53001.5500240861</v>
      </c>
      <c r="U160" s="107">
        <v>52834.754777540402</v>
      </c>
      <c r="V160" s="107">
        <v>52681.324807438003</v>
      </c>
      <c r="W160" s="107">
        <v>52501.0029885982</v>
      </c>
      <c r="X160" s="107">
        <v>52364.178892914097</v>
      </c>
      <c r="Y160" s="107">
        <v>52239.056931927902</v>
      </c>
      <c r="Z160" s="107">
        <v>52078.832703646898</v>
      </c>
      <c r="AA160" s="107">
        <v>52078.832703646898</v>
      </c>
      <c r="AB160" s="107">
        <v>51985.096296117903</v>
      </c>
      <c r="AC160" s="107">
        <v>51847.917956300902</v>
      </c>
      <c r="AD160" s="107">
        <v>51722.047852273899</v>
      </c>
      <c r="AE160" s="107">
        <v>51559.046940953202</v>
      </c>
      <c r="AF160" s="107">
        <v>51353.662452353499</v>
      </c>
      <c r="AG160" s="107">
        <v>51155.859431324599</v>
      </c>
      <c r="AH160" s="107">
        <v>51054.289800109997</v>
      </c>
      <c r="AI160" s="107">
        <v>50970.6165416359</v>
      </c>
      <c r="AJ160" s="107">
        <v>50875.665217082897</v>
      </c>
      <c r="AK160" s="107">
        <v>50817.738412736398</v>
      </c>
      <c r="AL160" s="107">
        <v>50778.007968082798</v>
      </c>
      <c r="AM160" s="107">
        <v>50719.761328382498</v>
      </c>
      <c r="AN160" s="107">
        <v>50719.761328382498</v>
      </c>
    </row>
    <row r="161" spans="1:40" x14ac:dyDescent="0.2">
      <c r="A161" s="133" t="s">
        <v>253</v>
      </c>
      <c r="B161" s="107">
        <v>61530.9343015169</v>
      </c>
      <c r="C161" s="107">
        <v>61435.129267806798</v>
      </c>
      <c r="D161" s="107">
        <v>61358.814507461197</v>
      </c>
      <c r="E161" s="107">
        <v>61235.811954602897</v>
      </c>
      <c r="F161" s="107">
        <v>61060.670747558201</v>
      </c>
      <c r="G161" s="107">
        <v>60876.449291027602</v>
      </c>
      <c r="H161" s="107">
        <v>60805.526607051703</v>
      </c>
      <c r="I161" s="107">
        <v>60736.3277035188</v>
      </c>
      <c r="J161" s="107">
        <v>60623.999094833998</v>
      </c>
      <c r="K161" s="107">
        <v>60552.418673685403</v>
      </c>
      <c r="L161" s="107">
        <v>60500.735314268997</v>
      </c>
      <c r="M161" s="107">
        <v>60409.450204907102</v>
      </c>
      <c r="N161" s="107">
        <v>60409.450204907102</v>
      </c>
      <c r="O161" s="107">
        <v>60233.550323189003</v>
      </c>
      <c r="P161" s="107">
        <v>60002.944516091797</v>
      </c>
      <c r="Q161" s="107">
        <v>59787.3163859419</v>
      </c>
      <c r="R161" s="107">
        <v>59518.357721300003</v>
      </c>
      <c r="S161" s="107">
        <v>59188.235501125899</v>
      </c>
      <c r="T161" s="107">
        <v>58866.396927675502</v>
      </c>
      <c r="U161" s="107">
        <v>58680.495486397303</v>
      </c>
      <c r="V161" s="107">
        <v>58509.4568037442</v>
      </c>
      <c r="W161" s="107">
        <v>58308.498637778997</v>
      </c>
      <c r="X161" s="107">
        <v>58155.921918859298</v>
      </c>
      <c r="Y161" s="107">
        <v>58016.367872660601</v>
      </c>
      <c r="Z161" s="107">
        <v>57837.7590338179</v>
      </c>
      <c r="AA161" s="107">
        <v>57837.7590338179</v>
      </c>
      <c r="AB161" s="107">
        <v>57727.641784920103</v>
      </c>
      <c r="AC161" s="107">
        <v>57568.355405907998</v>
      </c>
      <c r="AD161" s="107">
        <v>57421.745488523498</v>
      </c>
      <c r="AE161" s="107">
        <v>57233.055813886203</v>
      </c>
      <c r="AF161" s="107">
        <v>56996.317162717001</v>
      </c>
      <c r="AG161" s="107">
        <v>56767.961817874399</v>
      </c>
      <c r="AH161" s="107">
        <v>56648.404717361998</v>
      </c>
      <c r="AI161" s="107">
        <v>56548.883407076501</v>
      </c>
      <c r="AJ161" s="107">
        <v>56436.313861617396</v>
      </c>
      <c r="AK161" s="107">
        <v>56365.530769057397</v>
      </c>
      <c r="AL161" s="107">
        <v>56315.194753300297</v>
      </c>
      <c r="AM161" s="107">
        <v>56243.613013510301</v>
      </c>
      <c r="AN161" s="107">
        <v>56243.613013510301</v>
      </c>
    </row>
    <row r="162" spans="1:40" x14ac:dyDescent="0.2">
      <c r="A162" s="133" t="s">
        <v>254</v>
      </c>
      <c r="B162" s="107">
        <v>58748.609849517299</v>
      </c>
      <c r="C162" s="107">
        <v>58532.966111591602</v>
      </c>
      <c r="D162" s="107">
        <v>58338.591870586701</v>
      </c>
      <c r="E162" s="107">
        <v>58083.301652365</v>
      </c>
      <c r="F162" s="107">
        <v>57759.304840691802</v>
      </c>
      <c r="G162" s="107">
        <v>57426.434847288299</v>
      </c>
      <c r="H162" s="107">
        <v>57239.702236350196</v>
      </c>
      <c r="I162" s="107">
        <v>57058.128277372503</v>
      </c>
      <c r="J162" s="107">
        <v>56825.615840152801</v>
      </c>
      <c r="K162" s="107">
        <v>56645.3202688858</v>
      </c>
      <c r="L162" s="107">
        <v>56488.817954802696</v>
      </c>
      <c r="M162" s="107">
        <v>56281.702161768597</v>
      </c>
      <c r="N162" s="107">
        <v>56281.702161768597</v>
      </c>
      <c r="O162" s="107">
        <v>56117.821432518896</v>
      </c>
      <c r="P162" s="107">
        <v>55902.972806885104</v>
      </c>
      <c r="Q162" s="107">
        <v>55702.0784408939</v>
      </c>
      <c r="R162" s="107">
        <v>55451.4975896221</v>
      </c>
      <c r="S162" s="107">
        <v>55143.932458507697</v>
      </c>
      <c r="T162" s="107">
        <v>54844.084956607599</v>
      </c>
      <c r="U162" s="107">
        <v>54670.8860694471</v>
      </c>
      <c r="V162" s="107">
        <v>54511.534375919502</v>
      </c>
      <c r="W162" s="107">
        <v>54324.307582670102</v>
      </c>
      <c r="X162" s="107">
        <v>54182.156355967403</v>
      </c>
      <c r="Y162" s="107">
        <v>54052.137969158997</v>
      </c>
      <c r="Z162" s="107">
        <v>53885.733384493797</v>
      </c>
      <c r="AA162" s="107">
        <v>53885.733384493797</v>
      </c>
      <c r="AB162" s="107">
        <v>53783.140393093898</v>
      </c>
      <c r="AC162" s="107">
        <v>53634.737974075397</v>
      </c>
      <c r="AD162" s="107">
        <v>53498.145840291698</v>
      </c>
      <c r="AE162" s="107">
        <v>53322.3492383872</v>
      </c>
      <c r="AF162" s="107">
        <v>53101.786822902701</v>
      </c>
      <c r="AG162" s="107">
        <v>52889.034886543697</v>
      </c>
      <c r="AH162" s="107">
        <v>52777.647063950702</v>
      </c>
      <c r="AI162" s="107">
        <v>52684.925995885402</v>
      </c>
      <c r="AJ162" s="107">
        <v>52580.048272143104</v>
      </c>
      <c r="AK162" s="107">
        <v>52514.101753510004</v>
      </c>
      <c r="AL162" s="107">
        <v>52467.205172971</v>
      </c>
      <c r="AM162" s="107">
        <v>52400.514578280701</v>
      </c>
      <c r="AN162" s="107">
        <v>52400.514578280701</v>
      </c>
    </row>
    <row r="163" spans="1:40" x14ac:dyDescent="0.2">
      <c r="A163" s="133" t="s">
        <v>255</v>
      </c>
      <c r="B163" s="107">
        <v>5362397.2417338099</v>
      </c>
      <c r="C163" s="107">
        <v>5381395.4291830901</v>
      </c>
      <c r="D163" s="107">
        <v>5400447.1433261102</v>
      </c>
      <c r="E163" s="107">
        <v>5418229.5864273096</v>
      </c>
      <c r="F163" s="107">
        <v>5434521.9255384598</v>
      </c>
      <c r="G163" s="107">
        <v>5450706.5875543701</v>
      </c>
      <c r="H163" s="107">
        <v>5469585.5722471802</v>
      </c>
      <c r="I163" s="107">
        <v>5488666.2376870699</v>
      </c>
      <c r="J163" s="107">
        <v>5506961.0229167296</v>
      </c>
      <c r="K163" s="107">
        <v>5526169.87992875</v>
      </c>
      <c r="L163" s="107">
        <v>5545653.1304633999</v>
      </c>
      <c r="M163" s="107">
        <v>5564046.9254753003</v>
      </c>
      <c r="N163" s="107">
        <v>5564046.9254753003</v>
      </c>
      <c r="O163" s="107">
        <v>5587542.6435795398</v>
      </c>
      <c r="P163" s="107">
        <v>5611031.7706593201</v>
      </c>
      <c r="Q163" s="107">
        <v>5634486.8240306098</v>
      </c>
      <c r="R163" s="107">
        <v>5657944.0095140496</v>
      </c>
      <c r="S163" s="107">
        <v>5681400.1266238997</v>
      </c>
      <c r="T163" s="107">
        <v>5704812.7372006197</v>
      </c>
      <c r="U163" s="107">
        <v>5728153.1521919798</v>
      </c>
      <c r="V163" s="107">
        <v>5751470.3100936497</v>
      </c>
      <c r="W163" s="107">
        <v>5774773.0177857801</v>
      </c>
      <c r="X163" s="107">
        <v>5798044.8993546199</v>
      </c>
      <c r="Y163" s="107">
        <v>5821315.8852075003</v>
      </c>
      <c r="Z163" s="107">
        <v>5844567.3020219998</v>
      </c>
      <c r="AA163" s="107">
        <v>5844567.3020219998</v>
      </c>
      <c r="AB163" s="107">
        <v>5867823.7309259502</v>
      </c>
      <c r="AC163" s="107">
        <v>5891000.0500555299</v>
      </c>
      <c r="AD163" s="107">
        <v>5914154.5937908096</v>
      </c>
      <c r="AE163" s="107">
        <v>5937222.8981141597</v>
      </c>
      <c r="AF163" s="107">
        <v>5960187.07137556</v>
      </c>
      <c r="AG163" s="107">
        <v>5983102.8909801999</v>
      </c>
      <c r="AH163" s="107">
        <v>6006147.3678702395</v>
      </c>
      <c r="AI163" s="107">
        <v>6029159.4149514399</v>
      </c>
      <c r="AJ163" s="107">
        <v>6052068.2905963203</v>
      </c>
      <c r="AK163" s="107">
        <v>6075006.2962292396</v>
      </c>
      <c r="AL163" s="107">
        <v>6097931.5410115598</v>
      </c>
      <c r="AM163" s="107">
        <v>6120735.0101302797</v>
      </c>
      <c r="AN163" s="107">
        <v>6120735.0101302797</v>
      </c>
    </row>
    <row r="164" spans="1:40" x14ac:dyDescent="0.2">
      <c r="A164" s="133" t="s">
        <v>256</v>
      </c>
      <c r="B164" s="107">
        <v>5650553.71730866</v>
      </c>
      <c r="C164" s="107">
        <v>5668979.0010981997</v>
      </c>
      <c r="D164" s="107">
        <v>5687551.7487551803</v>
      </c>
      <c r="E164" s="107">
        <v>5704620.2329292903</v>
      </c>
      <c r="F164" s="107">
        <v>5719935.5060332399</v>
      </c>
      <c r="G164" s="107">
        <v>5735100.3745491803</v>
      </c>
      <c r="H164" s="107">
        <v>5753528.1391876703</v>
      </c>
      <c r="I164" s="107">
        <v>5772169.1719431598</v>
      </c>
      <c r="J164" s="107">
        <v>5789812.5788223799</v>
      </c>
      <c r="K164" s="107">
        <v>5808574.2043550899</v>
      </c>
      <c r="L164" s="107">
        <v>5827708.20213548</v>
      </c>
      <c r="M164" s="107">
        <v>5845554.4754846701</v>
      </c>
      <c r="N164" s="107">
        <v>5845554.4754846701</v>
      </c>
      <c r="O164" s="107">
        <v>5868231.1335957404</v>
      </c>
      <c r="P164" s="107">
        <v>5890646.3735014601</v>
      </c>
      <c r="Q164" s="107">
        <v>5913097.3215585798</v>
      </c>
      <c r="R164" s="107">
        <v>5935301.9745482001</v>
      </c>
      <c r="S164" s="107">
        <v>5957220.6449540397</v>
      </c>
      <c r="T164" s="107">
        <v>5979134.4129961999</v>
      </c>
      <c r="U164" s="107">
        <v>6001609.2379695</v>
      </c>
      <c r="V164" s="107">
        <v>6024130.0466973605</v>
      </c>
      <c r="W164" s="107">
        <v>6046497.0361551698</v>
      </c>
      <c r="X164" s="107">
        <v>6069058.5819274299</v>
      </c>
      <c r="Y164" s="107">
        <v>6091679.8899908001</v>
      </c>
      <c r="Z164" s="107">
        <v>6114099.7070046002</v>
      </c>
      <c r="AA164" s="107">
        <v>6114099.7070046002</v>
      </c>
      <c r="AB164" s="107">
        <v>6136848.38987232</v>
      </c>
      <c r="AC164" s="107">
        <v>6159288.6590475896</v>
      </c>
      <c r="AD164" s="107">
        <v>6181766.1209652601</v>
      </c>
      <c r="AE164" s="107">
        <v>6203962.0047094496</v>
      </c>
      <c r="AF164" s="107">
        <v>6225830.7232884299</v>
      </c>
      <c r="AG164" s="107">
        <v>6247690.18853267</v>
      </c>
      <c r="AH164" s="107">
        <v>6270183.5949976798</v>
      </c>
      <c r="AI164" s="107">
        <v>6292737.79691609</v>
      </c>
      <c r="AJ164" s="107">
        <v>6315128.4916680697</v>
      </c>
      <c r="AK164" s="107">
        <v>6337742.4461413501</v>
      </c>
      <c r="AL164" s="107">
        <v>6360438.7113341102</v>
      </c>
      <c r="AM164" s="107">
        <v>6382914.8067707401</v>
      </c>
      <c r="AN164" s="107">
        <v>6382914.8067707401</v>
      </c>
    </row>
    <row r="165" spans="1:40" x14ac:dyDescent="0.2">
      <c r="A165" s="133" t="s">
        <v>257</v>
      </c>
    </row>
    <row r="166" spans="1:40" x14ac:dyDescent="0.2">
      <c r="A166" s="133" t="s">
        <v>258</v>
      </c>
      <c r="B166" s="107">
        <v>16187.4479326567</v>
      </c>
      <c r="C166" s="107">
        <v>16694.587471352399</v>
      </c>
      <c r="D166" s="107">
        <v>16565.488798937899</v>
      </c>
      <c r="E166" s="107">
        <v>15420.071985169199</v>
      </c>
      <c r="F166" s="107">
        <v>10433.6519209648</v>
      </c>
      <c r="G166" s="107">
        <v>7233.3593000990904</v>
      </c>
      <c r="H166" s="107">
        <v>5009.5261851450496</v>
      </c>
      <c r="I166" s="107">
        <v>3824.0500591385899</v>
      </c>
      <c r="J166" s="107">
        <v>2602.93092236026</v>
      </c>
      <c r="K166" s="107">
        <v>1709.86637266445</v>
      </c>
      <c r="L166" s="107">
        <v>1633.3725338362301</v>
      </c>
      <c r="M166" s="107">
        <v>2036.41010978436</v>
      </c>
      <c r="N166" s="107">
        <v>2036.41010978436</v>
      </c>
      <c r="O166" s="107">
        <v>1861.0912145502</v>
      </c>
      <c r="P166" s="107">
        <v>1700.5816325759599</v>
      </c>
      <c r="Q166" s="107">
        <v>1598.0922210221099</v>
      </c>
      <c r="R166" s="107">
        <v>1567.7383231414599</v>
      </c>
      <c r="S166" s="107">
        <v>1904.81128985185</v>
      </c>
      <c r="T166" s="107">
        <v>2016.8596356370099</v>
      </c>
      <c r="U166" s="107">
        <v>2097.6759906368202</v>
      </c>
      <c r="V166" s="107">
        <v>2094.2989044787801</v>
      </c>
      <c r="W166" s="107">
        <v>2086.2765746745999</v>
      </c>
      <c r="X166" s="107">
        <v>2059.5243324059502</v>
      </c>
      <c r="Y166" s="107">
        <v>1959.2194887829201</v>
      </c>
      <c r="Z166" s="107">
        <v>1794.9321998631799</v>
      </c>
      <c r="AA166" s="107">
        <v>1794.9321998631799</v>
      </c>
      <c r="AB166" s="107">
        <v>1681.4098910995299</v>
      </c>
      <c r="AC166" s="107">
        <v>1576.27469517642</v>
      </c>
      <c r="AD166" s="107">
        <v>1516.1092535953701</v>
      </c>
      <c r="AE166" s="107">
        <v>1511.6014436836499</v>
      </c>
      <c r="AF166" s="107">
        <v>1792.8603175400599</v>
      </c>
      <c r="AG166" s="107">
        <v>1898.6406146091499</v>
      </c>
      <c r="AH166" s="107">
        <v>1979.4954621633301</v>
      </c>
      <c r="AI166" s="107">
        <v>1995.4642301424799</v>
      </c>
      <c r="AJ166" s="107">
        <v>2007.9104961640601</v>
      </c>
      <c r="AK166" s="107">
        <v>2006.90336273925</v>
      </c>
      <c r="AL166" s="107">
        <v>1955.9109967444599</v>
      </c>
      <c r="AM166" s="107">
        <v>1862.8613708585599</v>
      </c>
      <c r="AN166" s="107">
        <v>1862.8613708585599</v>
      </c>
    </row>
    <row r="167" spans="1:40" x14ac:dyDescent="0.2">
      <c r="A167" s="133" t="s">
        <v>259</v>
      </c>
      <c r="B167" s="107">
        <v>951.16511402984202</v>
      </c>
      <c r="C167" s="107">
        <v>981.06892788190498</v>
      </c>
      <c r="D167" s="107">
        <v>973.55308431653998</v>
      </c>
      <c r="E167" s="107">
        <v>906.27575646962498</v>
      </c>
      <c r="F167" s="107">
        <v>613.06369033703595</v>
      </c>
      <c r="G167" s="107">
        <v>424.95279044147497</v>
      </c>
      <c r="H167" s="107">
        <v>294.23366710534498</v>
      </c>
      <c r="I167" s="107">
        <v>224.58351694136999</v>
      </c>
      <c r="J167" s="107">
        <v>152.84283295901699</v>
      </c>
      <c r="K167" s="107">
        <v>100.390730768719</v>
      </c>
      <c r="L167" s="107">
        <v>95.970928738854496</v>
      </c>
      <c r="M167" s="107">
        <v>119.776012089576</v>
      </c>
      <c r="N167" s="107">
        <v>119.776012089576</v>
      </c>
      <c r="O167" s="107">
        <v>109.491516723079</v>
      </c>
      <c r="P167" s="107">
        <v>100.076662956116</v>
      </c>
      <c r="Q167" s="107">
        <v>94.065025017811095</v>
      </c>
      <c r="R167" s="107">
        <v>92.284096695059901</v>
      </c>
      <c r="S167" s="107">
        <v>112.049902634841</v>
      </c>
      <c r="T167" s="107">
        <v>118.619391523064</v>
      </c>
      <c r="U167" s="107">
        <v>123.357315330178</v>
      </c>
      <c r="V167" s="107">
        <v>123.15845813101799</v>
      </c>
      <c r="W167" s="107">
        <v>122.687247586624</v>
      </c>
      <c r="X167" s="107">
        <v>121.11793886547601</v>
      </c>
      <c r="Y167" s="107">
        <v>115.236253724547</v>
      </c>
      <c r="Z167" s="107">
        <v>105.603774291806</v>
      </c>
      <c r="AA167" s="107">
        <v>105.603774291806</v>
      </c>
      <c r="AB167" s="107">
        <v>98.924756403178606</v>
      </c>
      <c r="AC167" s="107">
        <v>92.739189337617205</v>
      </c>
      <c r="AD167" s="107">
        <v>89.199391169543802</v>
      </c>
      <c r="AE167" s="107">
        <v>88.934176839719299</v>
      </c>
      <c r="AF167" s="107">
        <v>105.481876320827</v>
      </c>
      <c r="AG167" s="107">
        <v>111.70539753074</v>
      </c>
      <c r="AH167" s="107">
        <v>116.462444661635</v>
      </c>
      <c r="AI167" s="107">
        <v>117.401957680297</v>
      </c>
      <c r="AJ167" s="107">
        <v>118.13422637981699</v>
      </c>
      <c r="AK167" s="107">
        <v>118.074972280479</v>
      </c>
      <c r="AL167" s="107">
        <v>115.074866588726</v>
      </c>
      <c r="AM167" s="107">
        <v>109.600346887792</v>
      </c>
      <c r="AN167" s="107">
        <v>109.600346887792</v>
      </c>
    </row>
    <row r="168" spans="1:40" x14ac:dyDescent="0.2">
      <c r="A168" s="133" t="s">
        <v>260</v>
      </c>
      <c r="B168" s="107">
        <v>8442.3733373617797</v>
      </c>
      <c r="C168" s="107">
        <v>8706.7454612846595</v>
      </c>
      <c r="D168" s="107">
        <v>8639.3349757791293</v>
      </c>
      <c r="E168" s="107">
        <v>8041.9255111841203</v>
      </c>
      <c r="F168" s="107">
        <v>5441.5620776544301</v>
      </c>
      <c r="G168" s="107">
        <v>3772.5602971804301</v>
      </c>
      <c r="H168" s="107">
        <v>2612.8015471284298</v>
      </c>
      <c r="I168" s="107">
        <v>1994.5214721366799</v>
      </c>
      <c r="J168" s="107">
        <v>1357.6477903013199</v>
      </c>
      <c r="K168" s="107">
        <v>891.85296755975799</v>
      </c>
      <c r="L168" s="107">
        <v>851.872138549336</v>
      </c>
      <c r="M168" s="107">
        <v>1061.9300822944799</v>
      </c>
      <c r="N168" s="107">
        <v>1061.9300822944799</v>
      </c>
      <c r="O168" s="107">
        <v>970.62078329635006</v>
      </c>
      <c r="P168" s="107">
        <v>887.02823741130999</v>
      </c>
      <c r="Q168" s="107">
        <v>833.65222120526903</v>
      </c>
      <c r="R168" s="107">
        <v>817.84201609124796</v>
      </c>
      <c r="S168" s="107">
        <v>993.36452497332198</v>
      </c>
      <c r="T168" s="107">
        <v>1051.7068673915101</v>
      </c>
      <c r="U168" s="107">
        <v>1093.78534586723</v>
      </c>
      <c r="V168" s="107">
        <v>1092.02334098192</v>
      </c>
      <c r="W168" s="107">
        <v>1087.8426138219099</v>
      </c>
      <c r="X168" s="107">
        <v>1073.9096469260801</v>
      </c>
      <c r="Y168" s="107">
        <v>1021.67896173918</v>
      </c>
      <c r="Z168" s="107">
        <v>936.13563118215905</v>
      </c>
      <c r="AA168" s="107">
        <v>936.13563118215905</v>
      </c>
      <c r="AB168" s="107">
        <v>878.08832560218002</v>
      </c>
      <c r="AC168" s="107">
        <v>824.35770848668005</v>
      </c>
      <c r="AD168" s="107">
        <v>793.68716023763295</v>
      </c>
      <c r="AE168" s="107">
        <v>791.53421905950404</v>
      </c>
      <c r="AF168" s="107">
        <v>935.70211593217903</v>
      </c>
      <c r="AG168" s="107">
        <v>989.99818623394594</v>
      </c>
      <c r="AH168" s="107">
        <v>1031.52282084333</v>
      </c>
      <c r="AI168" s="107">
        <v>1039.85342502753</v>
      </c>
      <c r="AJ168" s="107">
        <v>1046.38381544515</v>
      </c>
      <c r="AK168" s="107">
        <v>1046.0493186203901</v>
      </c>
      <c r="AL168" s="107">
        <v>1020.23710040663</v>
      </c>
      <c r="AM168" s="107">
        <v>973.02829660982502</v>
      </c>
      <c r="AN168" s="107">
        <v>973.02829660982502</v>
      </c>
    </row>
    <row r="169" spans="1:40" x14ac:dyDescent="0.2">
      <c r="A169" s="133" t="s">
        <v>261</v>
      </c>
      <c r="B169" s="107">
        <v>9376.0487710454599</v>
      </c>
      <c r="C169" s="107">
        <v>9669.7914517672398</v>
      </c>
      <c r="D169" s="107">
        <v>9595.0144213335298</v>
      </c>
      <c r="E169" s="107">
        <v>8931.5689394531601</v>
      </c>
      <c r="F169" s="107">
        <v>6043.3511193771901</v>
      </c>
      <c r="G169" s="107">
        <v>4189.6872655913403</v>
      </c>
      <c r="H169" s="107">
        <v>2901.6053926903601</v>
      </c>
      <c r="I169" s="107">
        <v>2214.95709870367</v>
      </c>
      <c r="J169" s="107">
        <v>1507.6637118942499</v>
      </c>
      <c r="K169" s="107">
        <v>990.38504450615596</v>
      </c>
      <c r="L169" s="107">
        <v>946.07757885251397</v>
      </c>
      <c r="M169" s="107">
        <v>1179.5223859386099</v>
      </c>
      <c r="N169" s="107">
        <v>1179.5223859386099</v>
      </c>
      <c r="O169" s="107">
        <v>1077.97478478836</v>
      </c>
      <c r="P169" s="107">
        <v>985.00498259252197</v>
      </c>
      <c r="Q169" s="107">
        <v>925.64142184971797</v>
      </c>
      <c r="R169" s="107">
        <v>908.059942618842</v>
      </c>
      <c r="S169" s="107">
        <v>1103.2981748488601</v>
      </c>
      <c r="T169" s="107">
        <v>1168.1984282536</v>
      </c>
      <c r="U169" s="107">
        <v>1215.0085965071501</v>
      </c>
      <c r="V169" s="107">
        <v>1213.0525324002699</v>
      </c>
      <c r="W169" s="107">
        <v>1208.40586641391</v>
      </c>
      <c r="X169" s="107">
        <v>1192.91052562852</v>
      </c>
      <c r="Y169" s="107">
        <v>1134.81230272981</v>
      </c>
      <c r="Z169" s="107">
        <v>1039.65439024698</v>
      </c>
      <c r="AA169" s="107">
        <v>1039.65439024698</v>
      </c>
      <c r="AB169" s="107">
        <v>973.90039312882402</v>
      </c>
      <c r="AC169" s="107">
        <v>913.00435035947999</v>
      </c>
      <c r="AD169" s="107">
        <v>878.15553240097995</v>
      </c>
      <c r="AE169" s="107">
        <v>875.54453441148905</v>
      </c>
      <c r="AF169" s="107">
        <v>1038.45432176893</v>
      </c>
      <c r="AG169" s="107">
        <v>1099.7240177819001</v>
      </c>
      <c r="AH169" s="107">
        <v>1146.5564815590101</v>
      </c>
      <c r="AI169" s="107">
        <v>1155.80585584602</v>
      </c>
      <c r="AJ169" s="107">
        <v>1163.0149387921699</v>
      </c>
      <c r="AK169" s="107">
        <v>1162.4315904703001</v>
      </c>
      <c r="AL169" s="107">
        <v>1132.8959694704499</v>
      </c>
      <c r="AM169" s="107">
        <v>1079.00008857284</v>
      </c>
      <c r="AN169" s="107">
        <v>1079.00008857284</v>
      </c>
    </row>
    <row r="170" spans="1:40" x14ac:dyDescent="0.2">
      <c r="A170" s="133" t="s">
        <v>262</v>
      </c>
      <c r="B170" s="107">
        <v>8942.8919687813705</v>
      </c>
      <c r="C170" s="107">
        <v>9199.8736485919908</v>
      </c>
      <c r="D170" s="107">
        <v>9113.04741773772</v>
      </c>
      <c r="E170" s="107">
        <v>8474.3306676946395</v>
      </c>
      <c r="F170" s="107">
        <v>5766.7500397451404</v>
      </c>
      <c r="G170" s="107">
        <v>4012.8133227836302</v>
      </c>
      <c r="H170" s="107">
        <v>2794.8753759850802</v>
      </c>
      <c r="I170" s="107">
        <v>2138.2318970828901</v>
      </c>
      <c r="J170" s="107">
        <v>1461.0480753561601</v>
      </c>
      <c r="K170" s="107">
        <v>962.37699259058797</v>
      </c>
      <c r="L170" s="107">
        <v>903.50138701262495</v>
      </c>
      <c r="M170" s="107">
        <v>1098.9262010059299</v>
      </c>
      <c r="N170" s="107">
        <v>1098.9262010059299</v>
      </c>
      <c r="O170" s="107">
        <v>1004.31729753479</v>
      </c>
      <c r="P170" s="107">
        <v>917.70007623123604</v>
      </c>
      <c r="Q170" s="107">
        <v>862.39279841864698</v>
      </c>
      <c r="R170" s="107">
        <v>846.01265302286902</v>
      </c>
      <c r="S170" s="107">
        <v>1027.9103527981199</v>
      </c>
      <c r="T170" s="107">
        <v>1088.37600378416</v>
      </c>
      <c r="U170" s="107">
        <v>1131.98765624669</v>
      </c>
      <c r="V170" s="107">
        <v>1130.1652490388799</v>
      </c>
      <c r="W170" s="107">
        <v>1125.8360874556799</v>
      </c>
      <c r="X170" s="107">
        <v>1111.3995356906801</v>
      </c>
      <c r="Y170" s="107">
        <v>1057.2711358091699</v>
      </c>
      <c r="Z170" s="107">
        <v>968.61531671915202</v>
      </c>
      <c r="AA170" s="107">
        <v>968.61531671915202</v>
      </c>
      <c r="AB170" s="107">
        <v>907.35425790803299</v>
      </c>
      <c r="AC170" s="107">
        <v>850.61921181261005</v>
      </c>
      <c r="AD170" s="107">
        <v>818.15159645810502</v>
      </c>
      <c r="AE170" s="107">
        <v>815.71900667801299</v>
      </c>
      <c r="AF170" s="107">
        <v>967.49724833040705</v>
      </c>
      <c r="AG170" s="107">
        <v>1024.58041612695</v>
      </c>
      <c r="AH170" s="107">
        <v>1068.21284067087</v>
      </c>
      <c r="AI170" s="107">
        <v>1076.83020975863</v>
      </c>
      <c r="AJ170" s="107">
        <v>1083.54669961011</v>
      </c>
      <c r="AK170" s="107">
        <v>1083.0032111923699</v>
      </c>
      <c r="AL170" s="107">
        <v>1055.48574465961</v>
      </c>
      <c r="AM170" s="107">
        <v>1005.27254281558</v>
      </c>
      <c r="AN170" s="107">
        <v>1005.27254281558</v>
      </c>
    </row>
    <row r="171" spans="1:40" x14ac:dyDescent="0.2">
      <c r="A171" s="133" t="s">
        <v>263</v>
      </c>
      <c r="B171" s="107">
        <v>818850.84289484797</v>
      </c>
      <c r="C171" s="107">
        <v>848508.34349562402</v>
      </c>
      <c r="D171" s="107">
        <v>845424.72919340804</v>
      </c>
      <c r="E171" s="107">
        <v>789841.69007358095</v>
      </c>
      <c r="F171" s="107">
        <v>530608.63244806603</v>
      </c>
      <c r="G171" s="107">
        <v>366083.19782476901</v>
      </c>
      <c r="H171" s="107">
        <v>250648.60653090599</v>
      </c>
      <c r="I171" s="107">
        <v>190230.67609575699</v>
      </c>
      <c r="J171" s="107">
        <v>127689.82352577899</v>
      </c>
      <c r="K171" s="107">
        <v>82334.710608049601</v>
      </c>
      <c r="L171" s="107">
        <v>82058.144737337207</v>
      </c>
      <c r="M171" s="107">
        <v>109558.380732009</v>
      </c>
      <c r="N171" s="107">
        <v>109558.380732009</v>
      </c>
      <c r="O171" s="107">
        <v>109387.294875919</v>
      </c>
      <c r="P171" s="107">
        <v>109199.026309364</v>
      </c>
      <c r="Q171" s="107">
        <v>108984.50421165999</v>
      </c>
      <c r="R171" s="107">
        <v>108743.396044123</v>
      </c>
      <c r="S171" s="107">
        <v>108400.38526575999</v>
      </c>
      <c r="T171" s="107">
        <v>108124.450170304</v>
      </c>
      <c r="U171" s="107">
        <v>107858.38869465</v>
      </c>
      <c r="V171" s="107">
        <v>107608.74620782099</v>
      </c>
      <c r="W171" s="107">
        <v>107359.648873004</v>
      </c>
      <c r="X171" s="107">
        <v>107111.90914074</v>
      </c>
      <c r="Y171" s="107">
        <v>106869.602827329</v>
      </c>
      <c r="Z171" s="107">
        <v>106625.10098531299</v>
      </c>
      <c r="AA171" s="107">
        <v>106625.10098531299</v>
      </c>
      <c r="AB171" s="107">
        <v>107505.529722683</v>
      </c>
      <c r="AC171" s="107">
        <v>108384.366941117</v>
      </c>
      <c r="AD171" s="107">
        <v>109286.95285618601</v>
      </c>
      <c r="AE171" s="107">
        <v>110227.35463441801</v>
      </c>
      <c r="AF171" s="107">
        <v>111399.296847875</v>
      </c>
      <c r="AG171" s="107">
        <v>112436.339761861</v>
      </c>
      <c r="AH171" s="107">
        <v>113456.46924232801</v>
      </c>
      <c r="AI171" s="107">
        <v>114413.471175924</v>
      </c>
      <c r="AJ171" s="107">
        <v>115366.415671676</v>
      </c>
      <c r="AK171" s="107">
        <v>116300.49328350701</v>
      </c>
      <c r="AL171" s="107">
        <v>117155.20883144101</v>
      </c>
      <c r="AM171" s="107">
        <v>117929.255593822</v>
      </c>
      <c r="AN171" s="107">
        <v>117929.255593822</v>
      </c>
    </row>
    <row r="172" spans="1:40" x14ac:dyDescent="0.2">
      <c r="A172" s="133" t="s">
        <v>264</v>
      </c>
      <c r="B172" s="107">
        <v>862750.77001872298</v>
      </c>
      <c r="C172" s="107">
        <v>893760.410456502</v>
      </c>
      <c r="D172" s="107">
        <v>890311.16789151297</v>
      </c>
      <c r="E172" s="107">
        <v>831615.86293355201</v>
      </c>
      <c r="F172" s="107">
        <v>558907.01129614399</v>
      </c>
      <c r="G172" s="107">
        <v>385716.57080086501</v>
      </c>
      <c r="H172" s="107">
        <v>264261.64869896002</v>
      </c>
      <c r="I172" s="107">
        <v>200627.02013975999</v>
      </c>
      <c r="J172" s="107">
        <v>134771.95685865</v>
      </c>
      <c r="K172" s="107">
        <v>86989.582716139295</v>
      </c>
      <c r="L172" s="107">
        <v>86488.939304326705</v>
      </c>
      <c r="M172" s="107">
        <v>115054.94552312201</v>
      </c>
      <c r="N172" s="107">
        <v>115054.94552312201</v>
      </c>
      <c r="O172" s="107">
        <v>114410.790472811</v>
      </c>
      <c r="P172" s="107">
        <v>113789.417901131</v>
      </c>
      <c r="Q172" s="107">
        <v>113298.347899174</v>
      </c>
      <c r="R172" s="107">
        <v>112975.333075692</v>
      </c>
      <c r="S172" s="107">
        <v>113541.819510867</v>
      </c>
      <c r="T172" s="107">
        <v>113568.21049689301</v>
      </c>
      <c r="U172" s="107">
        <v>113520.203599238</v>
      </c>
      <c r="V172" s="107">
        <v>113261.444692851</v>
      </c>
      <c r="W172" s="107">
        <v>112990.697262956</v>
      </c>
      <c r="X172" s="107">
        <v>112670.77112025701</v>
      </c>
      <c r="Y172" s="107">
        <v>112157.820970115</v>
      </c>
      <c r="Z172" s="107">
        <v>111470.042297616</v>
      </c>
      <c r="AA172" s="107">
        <v>111470.042297616</v>
      </c>
      <c r="AB172" s="107">
        <v>112045.207346825</v>
      </c>
      <c r="AC172" s="107">
        <v>112641.36209629</v>
      </c>
      <c r="AD172" s="107">
        <v>113382.255790048</v>
      </c>
      <c r="AE172" s="107">
        <v>114310.688015091</v>
      </c>
      <c r="AF172" s="107">
        <v>116239.292727767</v>
      </c>
      <c r="AG172" s="107">
        <v>117560.98839414401</v>
      </c>
      <c r="AH172" s="107">
        <v>118798.719292226</v>
      </c>
      <c r="AI172" s="107">
        <v>119798.826854379</v>
      </c>
      <c r="AJ172" s="107">
        <v>120785.405848068</v>
      </c>
      <c r="AK172" s="107">
        <v>121716.95573880999</v>
      </c>
      <c r="AL172" s="107">
        <v>122434.813509311</v>
      </c>
      <c r="AM172" s="107">
        <v>122959.01823956599</v>
      </c>
      <c r="AN172" s="107">
        <v>122959.01823956599</v>
      </c>
    </row>
    <row r="173" spans="1:40" x14ac:dyDescent="0.2">
      <c r="A173" s="133" t="s">
        <v>265</v>
      </c>
    </row>
    <row r="174" spans="1:40" x14ac:dyDescent="0.2">
      <c r="A174" s="133" t="s">
        <v>266</v>
      </c>
      <c r="B174" s="107">
        <v>0</v>
      </c>
      <c r="C174" s="107">
        <v>0</v>
      </c>
      <c r="D174" s="107">
        <v>0</v>
      </c>
      <c r="E174" s="107">
        <v>0</v>
      </c>
      <c r="F174" s="107">
        <v>0</v>
      </c>
      <c r="G174" s="107">
        <v>0</v>
      </c>
      <c r="H174" s="107">
        <v>0</v>
      </c>
      <c r="I174" s="107">
        <v>0</v>
      </c>
      <c r="J174" s="107">
        <v>0</v>
      </c>
      <c r="K174" s="107">
        <v>0</v>
      </c>
      <c r="L174" s="107">
        <v>0</v>
      </c>
      <c r="M174" s="107">
        <v>0</v>
      </c>
      <c r="N174" s="107">
        <v>0</v>
      </c>
      <c r="O174" s="107">
        <v>0</v>
      </c>
      <c r="P174" s="107">
        <v>0</v>
      </c>
      <c r="Q174" s="107">
        <v>0</v>
      </c>
      <c r="R174" s="107">
        <v>0</v>
      </c>
      <c r="S174" s="107">
        <v>0</v>
      </c>
      <c r="T174" s="107">
        <v>0</v>
      </c>
      <c r="U174" s="107">
        <v>0</v>
      </c>
      <c r="V174" s="107">
        <v>0</v>
      </c>
      <c r="W174" s="107">
        <v>0</v>
      </c>
      <c r="X174" s="107">
        <v>0</v>
      </c>
      <c r="Y174" s="107">
        <v>0</v>
      </c>
      <c r="Z174" s="107">
        <v>0</v>
      </c>
      <c r="AA174" s="107">
        <v>0</v>
      </c>
      <c r="AB174" s="107">
        <v>0</v>
      </c>
      <c r="AC174" s="107">
        <v>0</v>
      </c>
      <c r="AD174" s="107">
        <v>0</v>
      </c>
      <c r="AE174" s="107">
        <v>0</v>
      </c>
      <c r="AF174" s="107">
        <v>0</v>
      </c>
      <c r="AG174" s="107">
        <v>0</v>
      </c>
      <c r="AH174" s="107">
        <v>0</v>
      </c>
      <c r="AI174" s="107">
        <v>0</v>
      </c>
      <c r="AJ174" s="107">
        <v>0</v>
      </c>
      <c r="AK174" s="107">
        <v>0</v>
      </c>
      <c r="AL174" s="107">
        <v>0</v>
      </c>
      <c r="AM174" s="107">
        <v>0</v>
      </c>
      <c r="AN174" s="107">
        <v>0</v>
      </c>
    </row>
    <row r="175" spans="1:40" x14ac:dyDescent="0.2">
      <c r="A175" s="133" t="s">
        <v>267</v>
      </c>
      <c r="B175" s="107">
        <v>0</v>
      </c>
      <c r="C175" s="107">
        <v>0</v>
      </c>
      <c r="D175" s="107">
        <v>0</v>
      </c>
      <c r="E175" s="107">
        <v>0</v>
      </c>
      <c r="F175" s="107">
        <v>0</v>
      </c>
      <c r="G175" s="107">
        <v>0</v>
      </c>
      <c r="H175" s="107">
        <v>0</v>
      </c>
      <c r="I175" s="107">
        <v>0</v>
      </c>
      <c r="J175" s="107">
        <v>0</v>
      </c>
      <c r="K175" s="107">
        <v>0</v>
      </c>
      <c r="L175" s="107">
        <v>0</v>
      </c>
      <c r="M175" s="107">
        <v>0</v>
      </c>
      <c r="N175" s="107">
        <v>0</v>
      </c>
      <c r="O175" s="107">
        <v>0</v>
      </c>
      <c r="P175" s="107">
        <v>0</v>
      </c>
      <c r="Q175" s="107">
        <v>0</v>
      </c>
      <c r="R175" s="107">
        <v>0</v>
      </c>
      <c r="S175" s="107">
        <v>0</v>
      </c>
      <c r="T175" s="107">
        <v>0</v>
      </c>
      <c r="U175" s="107">
        <v>0</v>
      </c>
      <c r="V175" s="107">
        <v>0</v>
      </c>
      <c r="W175" s="107">
        <v>0</v>
      </c>
      <c r="X175" s="107">
        <v>0</v>
      </c>
      <c r="Y175" s="107">
        <v>0</v>
      </c>
      <c r="Z175" s="107">
        <v>0</v>
      </c>
      <c r="AA175" s="107">
        <v>0</v>
      </c>
      <c r="AB175" s="107">
        <v>0</v>
      </c>
      <c r="AC175" s="107">
        <v>0</v>
      </c>
      <c r="AD175" s="107">
        <v>0</v>
      </c>
      <c r="AE175" s="107">
        <v>0</v>
      </c>
      <c r="AF175" s="107">
        <v>0</v>
      </c>
      <c r="AG175" s="107">
        <v>0</v>
      </c>
      <c r="AH175" s="107">
        <v>0</v>
      </c>
      <c r="AI175" s="107">
        <v>0</v>
      </c>
      <c r="AJ175" s="107">
        <v>0</v>
      </c>
      <c r="AK175" s="107">
        <v>0</v>
      </c>
      <c r="AL175" s="107">
        <v>0</v>
      </c>
      <c r="AM175" s="107">
        <v>0</v>
      </c>
      <c r="AN175" s="107">
        <v>0</v>
      </c>
    </row>
    <row r="176" spans="1:40" x14ac:dyDescent="0.2">
      <c r="A176" s="133" t="s">
        <v>268</v>
      </c>
      <c r="B176" s="107">
        <v>0</v>
      </c>
      <c r="C176" s="107">
        <v>0</v>
      </c>
      <c r="D176" s="107">
        <v>0</v>
      </c>
      <c r="E176" s="107">
        <v>0</v>
      </c>
      <c r="F176" s="107">
        <v>0</v>
      </c>
      <c r="G176" s="107">
        <v>0</v>
      </c>
      <c r="H176" s="107">
        <v>0</v>
      </c>
      <c r="I176" s="107">
        <v>0</v>
      </c>
      <c r="J176" s="107">
        <v>0</v>
      </c>
      <c r="K176" s="107">
        <v>0</v>
      </c>
      <c r="L176" s="107">
        <v>0</v>
      </c>
      <c r="M176" s="107">
        <v>0</v>
      </c>
      <c r="N176" s="107">
        <v>0</v>
      </c>
      <c r="O176" s="107">
        <v>0</v>
      </c>
      <c r="P176" s="107">
        <v>0</v>
      </c>
      <c r="Q176" s="107">
        <v>0</v>
      </c>
      <c r="R176" s="107">
        <v>0</v>
      </c>
      <c r="S176" s="107">
        <v>0</v>
      </c>
      <c r="T176" s="107">
        <v>0</v>
      </c>
      <c r="U176" s="107">
        <v>0</v>
      </c>
      <c r="V176" s="107">
        <v>0</v>
      </c>
      <c r="W176" s="107">
        <v>0</v>
      </c>
      <c r="X176" s="107">
        <v>0</v>
      </c>
      <c r="Y176" s="107">
        <v>0</v>
      </c>
      <c r="Z176" s="107">
        <v>0</v>
      </c>
      <c r="AA176" s="107">
        <v>0</v>
      </c>
      <c r="AB176" s="107">
        <v>0</v>
      </c>
      <c r="AC176" s="107">
        <v>0</v>
      </c>
      <c r="AD176" s="107">
        <v>0</v>
      </c>
      <c r="AE176" s="107">
        <v>0</v>
      </c>
      <c r="AF176" s="107">
        <v>0</v>
      </c>
      <c r="AG176" s="107">
        <v>0</v>
      </c>
      <c r="AH176" s="107">
        <v>0</v>
      </c>
      <c r="AI176" s="107">
        <v>0</v>
      </c>
      <c r="AJ176" s="107">
        <v>0</v>
      </c>
      <c r="AK176" s="107">
        <v>0</v>
      </c>
      <c r="AL176" s="107">
        <v>0</v>
      </c>
      <c r="AM176" s="107">
        <v>0</v>
      </c>
      <c r="AN176" s="107">
        <v>0</v>
      </c>
    </row>
    <row r="177" spans="1:40" x14ac:dyDescent="0.2">
      <c r="A177" s="133" t="s">
        <v>269</v>
      </c>
      <c r="B177" s="107">
        <v>0</v>
      </c>
      <c r="C177" s="107">
        <v>0</v>
      </c>
      <c r="D177" s="107">
        <v>0</v>
      </c>
      <c r="E177" s="107">
        <v>0</v>
      </c>
      <c r="F177" s="107">
        <v>0</v>
      </c>
      <c r="G177" s="107">
        <v>0</v>
      </c>
      <c r="H177" s="107">
        <v>0</v>
      </c>
      <c r="I177" s="107">
        <v>0</v>
      </c>
      <c r="J177" s="107">
        <v>0</v>
      </c>
      <c r="K177" s="107">
        <v>0</v>
      </c>
      <c r="L177" s="107">
        <v>0</v>
      </c>
      <c r="M177" s="107">
        <v>0</v>
      </c>
      <c r="N177" s="107">
        <v>0</v>
      </c>
      <c r="O177" s="107">
        <v>0</v>
      </c>
      <c r="P177" s="107">
        <v>0</v>
      </c>
      <c r="Q177" s="107">
        <v>0</v>
      </c>
      <c r="R177" s="107">
        <v>0</v>
      </c>
      <c r="S177" s="107">
        <v>0</v>
      </c>
      <c r="T177" s="107">
        <v>0</v>
      </c>
      <c r="U177" s="107">
        <v>0</v>
      </c>
      <c r="V177" s="107">
        <v>0</v>
      </c>
      <c r="W177" s="107">
        <v>0</v>
      </c>
      <c r="X177" s="107">
        <v>0</v>
      </c>
      <c r="Y177" s="107">
        <v>0</v>
      </c>
      <c r="Z177" s="107">
        <v>0</v>
      </c>
      <c r="AA177" s="107">
        <v>0</v>
      </c>
      <c r="AB177" s="107">
        <v>0</v>
      </c>
      <c r="AC177" s="107">
        <v>0</v>
      </c>
      <c r="AD177" s="107">
        <v>0</v>
      </c>
      <c r="AE177" s="107">
        <v>0</v>
      </c>
      <c r="AF177" s="107">
        <v>0</v>
      </c>
      <c r="AG177" s="107">
        <v>0</v>
      </c>
      <c r="AH177" s="107">
        <v>0</v>
      </c>
      <c r="AI177" s="107">
        <v>0</v>
      </c>
      <c r="AJ177" s="107">
        <v>0</v>
      </c>
      <c r="AK177" s="107">
        <v>0</v>
      </c>
      <c r="AL177" s="107">
        <v>0</v>
      </c>
      <c r="AM177" s="107">
        <v>0</v>
      </c>
      <c r="AN177" s="107">
        <v>0</v>
      </c>
    </row>
    <row r="178" spans="1:40" x14ac:dyDescent="0.2">
      <c r="A178" s="133" t="s">
        <v>270</v>
      </c>
      <c r="B178" s="107">
        <v>0</v>
      </c>
      <c r="C178" s="107">
        <v>0</v>
      </c>
      <c r="D178" s="107">
        <v>0</v>
      </c>
      <c r="E178" s="107">
        <v>0</v>
      </c>
      <c r="F178" s="107">
        <v>0</v>
      </c>
      <c r="G178" s="107">
        <v>0</v>
      </c>
      <c r="H178" s="107">
        <v>0</v>
      </c>
      <c r="I178" s="107">
        <v>0</v>
      </c>
      <c r="J178" s="107">
        <v>0</v>
      </c>
      <c r="K178" s="107">
        <v>0</v>
      </c>
      <c r="L178" s="107">
        <v>0</v>
      </c>
      <c r="M178" s="107">
        <v>0</v>
      </c>
      <c r="N178" s="107">
        <v>0</v>
      </c>
      <c r="O178" s="107">
        <v>0</v>
      </c>
      <c r="P178" s="107">
        <v>0</v>
      </c>
      <c r="Q178" s="107">
        <v>0</v>
      </c>
      <c r="R178" s="107">
        <v>0</v>
      </c>
      <c r="S178" s="107">
        <v>0</v>
      </c>
      <c r="T178" s="107">
        <v>0</v>
      </c>
      <c r="U178" s="107">
        <v>0</v>
      </c>
      <c r="V178" s="107">
        <v>0</v>
      </c>
      <c r="W178" s="107">
        <v>0</v>
      </c>
      <c r="X178" s="107">
        <v>0</v>
      </c>
      <c r="Y178" s="107">
        <v>0</v>
      </c>
      <c r="Z178" s="107">
        <v>0</v>
      </c>
      <c r="AA178" s="107">
        <v>0</v>
      </c>
      <c r="AB178" s="107">
        <v>0</v>
      </c>
      <c r="AC178" s="107">
        <v>0</v>
      </c>
      <c r="AD178" s="107">
        <v>0</v>
      </c>
      <c r="AE178" s="107">
        <v>0</v>
      </c>
      <c r="AF178" s="107">
        <v>0</v>
      </c>
      <c r="AG178" s="107">
        <v>0</v>
      </c>
      <c r="AH178" s="107">
        <v>0</v>
      </c>
      <c r="AI178" s="107">
        <v>0</v>
      </c>
      <c r="AJ178" s="107">
        <v>0</v>
      </c>
      <c r="AK178" s="107">
        <v>0</v>
      </c>
      <c r="AL178" s="107">
        <v>0</v>
      </c>
      <c r="AM178" s="107">
        <v>0</v>
      </c>
      <c r="AN178" s="107">
        <v>0</v>
      </c>
    </row>
    <row r="179" spans="1:40" x14ac:dyDescent="0.2">
      <c r="A179" s="133" t="s">
        <v>271</v>
      </c>
      <c r="B179" s="107">
        <v>0</v>
      </c>
      <c r="C179" s="107">
        <v>0</v>
      </c>
      <c r="D179" s="107">
        <v>0</v>
      </c>
      <c r="E179" s="107">
        <v>0</v>
      </c>
      <c r="F179" s="107">
        <v>0</v>
      </c>
      <c r="G179" s="107">
        <v>0</v>
      </c>
      <c r="H179" s="107">
        <v>0</v>
      </c>
      <c r="I179" s="107">
        <v>0</v>
      </c>
      <c r="J179" s="107">
        <v>0</v>
      </c>
      <c r="K179" s="107">
        <v>0</v>
      </c>
      <c r="L179" s="107">
        <v>0</v>
      </c>
      <c r="M179" s="107">
        <v>0</v>
      </c>
      <c r="N179" s="107">
        <v>0</v>
      </c>
      <c r="O179" s="107">
        <v>0</v>
      </c>
      <c r="P179" s="107">
        <v>0</v>
      </c>
      <c r="Q179" s="107">
        <v>0</v>
      </c>
      <c r="R179" s="107">
        <v>0</v>
      </c>
      <c r="S179" s="107">
        <v>0</v>
      </c>
      <c r="T179" s="107">
        <v>0</v>
      </c>
      <c r="U179" s="107">
        <v>0</v>
      </c>
      <c r="V179" s="107">
        <v>0</v>
      </c>
      <c r="W179" s="107">
        <v>0</v>
      </c>
      <c r="X179" s="107">
        <v>0</v>
      </c>
      <c r="Y179" s="107">
        <v>0</v>
      </c>
      <c r="Z179" s="107">
        <v>0</v>
      </c>
      <c r="AA179" s="107">
        <v>0</v>
      </c>
      <c r="AB179" s="107">
        <v>0</v>
      </c>
      <c r="AC179" s="107">
        <v>0</v>
      </c>
      <c r="AD179" s="107">
        <v>0</v>
      </c>
      <c r="AE179" s="107">
        <v>0</v>
      </c>
      <c r="AF179" s="107">
        <v>0</v>
      </c>
      <c r="AG179" s="107">
        <v>0</v>
      </c>
      <c r="AH179" s="107">
        <v>0</v>
      </c>
      <c r="AI179" s="107">
        <v>0</v>
      </c>
      <c r="AJ179" s="107">
        <v>0</v>
      </c>
      <c r="AK179" s="107">
        <v>0</v>
      </c>
      <c r="AL179" s="107">
        <v>0</v>
      </c>
      <c r="AM179" s="107">
        <v>0</v>
      </c>
      <c r="AN179" s="107">
        <v>0</v>
      </c>
    </row>
    <row r="180" spans="1:40" x14ac:dyDescent="0.2">
      <c r="A180" s="133" t="s">
        <v>272</v>
      </c>
    </row>
    <row r="181" spans="1:40" x14ac:dyDescent="0.2">
      <c r="A181" s="133" t="s">
        <v>273</v>
      </c>
      <c r="B181" s="107">
        <v>0</v>
      </c>
      <c r="C181" s="107">
        <v>0</v>
      </c>
      <c r="D181" s="107">
        <v>0</v>
      </c>
      <c r="E181" s="107">
        <v>0</v>
      </c>
      <c r="F181" s="107">
        <v>0</v>
      </c>
      <c r="G181" s="107">
        <v>0</v>
      </c>
      <c r="H181" s="107">
        <v>0</v>
      </c>
      <c r="I181" s="107">
        <v>0</v>
      </c>
      <c r="J181" s="107">
        <v>0</v>
      </c>
      <c r="K181" s="107">
        <v>0</v>
      </c>
      <c r="L181" s="107">
        <v>0</v>
      </c>
      <c r="M181" s="107">
        <v>0</v>
      </c>
      <c r="N181" s="107">
        <v>0</v>
      </c>
      <c r="O181" s="107">
        <v>0</v>
      </c>
      <c r="P181" s="107">
        <v>0</v>
      </c>
      <c r="Q181" s="107">
        <v>0</v>
      </c>
      <c r="R181" s="107">
        <v>0</v>
      </c>
      <c r="S181" s="107">
        <v>0</v>
      </c>
      <c r="T181" s="107">
        <v>0</v>
      </c>
      <c r="U181" s="107">
        <v>0</v>
      </c>
      <c r="V181" s="107">
        <v>0</v>
      </c>
      <c r="W181" s="107">
        <v>0</v>
      </c>
      <c r="X181" s="107">
        <v>0</v>
      </c>
      <c r="Y181" s="107">
        <v>0</v>
      </c>
      <c r="Z181" s="107">
        <v>0</v>
      </c>
      <c r="AA181" s="107">
        <v>0</v>
      </c>
      <c r="AB181" s="107">
        <v>0</v>
      </c>
      <c r="AC181" s="107">
        <v>0</v>
      </c>
      <c r="AD181" s="107">
        <v>0</v>
      </c>
      <c r="AE181" s="107">
        <v>0</v>
      </c>
      <c r="AF181" s="107">
        <v>0</v>
      </c>
      <c r="AG181" s="107">
        <v>0</v>
      </c>
      <c r="AH181" s="107">
        <v>0</v>
      </c>
      <c r="AI181" s="107">
        <v>0</v>
      </c>
      <c r="AJ181" s="107">
        <v>0</v>
      </c>
      <c r="AK181" s="107">
        <v>0</v>
      </c>
      <c r="AL181" s="107">
        <v>0</v>
      </c>
      <c r="AM181" s="107">
        <v>0</v>
      </c>
      <c r="AN181" s="107">
        <v>0</v>
      </c>
    </row>
    <row r="182" spans="1:40" x14ac:dyDescent="0.2">
      <c r="A182" s="133" t="s">
        <v>274</v>
      </c>
      <c r="B182" s="107">
        <v>0</v>
      </c>
      <c r="C182" s="107">
        <v>0</v>
      </c>
      <c r="D182" s="107">
        <v>0</v>
      </c>
      <c r="E182" s="107">
        <v>0</v>
      </c>
      <c r="F182" s="107">
        <v>0</v>
      </c>
      <c r="G182" s="107">
        <v>0</v>
      </c>
      <c r="H182" s="107">
        <v>0</v>
      </c>
      <c r="I182" s="107">
        <v>0</v>
      </c>
      <c r="J182" s="107">
        <v>0</v>
      </c>
      <c r="K182" s="107">
        <v>0</v>
      </c>
      <c r="L182" s="107">
        <v>0</v>
      </c>
      <c r="M182" s="107">
        <v>0</v>
      </c>
      <c r="N182" s="107">
        <v>0</v>
      </c>
      <c r="O182" s="107">
        <v>0</v>
      </c>
      <c r="P182" s="107">
        <v>0</v>
      </c>
      <c r="Q182" s="107">
        <v>0</v>
      </c>
      <c r="R182" s="107">
        <v>0</v>
      </c>
      <c r="S182" s="107">
        <v>0</v>
      </c>
      <c r="T182" s="107">
        <v>0</v>
      </c>
      <c r="U182" s="107">
        <v>0</v>
      </c>
      <c r="V182" s="107">
        <v>0</v>
      </c>
      <c r="W182" s="107">
        <v>0</v>
      </c>
      <c r="X182" s="107">
        <v>0</v>
      </c>
      <c r="Y182" s="107">
        <v>0</v>
      </c>
      <c r="Z182" s="107">
        <v>0</v>
      </c>
      <c r="AA182" s="107">
        <v>0</v>
      </c>
      <c r="AB182" s="107">
        <v>0</v>
      </c>
      <c r="AC182" s="107">
        <v>0</v>
      </c>
      <c r="AD182" s="107">
        <v>0</v>
      </c>
      <c r="AE182" s="107">
        <v>0</v>
      </c>
      <c r="AF182" s="107">
        <v>0</v>
      </c>
      <c r="AG182" s="107">
        <v>0</v>
      </c>
      <c r="AH182" s="107">
        <v>0</v>
      </c>
      <c r="AI182" s="107">
        <v>0</v>
      </c>
      <c r="AJ182" s="107">
        <v>0</v>
      </c>
      <c r="AK182" s="107">
        <v>0</v>
      </c>
      <c r="AL182" s="107">
        <v>0</v>
      </c>
      <c r="AM182" s="107">
        <v>0</v>
      </c>
      <c r="AN182" s="107">
        <v>0</v>
      </c>
    </row>
    <row r="183" spans="1:40" x14ac:dyDescent="0.2">
      <c r="A183" s="133" t="s">
        <v>275</v>
      </c>
      <c r="B183" s="107">
        <v>0</v>
      </c>
      <c r="C183" s="107">
        <v>0</v>
      </c>
      <c r="D183" s="107">
        <v>0</v>
      </c>
      <c r="E183" s="107">
        <v>0</v>
      </c>
      <c r="F183" s="107">
        <v>0</v>
      </c>
      <c r="G183" s="107">
        <v>0</v>
      </c>
      <c r="H183" s="107">
        <v>0</v>
      </c>
      <c r="I183" s="107">
        <v>0</v>
      </c>
      <c r="J183" s="107">
        <v>0</v>
      </c>
      <c r="K183" s="107">
        <v>0</v>
      </c>
      <c r="L183" s="107">
        <v>0</v>
      </c>
      <c r="M183" s="107">
        <v>0</v>
      </c>
      <c r="N183" s="107">
        <v>0</v>
      </c>
      <c r="O183" s="107">
        <v>0</v>
      </c>
      <c r="P183" s="107">
        <v>0</v>
      </c>
      <c r="Q183" s="107">
        <v>0</v>
      </c>
      <c r="R183" s="107">
        <v>0</v>
      </c>
      <c r="S183" s="107">
        <v>0</v>
      </c>
      <c r="T183" s="107">
        <v>0</v>
      </c>
      <c r="U183" s="107">
        <v>0</v>
      </c>
      <c r="V183" s="107">
        <v>0</v>
      </c>
      <c r="W183" s="107">
        <v>0</v>
      </c>
      <c r="X183" s="107">
        <v>0</v>
      </c>
      <c r="Y183" s="107">
        <v>0</v>
      </c>
      <c r="Z183" s="107">
        <v>0</v>
      </c>
      <c r="AA183" s="107">
        <v>0</v>
      </c>
      <c r="AB183" s="107">
        <v>0</v>
      </c>
      <c r="AC183" s="107">
        <v>0</v>
      </c>
      <c r="AD183" s="107">
        <v>0</v>
      </c>
      <c r="AE183" s="107">
        <v>0</v>
      </c>
      <c r="AF183" s="107">
        <v>0</v>
      </c>
      <c r="AG183" s="107">
        <v>0</v>
      </c>
      <c r="AH183" s="107">
        <v>0</v>
      </c>
      <c r="AI183" s="107">
        <v>0</v>
      </c>
      <c r="AJ183" s="107">
        <v>0</v>
      </c>
      <c r="AK183" s="107">
        <v>0</v>
      </c>
      <c r="AL183" s="107">
        <v>0</v>
      </c>
      <c r="AM183" s="107">
        <v>0</v>
      </c>
      <c r="AN183" s="107">
        <v>0</v>
      </c>
    </row>
    <row r="184" spans="1:40" x14ac:dyDescent="0.2">
      <c r="A184" s="133" t="s">
        <v>276</v>
      </c>
      <c r="B184" s="107">
        <v>0</v>
      </c>
      <c r="C184" s="107">
        <v>0</v>
      </c>
      <c r="D184" s="107">
        <v>0</v>
      </c>
      <c r="E184" s="107">
        <v>0</v>
      </c>
      <c r="F184" s="107">
        <v>0</v>
      </c>
      <c r="G184" s="107">
        <v>0</v>
      </c>
      <c r="H184" s="107">
        <v>0</v>
      </c>
      <c r="I184" s="107">
        <v>0</v>
      </c>
      <c r="J184" s="107">
        <v>0</v>
      </c>
      <c r="K184" s="107">
        <v>0</v>
      </c>
      <c r="L184" s="107">
        <v>0</v>
      </c>
      <c r="M184" s="107">
        <v>0</v>
      </c>
      <c r="N184" s="107">
        <v>0</v>
      </c>
      <c r="O184" s="107">
        <v>0</v>
      </c>
      <c r="P184" s="107">
        <v>0</v>
      </c>
      <c r="Q184" s="107">
        <v>0</v>
      </c>
      <c r="R184" s="107">
        <v>0</v>
      </c>
      <c r="S184" s="107">
        <v>0</v>
      </c>
      <c r="T184" s="107">
        <v>0</v>
      </c>
      <c r="U184" s="107">
        <v>0</v>
      </c>
      <c r="V184" s="107">
        <v>0</v>
      </c>
      <c r="W184" s="107">
        <v>0</v>
      </c>
      <c r="X184" s="107">
        <v>0</v>
      </c>
      <c r="Y184" s="107">
        <v>0</v>
      </c>
      <c r="Z184" s="107">
        <v>0</v>
      </c>
      <c r="AA184" s="107">
        <v>0</v>
      </c>
      <c r="AB184" s="107">
        <v>0</v>
      </c>
      <c r="AC184" s="107">
        <v>0</v>
      </c>
      <c r="AD184" s="107">
        <v>0</v>
      </c>
      <c r="AE184" s="107">
        <v>0</v>
      </c>
      <c r="AF184" s="107">
        <v>0</v>
      </c>
      <c r="AG184" s="107">
        <v>0</v>
      </c>
      <c r="AH184" s="107">
        <v>0</v>
      </c>
      <c r="AI184" s="107">
        <v>0</v>
      </c>
      <c r="AJ184" s="107">
        <v>0</v>
      </c>
      <c r="AK184" s="107">
        <v>0</v>
      </c>
      <c r="AL184" s="107">
        <v>0</v>
      </c>
      <c r="AM184" s="107">
        <v>0</v>
      </c>
      <c r="AN184" s="107">
        <v>0</v>
      </c>
    </row>
    <row r="185" spans="1:40" x14ac:dyDescent="0.2">
      <c r="A185" s="133" t="s">
        <v>277</v>
      </c>
      <c r="B185" s="107">
        <v>0</v>
      </c>
      <c r="C185" s="107">
        <v>0</v>
      </c>
      <c r="D185" s="107">
        <v>0</v>
      </c>
      <c r="E185" s="107">
        <v>0</v>
      </c>
      <c r="F185" s="107">
        <v>0</v>
      </c>
      <c r="G185" s="107">
        <v>0</v>
      </c>
      <c r="H185" s="107">
        <v>0</v>
      </c>
      <c r="I185" s="107">
        <v>0</v>
      </c>
      <c r="J185" s="107">
        <v>0</v>
      </c>
      <c r="K185" s="107">
        <v>0</v>
      </c>
      <c r="L185" s="107">
        <v>0</v>
      </c>
      <c r="M185" s="107">
        <v>0</v>
      </c>
      <c r="N185" s="107">
        <v>0</v>
      </c>
      <c r="O185" s="107">
        <v>0</v>
      </c>
      <c r="P185" s="107">
        <v>0</v>
      </c>
      <c r="Q185" s="107">
        <v>0</v>
      </c>
      <c r="R185" s="107">
        <v>0</v>
      </c>
      <c r="S185" s="107">
        <v>0</v>
      </c>
      <c r="T185" s="107">
        <v>0</v>
      </c>
      <c r="U185" s="107">
        <v>0</v>
      </c>
      <c r="V185" s="107">
        <v>0</v>
      </c>
      <c r="W185" s="107">
        <v>0</v>
      </c>
      <c r="X185" s="107">
        <v>0</v>
      </c>
      <c r="Y185" s="107">
        <v>0</v>
      </c>
      <c r="Z185" s="107">
        <v>0</v>
      </c>
      <c r="AA185" s="107">
        <v>0</v>
      </c>
      <c r="AB185" s="107">
        <v>0</v>
      </c>
      <c r="AC185" s="107">
        <v>0</v>
      </c>
      <c r="AD185" s="107">
        <v>0</v>
      </c>
      <c r="AE185" s="107">
        <v>0</v>
      </c>
      <c r="AF185" s="107">
        <v>0</v>
      </c>
      <c r="AG185" s="107">
        <v>0</v>
      </c>
      <c r="AH185" s="107">
        <v>0</v>
      </c>
      <c r="AI185" s="107">
        <v>0</v>
      </c>
      <c r="AJ185" s="107">
        <v>0</v>
      </c>
      <c r="AK185" s="107">
        <v>0</v>
      </c>
      <c r="AL185" s="107">
        <v>0</v>
      </c>
      <c r="AM185" s="107">
        <v>0</v>
      </c>
      <c r="AN185" s="107">
        <v>0</v>
      </c>
    </row>
    <row r="186" spans="1:40" x14ac:dyDescent="0.2">
      <c r="A186" s="133" t="s">
        <v>278</v>
      </c>
      <c r="B186" s="107">
        <v>0</v>
      </c>
      <c r="C186" s="107">
        <v>0</v>
      </c>
      <c r="D186" s="107">
        <v>0</v>
      </c>
      <c r="E186" s="107">
        <v>0</v>
      </c>
      <c r="F186" s="107">
        <v>0</v>
      </c>
      <c r="G186" s="107">
        <v>0</v>
      </c>
      <c r="H186" s="107">
        <v>0</v>
      </c>
      <c r="I186" s="107">
        <v>0</v>
      </c>
      <c r="J186" s="107">
        <v>0</v>
      </c>
      <c r="K186" s="107">
        <v>0</v>
      </c>
      <c r="L186" s="107">
        <v>0</v>
      </c>
      <c r="M186" s="107">
        <v>0</v>
      </c>
      <c r="N186" s="107">
        <v>0</v>
      </c>
      <c r="O186" s="107">
        <v>0</v>
      </c>
      <c r="P186" s="107">
        <v>0</v>
      </c>
      <c r="Q186" s="107">
        <v>0</v>
      </c>
      <c r="R186" s="107">
        <v>0</v>
      </c>
      <c r="S186" s="107">
        <v>0</v>
      </c>
      <c r="T186" s="107">
        <v>0</v>
      </c>
      <c r="U186" s="107">
        <v>0</v>
      </c>
      <c r="V186" s="107">
        <v>0</v>
      </c>
      <c r="W186" s="107">
        <v>0</v>
      </c>
      <c r="X186" s="107">
        <v>0</v>
      </c>
      <c r="Y186" s="107">
        <v>0</v>
      </c>
      <c r="Z186" s="107">
        <v>0</v>
      </c>
      <c r="AA186" s="107">
        <v>0</v>
      </c>
      <c r="AB186" s="107">
        <v>0</v>
      </c>
      <c r="AC186" s="107">
        <v>0</v>
      </c>
      <c r="AD186" s="107">
        <v>0</v>
      </c>
      <c r="AE186" s="107">
        <v>0</v>
      </c>
      <c r="AF186" s="107">
        <v>0</v>
      </c>
      <c r="AG186" s="107">
        <v>0</v>
      </c>
      <c r="AH186" s="107">
        <v>0</v>
      </c>
      <c r="AI186" s="107">
        <v>0</v>
      </c>
      <c r="AJ186" s="107">
        <v>0</v>
      </c>
      <c r="AK186" s="107">
        <v>0</v>
      </c>
      <c r="AL186" s="107">
        <v>0</v>
      </c>
      <c r="AM186" s="107">
        <v>0</v>
      </c>
      <c r="AN186" s="107">
        <v>0</v>
      </c>
    </row>
    <row r="187" spans="1:40" x14ac:dyDescent="0.2">
      <c r="A187" s="136" t="s">
        <v>279</v>
      </c>
      <c r="B187" s="107">
        <v>9042438.1251797602</v>
      </c>
      <c r="C187" s="107">
        <v>9088046.6853914708</v>
      </c>
      <c r="D187" s="107">
        <v>9099315.8878973201</v>
      </c>
      <c r="E187" s="107">
        <v>9053228.7461265698</v>
      </c>
      <c r="F187" s="107">
        <v>8791659.2161576394</v>
      </c>
      <c r="G187" s="107">
        <v>8628230.0987878703</v>
      </c>
      <c r="H187" s="107">
        <v>8521160.6973561794</v>
      </c>
      <c r="I187" s="107">
        <v>8471906.8452589102</v>
      </c>
      <c r="J187" s="107">
        <v>8419330.2321683206</v>
      </c>
      <c r="K187" s="107">
        <v>8385749.6643757597</v>
      </c>
      <c r="L187" s="107">
        <v>8400479.2931231596</v>
      </c>
      <c r="M187" s="107">
        <v>8442810.9591404293</v>
      </c>
      <c r="N187" s="107">
        <v>8442810.9591404293</v>
      </c>
      <c r="O187" s="107">
        <v>8463053.5951254107</v>
      </c>
      <c r="P187" s="107">
        <v>8484181.8887393698</v>
      </c>
      <c r="Q187" s="107">
        <v>8505475.5532332007</v>
      </c>
      <c r="R187" s="107">
        <v>8526591.8096720297</v>
      </c>
      <c r="S187" s="107">
        <v>8548365.3052672707</v>
      </c>
      <c r="T187" s="107">
        <v>8569393.2670419402</v>
      </c>
      <c r="U187" s="107">
        <v>8591142.2662185598</v>
      </c>
      <c r="V187" s="107">
        <v>8612694.8669901695</v>
      </c>
      <c r="W187" s="107">
        <v>8634069.66366788</v>
      </c>
      <c r="X187" s="107">
        <v>8655562.7050795592</v>
      </c>
      <c r="Y187" s="107">
        <v>8677030.3521210197</v>
      </c>
      <c r="Z187" s="107">
        <v>8698096.8656147998</v>
      </c>
      <c r="AA187" s="107">
        <v>8698096.8656147998</v>
      </c>
      <c r="AB187" s="107">
        <v>8719444.2069925498</v>
      </c>
      <c r="AC187" s="107">
        <v>8741738.1356686</v>
      </c>
      <c r="AD187" s="107">
        <v>8764211.7760510296</v>
      </c>
      <c r="AE187" s="107">
        <v>8786477.7350824494</v>
      </c>
      <c r="AF187" s="107">
        <v>8809474.6137494594</v>
      </c>
      <c r="AG187" s="107">
        <v>8831627.6791865006</v>
      </c>
      <c r="AH187" s="107">
        <v>8854594.9067246206</v>
      </c>
      <c r="AI187" s="107">
        <v>8877352.4000297207</v>
      </c>
      <c r="AJ187" s="107">
        <v>8899922.0319843702</v>
      </c>
      <c r="AK187" s="107">
        <v>8922631.0640853997</v>
      </c>
      <c r="AL187" s="107">
        <v>8945334.5634632297</v>
      </c>
      <c r="AM187" s="107">
        <v>8967597.2748801</v>
      </c>
      <c r="AN187" s="107">
        <v>8967597.2748801</v>
      </c>
    </row>
    <row r="188" spans="1:40" x14ac:dyDescent="0.2">
      <c r="A188" s="133" t="s">
        <v>280</v>
      </c>
    </row>
    <row r="189" spans="1:40" x14ac:dyDescent="0.2">
      <c r="A189" s="136" t="s">
        <v>281</v>
      </c>
      <c r="B189" s="107">
        <v>30184200.369033601</v>
      </c>
      <c r="C189" s="107">
        <v>29480624.732696399</v>
      </c>
      <c r="D189" s="107">
        <v>28761270.528992198</v>
      </c>
      <c r="E189" s="107">
        <v>28057071.520429902</v>
      </c>
      <c r="F189" s="107">
        <v>27353197.251485199</v>
      </c>
      <c r="G189" s="107">
        <v>26629488.430330299</v>
      </c>
      <c r="H189" s="107">
        <v>25928836.242483102</v>
      </c>
      <c r="I189" s="107">
        <v>25230271.617106698</v>
      </c>
      <c r="J189" s="107">
        <v>24512790.857490599</v>
      </c>
      <c r="K189" s="107">
        <v>23809232.2702909</v>
      </c>
      <c r="L189" s="107">
        <v>23109395.639187999</v>
      </c>
      <c r="M189" s="107">
        <v>22385600.7009345</v>
      </c>
      <c r="N189" s="107">
        <v>22385600.7009345</v>
      </c>
      <c r="O189" s="107">
        <v>22442769.117195599</v>
      </c>
      <c r="P189" s="107">
        <v>22501638.8819368</v>
      </c>
      <c r="Q189" s="107">
        <v>22558913.518881701</v>
      </c>
      <c r="R189" s="107">
        <v>22617773.043140698</v>
      </c>
      <c r="S189" s="107">
        <v>22676693.82271</v>
      </c>
      <c r="T189" s="107">
        <v>22733338.812092099</v>
      </c>
      <c r="U189" s="107">
        <v>22792883.5469613</v>
      </c>
      <c r="V189" s="107">
        <v>22852790.648881398</v>
      </c>
      <c r="W189" s="107">
        <v>22910494.244561099</v>
      </c>
      <c r="X189" s="107">
        <v>22969636.573426701</v>
      </c>
      <c r="Y189" s="107">
        <v>23029377.960432399</v>
      </c>
      <c r="Z189" s="107">
        <v>23086181.8476597</v>
      </c>
      <c r="AA189" s="107">
        <v>23086181.8476597</v>
      </c>
      <c r="AB189" s="107">
        <v>23143107.888246499</v>
      </c>
      <c r="AC189" s="107">
        <v>23202012.106601302</v>
      </c>
      <c r="AD189" s="107">
        <v>23258732.735548399</v>
      </c>
      <c r="AE189" s="107">
        <v>23317586.614061002</v>
      </c>
      <c r="AF189" s="107">
        <v>23376503.710770302</v>
      </c>
      <c r="AG189" s="107">
        <v>23432474.672662601</v>
      </c>
      <c r="AH189" s="107">
        <v>23492081.896037199</v>
      </c>
      <c r="AI189" s="107">
        <v>23552116.9181333</v>
      </c>
      <c r="AJ189" s="107">
        <v>23609336.465470601</v>
      </c>
      <c r="AK189" s="107">
        <v>23668536.9587273</v>
      </c>
      <c r="AL189" s="107">
        <v>23728443.6836478</v>
      </c>
      <c r="AM189" s="107">
        <v>23784670.941790201</v>
      </c>
      <c r="AN189" s="107">
        <v>23784670.941790201</v>
      </c>
    </row>
    <row r="190" spans="1:40" x14ac:dyDescent="0.2">
      <c r="A190" s="133" t="s">
        <v>282</v>
      </c>
    </row>
    <row r="191" spans="1:40" ht="10.8" thickBot="1" x14ac:dyDescent="0.25">
      <c r="A191" s="135" t="s">
        <v>283</v>
      </c>
    </row>
    <row r="192" spans="1:40" x14ac:dyDescent="0.2">
      <c r="A192" s="136" t="s">
        <v>284</v>
      </c>
    </row>
    <row r="193" spans="1:40" x14ac:dyDescent="0.2">
      <c r="A193" s="133" t="s">
        <v>285</v>
      </c>
      <c r="B193" s="107">
        <v>1096208.72275524</v>
      </c>
      <c r="C193" s="107">
        <v>1097636.64402815</v>
      </c>
      <c r="D193" s="107">
        <v>1098005.8088120699</v>
      </c>
      <c r="E193" s="107">
        <v>1098162.2549102299</v>
      </c>
      <c r="F193" s="107">
        <v>1098146.66369967</v>
      </c>
      <c r="G193" s="107">
        <v>1098220.40864332</v>
      </c>
      <c r="H193" s="107">
        <v>1097521.16867491</v>
      </c>
      <c r="I193" s="107">
        <v>1096253.9936813901</v>
      </c>
      <c r="J193" s="107">
        <v>1094681.78541817</v>
      </c>
      <c r="K193" s="107">
        <v>1093232.7372260899</v>
      </c>
      <c r="L193" s="107">
        <v>1092276.3452514</v>
      </c>
      <c r="M193" s="107">
        <v>1090902.2349811399</v>
      </c>
      <c r="N193" s="107">
        <v>1090902.2349811399</v>
      </c>
      <c r="O193" s="107">
        <v>1089077.9978117701</v>
      </c>
      <c r="P193" s="107">
        <v>1088917.49353246</v>
      </c>
      <c r="Q193" s="107">
        <v>1086353.2525045599</v>
      </c>
      <c r="R193" s="107">
        <v>1083450.4166697699</v>
      </c>
      <c r="S193" s="107">
        <v>1080311.1318933801</v>
      </c>
      <c r="T193" s="107">
        <v>1077492.76303438</v>
      </c>
      <c r="U193" s="107">
        <v>1073101.70682023</v>
      </c>
      <c r="V193" s="107">
        <v>1067635.2961249</v>
      </c>
      <c r="W193" s="107">
        <v>1061964.1383370101</v>
      </c>
      <c r="X193" s="107">
        <v>1057019.2481953299</v>
      </c>
      <c r="Y193" s="107">
        <v>1053361.07340729</v>
      </c>
      <c r="Z193" s="107">
        <v>1049954.1215484799</v>
      </c>
      <c r="AA193" s="107">
        <v>1049954.1215484799</v>
      </c>
      <c r="AB193" s="107">
        <v>1046677.98652752</v>
      </c>
      <c r="AC193" s="107">
        <v>1045883.40159522</v>
      </c>
      <c r="AD193" s="107">
        <v>1043169.20831712</v>
      </c>
      <c r="AE193" s="107">
        <v>1040849.64301598</v>
      </c>
      <c r="AF193" s="107">
        <v>1039022.23583592</v>
      </c>
      <c r="AG193" s="107">
        <v>1038005.8913140499</v>
      </c>
      <c r="AH193" s="107">
        <v>1036831.22372764</v>
      </c>
      <c r="AI193" s="107">
        <v>1035949.45888395</v>
      </c>
      <c r="AJ193" s="107">
        <v>1035711.18212503</v>
      </c>
      <c r="AK193" s="107">
        <v>1036188.199275</v>
      </c>
      <c r="AL193" s="107">
        <v>1037319.66125281</v>
      </c>
      <c r="AM193" s="107">
        <v>1038959.27167257</v>
      </c>
      <c r="AN193" s="107">
        <v>1038959.27167257</v>
      </c>
    </row>
    <row r="194" spans="1:40" x14ac:dyDescent="0.2">
      <c r="A194" s="133" t="s">
        <v>286</v>
      </c>
      <c r="B194" s="107">
        <v>533883.900811709</v>
      </c>
      <c r="C194" s="107">
        <v>535965.77257172402</v>
      </c>
      <c r="D194" s="107">
        <v>539272.15061184205</v>
      </c>
      <c r="E194" s="107">
        <v>542807.73713000095</v>
      </c>
      <c r="F194" s="107">
        <v>546522.81130898104</v>
      </c>
      <c r="G194" s="107">
        <v>550115.84966996999</v>
      </c>
      <c r="H194" s="107">
        <v>554580.68369402899</v>
      </c>
      <c r="I194" s="107">
        <v>559671.21947434801</v>
      </c>
      <c r="J194" s="107">
        <v>565055.39540398505</v>
      </c>
      <c r="K194" s="107">
        <v>570243.71441168396</v>
      </c>
      <c r="L194" s="107">
        <v>574837.38105025794</v>
      </c>
      <c r="M194" s="107">
        <v>579795.57505435601</v>
      </c>
      <c r="N194" s="107">
        <v>579795.57505435601</v>
      </c>
      <c r="O194" s="107">
        <v>585022.97933764895</v>
      </c>
      <c r="P194" s="107">
        <v>588460.51610276895</v>
      </c>
      <c r="Q194" s="107">
        <v>594272.879492949</v>
      </c>
      <c r="R194" s="107">
        <v>600346.801254755</v>
      </c>
      <c r="S194" s="107">
        <v>606579.95225763903</v>
      </c>
      <c r="T194" s="107">
        <v>612432.93364139798</v>
      </c>
      <c r="U194" s="107">
        <v>619719.76279963797</v>
      </c>
      <c r="V194" s="107">
        <v>627944.27923724905</v>
      </c>
      <c r="W194" s="107">
        <v>636280.91847764899</v>
      </c>
      <c r="X194" s="107">
        <v>643878.09968126903</v>
      </c>
      <c r="Y194" s="107">
        <v>650240.80014819105</v>
      </c>
      <c r="Z194" s="107">
        <v>656312.84584514005</v>
      </c>
      <c r="AA194" s="107">
        <v>656312.84584514005</v>
      </c>
      <c r="AB194" s="107">
        <v>661963.60243539698</v>
      </c>
      <c r="AC194" s="107">
        <v>665396.70593645098</v>
      </c>
      <c r="AD194" s="107">
        <v>670512.55113008898</v>
      </c>
      <c r="AE194" s="107">
        <v>675273.88337053603</v>
      </c>
      <c r="AF194" s="107">
        <v>679596.03462760302</v>
      </c>
      <c r="AG194" s="107">
        <v>683201.28938450699</v>
      </c>
      <c r="AH194" s="107">
        <v>686938.56418871996</v>
      </c>
      <c r="AI194" s="107">
        <v>690412.905810141</v>
      </c>
      <c r="AJ194" s="107">
        <v>693319.33430064598</v>
      </c>
      <c r="AK194" s="107">
        <v>695604.01399044204</v>
      </c>
      <c r="AL194" s="107">
        <v>697322.79012952698</v>
      </c>
      <c r="AM194" s="107">
        <v>698598.43477549998</v>
      </c>
      <c r="AN194" s="107">
        <v>698598.43477549998</v>
      </c>
    </row>
    <row r="195" spans="1:40" x14ac:dyDescent="0.2">
      <c r="A195" s="133" t="s">
        <v>287</v>
      </c>
      <c r="B195" s="107">
        <v>154750.45024495301</v>
      </c>
      <c r="C195" s="107">
        <v>154871.90375639999</v>
      </c>
      <c r="D195" s="107">
        <v>154823.21399172599</v>
      </c>
      <c r="E195" s="107">
        <v>154775.57402023999</v>
      </c>
      <c r="F195" s="107">
        <v>154736.89050565599</v>
      </c>
      <c r="G195" s="107">
        <v>154741.81679227101</v>
      </c>
      <c r="H195" s="107">
        <v>154669.7303853</v>
      </c>
      <c r="I195" s="107">
        <v>154558.44799655399</v>
      </c>
      <c r="J195" s="107">
        <v>154457.713586992</v>
      </c>
      <c r="K195" s="107">
        <v>154413.03297899201</v>
      </c>
      <c r="L195" s="107">
        <v>154448.93782564899</v>
      </c>
      <c r="M195" s="107">
        <v>154504.58148792101</v>
      </c>
      <c r="N195" s="107">
        <v>154504.58148792101</v>
      </c>
      <c r="O195" s="107">
        <v>154558.39513129901</v>
      </c>
      <c r="P195" s="107">
        <v>154731.13308680401</v>
      </c>
      <c r="Q195" s="107">
        <v>154798.41991096901</v>
      </c>
      <c r="R195" s="107">
        <v>154872.89972162599</v>
      </c>
      <c r="S195" s="107">
        <v>154959.402723971</v>
      </c>
      <c r="T195" s="107">
        <v>155079.81815526099</v>
      </c>
      <c r="U195" s="107">
        <v>155169.809716391</v>
      </c>
      <c r="V195" s="107">
        <v>155253.42328043599</v>
      </c>
      <c r="W195" s="107">
        <v>155355.23946382501</v>
      </c>
      <c r="X195" s="107">
        <v>155491.88451588</v>
      </c>
      <c r="Y195" s="107">
        <v>155670.565695022</v>
      </c>
      <c r="Z195" s="107">
        <v>155859.95562769799</v>
      </c>
      <c r="AA195" s="107">
        <v>155859.95562769799</v>
      </c>
      <c r="AB195" s="107">
        <v>156024.684066143</v>
      </c>
      <c r="AC195" s="107">
        <v>156237.27560724801</v>
      </c>
      <c r="AD195" s="107">
        <v>156388.649415505</v>
      </c>
      <c r="AE195" s="107">
        <v>156527.382994716</v>
      </c>
      <c r="AF195" s="107">
        <v>156655.612763654</v>
      </c>
      <c r="AG195" s="107">
        <v>156788.58138310901</v>
      </c>
      <c r="AH195" s="107">
        <v>156872.41908371999</v>
      </c>
      <c r="AI195" s="107">
        <v>156918.530582823</v>
      </c>
      <c r="AJ195" s="107">
        <v>156948.91499235301</v>
      </c>
      <c r="AK195" s="107">
        <v>156990.042558179</v>
      </c>
      <c r="AL195" s="107">
        <v>157062.99046249501</v>
      </c>
      <c r="AM195" s="107">
        <v>157123.031236696</v>
      </c>
      <c r="AN195" s="107">
        <v>157123.031236696</v>
      </c>
    </row>
    <row r="196" spans="1:40" x14ac:dyDescent="0.2">
      <c r="A196" s="133" t="s">
        <v>288</v>
      </c>
      <c r="B196" s="107">
        <v>97388.855846915802</v>
      </c>
      <c r="C196" s="107">
        <v>97718.568847155097</v>
      </c>
      <c r="D196" s="107">
        <v>98178.797813705605</v>
      </c>
      <c r="E196" s="107">
        <v>98639.420969162704</v>
      </c>
      <c r="F196" s="107">
        <v>99095.253932744905</v>
      </c>
      <c r="G196" s="107">
        <v>99521.773495786401</v>
      </c>
      <c r="H196" s="107">
        <v>100011.477062413</v>
      </c>
      <c r="I196" s="107">
        <v>100538.64028574299</v>
      </c>
      <c r="J196" s="107">
        <v>101073.084021962</v>
      </c>
      <c r="K196" s="107">
        <v>101583.584621331</v>
      </c>
      <c r="L196" s="107">
        <v>102043.180513232</v>
      </c>
      <c r="M196" s="107">
        <v>102521.889879369</v>
      </c>
      <c r="N196" s="107">
        <v>102521.889879369</v>
      </c>
      <c r="O196" s="107">
        <v>102927.615497484</v>
      </c>
      <c r="P196" s="107">
        <v>103249.946089312</v>
      </c>
      <c r="Q196" s="107">
        <v>103713.020021873</v>
      </c>
      <c r="R196" s="107">
        <v>104199.574731353</v>
      </c>
      <c r="S196" s="107">
        <v>104703.456759646</v>
      </c>
      <c r="T196" s="107">
        <v>105191.703917049</v>
      </c>
      <c r="U196" s="107">
        <v>105773.592408044</v>
      </c>
      <c r="V196" s="107">
        <v>106419.60852322901</v>
      </c>
      <c r="W196" s="107">
        <v>107082.296190778</v>
      </c>
      <c r="X196" s="107">
        <v>107705.666374761</v>
      </c>
      <c r="Y196" s="107">
        <v>108254.171631531</v>
      </c>
      <c r="Z196" s="107">
        <v>108808.290040159</v>
      </c>
      <c r="AA196" s="107">
        <v>108808.290040159</v>
      </c>
      <c r="AB196" s="107">
        <v>109352.668841344</v>
      </c>
      <c r="AC196" s="107">
        <v>109737.889627407</v>
      </c>
      <c r="AD196" s="107">
        <v>110295.569610266</v>
      </c>
      <c r="AE196" s="107">
        <v>110852.704216785</v>
      </c>
      <c r="AF196" s="107">
        <v>111401.47474334</v>
      </c>
      <c r="AG196" s="107">
        <v>111906.197969106</v>
      </c>
      <c r="AH196" s="107">
        <v>112481.767691738</v>
      </c>
      <c r="AI196" s="107">
        <v>113090.298785166</v>
      </c>
      <c r="AJ196" s="107">
        <v>113685.785573185</v>
      </c>
      <c r="AK196" s="107">
        <v>114227.60697424599</v>
      </c>
      <c r="AL196" s="107">
        <v>114693.349013687</v>
      </c>
      <c r="AM196" s="107">
        <v>115147.75152644201</v>
      </c>
      <c r="AN196" s="107">
        <v>115147.75152644201</v>
      </c>
    </row>
    <row r="197" spans="1:40" x14ac:dyDescent="0.2">
      <c r="A197" s="133" t="s">
        <v>289</v>
      </c>
      <c r="B197" s="107">
        <v>183623.29119207201</v>
      </c>
      <c r="C197" s="107">
        <v>183918.34802871899</v>
      </c>
      <c r="D197" s="107">
        <v>184141.72152935201</v>
      </c>
      <c r="E197" s="107">
        <v>184350.02663811701</v>
      </c>
      <c r="F197" s="107">
        <v>184547.17475696901</v>
      </c>
      <c r="G197" s="107">
        <v>184751.333286796</v>
      </c>
      <c r="H197" s="107">
        <v>184898.34083875001</v>
      </c>
      <c r="I197" s="107">
        <v>185005.44166712099</v>
      </c>
      <c r="J197" s="107">
        <v>185106.29824203599</v>
      </c>
      <c r="K197" s="107">
        <v>185232.02320347301</v>
      </c>
      <c r="L197" s="107">
        <v>185404.29302961801</v>
      </c>
      <c r="M197" s="107">
        <v>185590.427642294</v>
      </c>
      <c r="N197" s="107">
        <v>185590.427642294</v>
      </c>
      <c r="O197" s="107">
        <v>185810.25430101599</v>
      </c>
      <c r="P197" s="107">
        <v>186116.80376726299</v>
      </c>
      <c r="Q197" s="107">
        <v>186421.112206285</v>
      </c>
      <c r="R197" s="107">
        <v>186771.85922571001</v>
      </c>
      <c r="S197" s="107">
        <v>187170.36248577101</v>
      </c>
      <c r="T197" s="107">
        <v>187608.84287723599</v>
      </c>
      <c r="U197" s="107">
        <v>188124.785860979</v>
      </c>
      <c r="V197" s="107">
        <v>188721.580109467</v>
      </c>
      <c r="W197" s="107">
        <v>189375.92126476401</v>
      </c>
      <c r="X197" s="107">
        <v>190046.70309534701</v>
      </c>
      <c r="Y197" s="107">
        <v>190696.22612633699</v>
      </c>
      <c r="Z197" s="107">
        <v>191368.71048172901</v>
      </c>
      <c r="AA197" s="107">
        <v>191368.71048172901</v>
      </c>
      <c r="AB197" s="107">
        <v>192029.19696277101</v>
      </c>
      <c r="AC197" s="107">
        <v>192534.01286049699</v>
      </c>
      <c r="AD197" s="107">
        <v>193168.01242174901</v>
      </c>
      <c r="AE197" s="107">
        <v>193775.34394303599</v>
      </c>
      <c r="AF197" s="107">
        <v>194348.675440694</v>
      </c>
      <c r="AG197" s="107">
        <v>194866.475416475</v>
      </c>
      <c r="AH197" s="107">
        <v>195390.81886914501</v>
      </c>
      <c r="AI197" s="107">
        <v>195891.16745480799</v>
      </c>
      <c r="AJ197" s="107">
        <v>196344.85534350999</v>
      </c>
      <c r="AK197" s="107">
        <v>196746.96913548501</v>
      </c>
      <c r="AL197" s="107">
        <v>197103.11945593299</v>
      </c>
      <c r="AM197" s="107">
        <v>197418.60393886399</v>
      </c>
      <c r="AN197" s="107">
        <v>197418.60393886399</v>
      </c>
    </row>
    <row r="198" spans="1:40" x14ac:dyDescent="0.2">
      <c r="A198" s="133" t="s">
        <v>290</v>
      </c>
      <c r="B198" s="107">
        <v>1809.8851698255801</v>
      </c>
      <c r="C198" s="107">
        <v>1808.6992355818199</v>
      </c>
      <c r="D198" s="107">
        <v>1802.83167715063</v>
      </c>
      <c r="E198" s="107">
        <v>1796.77714269687</v>
      </c>
      <c r="F198" s="107">
        <v>1790.7414386733501</v>
      </c>
      <c r="G198" s="107">
        <v>1785.73331179191</v>
      </c>
      <c r="H198" s="107">
        <v>1778.3974029313599</v>
      </c>
      <c r="I198" s="107">
        <v>1769.74799453061</v>
      </c>
      <c r="J198" s="107">
        <v>1761.1579084551799</v>
      </c>
      <c r="K198" s="107">
        <v>1753.9607739666999</v>
      </c>
      <c r="L198" s="107">
        <v>1748.9683285932399</v>
      </c>
      <c r="M198" s="107">
        <v>1744.1669827225401</v>
      </c>
      <c r="N198" s="107">
        <v>1744.1669827225401</v>
      </c>
      <c r="O198" s="107">
        <v>1739.17743328554</v>
      </c>
      <c r="P198" s="107">
        <v>1738.0704185940799</v>
      </c>
      <c r="Q198" s="107">
        <v>1732.8223452680099</v>
      </c>
      <c r="R198" s="107">
        <v>1727.4983633960501</v>
      </c>
      <c r="S198" s="107">
        <v>1722.2873309080401</v>
      </c>
      <c r="T198" s="107">
        <v>1718.07531069166</v>
      </c>
      <c r="U198" s="107">
        <v>1712.02281543971</v>
      </c>
      <c r="V198" s="107">
        <v>1705.03663013748</v>
      </c>
      <c r="W198" s="107">
        <v>1698.2536561009199</v>
      </c>
      <c r="X198" s="107">
        <v>1692.70901224003</v>
      </c>
      <c r="Y198" s="107">
        <v>1689.0173511604301</v>
      </c>
      <c r="Z198" s="107">
        <v>1685.47430102305</v>
      </c>
      <c r="AA198" s="107">
        <v>1685.47430102305</v>
      </c>
      <c r="AB198" s="107">
        <v>1681.5400086060199</v>
      </c>
      <c r="AC198" s="107">
        <v>1680.6742125007599</v>
      </c>
      <c r="AD198" s="107">
        <v>1676.24994213748</v>
      </c>
      <c r="AE198" s="107">
        <v>1671.5642933663701</v>
      </c>
      <c r="AF198" s="107">
        <v>1666.76942075293</v>
      </c>
      <c r="AG198" s="107">
        <v>1662.6483622642199</v>
      </c>
      <c r="AH198" s="107">
        <v>1656.5712660936199</v>
      </c>
      <c r="AI198" s="107">
        <v>1649.2843077105899</v>
      </c>
      <c r="AJ198" s="107">
        <v>1641.8544874189199</v>
      </c>
      <c r="AK198" s="107">
        <v>1635.3758863403</v>
      </c>
      <c r="AL198" s="107">
        <v>1630.57850278654</v>
      </c>
      <c r="AM198" s="107">
        <v>1625.6766647127199</v>
      </c>
      <c r="AN198" s="107">
        <v>1625.6766647127199</v>
      </c>
    </row>
    <row r="199" spans="1:40" x14ac:dyDescent="0.2">
      <c r="A199" s="133" t="s">
        <v>291</v>
      </c>
      <c r="B199" s="107">
        <v>2067665.10602072</v>
      </c>
      <c r="C199" s="107">
        <v>2071919.93646773</v>
      </c>
      <c r="D199" s="107">
        <v>2076224.5244358401</v>
      </c>
      <c r="E199" s="107">
        <v>2080531.79081045</v>
      </c>
      <c r="F199" s="107">
        <v>2084839.5356427</v>
      </c>
      <c r="G199" s="107">
        <v>2089136.9151999401</v>
      </c>
      <c r="H199" s="107">
        <v>2093459.7980583301</v>
      </c>
      <c r="I199" s="107">
        <v>2097797.4910996901</v>
      </c>
      <c r="J199" s="107">
        <v>2102135.4345816001</v>
      </c>
      <c r="K199" s="107">
        <v>2106459.05321554</v>
      </c>
      <c r="L199" s="107">
        <v>2110759.1059987498</v>
      </c>
      <c r="M199" s="107">
        <v>2115058.8760278001</v>
      </c>
      <c r="N199" s="107">
        <v>2115058.8760278001</v>
      </c>
      <c r="O199" s="107">
        <v>2119136.4195125098</v>
      </c>
      <c r="P199" s="107">
        <v>2123213.9629972102</v>
      </c>
      <c r="Q199" s="107">
        <v>2127291.5064819101</v>
      </c>
      <c r="R199" s="107">
        <v>2131369.04996661</v>
      </c>
      <c r="S199" s="107">
        <v>2135446.5934513202</v>
      </c>
      <c r="T199" s="107">
        <v>2139524.1369360201</v>
      </c>
      <c r="U199" s="107">
        <v>2143601.68042072</v>
      </c>
      <c r="V199" s="107">
        <v>2147679.2239054199</v>
      </c>
      <c r="W199" s="107">
        <v>2151756.7673901301</v>
      </c>
      <c r="X199" s="107">
        <v>2155834.31087483</v>
      </c>
      <c r="Y199" s="107">
        <v>2159911.8543595299</v>
      </c>
      <c r="Z199" s="107">
        <v>2163989.3978442298</v>
      </c>
      <c r="AA199" s="107">
        <v>2163989.3978442298</v>
      </c>
      <c r="AB199" s="107">
        <v>2167729.6788417799</v>
      </c>
      <c r="AC199" s="107">
        <v>2171469.9598393301</v>
      </c>
      <c r="AD199" s="107">
        <v>2175210.2408368699</v>
      </c>
      <c r="AE199" s="107">
        <v>2178950.52183442</v>
      </c>
      <c r="AF199" s="107">
        <v>2182690.8028319599</v>
      </c>
      <c r="AG199" s="107">
        <v>2186431.08382951</v>
      </c>
      <c r="AH199" s="107">
        <v>2190171.3648270499</v>
      </c>
      <c r="AI199" s="107">
        <v>2193911.6458246</v>
      </c>
      <c r="AJ199" s="107">
        <v>2197651.9268221501</v>
      </c>
      <c r="AK199" s="107">
        <v>2201392.20781969</v>
      </c>
      <c r="AL199" s="107">
        <v>2205132.4888172401</v>
      </c>
      <c r="AM199" s="107">
        <v>2208872.76981478</v>
      </c>
      <c r="AN199" s="107">
        <v>2208872.76981478</v>
      </c>
    </row>
    <row r="200" spans="1:40" x14ac:dyDescent="0.2">
      <c r="A200" s="133" t="s">
        <v>292</v>
      </c>
    </row>
    <row r="201" spans="1:40" x14ac:dyDescent="0.2">
      <c r="A201" s="133" t="s">
        <v>293</v>
      </c>
      <c r="B201" s="107">
        <v>4165975.8422884</v>
      </c>
      <c r="C201" s="107">
        <v>4174447.7060396099</v>
      </c>
      <c r="D201" s="107">
        <v>4182919.5697908201</v>
      </c>
      <c r="E201" s="107">
        <v>4191391.4335420202</v>
      </c>
      <c r="F201" s="107">
        <v>4199863.29729323</v>
      </c>
      <c r="G201" s="107">
        <v>4208335.1610444402</v>
      </c>
      <c r="H201" s="107">
        <v>4216807.0247956496</v>
      </c>
      <c r="I201" s="107">
        <v>4225278.8885468496</v>
      </c>
      <c r="J201" s="107">
        <v>4233750.7522980599</v>
      </c>
      <c r="K201" s="107">
        <v>4242222.6160492701</v>
      </c>
      <c r="L201" s="107">
        <v>4250694.4798004702</v>
      </c>
      <c r="M201" s="107">
        <v>4259166.3435516804</v>
      </c>
      <c r="N201" s="107">
        <v>4259166.3435516804</v>
      </c>
      <c r="O201" s="107">
        <v>4267377.4322221903</v>
      </c>
      <c r="P201" s="107">
        <v>4275588.5208927002</v>
      </c>
      <c r="Q201" s="107">
        <v>4283799.60956321</v>
      </c>
      <c r="R201" s="107">
        <v>4292010.6982337199</v>
      </c>
      <c r="S201" s="107">
        <v>4300221.7869042298</v>
      </c>
      <c r="T201" s="107">
        <v>4308432.8755747396</v>
      </c>
      <c r="U201" s="107">
        <v>4316643.9642452504</v>
      </c>
      <c r="V201" s="107">
        <v>4324855.0529157603</v>
      </c>
      <c r="W201" s="107">
        <v>4333066.1415862702</v>
      </c>
      <c r="X201" s="107">
        <v>4341277.2302567801</v>
      </c>
      <c r="Y201" s="107">
        <v>4349488.3189272899</v>
      </c>
      <c r="Z201" s="107">
        <v>4357699.4075977998</v>
      </c>
      <c r="AA201" s="107">
        <v>4357699.4075977998</v>
      </c>
      <c r="AB201" s="107">
        <v>4365231.3392715398</v>
      </c>
      <c r="AC201" s="107">
        <v>4372763.2709452799</v>
      </c>
      <c r="AD201" s="107">
        <v>4380295.2026190097</v>
      </c>
      <c r="AE201" s="107">
        <v>4387827.1342927497</v>
      </c>
      <c r="AF201" s="107">
        <v>4395359.0659664897</v>
      </c>
      <c r="AG201" s="107">
        <v>4402890.9976402298</v>
      </c>
      <c r="AH201" s="107">
        <v>4410422.9293139596</v>
      </c>
      <c r="AI201" s="107">
        <v>4417954.8609876996</v>
      </c>
      <c r="AJ201" s="107">
        <v>4425486.7926614396</v>
      </c>
      <c r="AK201" s="107">
        <v>4433018.7243351797</v>
      </c>
      <c r="AL201" s="107">
        <v>4440550.6560089104</v>
      </c>
      <c r="AM201" s="107">
        <v>4448082.5876826504</v>
      </c>
      <c r="AN201" s="107">
        <v>4448082.5876826504</v>
      </c>
    </row>
    <row r="202" spans="1:40" x14ac:dyDescent="0.2">
      <c r="A202" s="133" t="s">
        <v>294</v>
      </c>
    </row>
    <row r="203" spans="1:40" x14ac:dyDescent="0.2">
      <c r="A203" s="133" t="s">
        <v>295</v>
      </c>
      <c r="B203" s="107">
        <v>891162.22</v>
      </c>
      <c r="C203" s="107">
        <v>891162.22</v>
      </c>
      <c r="D203" s="107">
        <v>891162.22</v>
      </c>
      <c r="E203" s="107">
        <v>891162.22</v>
      </c>
      <c r="F203" s="107">
        <v>891162.22</v>
      </c>
      <c r="G203" s="107">
        <v>891162.22</v>
      </c>
      <c r="H203" s="107">
        <v>891162.22</v>
      </c>
      <c r="I203" s="107">
        <v>891162.22</v>
      </c>
      <c r="J203" s="107">
        <v>891162.22</v>
      </c>
      <c r="K203" s="107">
        <v>891162.22</v>
      </c>
      <c r="L203" s="107">
        <v>891162.22</v>
      </c>
      <c r="M203" s="107">
        <v>891162.22</v>
      </c>
      <c r="N203" s="107">
        <v>891162.22</v>
      </c>
      <c r="O203" s="107">
        <v>891162.22</v>
      </c>
      <c r="P203" s="107">
        <v>891162.22</v>
      </c>
      <c r="Q203" s="107">
        <v>891162.22</v>
      </c>
      <c r="R203" s="107">
        <v>891162.22</v>
      </c>
      <c r="S203" s="107">
        <v>891162.22</v>
      </c>
      <c r="T203" s="107">
        <v>891162.22</v>
      </c>
      <c r="U203" s="107">
        <v>891162.22</v>
      </c>
      <c r="V203" s="107">
        <v>891162.22</v>
      </c>
      <c r="W203" s="107">
        <v>891162.22</v>
      </c>
      <c r="X203" s="107">
        <v>891162.22</v>
      </c>
      <c r="Y203" s="107">
        <v>891162.22</v>
      </c>
      <c r="Z203" s="107">
        <v>891162.22</v>
      </c>
      <c r="AA203" s="107">
        <v>891162.22</v>
      </c>
      <c r="AB203" s="107">
        <v>891162.22</v>
      </c>
      <c r="AC203" s="107">
        <v>891162.22</v>
      </c>
      <c r="AD203" s="107">
        <v>891162.22</v>
      </c>
      <c r="AE203" s="107">
        <v>891162.22</v>
      </c>
      <c r="AF203" s="107">
        <v>891162.22</v>
      </c>
      <c r="AG203" s="107">
        <v>891162.22</v>
      </c>
      <c r="AH203" s="107">
        <v>891162.22</v>
      </c>
      <c r="AI203" s="107">
        <v>891162.22</v>
      </c>
      <c r="AJ203" s="107">
        <v>891162.22</v>
      </c>
      <c r="AK203" s="107">
        <v>891162.22</v>
      </c>
      <c r="AL203" s="107">
        <v>891162.22</v>
      </c>
      <c r="AM203" s="107">
        <v>891162.22</v>
      </c>
      <c r="AN203" s="107">
        <v>891162.22</v>
      </c>
    </row>
    <row r="204" spans="1:40" x14ac:dyDescent="0.2">
      <c r="A204" s="133" t="s">
        <v>296</v>
      </c>
    </row>
    <row r="205" spans="1:40" x14ac:dyDescent="0.2">
      <c r="A205" s="133" t="s">
        <v>297</v>
      </c>
      <c r="B205" s="107">
        <v>300652.36692612601</v>
      </c>
      <c r="C205" s="107">
        <v>300246.40909370402</v>
      </c>
      <c r="D205" s="107">
        <v>299771.58932681399</v>
      </c>
      <c r="E205" s="107">
        <v>299253.58812799299</v>
      </c>
      <c r="F205" s="107">
        <v>298677.92473206797</v>
      </c>
      <c r="G205" s="107">
        <v>297984.65291707899</v>
      </c>
      <c r="H205" s="107">
        <v>297340.79506434698</v>
      </c>
      <c r="I205" s="107">
        <v>296654.298527201</v>
      </c>
      <c r="J205" s="107">
        <v>295907.77446039498</v>
      </c>
      <c r="K205" s="107">
        <v>295095.91248665802</v>
      </c>
      <c r="L205" s="107">
        <v>294195.02600387897</v>
      </c>
      <c r="M205" s="107">
        <v>293050.05183164799</v>
      </c>
      <c r="N205" s="107">
        <v>293050.05183164799</v>
      </c>
      <c r="O205" s="107">
        <v>291979.79533186002</v>
      </c>
      <c r="P205" s="107">
        <v>290853.80802878703</v>
      </c>
      <c r="Q205" s="107">
        <v>289668.01566489303</v>
      </c>
      <c r="R205" s="107">
        <v>288429.543891354</v>
      </c>
      <c r="S205" s="107">
        <v>287105.11657419201</v>
      </c>
      <c r="T205" s="107">
        <v>285555.545303869</v>
      </c>
      <c r="U205" s="107">
        <v>284152.926554523</v>
      </c>
      <c r="V205" s="107">
        <v>282692.21454512997</v>
      </c>
      <c r="W205" s="107">
        <v>281194.90082738502</v>
      </c>
      <c r="X205" s="107">
        <v>279674.56437720102</v>
      </c>
      <c r="Y205" s="107">
        <v>278092.633918398</v>
      </c>
      <c r="Z205" s="107">
        <v>276399.420061376</v>
      </c>
      <c r="AA205" s="107">
        <v>276399.420061376</v>
      </c>
      <c r="AB205" s="107">
        <v>275047.68735901703</v>
      </c>
      <c r="AC205" s="107">
        <v>273804.36498942098</v>
      </c>
      <c r="AD205" s="107">
        <v>272684.98720949399</v>
      </c>
      <c r="AE205" s="107">
        <v>271693.05314285803</v>
      </c>
      <c r="AF205" s="107">
        <v>270805.39014643198</v>
      </c>
      <c r="AG205" s="107">
        <v>269953.87993658002</v>
      </c>
      <c r="AH205" s="107">
        <v>269341.49376549001</v>
      </c>
      <c r="AI205" s="107">
        <v>268855.56245189399</v>
      </c>
      <c r="AJ205" s="107">
        <v>268496.88887978799</v>
      </c>
      <c r="AK205" s="107">
        <v>268248.48123041599</v>
      </c>
      <c r="AL205" s="107">
        <v>268107.36970773502</v>
      </c>
      <c r="AM205" s="107">
        <v>268109.61585308</v>
      </c>
      <c r="AN205" s="107">
        <v>268109.61585308</v>
      </c>
    </row>
    <row r="206" spans="1:40" x14ac:dyDescent="0.2">
      <c r="A206" s="133" t="s">
        <v>298</v>
      </c>
      <c r="B206" s="107">
        <v>146338.17675924199</v>
      </c>
      <c r="C206" s="107">
        <v>146886.04746984199</v>
      </c>
      <c r="D206" s="107">
        <v>147493.86125253499</v>
      </c>
      <c r="E206" s="107">
        <v>148145.15112536799</v>
      </c>
      <c r="F206" s="107">
        <v>148857.75412477399</v>
      </c>
      <c r="G206" s="107">
        <v>149705.93138296599</v>
      </c>
      <c r="H206" s="107">
        <v>150484.95632450501</v>
      </c>
      <c r="I206" s="107">
        <v>151307.39546407</v>
      </c>
      <c r="J206" s="107">
        <v>152188.42034081201</v>
      </c>
      <c r="K206" s="107">
        <v>153132.917579734</v>
      </c>
      <c r="L206" s="107">
        <v>154167.19116103</v>
      </c>
      <c r="M206" s="107">
        <v>155449.65727641399</v>
      </c>
      <c r="N206" s="107">
        <v>155449.65727641399</v>
      </c>
      <c r="O206" s="107">
        <v>156619.957924594</v>
      </c>
      <c r="P206" s="107">
        <v>157828.75696983401</v>
      </c>
      <c r="Q206" s="107">
        <v>159079.885691515</v>
      </c>
      <c r="R206" s="107">
        <v>160367.27400344799</v>
      </c>
      <c r="S206" s="107">
        <v>161725.18492114299</v>
      </c>
      <c r="T206" s="107">
        <v>163292.75664474201</v>
      </c>
      <c r="U206" s="107">
        <v>164693.93539854701</v>
      </c>
      <c r="V206" s="107">
        <v>166136.37198874599</v>
      </c>
      <c r="W206" s="107">
        <v>167599.56884974599</v>
      </c>
      <c r="X206" s="107">
        <v>169071.25273332</v>
      </c>
      <c r="Y206" s="107">
        <v>170588.09653082199</v>
      </c>
      <c r="Z206" s="107">
        <v>172196.82248670599</v>
      </c>
      <c r="AA206" s="107">
        <v>172196.82248670599</v>
      </c>
      <c r="AB206" s="107">
        <v>173471.84747218099</v>
      </c>
      <c r="AC206" s="107">
        <v>174642.434130215</v>
      </c>
      <c r="AD206" s="107">
        <v>175699.74476956899</v>
      </c>
      <c r="AE206" s="107">
        <v>176641.128688072</v>
      </c>
      <c r="AF206" s="107">
        <v>177488.97856352001</v>
      </c>
      <c r="AG206" s="107">
        <v>178309.35902779599</v>
      </c>
      <c r="AH206" s="107">
        <v>178907.527630253</v>
      </c>
      <c r="AI206" s="107">
        <v>179392.10654534199</v>
      </c>
      <c r="AJ206" s="107">
        <v>179762.240088063</v>
      </c>
      <c r="AK206" s="107">
        <v>180034.371840362</v>
      </c>
      <c r="AL206" s="107">
        <v>180212.86254096299</v>
      </c>
      <c r="AM206" s="107">
        <v>180270.29753789</v>
      </c>
      <c r="AN206" s="107">
        <v>180270.29753789</v>
      </c>
    </row>
    <row r="207" spans="1:40" x14ac:dyDescent="0.2">
      <c r="A207" s="133" t="s">
        <v>299</v>
      </c>
      <c r="B207" s="107">
        <v>42459.210796307299</v>
      </c>
      <c r="C207" s="107">
        <v>42357.956085633399</v>
      </c>
      <c r="D207" s="107">
        <v>42263.615298378201</v>
      </c>
      <c r="E207" s="107">
        <v>42172.030893840601</v>
      </c>
      <c r="F207" s="107">
        <v>42080.819633243103</v>
      </c>
      <c r="G207" s="107">
        <v>41980.960556884696</v>
      </c>
      <c r="H207" s="107">
        <v>41896.073731586701</v>
      </c>
      <c r="I207" s="107">
        <v>41812.887602566901</v>
      </c>
      <c r="J207" s="107">
        <v>41732.169231635802</v>
      </c>
      <c r="K207" s="107">
        <v>41654.180652961601</v>
      </c>
      <c r="L207" s="107">
        <v>41577.303201287497</v>
      </c>
      <c r="M207" s="107">
        <v>41498.087469490303</v>
      </c>
      <c r="N207" s="107">
        <v>41498.087469490303</v>
      </c>
      <c r="O207" s="107">
        <v>41433.8792770324</v>
      </c>
      <c r="P207" s="107">
        <v>41374.220020091801</v>
      </c>
      <c r="Q207" s="107">
        <v>41318.949863284899</v>
      </c>
      <c r="R207" s="107">
        <v>41267.425900298003</v>
      </c>
      <c r="S207" s="107">
        <v>41218.314773578699</v>
      </c>
      <c r="T207" s="107">
        <v>41167.815228523301</v>
      </c>
      <c r="U207" s="107">
        <v>41128.046543022603</v>
      </c>
      <c r="V207" s="107">
        <v>41092.281750721901</v>
      </c>
      <c r="W207" s="107">
        <v>41060.522117606102</v>
      </c>
      <c r="X207" s="107">
        <v>41032.100201819099</v>
      </c>
      <c r="Y207" s="107">
        <v>41006.314457046697</v>
      </c>
      <c r="Z207" s="107">
        <v>40980.9996232134</v>
      </c>
      <c r="AA207" s="107">
        <v>40980.9996232134</v>
      </c>
      <c r="AB207" s="107">
        <v>40959.624225997999</v>
      </c>
      <c r="AC207" s="107">
        <v>40938.911655178003</v>
      </c>
      <c r="AD207" s="107">
        <v>40915.758066733099</v>
      </c>
      <c r="AE207" s="107">
        <v>40890.021358275102</v>
      </c>
      <c r="AF207" s="107">
        <v>40860.8829437651</v>
      </c>
      <c r="AG207" s="107">
        <v>40825.097308691002</v>
      </c>
      <c r="AH207" s="107">
        <v>40790.818454746201</v>
      </c>
      <c r="AI207" s="107">
        <v>40753.2012277994</v>
      </c>
      <c r="AJ207" s="107">
        <v>40712.359908157501</v>
      </c>
      <c r="AK207" s="107">
        <v>40668.132182065099</v>
      </c>
      <c r="AL207" s="107">
        <v>40619.272024218</v>
      </c>
      <c r="AM207" s="107">
        <v>40560.016789679699</v>
      </c>
      <c r="AN207" s="107">
        <v>40560.016789679699</v>
      </c>
    </row>
    <row r="208" spans="1:40" x14ac:dyDescent="0.2">
      <c r="A208" s="133" t="s">
        <v>300</v>
      </c>
      <c r="B208" s="107">
        <v>50359.163010992001</v>
      </c>
      <c r="C208" s="107">
        <v>50321.098786127703</v>
      </c>
      <c r="D208" s="107">
        <v>50284.973896789801</v>
      </c>
      <c r="E208" s="107">
        <v>50245.779621542802</v>
      </c>
      <c r="F208" s="107">
        <v>50202.609963056799</v>
      </c>
      <c r="G208" s="107">
        <v>50150.422063681297</v>
      </c>
      <c r="H208" s="107">
        <v>50102.611262243801</v>
      </c>
      <c r="I208" s="107">
        <v>50052.3163765227</v>
      </c>
      <c r="J208" s="107">
        <v>50000.976309566897</v>
      </c>
      <c r="K208" s="107">
        <v>49948.7558287149</v>
      </c>
      <c r="L208" s="107">
        <v>49894.714963636703</v>
      </c>
      <c r="M208" s="107">
        <v>49839.140818451</v>
      </c>
      <c r="N208" s="107">
        <v>49839.140818451</v>
      </c>
      <c r="O208" s="107">
        <v>49805.603320202601</v>
      </c>
      <c r="P208" s="107">
        <v>49784.697856561499</v>
      </c>
      <c r="Q208" s="107">
        <v>49776.833053655202</v>
      </c>
      <c r="R208" s="107">
        <v>49781.5986449966</v>
      </c>
      <c r="S208" s="107">
        <v>49799.396396399403</v>
      </c>
      <c r="T208" s="107">
        <v>49834.277969528302</v>
      </c>
      <c r="U208" s="107">
        <v>49877.512139243598</v>
      </c>
      <c r="V208" s="107">
        <v>49933.535728738498</v>
      </c>
      <c r="W208" s="107">
        <v>50001.347587866803</v>
      </c>
      <c r="X208" s="107">
        <v>50080.320343173502</v>
      </c>
      <c r="Y208" s="107">
        <v>50173.099755951902</v>
      </c>
      <c r="Z208" s="107">
        <v>50284.9938035429</v>
      </c>
      <c r="AA208" s="107">
        <v>50284.9938035429</v>
      </c>
      <c r="AB208" s="107">
        <v>50384.880620360498</v>
      </c>
      <c r="AC208" s="107">
        <v>50480.117376750401</v>
      </c>
      <c r="AD208" s="107">
        <v>50567.149040834098</v>
      </c>
      <c r="AE208" s="107">
        <v>50645.266437101003</v>
      </c>
      <c r="AF208" s="107">
        <v>50716.117356438503</v>
      </c>
      <c r="AG208" s="107">
        <v>50785.190765302003</v>
      </c>
      <c r="AH208" s="107">
        <v>50835.590741255801</v>
      </c>
      <c r="AI208" s="107">
        <v>50876.496285383</v>
      </c>
      <c r="AJ208" s="107">
        <v>50907.839935448101</v>
      </c>
      <c r="AK208" s="107">
        <v>50930.338357745</v>
      </c>
      <c r="AL208" s="107">
        <v>50943.897404250303</v>
      </c>
      <c r="AM208" s="107">
        <v>50945.8412750266</v>
      </c>
      <c r="AN208" s="107">
        <v>50945.8412750266</v>
      </c>
    </row>
    <row r="209" spans="1:40" x14ac:dyDescent="0.2">
      <c r="A209" s="133" t="s">
        <v>301</v>
      </c>
      <c r="B209" s="107">
        <v>496.872507331463</v>
      </c>
      <c r="C209" s="107">
        <v>494.27856469237003</v>
      </c>
      <c r="D209" s="107">
        <v>491.750225481347</v>
      </c>
      <c r="E209" s="107">
        <v>489.24023125392603</v>
      </c>
      <c r="F209" s="107">
        <v>486.68154685703502</v>
      </c>
      <c r="G209" s="107">
        <v>483.823079388243</v>
      </c>
      <c r="H209" s="107">
        <v>481.35361731643201</v>
      </c>
      <c r="I209" s="107">
        <v>478.89202963806503</v>
      </c>
      <c r="J209" s="107">
        <v>476.44965758973598</v>
      </c>
      <c r="K209" s="107">
        <v>474.02345193062399</v>
      </c>
      <c r="L209" s="107">
        <v>471.55467016567098</v>
      </c>
      <c r="M209" s="107">
        <v>468.85260399559502</v>
      </c>
      <c r="N209" s="107">
        <v>468.85260399559502</v>
      </c>
      <c r="O209" s="107">
        <v>466.55414631003401</v>
      </c>
      <c r="P209" s="107">
        <v>464.30712472472402</v>
      </c>
      <c r="Q209" s="107">
        <v>462.10572665141001</v>
      </c>
      <c r="R209" s="107">
        <v>459.947559902215</v>
      </c>
      <c r="S209" s="107">
        <v>457.777334685825</v>
      </c>
      <c r="T209" s="107">
        <v>455.39485333638203</v>
      </c>
      <c r="U209" s="107">
        <v>453.36936466275102</v>
      </c>
      <c r="V209" s="107">
        <v>451.38598666282201</v>
      </c>
      <c r="W209" s="107">
        <v>449.45061739516899</v>
      </c>
      <c r="X209" s="107">
        <v>447.55234448511601</v>
      </c>
      <c r="Y209" s="107">
        <v>445.64533778041999</v>
      </c>
      <c r="Z209" s="107">
        <v>443.554025160305</v>
      </c>
      <c r="AA209" s="107">
        <v>443.554025160305</v>
      </c>
      <c r="AB209" s="107">
        <v>441.75032244207398</v>
      </c>
      <c r="AC209" s="107">
        <v>439.96184843485503</v>
      </c>
      <c r="AD209" s="107">
        <v>438.15091336922302</v>
      </c>
      <c r="AE209" s="107">
        <v>436.32037369318698</v>
      </c>
      <c r="AF209" s="107">
        <v>434.42098984385899</v>
      </c>
      <c r="AG209" s="107">
        <v>432.26296163045902</v>
      </c>
      <c r="AH209" s="107">
        <v>430.3594082537</v>
      </c>
      <c r="AI209" s="107">
        <v>428.42348957999701</v>
      </c>
      <c r="AJ209" s="107">
        <v>426.46118854284401</v>
      </c>
      <c r="AK209" s="107">
        <v>424.4663894112</v>
      </c>
      <c r="AL209" s="107">
        <v>422.38832283264202</v>
      </c>
      <c r="AM209" s="107">
        <v>420.01854432224798</v>
      </c>
      <c r="AN209" s="107">
        <v>420.01854432224798</v>
      </c>
    </row>
    <row r="210" spans="1:40" x14ac:dyDescent="0.2">
      <c r="A210" s="133" t="s">
        <v>302</v>
      </c>
      <c r="B210" s="107">
        <v>540305.79</v>
      </c>
      <c r="C210" s="107">
        <v>540305.79</v>
      </c>
      <c r="D210" s="107">
        <v>540305.79</v>
      </c>
      <c r="E210" s="107">
        <v>540305.79</v>
      </c>
      <c r="F210" s="107">
        <v>540305.79</v>
      </c>
      <c r="G210" s="107">
        <v>540305.79</v>
      </c>
      <c r="H210" s="107">
        <v>540305.79</v>
      </c>
      <c r="I210" s="107">
        <v>540305.78999999899</v>
      </c>
      <c r="J210" s="107">
        <v>540305.78999999899</v>
      </c>
      <c r="K210" s="107">
        <v>540305.79</v>
      </c>
      <c r="L210" s="107">
        <v>540305.79</v>
      </c>
      <c r="M210" s="107">
        <v>540305.79</v>
      </c>
      <c r="N210" s="107">
        <v>540305.79</v>
      </c>
      <c r="O210" s="107">
        <v>540305.79</v>
      </c>
      <c r="P210" s="107">
        <v>540305.78999999899</v>
      </c>
      <c r="Q210" s="107">
        <v>540305.79</v>
      </c>
      <c r="R210" s="107">
        <v>540305.78999999899</v>
      </c>
      <c r="S210" s="107">
        <v>540305.79</v>
      </c>
      <c r="T210" s="107">
        <v>540305.79</v>
      </c>
      <c r="U210" s="107">
        <v>540305.79</v>
      </c>
      <c r="V210" s="107">
        <v>540305.79</v>
      </c>
      <c r="W210" s="107">
        <v>540305.79</v>
      </c>
      <c r="X210" s="107">
        <v>540305.78999999899</v>
      </c>
      <c r="Y210" s="107">
        <v>540305.79</v>
      </c>
      <c r="Z210" s="107">
        <v>540305.79</v>
      </c>
      <c r="AA210" s="107">
        <v>540305.79</v>
      </c>
      <c r="AB210" s="107">
        <v>540305.79</v>
      </c>
      <c r="AC210" s="107">
        <v>540305.79</v>
      </c>
      <c r="AD210" s="107">
        <v>540305.78999999899</v>
      </c>
      <c r="AE210" s="107">
        <v>540305.79</v>
      </c>
      <c r="AF210" s="107">
        <v>540305.78999999899</v>
      </c>
      <c r="AG210" s="107">
        <v>540305.79</v>
      </c>
      <c r="AH210" s="107">
        <v>540305.79</v>
      </c>
      <c r="AI210" s="107">
        <v>540305.79</v>
      </c>
      <c r="AJ210" s="107">
        <v>540305.78999999899</v>
      </c>
      <c r="AK210" s="107">
        <v>540305.79</v>
      </c>
      <c r="AL210" s="107">
        <v>540305.78999999899</v>
      </c>
      <c r="AM210" s="107">
        <v>540305.79</v>
      </c>
      <c r="AN210" s="107">
        <v>540305.79</v>
      </c>
    </row>
    <row r="211" spans="1:40" x14ac:dyDescent="0.2">
      <c r="A211" s="133" t="s">
        <v>303</v>
      </c>
    </row>
    <row r="212" spans="1:40" x14ac:dyDescent="0.2">
      <c r="A212" s="133" t="s">
        <v>304</v>
      </c>
      <c r="B212" s="107">
        <v>2335599.0912533598</v>
      </c>
      <c r="C212" s="107">
        <v>2336907.3863512198</v>
      </c>
      <c r="D212" s="107">
        <v>2337678.1845783498</v>
      </c>
      <c r="E212" s="107">
        <v>2338080.4218677101</v>
      </c>
      <c r="F212" s="107">
        <v>2338109.4601143398</v>
      </c>
      <c r="G212" s="107">
        <v>2337276.1861163201</v>
      </c>
      <c r="H212" s="107">
        <v>2336610.9642772898</v>
      </c>
      <c r="I212" s="107">
        <v>2335589.73433444</v>
      </c>
      <c r="J212" s="107">
        <v>2334076.2834942499</v>
      </c>
      <c r="K212" s="107">
        <v>2332040.9187817401</v>
      </c>
      <c r="L212" s="107">
        <v>2329464.3018384799</v>
      </c>
      <c r="M212" s="107">
        <v>2325123.3934824802</v>
      </c>
      <c r="N212" s="107">
        <v>2325123.3934824802</v>
      </c>
      <c r="O212" s="107">
        <v>2320704.4668729198</v>
      </c>
      <c r="P212" s="107">
        <v>2315869.9546256298</v>
      </c>
      <c r="Q212" s="107">
        <v>2310609.3166924501</v>
      </c>
      <c r="R212" s="107">
        <v>2304958.2755192802</v>
      </c>
      <c r="S212" s="107">
        <v>2298904.5444578398</v>
      </c>
      <c r="T212" s="107">
        <v>2291368.9289802201</v>
      </c>
      <c r="U212" s="107">
        <v>2284509.19570259</v>
      </c>
      <c r="V212" s="107">
        <v>2277224.7590569099</v>
      </c>
      <c r="W212" s="107">
        <v>2269674.0563527299</v>
      </c>
      <c r="X212" s="107">
        <v>2261987.4233642402</v>
      </c>
      <c r="Y212" s="107">
        <v>2254150.9817965999</v>
      </c>
      <c r="Z212" s="107">
        <v>2245731.7350857798</v>
      </c>
      <c r="AA212" s="107">
        <v>2245731.7350857798</v>
      </c>
      <c r="AB212" s="107">
        <v>2238828.8560355902</v>
      </c>
      <c r="AC212" s="107">
        <v>2232784.9576308401</v>
      </c>
      <c r="AD212" s="107">
        <v>2227736.5135769402</v>
      </c>
      <c r="AE212" s="107">
        <v>2223690.3223735001</v>
      </c>
      <c r="AF212" s="107">
        <v>2220632.7318335902</v>
      </c>
      <c r="AG212" s="107">
        <v>2217994.8889449998</v>
      </c>
      <c r="AH212" s="107">
        <v>2216942.8004816598</v>
      </c>
      <c r="AI212" s="107">
        <v>2216890.3957295599</v>
      </c>
      <c r="AJ212" s="107">
        <v>2217841.4146455699</v>
      </c>
      <c r="AK212" s="107">
        <v>2219663.3981840499</v>
      </c>
      <c r="AL212" s="107">
        <v>2222354.6898875199</v>
      </c>
      <c r="AM212" s="107">
        <v>2226144.2985448502</v>
      </c>
      <c r="AN212" s="107">
        <v>2226144.2985448502</v>
      </c>
    </row>
    <row r="213" spans="1:40" x14ac:dyDescent="0.2">
      <c r="A213" s="133" t="s">
        <v>305</v>
      </c>
      <c r="B213" s="107">
        <v>1136818.4280061701</v>
      </c>
      <c r="C213" s="107">
        <v>1143405.0150355999</v>
      </c>
      <c r="D213" s="107">
        <v>1150473.4277439101</v>
      </c>
      <c r="E213" s="107">
        <v>1157892.1779386001</v>
      </c>
      <c r="F213" s="107">
        <v>1165667.30089806</v>
      </c>
      <c r="G213" s="107">
        <v>1174364.6986093</v>
      </c>
      <c r="H213" s="107">
        <v>1182807.4216714001</v>
      </c>
      <c r="I213" s="107">
        <v>1191595.1274411699</v>
      </c>
      <c r="J213" s="107">
        <v>1200857.6982863699</v>
      </c>
      <c r="K213" s="107">
        <v>1210621.2344106501</v>
      </c>
      <c r="L213" s="107">
        <v>1220903.71930853</v>
      </c>
      <c r="M213" s="107">
        <v>1232960.0635708801</v>
      </c>
      <c r="N213" s="107">
        <v>1232960.0635708801</v>
      </c>
      <c r="O213" s="107">
        <v>1244785.1467841701</v>
      </c>
      <c r="P213" s="107">
        <v>1256981.1513237101</v>
      </c>
      <c r="Q213" s="107">
        <v>1269558.6864439901</v>
      </c>
      <c r="R213" s="107">
        <v>1282488.3416158401</v>
      </c>
      <c r="S213" s="107">
        <v>1295783.6293392901</v>
      </c>
      <c r="T213" s="107">
        <v>1310553.68126038</v>
      </c>
      <c r="U213" s="107">
        <v>1324572.1757996001</v>
      </c>
      <c r="V213" s="107">
        <v>1338974.55651</v>
      </c>
      <c r="W213" s="107">
        <v>1353603.4275539599</v>
      </c>
      <c r="X213" s="107">
        <v>1368333.78934688</v>
      </c>
      <c r="Y213" s="107">
        <v>1383180.15244548</v>
      </c>
      <c r="Z213" s="107">
        <v>1398591.1953543399</v>
      </c>
      <c r="AA213" s="107">
        <v>1398591.1953543399</v>
      </c>
      <c r="AB213" s="107">
        <v>1411902.5206866299</v>
      </c>
      <c r="AC213" s="107">
        <v>1424352.8891262501</v>
      </c>
      <c r="AD213" s="107">
        <v>1435834.2870197301</v>
      </c>
      <c r="AE213" s="107">
        <v>1446341.73537327</v>
      </c>
      <c r="AF213" s="107">
        <v>1455889.9237243</v>
      </c>
      <c r="AG213" s="107">
        <v>1465068.92929546</v>
      </c>
      <c r="AH213" s="107">
        <v>1472674.3347439601</v>
      </c>
      <c r="AI213" s="107">
        <v>1479314.7878108399</v>
      </c>
      <c r="AJ213" s="107">
        <v>1484986.01391536</v>
      </c>
      <c r="AK213" s="107">
        <v>1489820.5698619401</v>
      </c>
      <c r="AL213" s="107">
        <v>1493821.2530179</v>
      </c>
      <c r="AM213" s="107">
        <v>1496806.33355605</v>
      </c>
      <c r="AN213" s="107">
        <v>1496806.33355605</v>
      </c>
    </row>
    <row r="214" spans="1:40" x14ac:dyDescent="0.2">
      <c r="A214" s="133" t="s">
        <v>306</v>
      </c>
      <c r="B214" s="107">
        <v>329846.57116020197</v>
      </c>
      <c r="C214" s="107">
        <v>329683.91421605903</v>
      </c>
      <c r="D214" s="107">
        <v>329576.92846377502</v>
      </c>
      <c r="E214" s="107">
        <v>329488.16616287001</v>
      </c>
      <c r="F214" s="107">
        <v>329416.23013993597</v>
      </c>
      <c r="G214" s="107">
        <v>329284.331609872</v>
      </c>
      <c r="H214" s="107">
        <v>329239.05556994799</v>
      </c>
      <c r="I214" s="107">
        <v>329204.80492617801</v>
      </c>
      <c r="J214" s="107">
        <v>329187.91010431899</v>
      </c>
      <c r="K214" s="107">
        <v>329191.96387571102</v>
      </c>
      <c r="L214" s="107">
        <v>329218.32110423199</v>
      </c>
      <c r="M214" s="107">
        <v>329235.11038103403</v>
      </c>
      <c r="N214" s="107">
        <v>329235.11038103403</v>
      </c>
      <c r="O214" s="107">
        <v>329323.170925232</v>
      </c>
      <c r="P214" s="107">
        <v>329455.89578090899</v>
      </c>
      <c r="Q214" s="107">
        <v>329633.21574174298</v>
      </c>
      <c r="R214" s="107">
        <v>329848.81889098801</v>
      </c>
      <c r="S214" s="107">
        <v>330101.47937690798</v>
      </c>
      <c r="T214" s="107">
        <v>330361.26008136501</v>
      </c>
      <c r="U214" s="107">
        <v>330696.71596770902</v>
      </c>
      <c r="V214" s="107">
        <v>331072.98905091803</v>
      </c>
      <c r="W214" s="107">
        <v>331489.03785906098</v>
      </c>
      <c r="X214" s="107">
        <v>331939.52620255703</v>
      </c>
      <c r="Y214" s="107">
        <v>332423.82181952702</v>
      </c>
      <c r="Z214" s="107">
        <v>332926.24276941101</v>
      </c>
      <c r="AA214" s="107">
        <v>332926.24276941101</v>
      </c>
      <c r="AB214" s="107">
        <v>333392.150640751</v>
      </c>
      <c r="AC214" s="107">
        <v>333860.03475930903</v>
      </c>
      <c r="AD214" s="107">
        <v>334301.43507317099</v>
      </c>
      <c r="AE214" s="107">
        <v>334714.53207650402</v>
      </c>
      <c r="AF214" s="107">
        <v>335098.28841882403</v>
      </c>
      <c r="AG214" s="107">
        <v>335431.47988968802</v>
      </c>
      <c r="AH214" s="107">
        <v>335752.51705796702</v>
      </c>
      <c r="AI214" s="107">
        <v>336038.82289662398</v>
      </c>
      <c r="AJ214" s="107">
        <v>336290.93202952499</v>
      </c>
      <c r="AK214" s="107">
        <v>336508.7466979</v>
      </c>
      <c r="AL214" s="107">
        <v>336691.12599190301</v>
      </c>
      <c r="AM214" s="107">
        <v>336790.79094986297</v>
      </c>
      <c r="AN214" s="107">
        <v>336790.79094986297</v>
      </c>
    </row>
    <row r="215" spans="1:40" x14ac:dyDescent="0.2">
      <c r="A215" s="133" t="s">
        <v>307</v>
      </c>
      <c r="B215" s="107">
        <v>3802264.0904197302</v>
      </c>
      <c r="C215" s="107">
        <v>3809996.3156028902</v>
      </c>
      <c r="D215" s="107">
        <v>3817728.54078604</v>
      </c>
      <c r="E215" s="107">
        <v>3825460.7659691898</v>
      </c>
      <c r="F215" s="107">
        <v>3833192.9911523401</v>
      </c>
      <c r="G215" s="107">
        <v>3840925.2163354899</v>
      </c>
      <c r="H215" s="107">
        <v>3848657.4415186401</v>
      </c>
      <c r="I215" s="107">
        <v>3856389.6667017899</v>
      </c>
      <c r="J215" s="107">
        <v>3864121.89188495</v>
      </c>
      <c r="K215" s="107">
        <v>3871854.1170680998</v>
      </c>
      <c r="L215" s="107">
        <v>3879586.3422512501</v>
      </c>
      <c r="M215" s="107">
        <v>3887318.5674343999</v>
      </c>
      <c r="N215" s="107">
        <v>3887318.5674343999</v>
      </c>
      <c r="O215" s="107">
        <v>3894812.7845823299</v>
      </c>
      <c r="P215" s="107">
        <v>3902307.00173026</v>
      </c>
      <c r="Q215" s="107">
        <v>3909801.21887819</v>
      </c>
      <c r="R215" s="107">
        <v>3917295.4360261098</v>
      </c>
      <c r="S215" s="107">
        <v>3924789.6531740399</v>
      </c>
      <c r="T215" s="107">
        <v>3932283.87032197</v>
      </c>
      <c r="U215" s="107">
        <v>3939778.0874699</v>
      </c>
      <c r="V215" s="107">
        <v>3947272.3046178301</v>
      </c>
      <c r="W215" s="107">
        <v>3954766.5217657601</v>
      </c>
      <c r="X215" s="107">
        <v>3962260.73891368</v>
      </c>
      <c r="Y215" s="107">
        <v>3969754.95606161</v>
      </c>
      <c r="Z215" s="107">
        <v>3977249.1732095401</v>
      </c>
      <c r="AA215" s="107">
        <v>3977249.1732095401</v>
      </c>
      <c r="AB215" s="107">
        <v>3984123.5273629799</v>
      </c>
      <c r="AC215" s="107">
        <v>3990997.88151641</v>
      </c>
      <c r="AD215" s="107">
        <v>3997872.2356698499</v>
      </c>
      <c r="AE215" s="107">
        <v>4004746.58982328</v>
      </c>
      <c r="AF215" s="107">
        <v>4011620.9439767199</v>
      </c>
      <c r="AG215" s="107">
        <v>4018495.29813015</v>
      </c>
      <c r="AH215" s="107">
        <v>4025369.6522835898</v>
      </c>
      <c r="AI215" s="107">
        <v>4032244.0064370199</v>
      </c>
      <c r="AJ215" s="107">
        <v>4039118.3605904598</v>
      </c>
      <c r="AK215" s="107">
        <v>4045992.7147439001</v>
      </c>
      <c r="AL215" s="107">
        <v>4052867.0688973302</v>
      </c>
      <c r="AM215" s="107">
        <v>4059741.4230507701</v>
      </c>
      <c r="AN215" s="107">
        <v>4059741.4230507701</v>
      </c>
    </row>
    <row r="216" spans="1:40" x14ac:dyDescent="0.2">
      <c r="A216" s="133" t="s">
        <v>308</v>
      </c>
    </row>
    <row r="217" spans="1:40" x14ac:dyDescent="0.2">
      <c r="A217" s="133" t="s">
        <v>309</v>
      </c>
      <c r="B217" s="107">
        <v>0</v>
      </c>
      <c r="C217" s="107">
        <v>0</v>
      </c>
      <c r="D217" s="107">
        <v>0</v>
      </c>
      <c r="E217" s="107">
        <v>0</v>
      </c>
      <c r="F217" s="107">
        <v>0</v>
      </c>
      <c r="G217" s="107">
        <v>0</v>
      </c>
      <c r="H217" s="107">
        <v>0</v>
      </c>
      <c r="I217" s="107">
        <v>0</v>
      </c>
      <c r="J217" s="107">
        <v>0</v>
      </c>
      <c r="K217" s="107">
        <v>0</v>
      </c>
      <c r="L217" s="107">
        <v>0</v>
      </c>
      <c r="M217" s="107">
        <v>0</v>
      </c>
      <c r="N217" s="107">
        <v>0</v>
      </c>
      <c r="O217" s="107">
        <v>0</v>
      </c>
      <c r="P217" s="107">
        <v>0</v>
      </c>
      <c r="Q217" s="107">
        <v>0</v>
      </c>
      <c r="R217" s="107">
        <v>0</v>
      </c>
      <c r="S217" s="107">
        <v>0</v>
      </c>
      <c r="T217" s="107">
        <v>0</v>
      </c>
      <c r="U217" s="107">
        <v>0</v>
      </c>
      <c r="V217" s="107">
        <v>0</v>
      </c>
      <c r="W217" s="107">
        <v>0</v>
      </c>
      <c r="X217" s="107">
        <v>0</v>
      </c>
      <c r="Y217" s="107">
        <v>0</v>
      </c>
      <c r="Z217" s="107">
        <v>0</v>
      </c>
      <c r="AA217" s="107">
        <v>0</v>
      </c>
      <c r="AB217" s="107">
        <v>0</v>
      </c>
      <c r="AC217" s="107">
        <v>0</v>
      </c>
      <c r="AD217" s="107">
        <v>0</v>
      </c>
      <c r="AE217" s="107">
        <v>0</v>
      </c>
      <c r="AF217" s="107">
        <v>0</v>
      </c>
      <c r="AG217" s="107">
        <v>0</v>
      </c>
      <c r="AH217" s="107">
        <v>0</v>
      </c>
      <c r="AI217" s="107">
        <v>0</v>
      </c>
      <c r="AJ217" s="107">
        <v>0</v>
      </c>
      <c r="AK217" s="107">
        <v>0</v>
      </c>
      <c r="AL217" s="107">
        <v>0</v>
      </c>
      <c r="AM217" s="107">
        <v>0</v>
      </c>
      <c r="AN217" s="107">
        <v>0</v>
      </c>
    </row>
    <row r="218" spans="1:40" x14ac:dyDescent="0.2">
      <c r="A218" s="133" t="s">
        <v>310</v>
      </c>
    </row>
    <row r="219" spans="1:40" x14ac:dyDescent="0.2">
      <c r="A219" s="133" t="s">
        <v>311</v>
      </c>
      <c r="B219" s="107">
        <v>6315670.1901533296</v>
      </c>
      <c r="C219" s="107">
        <v>6334151.6073193802</v>
      </c>
      <c r="D219" s="107">
        <v>6352764.8300554398</v>
      </c>
      <c r="E219" s="107">
        <v>6371227.5832014997</v>
      </c>
      <c r="F219" s="107">
        <v>6390533.6142615499</v>
      </c>
      <c r="G219" s="107">
        <v>6409763.4303396102</v>
      </c>
      <c r="H219" s="107">
        <v>6428897.2536506699</v>
      </c>
      <c r="I219" s="107">
        <v>6447972.8845547196</v>
      </c>
      <c r="J219" s="107">
        <v>6466970.6158687798</v>
      </c>
      <c r="K219" s="107">
        <v>6486224.6966488399</v>
      </c>
      <c r="L219" s="107">
        <v>6505049.8813488903</v>
      </c>
      <c r="M219" s="107">
        <v>6524948.0249379501</v>
      </c>
      <c r="N219" s="107">
        <v>6524948.0249379501</v>
      </c>
      <c r="O219" s="107">
        <v>6538538.4736384796</v>
      </c>
      <c r="P219" s="107">
        <v>6552128.9223390101</v>
      </c>
      <c r="Q219" s="107">
        <v>6565719.3710395396</v>
      </c>
      <c r="R219" s="107">
        <v>6579309.81974007</v>
      </c>
      <c r="S219" s="107">
        <v>6592900.2684405996</v>
      </c>
      <c r="T219" s="107">
        <v>6606490.71714113</v>
      </c>
      <c r="U219" s="107">
        <v>6620081.1658416502</v>
      </c>
      <c r="V219" s="107">
        <v>6633671.61454219</v>
      </c>
      <c r="W219" s="107">
        <v>6647262.0632427102</v>
      </c>
      <c r="X219" s="107">
        <v>6660852.5119432397</v>
      </c>
      <c r="Y219" s="107">
        <v>6674442.9606437702</v>
      </c>
      <c r="Z219" s="107">
        <v>6688033.4093442997</v>
      </c>
      <c r="AA219" s="107">
        <v>6688033.4093442997</v>
      </c>
      <c r="AB219" s="107">
        <v>6699984.7418072298</v>
      </c>
      <c r="AC219" s="107">
        <v>6711936.0742701599</v>
      </c>
      <c r="AD219" s="107">
        <v>6723887.4067330798</v>
      </c>
      <c r="AE219" s="107">
        <v>6735838.7391960099</v>
      </c>
      <c r="AF219" s="107">
        <v>6747790.0716589401</v>
      </c>
      <c r="AG219" s="107">
        <v>6759741.4041218599</v>
      </c>
      <c r="AH219" s="107">
        <v>6771692.7365847901</v>
      </c>
      <c r="AI219" s="107">
        <v>6783644.0690477202</v>
      </c>
      <c r="AJ219" s="107">
        <v>6795595.40151064</v>
      </c>
      <c r="AK219" s="107">
        <v>6807546.7339735702</v>
      </c>
      <c r="AL219" s="107">
        <v>6819498.0664365003</v>
      </c>
      <c r="AM219" s="107">
        <v>6831449.3988994202</v>
      </c>
      <c r="AN219" s="107">
        <v>6831449.3988994202</v>
      </c>
    </row>
    <row r="220" spans="1:40" x14ac:dyDescent="0.2">
      <c r="A220" s="133" t="s">
        <v>312</v>
      </c>
    </row>
    <row r="221" spans="1:40" x14ac:dyDescent="0.2">
      <c r="A221" s="133" t="s">
        <v>313</v>
      </c>
      <c r="B221" s="107">
        <v>3631364.53313193</v>
      </c>
      <c r="C221" s="107">
        <v>3700578.6255643298</v>
      </c>
      <c r="D221" s="107">
        <v>3769792.71799673</v>
      </c>
      <c r="E221" s="107">
        <v>3839006.81042912</v>
      </c>
      <c r="F221" s="107">
        <v>3908220.9028615202</v>
      </c>
      <c r="G221" s="107">
        <v>3977434.9952939199</v>
      </c>
      <c r="H221" s="107">
        <v>4046649.0877263201</v>
      </c>
      <c r="I221" s="107">
        <v>4115863.1801587101</v>
      </c>
      <c r="J221" s="107">
        <v>4185077.2725911099</v>
      </c>
      <c r="K221" s="107">
        <v>4254291.3650235096</v>
      </c>
      <c r="L221" s="107">
        <v>4323505.4574558996</v>
      </c>
      <c r="M221" s="107">
        <v>4392719.5498882998</v>
      </c>
      <c r="N221" s="107">
        <v>4392719.5498882998</v>
      </c>
      <c r="O221" s="107">
        <v>4412211.04267901</v>
      </c>
      <c r="P221" s="107">
        <v>4431702.5354697099</v>
      </c>
      <c r="Q221" s="107">
        <v>4451194.0282604098</v>
      </c>
      <c r="R221" s="107">
        <v>4470685.52105112</v>
      </c>
      <c r="S221" s="107">
        <v>4490177.0138418199</v>
      </c>
      <c r="T221" s="107">
        <v>4509668.5066325301</v>
      </c>
      <c r="U221" s="107">
        <v>4529159.9994232301</v>
      </c>
      <c r="V221" s="107">
        <v>4548651.49221393</v>
      </c>
      <c r="W221" s="107">
        <v>4568142.9850046402</v>
      </c>
      <c r="X221" s="107">
        <v>4587634.4777953401</v>
      </c>
      <c r="Y221" s="107">
        <v>4607125.9705860503</v>
      </c>
      <c r="Z221" s="107">
        <v>4626617.4633767502</v>
      </c>
      <c r="AA221" s="107">
        <v>4626617.4633767502</v>
      </c>
      <c r="AB221" s="107">
        <v>4660229.87508824</v>
      </c>
      <c r="AC221" s="107">
        <v>4693842.28679974</v>
      </c>
      <c r="AD221" s="107">
        <v>4727454.6985112298</v>
      </c>
      <c r="AE221" s="107">
        <v>4761067.1102227196</v>
      </c>
      <c r="AF221" s="107">
        <v>4794679.5219342103</v>
      </c>
      <c r="AG221" s="107">
        <v>4828291.9336457001</v>
      </c>
      <c r="AH221" s="107">
        <v>4861904.3453571899</v>
      </c>
      <c r="AI221" s="107">
        <v>4895516.7570686797</v>
      </c>
      <c r="AJ221" s="107">
        <v>4929129.1687801704</v>
      </c>
      <c r="AK221" s="107">
        <v>4962741.5804916602</v>
      </c>
      <c r="AL221" s="107">
        <v>4996353.9922031499</v>
      </c>
      <c r="AM221" s="107">
        <v>5029966.4039146397</v>
      </c>
      <c r="AN221" s="107">
        <v>5029966.4039146397</v>
      </c>
    </row>
    <row r="222" spans="1:40" x14ac:dyDescent="0.2">
      <c r="A222" s="133" t="s">
        <v>314</v>
      </c>
    </row>
    <row r="223" spans="1:40" x14ac:dyDescent="0.2">
      <c r="A223" s="133" t="s">
        <v>315</v>
      </c>
      <c r="B223" s="107">
        <v>12583117.130046399</v>
      </c>
      <c r="C223" s="107">
        <v>12560959.660994399</v>
      </c>
      <c r="D223" s="107">
        <v>12551073.166544899</v>
      </c>
      <c r="E223" s="107">
        <v>12546291.682910001</v>
      </c>
      <c r="F223" s="107">
        <v>12541407.961151101</v>
      </c>
      <c r="G223" s="107">
        <v>12512973.9429802</v>
      </c>
      <c r="H223" s="107">
        <v>12499859.331413001</v>
      </c>
      <c r="I223" s="107">
        <v>12479517.8283596</v>
      </c>
      <c r="J223" s="107">
        <v>12456218.0985406</v>
      </c>
      <c r="K223" s="107">
        <v>12427458.0019357</v>
      </c>
      <c r="L223" s="107">
        <v>12372782.1714768</v>
      </c>
      <c r="M223" s="107">
        <v>12341722.337951601</v>
      </c>
      <c r="N223" s="107">
        <v>12341722.337951601</v>
      </c>
      <c r="O223" s="107">
        <v>12333645.119992901</v>
      </c>
      <c r="P223" s="107">
        <v>12337166.713598199</v>
      </c>
      <c r="Q223" s="107">
        <v>12335624.230408899</v>
      </c>
      <c r="R223" s="107">
        <v>12333756.957803201</v>
      </c>
      <c r="S223" s="107">
        <v>12327961.6993926</v>
      </c>
      <c r="T223" s="107">
        <v>12321219.847103201</v>
      </c>
      <c r="U223" s="107">
        <v>12317068.8631429</v>
      </c>
      <c r="V223" s="107">
        <v>12313673.6393984</v>
      </c>
      <c r="W223" s="107">
        <v>12304397.4486838</v>
      </c>
      <c r="X223" s="107">
        <v>12292857.8586448</v>
      </c>
      <c r="Y223" s="107">
        <v>12278067.5441925</v>
      </c>
      <c r="Z223" s="107">
        <v>12255586.576661799</v>
      </c>
      <c r="AA223" s="107">
        <v>12255586.576661799</v>
      </c>
      <c r="AB223" s="107">
        <v>12288762.905063201</v>
      </c>
      <c r="AC223" s="107">
        <v>12345114.302706899</v>
      </c>
      <c r="AD223" s="107">
        <v>12405221.171531299</v>
      </c>
      <c r="AE223" s="107">
        <v>12473384.099230399</v>
      </c>
      <c r="AF223" s="107">
        <v>12546472.6977832</v>
      </c>
      <c r="AG223" s="107">
        <v>12626502.5672225</v>
      </c>
      <c r="AH223" s="107">
        <v>12714751.0886804</v>
      </c>
      <c r="AI223" s="107">
        <v>12809460.724509001</v>
      </c>
      <c r="AJ223" s="107">
        <v>12908136.7736912</v>
      </c>
      <c r="AK223" s="107">
        <v>13011284.4520617</v>
      </c>
      <c r="AL223" s="107">
        <v>13118975.166930901</v>
      </c>
      <c r="AM223" s="107">
        <v>13232645.6947808</v>
      </c>
      <c r="AN223" s="107">
        <v>13232645.6947808</v>
      </c>
    </row>
    <row r="224" spans="1:40" x14ac:dyDescent="0.2">
      <c r="A224" s="133" t="s">
        <v>316</v>
      </c>
      <c r="B224" s="107">
        <v>6128982.9995825496</v>
      </c>
      <c r="C224" s="107">
        <v>6150557.4846932301</v>
      </c>
      <c r="D224" s="107">
        <v>6183404.1155491602</v>
      </c>
      <c r="E224" s="107">
        <v>6219888.6562069301</v>
      </c>
      <c r="F224" s="107">
        <v>6260049.1362343701</v>
      </c>
      <c r="G224" s="107">
        <v>6290230.8672398701</v>
      </c>
      <c r="H224" s="107">
        <v>6326446.8262799596</v>
      </c>
      <c r="I224" s="107">
        <v>6359071.0352383303</v>
      </c>
      <c r="J224" s="107">
        <v>6396877.1805143496</v>
      </c>
      <c r="K224" s="107">
        <v>6436694.1118081501</v>
      </c>
      <c r="L224" s="107">
        <v>6469525.2284510201</v>
      </c>
      <c r="M224" s="107">
        <v>6531718.6249219198</v>
      </c>
      <c r="N224" s="107">
        <v>6531718.6249219198</v>
      </c>
      <c r="O224" s="107">
        <v>6627969.4184247097</v>
      </c>
      <c r="P224" s="107">
        <v>6710966.8828316703</v>
      </c>
      <c r="Q224" s="107">
        <v>6798050.6090259897</v>
      </c>
      <c r="R224" s="107">
        <v>6884554.6448657997</v>
      </c>
      <c r="S224" s="107">
        <v>6974076.5470296899</v>
      </c>
      <c r="T224" s="107">
        <v>7063684.0254325997</v>
      </c>
      <c r="U224" s="107">
        <v>7150079.8034672504</v>
      </c>
      <c r="V224" s="107">
        <v>7235120.4576190598</v>
      </c>
      <c r="W224" s="107">
        <v>7325031.7639550203</v>
      </c>
      <c r="X224" s="107">
        <v>7416438.9209554102</v>
      </c>
      <c r="Y224" s="107">
        <v>7510211.8472809298</v>
      </c>
      <c r="Z224" s="107">
        <v>7610123.27270847</v>
      </c>
      <c r="AA224" s="107">
        <v>7610123.27270847</v>
      </c>
      <c r="AB224" s="107">
        <v>7760531.1886977702</v>
      </c>
      <c r="AC224" s="107">
        <v>7889987.0984340496</v>
      </c>
      <c r="AD224" s="107">
        <v>8016023.4673887203</v>
      </c>
      <c r="AE224" s="107">
        <v>8134889.6311522601</v>
      </c>
      <c r="AF224" s="107">
        <v>8249348.96086042</v>
      </c>
      <c r="AG224" s="107">
        <v>8357649.1223727101</v>
      </c>
      <c r="AH224" s="107">
        <v>8458723.0352913309</v>
      </c>
      <c r="AI224" s="107">
        <v>8554113.8486442994</v>
      </c>
      <c r="AJ224" s="107">
        <v>8645987.9062200598</v>
      </c>
      <c r="AK224" s="107">
        <v>8733963.4740129709</v>
      </c>
      <c r="AL224" s="107">
        <v>8817996.0930467993</v>
      </c>
      <c r="AM224" s="107">
        <v>8896805.6984395906</v>
      </c>
      <c r="AN224" s="107">
        <v>8896805.6984395906</v>
      </c>
    </row>
    <row r="225" spans="1:40" x14ac:dyDescent="0.2">
      <c r="A225" s="133" t="s">
        <v>317</v>
      </c>
      <c r="B225" s="107">
        <v>1776978.6687338899</v>
      </c>
      <c r="C225" s="107">
        <v>1771939.7102417301</v>
      </c>
      <c r="D225" s="107">
        <v>1769323.3333286799</v>
      </c>
      <c r="E225" s="107">
        <v>1767863.1530691099</v>
      </c>
      <c r="F225" s="107">
        <v>1766755.07244554</v>
      </c>
      <c r="G225" s="107">
        <v>1762666.5504241099</v>
      </c>
      <c r="H225" s="107">
        <v>1761050.53951855</v>
      </c>
      <c r="I225" s="107">
        <v>1758683.32528062</v>
      </c>
      <c r="J225" s="107">
        <v>1756366.36381929</v>
      </c>
      <c r="K225" s="107">
        <v>1753775.20849109</v>
      </c>
      <c r="L225" s="107">
        <v>1748102.8882341599</v>
      </c>
      <c r="M225" s="107">
        <v>1747161.9499315801</v>
      </c>
      <c r="N225" s="107">
        <v>1747161.9499315801</v>
      </c>
      <c r="O225" s="107">
        <v>1751092.2001527101</v>
      </c>
      <c r="P225" s="107">
        <v>1756095.5535858299</v>
      </c>
      <c r="Q225" s="107">
        <v>1761161.94869658</v>
      </c>
      <c r="R225" s="107">
        <v>1766486.1845007199</v>
      </c>
      <c r="S225" s="107">
        <v>1771897.2048720301</v>
      </c>
      <c r="T225" s="107">
        <v>1777531.4333729299</v>
      </c>
      <c r="U225" s="107">
        <v>1783496.5151002801</v>
      </c>
      <c r="V225" s="107">
        <v>1789698.0225476499</v>
      </c>
      <c r="W225" s="107">
        <v>1795926.5001403501</v>
      </c>
      <c r="X225" s="107">
        <v>1802250.89817009</v>
      </c>
      <c r="Y225" s="107">
        <v>1808653.2898625</v>
      </c>
      <c r="Z225" s="107">
        <v>1814975.9301610601</v>
      </c>
      <c r="AA225" s="107">
        <v>1814975.9301610601</v>
      </c>
      <c r="AB225" s="107">
        <v>1830866.3947350499</v>
      </c>
      <c r="AC225" s="107">
        <v>1847155.65373466</v>
      </c>
      <c r="AD225" s="107">
        <v>1863263.2361357701</v>
      </c>
      <c r="AE225" s="107">
        <v>1879294.54567347</v>
      </c>
      <c r="AF225" s="107">
        <v>1895153.7881928401</v>
      </c>
      <c r="AG225" s="107">
        <v>1910920.51890755</v>
      </c>
      <c r="AH225" s="107">
        <v>1926677.18229866</v>
      </c>
      <c r="AI225" s="107">
        <v>1942375.6185532501</v>
      </c>
      <c r="AJ225" s="107">
        <v>1957799.1643078499</v>
      </c>
      <c r="AK225" s="107">
        <v>1973028.1885752501</v>
      </c>
      <c r="AL225" s="107">
        <v>1988023.7034392999</v>
      </c>
      <c r="AM225" s="107">
        <v>2002445.2499903601</v>
      </c>
      <c r="AN225" s="107">
        <v>2002445.2499903601</v>
      </c>
    </row>
    <row r="226" spans="1:40" x14ac:dyDescent="0.2">
      <c r="A226" s="133" t="s">
        <v>318</v>
      </c>
      <c r="B226" s="107">
        <v>1117876.5318885001</v>
      </c>
      <c r="C226" s="107">
        <v>1120648.33263825</v>
      </c>
      <c r="D226" s="107">
        <v>1124920.3293619</v>
      </c>
      <c r="E226" s="107">
        <v>1129508.47321635</v>
      </c>
      <c r="F226" s="107">
        <v>1134299.73391025</v>
      </c>
      <c r="G226" s="107">
        <v>1136972.8116929601</v>
      </c>
      <c r="H226" s="107">
        <v>1140699.9560655199</v>
      </c>
      <c r="I226" s="107">
        <v>1143659.2317622099</v>
      </c>
      <c r="J226" s="107">
        <v>1146975.9134199</v>
      </c>
      <c r="K226" s="107">
        <v>1150256.1782505</v>
      </c>
      <c r="L226" s="107">
        <v>1151792.3442248199</v>
      </c>
      <c r="M226" s="107">
        <v>1157288.8775847701</v>
      </c>
      <c r="N226" s="107">
        <v>1157288.8775847701</v>
      </c>
      <c r="O226" s="107">
        <v>1165895.57343927</v>
      </c>
      <c r="P226" s="107">
        <v>1173997.0653023</v>
      </c>
      <c r="Q226" s="107">
        <v>1182479.4437420201</v>
      </c>
      <c r="R226" s="107">
        <v>1191028.2894039799</v>
      </c>
      <c r="S226" s="107">
        <v>1199846.4242606999</v>
      </c>
      <c r="T226" s="107">
        <v>1208760.4253483601</v>
      </c>
      <c r="U226" s="107">
        <v>1217528.75087548</v>
      </c>
      <c r="V226" s="107">
        <v>1226256.61831271</v>
      </c>
      <c r="W226" s="107">
        <v>1235371.5856294699</v>
      </c>
      <c r="X226" s="107">
        <v>1244661.29696418</v>
      </c>
      <c r="Y226" s="107">
        <v>1254182.3095730201</v>
      </c>
      <c r="Z226" s="107">
        <v>1264460.0252288701</v>
      </c>
      <c r="AA226" s="107">
        <v>1264460.0252288701</v>
      </c>
      <c r="AB226" s="107">
        <v>1282802.7037246199</v>
      </c>
      <c r="AC226" s="107">
        <v>1299876.85810509</v>
      </c>
      <c r="AD226" s="107">
        <v>1317038.4863237599</v>
      </c>
      <c r="AE226" s="107">
        <v>1333931.7949061601</v>
      </c>
      <c r="AF226" s="107">
        <v>1350826.5019366301</v>
      </c>
      <c r="AG226" s="107">
        <v>1367522.592837</v>
      </c>
      <c r="AH226" s="107">
        <v>1383814.420105</v>
      </c>
      <c r="AI226" s="107">
        <v>1399845.83078062</v>
      </c>
      <c r="AJ226" s="107">
        <v>1416017.6754087999</v>
      </c>
      <c r="AK226" s="107">
        <v>1432167.9438165899</v>
      </c>
      <c r="AL226" s="107">
        <v>1448338.4212992501</v>
      </c>
      <c r="AM226" s="107">
        <v>1464888.95793775</v>
      </c>
      <c r="AN226" s="107">
        <v>1464888.95793775</v>
      </c>
    </row>
    <row r="227" spans="1:40" x14ac:dyDescent="0.2">
      <c r="A227" s="133" t="s">
        <v>319</v>
      </c>
      <c r="B227" s="107">
        <v>2107803.1421997799</v>
      </c>
      <c r="C227" s="107">
        <v>2105390.73733406</v>
      </c>
      <c r="D227" s="107">
        <v>2105681.9836097201</v>
      </c>
      <c r="E227" s="107">
        <v>2106924.27947339</v>
      </c>
      <c r="F227" s="107">
        <v>2108388.6743354802</v>
      </c>
      <c r="G227" s="107">
        <v>2105999.8851537202</v>
      </c>
      <c r="H227" s="107">
        <v>2106144.6049748701</v>
      </c>
      <c r="I227" s="107">
        <v>2105116.3079228099</v>
      </c>
      <c r="J227" s="107">
        <v>2104124.43749225</v>
      </c>
      <c r="K227" s="107">
        <v>2102671.9645376899</v>
      </c>
      <c r="L227" s="107">
        <v>2097425.3121057702</v>
      </c>
      <c r="M227" s="107">
        <v>2097944.1756161102</v>
      </c>
      <c r="N227" s="107">
        <v>2097944.1756161102</v>
      </c>
      <c r="O227" s="107">
        <v>2105181.57530704</v>
      </c>
      <c r="P227" s="107">
        <v>2113473.14143886</v>
      </c>
      <c r="Q227" s="107">
        <v>2122300.9899005801</v>
      </c>
      <c r="R227" s="107">
        <v>2131703.3335432499</v>
      </c>
      <c r="S227" s="107">
        <v>2141660.47633478</v>
      </c>
      <c r="T227" s="107">
        <v>2152155.2315426399</v>
      </c>
      <c r="U227" s="107">
        <v>2163076.4314055</v>
      </c>
      <c r="V227" s="107">
        <v>2174395.21901264</v>
      </c>
      <c r="W227" s="107">
        <v>2186314.40386027</v>
      </c>
      <c r="X227" s="107">
        <v>2198730.7539814902</v>
      </c>
      <c r="Y227" s="107">
        <v>2211724.1337596001</v>
      </c>
      <c r="Z227" s="107">
        <v>2225604.25248614</v>
      </c>
      <c r="AA227" s="107">
        <v>2225604.25248614</v>
      </c>
      <c r="AB227" s="107">
        <v>2252842.9824234401</v>
      </c>
      <c r="AC227" s="107">
        <v>2278703.7766410201</v>
      </c>
      <c r="AD227" s="107">
        <v>2304327.88349269</v>
      </c>
      <c r="AE227" s="107">
        <v>2329408.8442334901</v>
      </c>
      <c r="AF227" s="107">
        <v>2354145.2559465398</v>
      </c>
      <c r="AG227" s="107">
        <v>2378390.0944741201</v>
      </c>
      <c r="AH227" s="107">
        <v>2402051.67627306</v>
      </c>
      <c r="AI227" s="107">
        <v>2425251.5668931799</v>
      </c>
      <c r="AJ227" s="107">
        <v>2448143.65370163</v>
      </c>
      <c r="AK227" s="107">
        <v>2470682.2668900602</v>
      </c>
      <c r="AL227" s="107">
        <v>2492838.9588669101</v>
      </c>
      <c r="AM227" s="107">
        <v>2514449.4339441899</v>
      </c>
      <c r="AN227" s="107">
        <v>2514449.4339441899</v>
      </c>
    </row>
    <row r="228" spans="1:40" x14ac:dyDescent="0.2">
      <c r="A228" s="133" t="s">
        <v>320</v>
      </c>
      <c r="B228" s="107">
        <v>20788.900917359701</v>
      </c>
      <c r="C228" s="107">
        <v>20668.740691123101</v>
      </c>
      <c r="D228" s="107">
        <v>20574.2431603275</v>
      </c>
      <c r="E228" s="107">
        <v>20495.452010505302</v>
      </c>
      <c r="F228" s="107">
        <v>20418.670262742799</v>
      </c>
      <c r="G228" s="107">
        <v>20308.074842985799</v>
      </c>
      <c r="H228" s="107">
        <v>20231.605696462899</v>
      </c>
      <c r="I228" s="107">
        <v>20149.179937482601</v>
      </c>
      <c r="J228" s="107">
        <v>20062.883216578699</v>
      </c>
      <c r="K228" s="107">
        <v>19971.731166141501</v>
      </c>
      <c r="L228" s="107">
        <v>19842.2101740914</v>
      </c>
      <c r="M228" s="107">
        <v>19756.419343527399</v>
      </c>
      <c r="N228" s="107">
        <v>19756.419343527399</v>
      </c>
      <c r="O228" s="107">
        <v>19710.087180411901</v>
      </c>
      <c r="P228" s="107">
        <v>19696.206887603101</v>
      </c>
      <c r="Q228" s="107">
        <v>19679.9310178661</v>
      </c>
      <c r="R228" s="107">
        <v>19669.331822410099</v>
      </c>
      <c r="S228" s="107">
        <v>19657.979197091099</v>
      </c>
      <c r="T228" s="107">
        <v>19650.957434560001</v>
      </c>
      <c r="U228" s="107">
        <v>19653.145390388501</v>
      </c>
      <c r="V228" s="107">
        <v>19661.141638736899</v>
      </c>
      <c r="W228" s="107">
        <v>19664.985407755401</v>
      </c>
      <c r="X228" s="107">
        <v>19668.548108219398</v>
      </c>
      <c r="Y228" s="107">
        <v>19670.741303111801</v>
      </c>
      <c r="Z228" s="107">
        <v>19661.397872731399</v>
      </c>
      <c r="AA228" s="107">
        <v>19661.397872731399</v>
      </c>
      <c r="AB228" s="107">
        <v>19736.6963232536</v>
      </c>
      <c r="AC228" s="107">
        <v>19836.597193831501</v>
      </c>
      <c r="AD228" s="107">
        <v>19931.457791471999</v>
      </c>
      <c r="AE228" s="107">
        <v>20028.203316215</v>
      </c>
      <c r="AF228" s="107">
        <v>20121.329640569202</v>
      </c>
      <c r="AG228" s="107">
        <v>20215.054394512699</v>
      </c>
      <c r="AH228" s="107">
        <v>20313.963408200801</v>
      </c>
      <c r="AI228" s="107">
        <v>20415.192524431499</v>
      </c>
      <c r="AJ228" s="107">
        <v>20509.024423487601</v>
      </c>
      <c r="AK228" s="107">
        <v>20599.288244696301</v>
      </c>
      <c r="AL228" s="107">
        <v>20684.685866329699</v>
      </c>
      <c r="AM228" s="107">
        <v>20753.4102049547</v>
      </c>
      <c r="AN228" s="107">
        <v>20753.4102049547</v>
      </c>
    </row>
    <row r="229" spans="1:40" x14ac:dyDescent="0.2">
      <c r="A229" s="133" t="s">
        <v>321</v>
      </c>
      <c r="B229" s="107">
        <v>23735547.373368502</v>
      </c>
      <c r="C229" s="107">
        <v>23730164.666592799</v>
      </c>
      <c r="D229" s="107">
        <v>23754977.1715547</v>
      </c>
      <c r="E229" s="107">
        <v>23790971.696886301</v>
      </c>
      <c r="F229" s="107">
        <v>23831319.2483395</v>
      </c>
      <c r="G229" s="107">
        <v>23829152.132333901</v>
      </c>
      <c r="H229" s="107">
        <v>23854432.863948401</v>
      </c>
      <c r="I229" s="107">
        <v>23866196.9085011</v>
      </c>
      <c r="J229" s="107">
        <v>23880624.877002999</v>
      </c>
      <c r="K229" s="107">
        <v>23890827.196189299</v>
      </c>
      <c r="L229" s="107">
        <v>23859470.154666599</v>
      </c>
      <c r="M229" s="107">
        <v>23895592.385349602</v>
      </c>
      <c r="N229" s="107">
        <v>23895592.385349602</v>
      </c>
      <c r="O229" s="107">
        <v>24003493.974497002</v>
      </c>
      <c r="P229" s="107">
        <v>24111395.563644499</v>
      </c>
      <c r="Q229" s="107">
        <v>24219297.152791999</v>
      </c>
      <c r="R229" s="107">
        <v>24327198.741939399</v>
      </c>
      <c r="S229" s="107">
        <v>24435100.3310869</v>
      </c>
      <c r="T229" s="107">
        <v>24543001.9202343</v>
      </c>
      <c r="U229" s="107">
        <v>24650903.509381801</v>
      </c>
      <c r="V229" s="107">
        <v>24758805.098529302</v>
      </c>
      <c r="W229" s="107">
        <v>24866706.687676702</v>
      </c>
      <c r="X229" s="107">
        <v>24974608.276824199</v>
      </c>
      <c r="Y229" s="107">
        <v>25082509.865971699</v>
      </c>
      <c r="Z229" s="107">
        <v>25190411.455119099</v>
      </c>
      <c r="AA229" s="107">
        <v>25190411.455119099</v>
      </c>
      <c r="AB229" s="107">
        <v>25435542.870967299</v>
      </c>
      <c r="AC229" s="107">
        <v>25680674.286815599</v>
      </c>
      <c r="AD229" s="107">
        <v>25925805.702663802</v>
      </c>
      <c r="AE229" s="107">
        <v>26170937.118512001</v>
      </c>
      <c r="AF229" s="107">
        <v>26416068.5343602</v>
      </c>
      <c r="AG229" s="107">
        <v>26661199.950208399</v>
      </c>
      <c r="AH229" s="107">
        <v>26906331.366056599</v>
      </c>
      <c r="AI229" s="107">
        <v>27151462.781904802</v>
      </c>
      <c r="AJ229" s="107">
        <v>27396594.197753102</v>
      </c>
      <c r="AK229" s="107">
        <v>27641725.613601301</v>
      </c>
      <c r="AL229" s="107">
        <v>27886857.0294495</v>
      </c>
      <c r="AM229" s="107">
        <v>28131988.445297699</v>
      </c>
      <c r="AN229" s="107">
        <v>28131988.445297699</v>
      </c>
    </row>
    <row r="230" spans="1:40" x14ac:dyDescent="0.2">
      <c r="A230" s="133" t="s">
        <v>322</v>
      </c>
    </row>
    <row r="231" spans="1:40" x14ac:dyDescent="0.2">
      <c r="A231" s="133" t="s">
        <v>323</v>
      </c>
      <c r="B231" s="107">
        <v>547413.48894587799</v>
      </c>
      <c r="C231" s="107">
        <v>547707.13868378999</v>
      </c>
      <c r="D231" s="107">
        <v>547870.63192271104</v>
      </c>
      <c r="E231" s="107">
        <v>547950.85145971901</v>
      </c>
      <c r="F231" s="107">
        <v>547947.86026588199</v>
      </c>
      <c r="G231" s="107">
        <v>547866.18685967405</v>
      </c>
      <c r="H231" s="107">
        <v>547704.04040689801</v>
      </c>
      <c r="I231" s="107">
        <v>547461.15938849503</v>
      </c>
      <c r="J231" s="107">
        <v>547099.778641843</v>
      </c>
      <c r="K231" s="107">
        <v>546612.50103011704</v>
      </c>
      <c r="L231" s="107">
        <v>545996.23372998496</v>
      </c>
      <c r="M231" s="107">
        <v>545146.71695850103</v>
      </c>
      <c r="N231" s="107">
        <v>545146.71695850103</v>
      </c>
      <c r="O231" s="107">
        <v>544060.12447963702</v>
      </c>
      <c r="P231" s="107">
        <v>542851.52512579295</v>
      </c>
      <c r="Q231" s="107">
        <v>541520.32507010899</v>
      </c>
      <c r="R231" s="107">
        <v>540076.00508486095</v>
      </c>
      <c r="S231" s="107">
        <v>538519.58743123198</v>
      </c>
      <c r="T231" s="107">
        <v>536848.94969121902</v>
      </c>
      <c r="U231" s="107">
        <v>535062.74084337405</v>
      </c>
      <c r="V231" s="107">
        <v>533161.93631361995</v>
      </c>
      <c r="W231" s="107">
        <v>531180.54873717204</v>
      </c>
      <c r="X231" s="107">
        <v>529154.56338506402</v>
      </c>
      <c r="Y231" s="107">
        <v>527084.06718719902</v>
      </c>
      <c r="Z231" s="107">
        <v>525140.39807852299</v>
      </c>
      <c r="AA231" s="107">
        <v>525140.39807852299</v>
      </c>
      <c r="AB231" s="107">
        <v>523281.42022476002</v>
      </c>
      <c r="AC231" s="107">
        <v>521629.51403546898</v>
      </c>
      <c r="AD231" s="107">
        <v>520225.84029933001</v>
      </c>
      <c r="AE231" s="107">
        <v>519071.79127878801</v>
      </c>
      <c r="AF231" s="107">
        <v>518166.88141703903</v>
      </c>
      <c r="AG231" s="107">
        <v>517511.07558038097</v>
      </c>
      <c r="AH231" s="107">
        <v>517108.02195370197</v>
      </c>
      <c r="AI231" s="107">
        <v>516956.98489008099</v>
      </c>
      <c r="AJ231" s="107">
        <v>517056.79853731999</v>
      </c>
      <c r="AK231" s="107">
        <v>517375.77498298802</v>
      </c>
      <c r="AL231" s="107">
        <v>517913.93047700601</v>
      </c>
      <c r="AM231" s="107">
        <v>518727.17477831198</v>
      </c>
      <c r="AN231" s="107">
        <v>518727.17477831198</v>
      </c>
    </row>
    <row r="232" spans="1:40" x14ac:dyDescent="0.2">
      <c r="A232" s="133" t="s">
        <v>324</v>
      </c>
      <c r="B232" s="107">
        <v>266408.49130554701</v>
      </c>
      <c r="C232" s="107">
        <v>267969.60319701099</v>
      </c>
      <c r="D232" s="107">
        <v>269645.231958177</v>
      </c>
      <c r="E232" s="107">
        <v>271407.94678250601</v>
      </c>
      <c r="F232" s="107">
        <v>273257.15430806403</v>
      </c>
      <c r="G232" s="107">
        <v>275188.90186443803</v>
      </c>
      <c r="H232" s="107">
        <v>277202.29997960798</v>
      </c>
      <c r="I232" s="107">
        <v>279297.35571118502</v>
      </c>
      <c r="J232" s="107">
        <v>281506.568460226</v>
      </c>
      <c r="K232" s="107">
        <v>283833.53984659899</v>
      </c>
      <c r="L232" s="107">
        <v>286279.774586418</v>
      </c>
      <c r="M232" s="107">
        <v>288930.83112382097</v>
      </c>
      <c r="N232" s="107">
        <v>288930.83112382097</v>
      </c>
      <c r="O232" s="107">
        <v>291724.75359541201</v>
      </c>
      <c r="P232" s="107">
        <v>294598.39310145698</v>
      </c>
      <c r="Q232" s="107">
        <v>297551.59751880798</v>
      </c>
      <c r="R232" s="107">
        <v>300579.19142512401</v>
      </c>
      <c r="S232" s="107">
        <v>303680.54407635197</v>
      </c>
      <c r="T232" s="107">
        <v>306856.317082341</v>
      </c>
      <c r="U232" s="107">
        <v>310108.65047543403</v>
      </c>
      <c r="V232" s="107">
        <v>313437.27481823199</v>
      </c>
      <c r="W232" s="107">
        <v>316810.43406254298</v>
      </c>
      <c r="X232" s="107">
        <v>320196.56120042398</v>
      </c>
      <c r="Y232" s="107">
        <v>323595.27818299999</v>
      </c>
      <c r="Z232" s="107">
        <v>326844.78322304803</v>
      </c>
      <c r="AA232" s="107">
        <v>326844.78322304803</v>
      </c>
      <c r="AB232" s="107">
        <v>329864.15358196001</v>
      </c>
      <c r="AC232" s="107">
        <v>332684.24726337998</v>
      </c>
      <c r="AD232" s="107">
        <v>335281.12730324402</v>
      </c>
      <c r="AE232" s="107">
        <v>337654.77093944402</v>
      </c>
      <c r="AF232" s="107">
        <v>339806.16001462599</v>
      </c>
      <c r="AG232" s="107">
        <v>341735.65093008702</v>
      </c>
      <c r="AH232" s="107">
        <v>343441.86209011503</v>
      </c>
      <c r="AI232" s="107">
        <v>344925.57716880098</v>
      </c>
      <c r="AJ232" s="107">
        <v>346187.91241367901</v>
      </c>
      <c r="AK232" s="107">
        <v>347259.15122770501</v>
      </c>
      <c r="AL232" s="107">
        <v>348140.10504769202</v>
      </c>
      <c r="AM232" s="107">
        <v>348781.13303238997</v>
      </c>
      <c r="AN232" s="107">
        <v>348781.13303238997</v>
      </c>
    </row>
    <row r="233" spans="1:40" x14ac:dyDescent="0.2">
      <c r="A233" s="133" t="s">
        <v>325</v>
      </c>
      <c r="B233" s="107">
        <v>77311.620443754204</v>
      </c>
      <c r="C233" s="107">
        <v>77270.267916670098</v>
      </c>
      <c r="D233" s="107">
        <v>77241.880025698105</v>
      </c>
      <c r="E233" s="107">
        <v>77218.464840712797</v>
      </c>
      <c r="F233" s="107">
        <v>77199.907663448699</v>
      </c>
      <c r="G233" s="107">
        <v>77185.310587279004</v>
      </c>
      <c r="H233" s="107">
        <v>77174.027462883605</v>
      </c>
      <c r="I233" s="107">
        <v>77165.941427976504</v>
      </c>
      <c r="J233" s="107">
        <v>77161.858272595098</v>
      </c>
      <c r="K233" s="107">
        <v>77162.546141267405</v>
      </c>
      <c r="L233" s="107">
        <v>77168.409837458006</v>
      </c>
      <c r="M233" s="107">
        <v>77184.550379406995</v>
      </c>
      <c r="N233" s="107">
        <v>77184.550379406995</v>
      </c>
      <c r="O233" s="107">
        <v>77200.456494870697</v>
      </c>
      <c r="P233" s="107">
        <v>77223.9071913199</v>
      </c>
      <c r="Q233" s="107">
        <v>77254.976718165795</v>
      </c>
      <c r="R233" s="107">
        <v>77292.384879294696</v>
      </c>
      <c r="S233" s="107">
        <v>77336.014775916003</v>
      </c>
      <c r="T233" s="107">
        <v>77386.626516763703</v>
      </c>
      <c r="U233" s="107">
        <v>77444.545524064597</v>
      </c>
      <c r="V233" s="107">
        <v>77509.683858588498</v>
      </c>
      <c r="W233" s="107">
        <v>77581.8549039668</v>
      </c>
      <c r="X233" s="107">
        <v>77660.130253679003</v>
      </c>
      <c r="Y233" s="107">
        <v>77744.358110422705</v>
      </c>
      <c r="Z233" s="107">
        <v>77834.213719813095</v>
      </c>
      <c r="AA233" s="107">
        <v>77834.213719813095</v>
      </c>
      <c r="AB233" s="107">
        <v>77911.868366766503</v>
      </c>
      <c r="AC233" s="107">
        <v>77990.730377456493</v>
      </c>
      <c r="AD233" s="107">
        <v>78065.044302597598</v>
      </c>
      <c r="AE233" s="107">
        <v>78134.437005276399</v>
      </c>
      <c r="AF233" s="107">
        <v>78198.746525907205</v>
      </c>
      <c r="AG233" s="107">
        <v>78257.997947417796</v>
      </c>
      <c r="AH233" s="107">
        <v>78311.247201333303</v>
      </c>
      <c r="AI233" s="107">
        <v>78358.308899721203</v>
      </c>
      <c r="AJ233" s="107">
        <v>78399.190787283296</v>
      </c>
      <c r="AK233" s="107">
        <v>78433.815398805003</v>
      </c>
      <c r="AL233" s="107">
        <v>78462.088883101096</v>
      </c>
      <c r="AM233" s="107">
        <v>78483.014168720605</v>
      </c>
      <c r="AN233" s="107">
        <v>78483.014168720605</v>
      </c>
    </row>
    <row r="234" spans="1:40" x14ac:dyDescent="0.2">
      <c r="A234" s="133" t="s">
        <v>326</v>
      </c>
      <c r="B234" s="107">
        <v>48599.211540283701</v>
      </c>
      <c r="C234" s="107">
        <v>48832.8865164081</v>
      </c>
      <c r="D234" s="107">
        <v>49065.6021275803</v>
      </c>
      <c r="E234" s="107">
        <v>49295.3094255326</v>
      </c>
      <c r="F234" s="107">
        <v>49522.341812764003</v>
      </c>
      <c r="G234" s="107">
        <v>49747.855410170101</v>
      </c>
      <c r="H234" s="107">
        <v>49973.727814933904</v>
      </c>
      <c r="I234" s="107">
        <v>50200.244830441399</v>
      </c>
      <c r="J234" s="107">
        <v>50429.626067507197</v>
      </c>
      <c r="K234" s="107">
        <v>50664.4637701498</v>
      </c>
      <c r="L234" s="107">
        <v>50905.299663225604</v>
      </c>
      <c r="M234" s="107">
        <v>51157.0364143892</v>
      </c>
      <c r="N234" s="107">
        <v>51157.0364143892</v>
      </c>
      <c r="O234" s="107">
        <v>51368.917755878902</v>
      </c>
      <c r="P234" s="107">
        <v>51592.037807325898</v>
      </c>
      <c r="Q234" s="107">
        <v>51826.134450692298</v>
      </c>
      <c r="R234" s="107">
        <v>52068.768994029699</v>
      </c>
      <c r="S234" s="107">
        <v>52319.703078516497</v>
      </c>
      <c r="T234" s="107">
        <v>52579.031498408804</v>
      </c>
      <c r="U234" s="107">
        <v>52845.5209060005</v>
      </c>
      <c r="V234" s="107">
        <v>53118.987529327002</v>
      </c>
      <c r="W234" s="107">
        <v>53399.003911726802</v>
      </c>
      <c r="X234" s="107">
        <v>53683.487111955197</v>
      </c>
      <c r="Y234" s="107">
        <v>53972.200907236198</v>
      </c>
      <c r="Z234" s="107">
        <v>54264.581915474701</v>
      </c>
      <c r="AA234" s="107">
        <v>54264.581915474701</v>
      </c>
      <c r="AB234" s="107">
        <v>54551.989311614401</v>
      </c>
      <c r="AC234" s="107">
        <v>54838.9267024441</v>
      </c>
      <c r="AD234" s="107">
        <v>55121.315148610702</v>
      </c>
      <c r="AE234" s="107">
        <v>55399.115479124601</v>
      </c>
      <c r="AF234" s="107">
        <v>55672.362224750403</v>
      </c>
      <c r="AG234" s="107">
        <v>55940.9316781897</v>
      </c>
      <c r="AH234" s="107">
        <v>56204.507143793096</v>
      </c>
      <c r="AI234" s="107">
        <v>56463.097373120603</v>
      </c>
      <c r="AJ234" s="107">
        <v>56716.656108308998</v>
      </c>
      <c r="AK234" s="107">
        <v>56965.405745426797</v>
      </c>
      <c r="AL234" s="107">
        <v>57209.384723558003</v>
      </c>
      <c r="AM234" s="107">
        <v>57447.673285117598</v>
      </c>
      <c r="AN234" s="107">
        <v>57447.673285117598</v>
      </c>
    </row>
    <row r="235" spans="1:40" x14ac:dyDescent="0.2">
      <c r="A235" s="133" t="s">
        <v>327</v>
      </c>
      <c r="B235" s="107">
        <v>91688.843608777694</v>
      </c>
      <c r="C235" s="107">
        <v>91795.069872052802</v>
      </c>
      <c r="D235" s="107">
        <v>91904.916671344501</v>
      </c>
      <c r="E235" s="107">
        <v>92009.085097562798</v>
      </c>
      <c r="F235" s="107">
        <v>92107.891611232</v>
      </c>
      <c r="G235" s="107">
        <v>92200.518287147803</v>
      </c>
      <c r="H235" s="107">
        <v>92288.372653034894</v>
      </c>
      <c r="I235" s="107">
        <v>92371.547211298399</v>
      </c>
      <c r="J235" s="107">
        <v>92452.272588104504</v>
      </c>
      <c r="K235" s="107">
        <v>92530.946369462807</v>
      </c>
      <c r="L235" s="107">
        <v>92608.200233272204</v>
      </c>
      <c r="M235" s="107">
        <v>92692.641781268903</v>
      </c>
      <c r="N235" s="107">
        <v>92692.641781268903</v>
      </c>
      <c r="O235" s="107">
        <v>92796.182724794504</v>
      </c>
      <c r="P235" s="107">
        <v>92923.155884283202</v>
      </c>
      <c r="Q235" s="107">
        <v>93074.492181751601</v>
      </c>
      <c r="R235" s="107">
        <v>93249.617430339</v>
      </c>
      <c r="S235" s="107">
        <v>93448.494685500104</v>
      </c>
      <c r="T235" s="107">
        <v>93671.720295071704</v>
      </c>
      <c r="U235" s="107">
        <v>93919.413146525098</v>
      </c>
      <c r="V235" s="107">
        <v>94191.137727345194</v>
      </c>
      <c r="W235" s="107">
        <v>94485.250699800905</v>
      </c>
      <c r="X235" s="107">
        <v>94800.353252574496</v>
      </c>
      <c r="Y235" s="107">
        <v>95137.123637469806</v>
      </c>
      <c r="Z235" s="107">
        <v>95486.915158083997</v>
      </c>
      <c r="AA235" s="107">
        <v>95486.915158083997</v>
      </c>
      <c r="AB235" s="107">
        <v>95831.132593842107</v>
      </c>
      <c r="AC235" s="107">
        <v>96166.798940332301</v>
      </c>
      <c r="AD235" s="107">
        <v>96486.585294620207</v>
      </c>
      <c r="AE235" s="107">
        <v>96789.537246071501</v>
      </c>
      <c r="AF235" s="107">
        <v>97075.287551359201</v>
      </c>
      <c r="AG235" s="107">
        <v>97343.614843673204</v>
      </c>
      <c r="AH235" s="107">
        <v>97593.522387454694</v>
      </c>
      <c r="AI235" s="107">
        <v>97825.140555743594</v>
      </c>
      <c r="AJ235" s="107">
        <v>98038.556422845097</v>
      </c>
      <c r="AK235" s="107">
        <v>98235.030257862396</v>
      </c>
      <c r="AL235" s="107">
        <v>98413.790162101694</v>
      </c>
      <c r="AM235" s="107">
        <v>98570.495576856294</v>
      </c>
      <c r="AN235" s="107">
        <v>98570.495576856294</v>
      </c>
    </row>
    <row r="236" spans="1:40" x14ac:dyDescent="0.2">
      <c r="A236" s="133" t="s">
        <v>328</v>
      </c>
      <c r="B236" s="107">
        <v>904.81210888918895</v>
      </c>
      <c r="C236" s="107">
        <v>901.65452596160696</v>
      </c>
      <c r="D236" s="107">
        <v>898.61789515775502</v>
      </c>
      <c r="E236" s="107">
        <v>895.60498980375303</v>
      </c>
      <c r="F236" s="107">
        <v>892.61233814405898</v>
      </c>
      <c r="G236" s="107">
        <v>889.63363365693203</v>
      </c>
      <c r="H236" s="107">
        <v>886.67467183199403</v>
      </c>
      <c r="I236" s="107">
        <v>883.73040369463195</v>
      </c>
      <c r="J236" s="107">
        <v>880.80696902474699</v>
      </c>
      <c r="K236" s="107">
        <v>877.91018301386498</v>
      </c>
      <c r="L236" s="107">
        <v>875.04177337464102</v>
      </c>
      <c r="M236" s="107">
        <v>872.26226466973105</v>
      </c>
      <c r="N236" s="107">
        <v>872.26226466973105</v>
      </c>
      <c r="O236" s="107">
        <v>869.39629627841305</v>
      </c>
      <c r="P236" s="107">
        <v>866.60466150889397</v>
      </c>
      <c r="Q236" s="107">
        <v>863.89025697555201</v>
      </c>
      <c r="R236" s="107">
        <v>861.24080767051601</v>
      </c>
      <c r="S236" s="107">
        <v>858.65699861722203</v>
      </c>
      <c r="T236" s="107">
        <v>856.14838714560904</v>
      </c>
      <c r="U236" s="107">
        <v>853.71500036704902</v>
      </c>
      <c r="V236" s="107">
        <v>851.35807346857098</v>
      </c>
      <c r="W236" s="107">
        <v>849.07843018753704</v>
      </c>
      <c r="X236" s="107">
        <v>846.86796651618397</v>
      </c>
      <c r="Y236" s="107">
        <v>844.72756970070498</v>
      </c>
      <c r="Z236" s="107">
        <v>842.65592490098697</v>
      </c>
      <c r="AA236" s="107">
        <v>842.65592490098697</v>
      </c>
      <c r="AB236" s="107">
        <v>840.39154796841297</v>
      </c>
      <c r="AC236" s="107">
        <v>838.14591489841303</v>
      </c>
      <c r="AD236" s="107">
        <v>835.85849264588001</v>
      </c>
      <c r="AE236" s="107">
        <v>833.526499412563</v>
      </c>
      <c r="AF236" s="107">
        <v>831.14832150384905</v>
      </c>
      <c r="AG236" s="107">
        <v>828.72268250560501</v>
      </c>
      <c r="AH236" s="107">
        <v>826.240492924455</v>
      </c>
      <c r="AI236" s="107">
        <v>823.69998892387196</v>
      </c>
      <c r="AJ236" s="107">
        <v>821.10221402409104</v>
      </c>
      <c r="AK236" s="107">
        <v>818.446477741016</v>
      </c>
      <c r="AL236" s="107">
        <v>815.73240413740996</v>
      </c>
      <c r="AM236" s="107">
        <v>812.94846326796699</v>
      </c>
      <c r="AN236" s="107">
        <v>812.94846326796699</v>
      </c>
    </row>
    <row r="237" spans="1:40" x14ac:dyDescent="0.2">
      <c r="A237" s="133" t="s">
        <v>329</v>
      </c>
      <c r="B237" s="107">
        <v>1032326.46795313</v>
      </c>
      <c r="C237" s="107">
        <v>1034476.62071189</v>
      </c>
      <c r="D237" s="107">
        <v>1036626.88060066</v>
      </c>
      <c r="E237" s="107">
        <v>1038777.26259583</v>
      </c>
      <c r="F237" s="107">
        <v>1040927.76799953</v>
      </c>
      <c r="G237" s="107">
        <v>1043078.40664236</v>
      </c>
      <c r="H237" s="107">
        <v>1045229.1429891899</v>
      </c>
      <c r="I237" s="107">
        <v>1047379.97897309</v>
      </c>
      <c r="J237" s="107">
        <v>1049530.9109993</v>
      </c>
      <c r="K237" s="107">
        <v>1051681.9073406099</v>
      </c>
      <c r="L237" s="107">
        <v>1053832.9598237299</v>
      </c>
      <c r="M237" s="107">
        <v>1055984.03892205</v>
      </c>
      <c r="N237" s="107">
        <v>1055984.03892205</v>
      </c>
      <c r="O237" s="107">
        <v>1058019.8313468699</v>
      </c>
      <c r="P237" s="107">
        <v>1060055.6237716801</v>
      </c>
      <c r="Q237" s="107">
        <v>1062091.4161965</v>
      </c>
      <c r="R237" s="107">
        <v>1064127.2086213101</v>
      </c>
      <c r="S237" s="107">
        <v>1066163.00104613</v>
      </c>
      <c r="T237" s="107">
        <v>1068198.7934709501</v>
      </c>
      <c r="U237" s="107">
        <v>1070234.58589576</v>
      </c>
      <c r="V237" s="107">
        <v>1072270.3783205801</v>
      </c>
      <c r="W237" s="107">
        <v>1074306.17074539</v>
      </c>
      <c r="X237" s="107">
        <v>1076341.9631702099</v>
      </c>
      <c r="Y237" s="107">
        <v>1078377.75559502</v>
      </c>
      <c r="Z237" s="107">
        <v>1080413.5480198399</v>
      </c>
      <c r="AA237" s="107">
        <v>1080413.5480198399</v>
      </c>
      <c r="AB237" s="107">
        <v>1082280.9556269101</v>
      </c>
      <c r="AC237" s="107">
        <v>1084148.36323398</v>
      </c>
      <c r="AD237" s="107">
        <v>1086015.77084105</v>
      </c>
      <c r="AE237" s="107">
        <v>1087883.1784481099</v>
      </c>
      <c r="AF237" s="107">
        <v>1089750.5860551801</v>
      </c>
      <c r="AG237" s="107">
        <v>1091617.99366225</v>
      </c>
      <c r="AH237" s="107">
        <v>1093485.4012693199</v>
      </c>
      <c r="AI237" s="107">
        <v>1095352.8088763901</v>
      </c>
      <c r="AJ237" s="107">
        <v>1097220.21648346</v>
      </c>
      <c r="AK237" s="107">
        <v>1099087.62409052</v>
      </c>
      <c r="AL237" s="107">
        <v>1100955.0316975899</v>
      </c>
      <c r="AM237" s="107">
        <v>1102822.4393046601</v>
      </c>
      <c r="AN237" s="107">
        <v>1102822.4393046601</v>
      </c>
    </row>
    <row r="238" spans="1:40" x14ac:dyDescent="0.2">
      <c r="A238" s="133" t="s">
        <v>330</v>
      </c>
    </row>
    <row r="239" spans="1:40" x14ac:dyDescent="0.2">
      <c r="A239" s="133" t="s">
        <v>331</v>
      </c>
      <c r="B239" s="107">
        <v>0</v>
      </c>
      <c r="C239" s="107">
        <v>0</v>
      </c>
      <c r="D239" s="107">
        <v>0</v>
      </c>
      <c r="E239" s="107">
        <v>0</v>
      </c>
      <c r="F239" s="107">
        <v>0</v>
      </c>
      <c r="G239" s="107">
        <v>0</v>
      </c>
      <c r="H239" s="107">
        <v>0</v>
      </c>
      <c r="I239" s="107">
        <v>0</v>
      </c>
      <c r="J239" s="107">
        <v>0</v>
      </c>
      <c r="K239" s="107">
        <v>0</v>
      </c>
      <c r="L239" s="107">
        <v>0</v>
      </c>
      <c r="M239" s="107">
        <v>0</v>
      </c>
      <c r="N239" s="107">
        <v>0</v>
      </c>
      <c r="O239" s="107">
        <v>0</v>
      </c>
      <c r="P239" s="107">
        <v>0</v>
      </c>
      <c r="Q239" s="107">
        <v>0</v>
      </c>
      <c r="R239" s="107">
        <v>0</v>
      </c>
      <c r="S239" s="107">
        <v>0</v>
      </c>
      <c r="T239" s="107">
        <v>0</v>
      </c>
      <c r="U239" s="107">
        <v>0</v>
      </c>
      <c r="V239" s="107">
        <v>0</v>
      </c>
      <c r="W239" s="107">
        <v>0</v>
      </c>
      <c r="X239" s="107">
        <v>0</v>
      </c>
      <c r="Y239" s="107">
        <v>0</v>
      </c>
      <c r="Z239" s="107">
        <v>0</v>
      </c>
      <c r="AA239" s="107">
        <v>0</v>
      </c>
      <c r="AB239" s="107">
        <v>0</v>
      </c>
      <c r="AC239" s="107">
        <v>0</v>
      </c>
      <c r="AD239" s="107">
        <v>0</v>
      </c>
      <c r="AE239" s="107">
        <v>0</v>
      </c>
      <c r="AF239" s="107">
        <v>0</v>
      </c>
      <c r="AG239" s="107">
        <v>0</v>
      </c>
      <c r="AH239" s="107">
        <v>0</v>
      </c>
      <c r="AI239" s="107">
        <v>0</v>
      </c>
      <c r="AJ239" s="107">
        <v>0</v>
      </c>
      <c r="AK239" s="107">
        <v>0</v>
      </c>
      <c r="AL239" s="107">
        <v>0</v>
      </c>
      <c r="AM239" s="107">
        <v>0</v>
      </c>
      <c r="AN239" s="107">
        <v>0</v>
      </c>
    </row>
    <row r="240" spans="1:40" x14ac:dyDescent="0.2">
      <c r="A240" s="133" t="s">
        <v>332</v>
      </c>
    </row>
    <row r="241" spans="1:40" x14ac:dyDescent="0.2">
      <c r="A241" s="136" t="s">
        <v>333</v>
      </c>
      <c r="B241" s="107">
        <v>46182281.613335699</v>
      </c>
      <c r="C241" s="107">
        <v>46287203.488298602</v>
      </c>
      <c r="D241" s="107">
        <v>46422502.245220304</v>
      </c>
      <c r="E241" s="107">
        <v>46568835.353434399</v>
      </c>
      <c r="F241" s="107">
        <v>46720365.367550403</v>
      </c>
      <c r="G241" s="107">
        <v>46829294.267189696</v>
      </c>
      <c r="H241" s="107">
        <v>46965600.622687198</v>
      </c>
      <c r="I241" s="107">
        <v>47088347.008536004</v>
      </c>
      <c r="J241" s="107">
        <v>47213679.765226804</v>
      </c>
      <c r="K241" s="107">
        <v>47335028.9615352</v>
      </c>
      <c r="L241" s="107">
        <v>47414366.391345702</v>
      </c>
      <c r="M241" s="107">
        <v>47562255.7961118</v>
      </c>
      <c r="N241" s="107">
        <v>47562255.7961118</v>
      </c>
      <c r="O241" s="107">
        <v>47725057.968478397</v>
      </c>
      <c r="P241" s="107">
        <v>47887860.140845098</v>
      </c>
      <c r="Q241" s="107">
        <v>48050662.313211702</v>
      </c>
      <c r="R241" s="107">
        <v>48213464.485578403</v>
      </c>
      <c r="S241" s="107">
        <v>48376266.657945096</v>
      </c>
      <c r="T241" s="107">
        <v>48539068.830311701</v>
      </c>
      <c r="U241" s="107">
        <v>48701871.002678402</v>
      </c>
      <c r="V241" s="107">
        <v>48864673.175044999</v>
      </c>
      <c r="W241" s="107">
        <v>49027475.3474117</v>
      </c>
      <c r="X241" s="107">
        <v>49190277.519778296</v>
      </c>
      <c r="Y241" s="107">
        <v>49353079.692144997</v>
      </c>
      <c r="Z241" s="107">
        <v>49515881.864511602</v>
      </c>
      <c r="AA241" s="107">
        <v>49515881.864511602</v>
      </c>
      <c r="AB241" s="107">
        <v>49826590.998966098</v>
      </c>
      <c r="AC241" s="107">
        <v>50137300.133420497</v>
      </c>
      <c r="AD241" s="107">
        <v>50448009.267874897</v>
      </c>
      <c r="AE241" s="107">
        <v>50758718.402329303</v>
      </c>
      <c r="AF241" s="107">
        <v>51069427.536783703</v>
      </c>
      <c r="AG241" s="107">
        <v>51380136.671238102</v>
      </c>
      <c r="AH241" s="107">
        <v>51690845.805692598</v>
      </c>
      <c r="AI241" s="107">
        <v>52001554.940146998</v>
      </c>
      <c r="AJ241" s="107">
        <v>52312264.074601397</v>
      </c>
      <c r="AK241" s="107">
        <v>52622973.209055804</v>
      </c>
      <c r="AL241" s="107">
        <v>52933682.343510203</v>
      </c>
      <c r="AM241" s="107">
        <v>53244391.477964602</v>
      </c>
      <c r="AN241" s="107">
        <v>53244391.477964602</v>
      </c>
    </row>
    <row r="242" spans="1:40" x14ac:dyDescent="0.2">
      <c r="A242" s="133" t="s">
        <v>334</v>
      </c>
    </row>
    <row r="243" spans="1:40" x14ac:dyDescent="0.2">
      <c r="A243" s="136" t="s">
        <v>335</v>
      </c>
      <c r="B243" s="107">
        <v>0</v>
      </c>
      <c r="C243" s="107">
        <v>0</v>
      </c>
      <c r="D243" s="107">
        <v>0</v>
      </c>
      <c r="E243" s="107">
        <v>0</v>
      </c>
      <c r="F243" s="107">
        <v>0</v>
      </c>
      <c r="G243" s="107">
        <v>0</v>
      </c>
      <c r="H243" s="107">
        <v>0</v>
      </c>
      <c r="I243" s="107">
        <v>0</v>
      </c>
      <c r="J243" s="107">
        <v>0</v>
      </c>
      <c r="K243" s="107">
        <v>0</v>
      </c>
      <c r="L243" s="107">
        <v>0</v>
      </c>
      <c r="M243" s="107">
        <v>0</v>
      </c>
      <c r="N243" s="107">
        <v>0</v>
      </c>
      <c r="O243" s="107">
        <v>0</v>
      </c>
      <c r="P243" s="107">
        <v>0</v>
      </c>
      <c r="Q243" s="107">
        <v>0</v>
      </c>
      <c r="R243" s="107">
        <v>0</v>
      </c>
      <c r="S243" s="107">
        <v>0</v>
      </c>
      <c r="T243" s="107">
        <v>0</v>
      </c>
      <c r="U243" s="107">
        <v>0</v>
      </c>
      <c r="V243" s="107">
        <v>0</v>
      </c>
      <c r="W243" s="107">
        <v>0</v>
      </c>
      <c r="X243" s="107">
        <v>0</v>
      </c>
      <c r="Y243" s="107">
        <v>0</v>
      </c>
      <c r="Z243" s="107">
        <v>0</v>
      </c>
      <c r="AA243" s="107">
        <v>0</v>
      </c>
      <c r="AB243" s="107">
        <v>0</v>
      </c>
      <c r="AC243" s="107">
        <v>0</v>
      </c>
      <c r="AD243" s="107">
        <v>0</v>
      </c>
      <c r="AE243" s="107">
        <v>0</v>
      </c>
      <c r="AF243" s="107">
        <v>0</v>
      </c>
      <c r="AG243" s="107">
        <v>0</v>
      </c>
      <c r="AH243" s="107">
        <v>0</v>
      </c>
      <c r="AI243" s="107">
        <v>0</v>
      </c>
      <c r="AJ243" s="107">
        <v>0</v>
      </c>
      <c r="AK243" s="107">
        <v>0</v>
      </c>
      <c r="AL243" s="107">
        <v>0</v>
      </c>
      <c r="AM243" s="107">
        <v>0</v>
      </c>
      <c r="AN243" s="107">
        <v>0</v>
      </c>
    </row>
    <row r="244" spans="1:40" x14ac:dyDescent="0.2">
      <c r="A244" s="133" t="s">
        <v>336</v>
      </c>
      <c r="B244" s="107">
        <v>0</v>
      </c>
      <c r="C244" s="107">
        <v>0</v>
      </c>
      <c r="D244" s="107">
        <v>0</v>
      </c>
      <c r="E244" s="107">
        <v>0</v>
      </c>
      <c r="F244" s="107">
        <v>0</v>
      </c>
      <c r="G244" s="107">
        <v>0</v>
      </c>
      <c r="H244" s="107">
        <v>0</v>
      </c>
      <c r="I244" s="107">
        <v>0</v>
      </c>
      <c r="J244" s="107">
        <v>0</v>
      </c>
      <c r="K244" s="107">
        <v>0</v>
      </c>
      <c r="L244" s="107">
        <v>0</v>
      </c>
      <c r="M244" s="107">
        <v>0</v>
      </c>
      <c r="N244" s="107">
        <v>0</v>
      </c>
      <c r="O244" s="107">
        <v>0</v>
      </c>
      <c r="P244" s="107">
        <v>0</v>
      </c>
      <c r="Q244" s="107">
        <v>0</v>
      </c>
      <c r="R244" s="107">
        <v>0</v>
      </c>
      <c r="S244" s="107">
        <v>0</v>
      </c>
      <c r="T244" s="107">
        <v>0</v>
      </c>
      <c r="U244" s="107">
        <v>0</v>
      </c>
      <c r="V244" s="107">
        <v>0</v>
      </c>
      <c r="W244" s="107">
        <v>0</v>
      </c>
      <c r="X244" s="107">
        <v>0</v>
      </c>
      <c r="Y244" s="107">
        <v>0</v>
      </c>
      <c r="Z244" s="107">
        <v>0</v>
      </c>
      <c r="AA244" s="107">
        <v>0</v>
      </c>
      <c r="AB244" s="107">
        <v>0</v>
      </c>
      <c r="AC244" s="107">
        <v>0</v>
      </c>
      <c r="AD244" s="107">
        <v>0</v>
      </c>
      <c r="AE244" s="107">
        <v>0</v>
      </c>
      <c r="AF244" s="107">
        <v>0</v>
      </c>
      <c r="AG244" s="107">
        <v>0</v>
      </c>
      <c r="AH244" s="107">
        <v>0</v>
      </c>
      <c r="AI244" s="107">
        <v>0</v>
      </c>
      <c r="AJ244" s="107">
        <v>0</v>
      </c>
      <c r="AK244" s="107">
        <v>0</v>
      </c>
      <c r="AL244" s="107">
        <v>0</v>
      </c>
      <c r="AM244" s="107">
        <v>0</v>
      </c>
      <c r="AN244" s="107">
        <v>0</v>
      </c>
    </row>
    <row r="245" spans="1:40" x14ac:dyDescent="0.2">
      <c r="A245" s="133" t="s">
        <v>337</v>
      </c>
      <c r="B245" s="107">
        <v>0</v>
      </c>
      <c r="C245" s="107">
        <v>0</v>
      </c>
      <c r="D245" s="107">
        <v>0</v>
      </c>
      <c r="E245" s="107">
        <v>0</v>
      </c>
      <c r="F245" s="107">
        <v>0</v>
      </c>
      <c r="G245" s="107">
        <v>0</v>
      </c>
      <c r="H245" s="107">
        <v>0</v>
      </c>
      <c r="I245" s="107">
        <v>0</v>
      </c>
      <c r="J245" s="107">
        <v>0</v>
      </c>
      <c r="K245" s="107">
        <v>0</v>
      </c>
      <c r="L245" s="107">
        <v>0</v>
      </c>
      <c r="M245" s="107">
        <v>0</v>
      </c>
      <c r="N245" s="107">
        <v>0</v>
      </c>
      <c r="O245" s="107">
        <v>0</v>
      </c>
      <c r="P245" s="107">
        <v>0</v>
      </c>
      <c r="Q245" s="107">
        <v>0</v>
      </c>
      <c r="R245" s="107">
        <v>0</v>
      </c>
      <c r="S245" s="107">
        <v>0</v>
      </c>
      <c r="T245" s="107">
        <v>0</v>
      </c>
      <c r="U245" s="107">
        <v>0</v>
      </c>
      <c r="V245" s="107">
        <v>0</v>
      </c>
      <c r="W245" s="107">
        <v>0</v>
      </c>
      <c r="X245" s="107">
        <v>0</v>
      </c>
      <c r="Y245" s="107">
        <v>0</v>
      </c>
      <c r="Z245" s="107">
        <v>0</v>
      </c>
      <c r="AA245" s="107">
        <v>0</v>
      </c>
      <c r="AB245" s="107">
        <v>0</v>
      </c>
      <c r="AC245" s="107">
        <v>0</v>
      </c>
      <c r="AD245" s="107">
        <v>0</v>
      </c>
      <c r="AE245" s="107">
        <v>0</v>
      </c>
      <c r="AF245" s="107">
        <v>0</v>
      </c>
      <c r="AG245" s="107">
        <v>0</v>
      </c>
      <c r="AH245" s="107">
        <v>0</v>
      </c>
      <c r="AI245" s="107">
        <v>0</v>
      </c>
      <c r="AJ245" s="107">
        <v>0</v>
      </c>
      <c r="AK245" s="107">
        <v>0</v>
      </c>
      <c r="AL245" s="107">
        <v>0</v>
      </c>
      <c r="AM245" s="107">
        <v>0</v>
      </c>
      <c r="AN245" s="107">
        <v>0</v>
      </c>
    </row>
    <row r="246" spans="1:40" x14ac:dyDescent="0.2">
      <c r="A246" s="133" t="s">
        <v>338</v>
      </c>
      <c r="B246" s="107">
        <v>0</v>
      </c>
      <c r="C246" s="107">
        <v>0</v>
      </c>
      <c r="D246" s="107">
        <v>0</v>
      </c>
      <c r="E246" s="107">
        <v>0</v>
      </c>
      <c r="F246" s="107">
        <v>0</v>
      </c>
      <c r="G246" s="107">
        <v>0</v>
      </c>
      <c r="H246" s="107">
        <v>0</v>
      </c>
      <c r="I246" s="107">
        <v>0</v>
      </c>
      <c r="J246" s="107">
        <v>0</v>
      </c>
      <c r="K246" s="107">
        <v>0</v>
      </c>
      <c r="L246" s="107">
        <v>0</v>
      </c>
      <c r="M246" s="107">
        <v>0</v>
      </c>
      <c r="N246" s="107">
        <v>0</v>
      </c>
      <c r="O246" s="107">
        <v>0</v>
      </c>
      <c r="P246" s="107">
        <v>0</v>
      </c>
      <c r="Q246" s="107">
        <v>0</v>
      </c>
      <c r="R246" s="107">
        <v>0</v>
      </c>
      <c r="S246" s="107">
        <v>0</v>
      </c>
      <c r="T246" s="107">
        <v>0</v>
      </c>
      <c r="U246" s="107">
        <v>0</v>
      </c>
      <c r="V246" s="107">
        <v>0</v>
      </c>
      <c r="W246" s="107">
        <v>0</v>
      </c>
      <c r="X246" s="107">
        <v>0</v>
      </c>
      <c r="Y246" s="107">
        <v>0</v>
      </c>
      <c r="Z246" s="107">
        <v>0</v>
      </c>
      <c r="AA246" s="107">
        <v>0</v>
      </c>
      <c r="AB246" s="107">
        <v>0</v>
      </c>
      <c r="AC246" s="107">
        <v>0</v>
      </c>
      <c r="AD246" s="107">
        <v>0</v>
      </c>
      <c r="AE246" s="107">
        <v>0</v>
      </c>
      <c r="AF246" s="107">
        <v>0</v>
      </c>
      <c r="AG246" s="107">
        <v>0</v>
      </c>
      <c r="AH246" s="107">
        <v>0</v>
      </c>
      <c r="AI246" s="107">
        <v>0</v>
      </c>
      <c r="AJ246" s="107">
        <v>0</v>
      </c>
      <c r="AK246" s="107">
        <v>0</v>
      </c>
      <c r="AL246" s="107">
        <v>0</v>
      </c>
      <c r="AM246" s="107">
        <v>0</v>
      </c>
      <c r="AN246" s="107">
        <v>0</v>
      </c>
    </row>
    <row r="247" spans="1:40" x14ac:dyDescent="0.2">
      <c r="A247" s="133" t="s">
        <v>339</v>
      </c>
      <c r="B247" s="107">
        <v>0</v>
      </c>
      <c r="C247" s="107">
        <v>0</v>
      </c>
      <c r="D247" s="107">
        <v>0</v>
      </c>
      <c r="E247" s="107">
        <v>0</v>
      </c>
      <c r="F247" s="107">
        <v>0</v>
      </c>
      <c r="G247" s="107">
        <v>0</v>
      </c>
      <c r="H247" s="107">
        <v>0</v>
      </c>
      <c r="I247" s="107">
        <v>0</v>
      </c>
      <c r="J247" s="107">
        <v>0</v>
      </c>
      <c r="K247" s="107">
        <v>0</v>
      </c>
      <c r="L247" s="107">
        <v>0</v>
      </c>
      <c r="M247" s="107">
        <v>0</v>
      </c>
      <c r="N247" s="107">
        <v>0</v>
      </c>
      <c r="O247" s="107">
        <v>0</v>
      </c>
      <c r="P247" s="107">
        <v>0</v>
      </c>
      <c r="Q247" s="107">
        <v>0</v>
      </c>
      <c r="R247" s="107">
        <v>0</v>
      </c>
      <c r="S247" s="107">
        <v>0</v>
      </c>
      <c r="T247" s="107">
        <v>0</v>
      </c>
      <c r="U247" s="107">
        <v>0</v>
      </c>
      <c r="V247" s="107">
        <v>0</v>
      </c>
      <c r="W247" s="107">
        <v>0</v>
      </c>
      <c r="X247" s="107">
        <v>0</v>
      </c>
      <c r="Y247" s="107">
        <v>0</v>
      </c>
      <c r="Z247" s="107">
        <v>0</v>
      </c>
      <c r="AA247" s="107">
        <v>0</v>
      </c>
      <c r="AB247" s="107">
        <v>0</v>
      </c>
      <c r="AC247" s="107">
        <v>0</v>
      </c>
      <c r="AD247" s="107">
        <v>0</v>
      </c>
      <c r="AE247" s="107">
        <v>0</v>
      </c>
      <c r="AF247" s="107">
        <v>0</v>
      </c>
      <c r="AG247" s="107">
        <v>0</v>
      </c>
      <c r="AH247" s="107">
        <v>0</v>
      </c>
      <c r="AI247" s="107">
        <v>0</v>
      </c>
      <c r="AJ247" s="107">
        <v>0</v>
      </c>
      <c r="AK247" s="107">
        <v>0</v>
      </c>
      <c r="AL247" s="107">
        <v>0</v>
      </c>
      <c r="AM247" s="107">
        <v>0</v>
      </c>
      <c r="AN247" s="107">
        <v>0</v>
      </c>
    </row>
    <row r="248" spans="1:40" x14ac:dyDescent="0.2">
      <c r="A248" s="133" t="s">
        <v>340</v>
      </c>
      <c r="B248" s="107">
        <v>0</v>
      </c>
      <c r="C248" s="107">
        <v>0</v>
      </c>
      <c r="D248" s="107">
        <v>0</v>
      </c>
      <c r="E248" s="107">
        <v>0</v>
      </c>
      <c r="F248" s="107">
        <v>0</v>
      </c>
      <c r="G248" s="107">
        <v>0</v>
      </c>
      <c r="H248" s="107">
        <v>0</v>
      </c>
      <c r="I248" s="107">
        <v>0</v>
      </c>
      <c r="J248" s="107">
        <v>0</v>
      </c>
      <c r="K248" s="107">
        <v>0</v>
      </c>
      <c r="L248" s="107">
        <v>0</v>
      </c>
      <c r="M248" s="107">
        <v>0</v>
      </c>
      <c r="N248" s="107">
        <v>0</v>
      </c>
      <c r="O248" s="107">
        <v>0</v>
      </c>
      <c r="P248" s="107">
        <v>0</v>
      </c>
      <c r="Q248" s="107">
        <v>0</v>
      </c>
      <c r="R248" s="107">
        <v>0</v>
      </c>
      <c r="S248" s="107">
        <v>0</v>
      </c>
      <c r="T248" s="107">
        <v>0</v>
      </c>
      <c r="U248" s="107">
        <v>0</v>
      </c>
      <c r="V248" s="107">
        <v>0</v>
      </c>
      <c r="W248" s="107">
        <v>0</v>
      </c>
      <c r="X248" s="107">
        <v>0</v>
      </c>
      <c r="Y248" s="107">
        <v>0</v>
      </c>
      <c r="Z248" s="107">
        <v>0</v>
      </c>
      <c r="AA248" s="107">
        <v>0</v>
      </c>
      <c r="AB248" s="107">
        <v>0</v>
      </c>
      <c r="AC248" s="107">
        <v>0</v>
      </c>
      <c r="AD248" s="107">
        <v>0</v>
      </c>
      <c r="AE248" s="107">
        <v>0</v>
      </c>
      <c r="AF248" s="107">
        <v>0</v>
      </c>
      <c r="AG248" s="107">
        <v>0</v>
      </c>
      <c r="AH248" s="107">
        <v>0</v>
      </c>
      <c r="AI248" s="107">
        <v>0</v>
      </c>
      <c r="AJ248" s="107">
        <v>0</v>
      </c>
      <c r="AK248" s="107">
        <v>0</v>
      </c>
      <c r="AL248" s="107">
        <v>0</v>
      </c>
      <c r="AM248" s="107">
        <v>0</v>
      </c>
      <c r="AN248" s="107">
        <v>0</v>
      </c>
    </row>
    <row r="249" spans="1:40" x14ac:dyDescent="0.2">
      <c r="A249" s="133" t="s">
        <v>341</v>
      </c>
      <c r="B249" s="107">
        <v>0</v>
      </c>
      <c r="C249" s="107">
        <v>0</v>
      </c>
      <c r="D249" s="107">
        <v>0</v>
      </c>
      <c r="E249" s="107">
        <v>0</v>
      </c>
      <c r="F249" s="107">
        <v>0</v>
      </c>
      <c r="G249" s="107">
        <v>0</v>
      </c>
      <c r="H249" s="107">
        <v>0</v>
      </c>
      <c r="I249" s="107">
        <v>0</v>
      </c>
      <c r="J249" s="107">
        <v>0</v>
      </c>
      <c r="K249" s="107">
        <v>0</v>
      </c>
      <c r="L249" s="107">
        <v>0</v>
      </c>
      <c r="M249" s="107">
        <v>0</v>
      </c>
      <c r="N249" s="107">
        <v>0</v>
      </c>
      <c r="O249" s="107">
        <v>0</v>
      </c>
      <c r="P249" s="107">
        <v>0</v>
      </c>
      <c r="Q249" s="107">
        <v>0</v>
      </c>
      <c r="R249" s="107">
        <v>0</v>
      </c>
      <c r="S249" s="107">
        <v>0</v>
      </c>
      <c r="T249" s="107">
        <v>0</v>
      </c>
      <c r="U249" s="107">
        <v>0</v>
      </c>
      <c r="V249" s="107">
        <v>0</v>
      </c>
      <c r="W249" s="107">
        <v>0</v>
      </c>
      <c r="X249" s="107">
        <v>0</v>
      </c>
      <c r="Y249" s="107">
        <v>0</v>
      </c>
      <c r="Z249" s="107">
        <v>0</v>
      </c>
      <c r="AA249" s="107">
        <v>0</v>
      </c>
      <c r="AB249" s="107">
        <v>0</v>
      </c>
      <c r="AC249" s="107">
        <v>0</v>
      </c>
      <c r="AD249" s="107">
        <v>0</v>
      </c>
      <c r="AE249" s="107">
        <v>0</v>
      </c>
      <c r="AF249" s="107">
        <v>0</v>
      </c>
      <c r="AG249" s="107">
        <v>0</v>
      </c>
      <c r="AH249" s="107">
        <v>0</v>
      </c>
      <c r="AI249" s="107">
        <v>0</v>
      </c>
      <c r="AJ249" s="107">
        <v>0</v>
      </c>
      <c r="AK249" s="107">
        <v>0</v>
      </c>
      <c r="AL249" s="107">
        <v>0</v>
      </c>
      <c r="AM249" s="107">
        <v>0</v>
      </c>
      <c r="AN249" s="107">
        <v>0</v>
      </c>
    </row>
    <row r="250" spans="1:40" x14ac:dyDescent="0.2">
      <c r="A250" s="133" t="s">
        <v>342</v>
      </c>
    </row>
    <row r="251" spans="1:40" x14ac:dyDescent="0.2">
      <c r="A251" s="133" t="s">
        <v>343</v>
      </c>
      <c r="B251" s="107">
        <v>0</v>
      </c>
      <c r="C251" s="107">
        <v>0</v>
      </c>
      <c r="D251" s="107">
        <v>0</v>
      </c>
      <c r="E251" s="107">
        <v>0</v>
      </c>
      <c r="F251" s="107">
        <v>0</v>
      </c>
      <c r="G251" s="107">
        <v>0</v>
      </c>
      <c r="H251" s="107">
        <v>0</v>
      </c>
      <c r="I251" s="107">
        <v>0</v>
      </c>
      <c r="J251" s="107">
        <v>0</v>
      </c>
      <c r="K251" s="107">
        <v>0</v>
      </c>
      <c r="L251" s="107">
        <v>0</v>
      </c>
      <c r="M251" s="107">
        <v>0</v>
      </c>
      <c r="N251" s="107">
        <v>0</v>
      </c>
      <c r="O251" s="107">
        <v>0</v>
      </c>
      <c r="P251" s="107">
        <v>0</v>
      </c>
      <c r="Q251" s="107">
        <v>0</v>
      </c>
      <c r="R251" s="107">
        <v>0</v>
      </c>
      <c r="S251" s="107">
        <v>0</v>
      </c>
      <c r="T251" s="107">
        <v>0</v>
      </c>
      <c r="U251" s="107">
        <v>0</v>
      </c>
      <c r="V251" s="107">
        <v>0</v>
      </c>
      <c r="W251" s="107">
        <v>0</v>
      </c>
      <c r="X251" s="107">
        <v>0</v>
      </c>
      <c r="Y251" s="107">
        <v>0</v>
      </c>
      <c r="Z251" s="107">
        <v>0</v>
      </c>
      <c r="AA251" s="107">
        <v>0</v>
      </c>
      <c r="AB251" s="107">
        <v>0</v>
      </c>
      <c r="AC251" s="107">
        <v>0</v>
      </c>
      <c r="AD251" s="107">
        <v>0</v>
      </c>
      <c r="AE251" s="107">
        <v>0</v>
      </c>
      <c r="AF251" s="107">
        <v>0</v>
      </c>
      <c r="AG251" s="107">
        <v>0</v>
      </c>
      <c r="AH251" s="107">
        <v>0</v>
      </c>
      <c r="AI251" s="107">
        <v>0</v>
      </c>
      <c r="AJ251" s="107">
        <v>0</v>
      </c>
      <c r="AK251" s="107">
        <v>0</v>
      </c>
      <c r="AL251" s="107">
        <v>0</v>
      </c>
      <c r="AM251" s="107">
        <v>0</v>
      </c>
      <c r="AN251" s="107">
        <v>0</v>
      </c>
    </row>
    <row r="252" spans="1:40" x14ac:dyDescent="0.2">
      <c r="A252" s="133" t="s">
        <v>344</v>
      </c>
    </row>
    <row r="253" spans="1:40" x14ac:dyDescent="0.2">
      <c r="A253" s="133" t="s">
        <v>345</v>
      </c>
      <c r="B253" s="107">
        <v>1418463.52162234</v>
      </c>
      <c r="C253" s="107">
        <v>1415576.9807414899</v>
      </c>
      <c r="D253" s="107">
        <v>1412668.19189724</v>
      </c>
      <c r="E253" s="107">
        <v>1408986.4425116701</v>
      </c>
      <c r="F253" s="107">
        <v>1405219.87318688</v>
      </c>
      <c r="G253" s="107">
        <v>1401190.2779191199</v>
      </c>
      <c r="H253" s="107">
        <v>1398935.3673322401</v>
      </c>
      <c r="I253" s="107">
        <v>1397238.26332961</v>
      </c>
      <c r="J253" s="107">
        <v>1395436.47962687</v>
      </c>
      <c r="K253" s="107">
        <v>1392442.24564471</v>
      </c>
      <c r="L253" s="107">
        <v>1387950.0394359401</v>
      </c>
      <c r="M253" s="107">
        <v>1382569.221901</v>
      </c>
      <c r="N253" s="107">
        <v>1382569.221901</v>
      </c>
      <c r="O253" s="107">
        <v>1378124.6702473999</v>
      </c>
      <c r="P253" s="107">
        <v>1370355.5053065901</v>
      </c>
      <c r="Q253" s="107">
        <v>1363236.57733853</v>
      </c>
      <c r="R253" s="107">
        <v>1354555.5853539701</v>
      </c>
      <c r="S253" s="107">
        <v>1345965.53997211</v>
      </c>
      <c r="T253" s="107">
        <v>1337004.1827275299</v>
      </c>
      <c r="U253" s="107">
        <v>1332106.1785645499</v>
      </c>
      <c r="V253" s="107">
        <v>1328499.2973096</v>
      </c>
      <c r="W253" s="107">
        <v>1324883.4010405899</v>
      </c>
      <c r="X253" s="107">
        <v>1319269.27958488</v>
      </c>
      <c r="Y253" s="107">
        <v>1311367.97211955</v>
      </c>
      <c r="Z253" s="107">
        <v>1303379.5638439499</v>
      </c>
      <c r="AA253" s="107">
        <v>1303379.5638439499</v>
      </c>
      <c r="AB253" s="107">
        <v>1297734.23837428</v>
      </c>
      <c r="AC253" s="107">
        <v>1289092.5738541801</v>
      </c>
      <c r="AD253" s="107">
        <v>1282307.96754332</v>
      </c>
      <c r="AE253" s="107">
        <v>1275263.2992062001</v>
      </c>
      <c r="AF253" s="107">
        <v>1269402.0711151501</v>
      </c>
      <c r="AG253" s="107">
        <v>1264356.1946958301</v>
      </c>
      <c r="AH253" s="107">
        <v>1262143.98814854</v>
      </c>
      <c r="AI253" s="107">
        <v>1260884.8071657801</v>
      </c>
      <c r="AJ253" s="107">
        <v>1259954.1789452401</v>
      </c>
      <c r="AK253" s="107">
        <v>1258929.64114775</v>
      </c>
      <c r="AL253" s="107">
        <v>1258063.74134422</v>
      </c>
      <c r="AM253" s="107">
        <v>1257887.2100540299</v>
      </c>
      <c r="AN253" s="107">
        <v>1257887.2100540299</v>
      </c>
    </row>
    <row r="254" spans="1:40" x14ac:dyDescent="0.2">
      <c r="A254" s="133" t="s">
        <v>346</v>
      </c>
      <c r="B254" s="107">
        <v>688464.30724388699</v>
      </c>
      <c r="C254" s="107">
        <v>692056.04747081699</v>
      </c>
      <c r="D254" s="107">
        <v>695528.75167248095</v>
      </c>
      <c r="E254" s="107">
        <v>699880.82949323906</v>
      </c>
      <c r="F254" s="107">
        <v>704293.41859927797</v>
      </c>
      <c r="G254" s="107">
        <v>708981.45297657896</v>
      </c>
      <c r="H254" s="107">
        <v>711583.64071524097</v>
      </c>
      <c r="I254" s="107">
        <v>713527.669031122</v>
      </c>
      <c r="J254" s="107">
        <v>715564.96864841599</v>
      </c>
      <c r="K254" s="107">
        <v>718904.14668524195</v>
      </c>
      <c r="L254" s="107">
        <v>723849.157852681</v>
      </c>
      <c r="M254" s="107">
        <v>729628.82096667902</v>
      </c>
      <c r="N254" s="107">
        <v>729628.82096667902</v>
      </c>
      <c r="O254" s="107">
        <v>734281.51041224401</v>
      </c>
      <c r="P254" s="107">
        <v>742249.76997463498</v>
      </c>
      <c r="Q254" s="107">
        <v>749412.91350226395</v>
      </c>
      <c r="R254" s="107">
        <v>758010.25416002097</v>
      </c>
      <c r="S254" s="107">
        <v>766394.043945994</v>
      </c>
      <c r="T254" s="107">
        <v>775016.90212164202</v>
      </c>
      <c r="U254" s="107">
        <v>779669.42270801205</v>
      </c>
      <c r="V254" s="107">
        <v>783055.19838995801</v>
      </c>
      <c r="W254" s="107">
        <v>786411.70684970205</v>
      </c>
      <c r="X254" s="107">
        <v>791570.27804914</v>
      </c>
      <c r="Y254" s="107">
        <v>798757.27601637202</v>
      </c>
      <c r="Z254" s="107">
        <v>805930.53482794994</v>
      </c>
      <c r="AA254" s="107">
        <v>805930.53482794994</v>
      </c>
      <c r="AB254" s="107">
        <v>810939.20600722695</v>
      </c>
      <c r="AC254" s="107">
        <v>818554.05601750896</v>
      </c>
      <c r="AD254" s="107">
        <v>824519.25348687195</v>
      </c>
      <c r="AE254" s="107">
        <v>830700.06817328802</v>
      </c>
      <c r="AF254" s="107">
        <v>835830.46326809796</v>
      </c>
      <c r="AG254" s="107">
        <v>840234.33544066804</v>
      </c>
      <c r="AH254" s="107">
        <v>842160.38449091604</v>
      </c>
      <c r="AI254" s="107">
        <v>843252.87730980397</v>
      </c>
      <c r="AJ254" s="107">
        <v>844055.79688258201</v>
      </c>
      <c r="AK254" s="107">
        <v>844936.00668675697</v>
      </c>
      <c r="AL254" s="107">
        <v>845674.77765335795</v>
      </c>
      <c r="AM254" s="107">
        <v>845810.97979762801</v>
      </c>
      <c r="AN254" s="107">
        <v>845810.97979762801</v>
      </c>
    </row>
    <row r="255" spans="1:40" x14ac:dyDescent="0.2">
      <c r="A255" s="133" t="s">
        <v>347</v>
      </c>
      <c r="B255" s="107">
        <v>200501.422326247</v>
      </c>
      <c r="C255" s="107">
        <v>199799.245746348</v>
      </c>
      <c r="D255" s="107">
        <v>199229.40553397499</v>
      </c>
      <c r="E255" s="107">
        <v>198584.04878058101</v>
      </c>
      <c r="F255" s="107">
        <v>197989.70231898699</v>
      </c>
      <c r="G255" s="107">
        <v>197409.65237408501</v>
      </c>
      <c r="H255" s="107">
        <v>197111.66234987599</v>
      </c>
      <c r="I255" s="107">
        <v>196904.961297767</v>
      </c>
      <c r="J255" s="107">
        <v>196708.39327028199</v>
      </c>
      <c r="K255" s="107">
        <v>196416.87097189299</v>
      </c>
      <c r="L255" s="107">
        <v>196026.389167991</v>
      </c>
      <c r="M255" s="107">
        <v>195643.21314068101</v>
      </c>
      <c r="N255" s="107">
        <v>195643.21314068101</v>
      </c>
      <c r="O255" s="107">
        <v>195366.09957951601</v>
      </c>
      <c r="P255" s="107">
        <v>194933.793613193</v>
      </c>
      <c r="Q255" s="107">
        <v>194581.05172224401</v>
      </c>
      <c r="R255" s="107">
        <v>194192.65082751599</v>
      </c>
      <c r="S255" s="107">
        <v>193845.621658658</v>
      </c>
      <c r="T255" s="107">
        <v>193522.28034429799</v>
      </c>
      <c r="U255" s="107">
        <v>193365.623418948</v>
      </c>
      <c r="V255" s="107">
        <v>193263.77188162701</v>
      </c>
      <c r="W255" s="107">
        <v>193173.00798335599</v>
      </c>
      <c r="X255" s="107">
        <v>193045.56684062901</v>
      </c>
      <c r="Y255" s="107">
        <v>192884.28596618801</v>
      </c>
      <c r="Z255" s="107">
        <v>192729.54338801201</v>
      </c>
      <c r="AA255" s="107">
        <v>192729.54338801201</v>
      </c>
      <c r="AB255" s="107">
        <v>192613.52406844599</v>
      </c>
      <c r="AC255" s="107">
        <v>192425.71966834899</v>
      </c>
      <c r="AD255" s="107">
        <v>192249.34663947899</v>
      </c>
      <c r="AE255" s="107">
        <v>192027.337634464</v>
      </c>
      <c r="AF255" s="107">
        <v>191800.75568495199</v>
      </c>
      <c r="AG255" s="107">
        <v>191558.088534518</v>
      </c>
      <c r="AH255" s="107">
        <v>191420.69649058799</v>
      </c>
      <c r="AI255" s="107">
        <v>191316.027938688</v>
      </c>
      <c r="AJ255" s="107">
        <v>191206.655823751</v>
      </c>
      <c r="AK255" s="107">
        <v>191028.02083920399</v>
      </c>
      <c r="AL255" s="107">
        <v>190764.28425570001</v>
      </c>
      <c r="AM255" s="107">
        <v>190466.34382190701</v>
      </c>
      <c r="AN255" s="107">
        <v>190466.34382190701</v>
      </c>
    </row>
    <row r="256" spans="1:40" x14ac:dyDescent="0.2">
      <c r="A256" s="133" t="s">
        <v>348</v>
      </c>
      <c r="B256" s="107">
        <v>125639.294869019</v>
      </c>
      <c r="C256" s="107">
        <v>126114.749580592</v>
      </c>
      <c r="D256" s="107">
        <v>126525.149120096</v>
      </c>
      <c r="E256" s="107">
        <v>126992.116188778</v>
      </c>
      <c r="F256" s="107">
        <v>127425.142949097</v>
      </c>
      <c r="G256" s="107">
        <v>127852.460532143</v>
      </c>
      <c r="H256" s="107">
        <v>128077.05073975</v>
      </c>
      <c r="I256" s="107">
        <v>128236.752851442</v>
      </c>
      <c r="J256" s="107">
        <v>128396.05662638901</v>
      </c>
      <c r="K256" s="107">
        <v>128650.10552054401</v>
      </c>
      <c r="L256" s="107">
        <v>129018.291890622</v>
      </c>
      <c r="M256" s="107">
        <v>129437.387463772</v>
      </c>
      <c r="N256" s="107">
        <v>129437.387463772</v>
      </c>
      <c r="O256" s="107">
        <v>129672.87845744799</v>
      </c>
      <c r="P256" s="107">
        <v>130101.041221102</v>
      </c>
      <c r="Q256" s="107">
        <v>130505.939880916</v>
      </c>
      <c r="R256" s="107">
        <v>131007.06686975701</v>
      </c>
      <c r="S256" s="107">
        <v>131509.033701204</v>
      </c>
      <c r="T256" s="107">
        <v>132038.24155219999</v>
      </c>
      <c r="U256" s="107">
        <v>132328.05757227101</v>
      </c>
      <c r="V256" s="107">
        <v>132541.705705703</v>
      </c>
      <c r="W256" s="107">
        <v>132757.98055107601</v>
      </c>
      <c r="X256" s="107">
        <v>133097.05420159001</v>
      </c>
      <c r="Y256" s="107">
        <v>133578.158515694</v>
      </c>
      <c r="Z256" s="107">
        <v>134095.83540114301</v>
      </c>
      <c r="AA256" s="107">
        <v>134095.83540114301</v>
      </c>
      <c r="AB256" s="107">
        <v>134490.61549579399</v>
      </c>
      <c r="AC256" s="107">
        <v>135141.968530899</v>
      </c>
      <c r="AD256" s="107">
        <v>135694.672304045</v>
      </c>
      <c r="AE256" s="107">
        <v>136322.41599189001</v>
      </c>
      <c r="AF256" s="107">
        <v>136902.01607198699</v>
      </c>
      <c r="AG256" s="107">
        <v>137465.74264052199</v>
      </c>
      <c r="AH256" s="107">
        <v>137752.654125475</v>
      </c>
      <c r="AI256" s="107">
        <v>137949.58844476999</v>
      </c>
      <c r="AJ256" s="107">
        <v>138135.688448628</v>
      </c>
      <c r="AK256" s="107">
        <v>138411.61313907101</v>
      </c>
      <c r="AL256" s="107">
        <v>138782.21125762901</v>
      </c>
      <c r="AM256" s="107">
        <v>139158.10235837501</v>
      </c>
      <c r="AN256" s="107">
        <v>139158.10235837501</v>
      </c>
    </row>
    <row r="257" spans="1:40" x14ac:dyDescent="0.2">
      <c r="A257" s="133" t="s">
        <v>349</v>
      </c>
      <c r="B257" s="107">
        <v>237495.911456423</v>
      </c>
      <c r="C257" s="107">
        <v>237213.041838376</v>
      </c>
      <c r="D257" s="107">
        <v>236978.77580928401</v>
      </c>
      <c r="E257" s="107">
        <v>236685.61513523999</v>
      </c>
      <c r="F257" s="107">
        <v>236389.74187743</v>
      </c>
      <c r="G257" s="107">
        <v>236073.35757444799</v>
      </c>
      <c r="H257" s="107">
        <v>235898.98312389301</v>
      </c>
      <c r="I257" s="107">
        <v>235769.658934159</v>
      </c>
      <c r="J257" s="107">
        <v>235640.46899707199</v>
      </c>
      <c r="K257" s="107">
        <v>235438.85905198599</v>
      </c>
      <c r="L257" s="107">
        <v>235155.440219479</v>
      </c>
      <c r="M257" s="107">
        <v>234875.98193805001</v>
      </c>
      <c r="N257" s="107">
        <v>234875.98193805001</v>
      </c>
      <c r="O257" s="107">
        <v>234718.94298469499</v>
      </c>
      <c r="P257" s="107">
        <v>234539.40602092701</v>
      </c>
      <c r="Q257" s="107">
        <v>234456.19520608001</v>
      </c>
      <c r="R257" s="107">
        <v>234442.21092734201</v>
      </c>
      <c r="S257" s="107">
        <v>234507.59522485</v>
      </c>
      <c r="T257" s="107">
        <v>234654.02381086099</v>
      </c>
      <c r="U257" s="107">
        <v>234773.445306034</v>
      </c>
      <c r="V257" s="107">
        <v>234887.67892126599</v>
      </c>
      <c r="W257" s="107">
        <v>235026.264214984</v>
      </c>
      <c r="X257" s="107">
        <v>235277.25347698099</v>
      </c>
      <c r="Y257" s="107">
        <v>235681.36242563801</v>
      </c>
      <c r="Z257" s="107">
        <v>236143.541873187</v>
      </c>
      <c r="AA257" s="107">
        <v>236143.541873187</v>
      </c>
      <c r="AB257" s="107">
        <v>236509.022318184</v>
      </c>
      <c r="AC257" s="107">
        <v>237084.77272601699</v>
      </c>
      <c r="AD257" s="107">
        <v>237538.821222161</v>
      </c>
      <c r="AE257" s="107">
        <v>238009.86071293399</v>
      </c>
      <c r="AF257" s="107">
        <v>238400.05652633199</v>
      </c>
      <c r="AG257" s="107">
        <v>238733.520159293</v>
      </c>
      <c r="AH257" s="107">
        <v>238876.81476595</v>
      </c>
      <c r="AI257" s="107">
        <v>238956.01633227</v>
      </c>
      <c r="AJ257" s="107">
        <v>239011.72602100699</v>
      </c>
      <c r="AK257" s="107">
        <v>239066.10234527901</v>
      </c>
      <c r="AL257" s="107">
        <v>239096.69252280099</v>
      </c>
      <c r="AM257" s="107">
        <v>239070.15101552699</v>
      </c>
      <c r="AN257" s="107">
        <v>239070.15101552699</v>
      </c>
    </row>
    <row r="258" spans="1:40" x14ac:dyDescent="0.2">
      <c r="A258" s="133" t="s">
        <v>350</v>
      </c>
      <c r="B258" s="107">
        <v>2350.9932714185402</v>
      </c>
      <c r="C258" s="107">
        <v>2333.3306373362998</v>
      </c>
      <c r="D258" s="107">
        <v>2318.36171861102</v>
      </c>
      <c r="E258" s="107">
        <v>2301.02734028853</v>
      </c>
      <c r="F258" s="107">
        <v>2284.6894109033801</v>
      </c>
      <c r="G258" s="107">
        <v>2268.4236989759302</v>
      </c>
      <c r="H258" s="107">
        <v>2259.9373587906198</v>
      </c>
      <c r="I258" s="107">
        <v>2253.9544592061002</v>
      </c>
      <c r="J258" s="107">
        <v>2248.14666857152</v>
      </c>
      <c r="K258" s="107">
        <v>2239.31660959495</v>
      </c>
      <c r="L258" s="107">
        <v>2227.1502492055001</v>
      </c>
      <c r="M258" s="107">
        <v>2214.5645898104699</v>
      </c>
      <c r="N258" s="107">
        <v>2214.5645898104699</v>
      </c>
      <c r="O258" s="107">
        <v>2205.0883186934602</v>
      </c>
      <c r="P258" s="107">
        <v>2189.6738635429701</v>
      </c>
      <c r="Q258" s="107">
        <v>2176.5123499615402</v>
      </c>
      <c r="R258" s="107">
        <v>2161.4218613871599</v>
      </c>
      <c r="S258" s="107">
        <v>2147.3554971736899</v>
      </c>
      <c r="T258" s="107">
        <v>2133.5594434610398</v>
      </c>
      <c r="U258" s="107">
        <v>2126.4624301742501</v>
      </c>
      <c r="V258" s="107">
        <v>2121.5377918351001</v>
      </c>
      <c r="W258" s="107">
        <v>2116.82936028526</v>
      </c>
      <c r="X258" s="107">
        <v>2109.7578467722901</v>
      </c>
      <c r="Y258" s="107">
        <v>2100.1349565481801</v>
      </c>
      <c r="Z258" s="107">
        <v>2090.1706657540999</v>
      </c>
      <c r="AA258" s="107">
        <v>2090.1706657540999</v>
      </c>
      <c r="AB258" s="107">
        <v>2082.5837360588898</v>
      </c>
      <c r="AC258" s="107">
        <v>2070.0992030433199</v>
      </c>
      <c r="AD258" s="107">
        <v>2059.1288041184798</v>
      </c>
      <c r="AE258" s="107">
        <v>2046.2082812117001</v>
      </c>
      <c r="AF258" s="107">
        <v>2033.82733347561</v>
      </c>
      <c r="AG258" s="107">
        <v>2021.3085291604</v>
      </c>
      <c r="AH258" s="107">
        <v>2014.6519785272401</v>
      </c>
      <c r="AI258" s="107">
        <v>2009.87280868568</v>
      </c>
      <c r="AJ258" s="107">
        <v>2005.1438787851</v>
      </c>
      <c r="AK258" s="107">
        <v>1997.80584192731</v>
      </c>
      <c r="AL258" s="107">
        <v>1987.48296628204</v>
      </c>
      <c r="AM258" s="107">
        <v>1976.40295252334</v>
      </c>
      <c r="AN258" s="107">
        <v>1976.40295252334</v>
      </c>
    </row>
    <row r="259" spans="1:40" x14ac:dyDescent="0.2">
      <c r="A259" s="133" t="s">
        <v>351</v>
      </c>
      <c r="B259" s="107">
        <v>2672915.4507893398</v>
      </c>
      <c r="C259" s="107">
        <v>2673093.39601496</v>
      </c>
      <c r="D259" s="107">
        <v>2673248.6357516898</v>
      </c>
      <c r="E259" s="107">
        <v>2673430.0794497998</v>
      </c>
      <c r="F259" s="107">
        <v>2673602.5683425702</v>
      </c>
      <c r="G259" s="107">
        <v>2673775.62507535</v>
      </c>
      <c r="H259" s="107">
        <v>2673866.6416198001</v>
      </c>
      <c r="I259" s="107">
        <v>2673931.2599033099</v>
      </c>
      <c r="J259" s="107">
        <v>2673994.5138376099</v>
      </c>
      <c r="K259" s="107">
        <v>2674091.5444839699</v>
      </c>
      <c r="L259" s="107">
        <v>2674226.4688159199</v>
      </c>
      <c r="M259" s="107">
        <v>2674369.19</v>
      </c>
      <c r="N259" s="107">
        <v>2674369.19</v>
      </c>
      <c r="O259" s="107">
        <v>2674369.1899999902</v>
      </c>
      <c r="P259" s="107">
        <v>2674369.19</v>
      </c>
      <c r="Q259" s="107">
        <v>2674369.19</v>
      </c>
      <c r="R259" s="107">
        <v>2674369.19</v>
      </c>
      <c r="S259" s="107">
        <v>2674369.1899999902</v>
      </c>
      <c r="T259" s="107">
        <v>2674369.19</v>
      </c>
      <c r="U259" s="107">
        <v>2674369.19</v>
      </c>
      <c r="V259" s="107">
        <v>2674369.19</v>
      </c>
      <c r="W259" s="107">
        <v>2674369.19</v>
      </c>
      <c r="X259" s="107">
        <v>2674369.19</v>
      </c>
      <c r="Y259" s="107">
        <v>2674369.1899999902</v>
      </c>
      <c r="Z259" s="107">
        <v>2674369.19</v>
      </c>
      <c r="AA259" s="107">
        <v>2674369.19</v>
      </c>
      <c r="AB259" s="107">
        <v>2674369.19</v>
      </c>
      <c r="AC259" s="107">
        <v>2674369.19</v>
      </c>
      <c r="AD259" s="107">
        <v>2674369.19</v>
      </c>
      <c r="AE259" s="107">
        <v>2674369.1899999902</v>
      </c>
      <c r="AF259" s="107">
        <v>2674369.19</v>
      </c>
      <c r="AG259" s="107">
        <v>2674369.19</v>
      </c>
      <c r="AH259" s="107">
        <v>2674369.19</v>
      </c>
      <c r="AI259" s="107">
        <v>2674369.19</v>
      </c>
      <c r="AJ259" s="107">
        <v>2674369.19</v>
      </c>
      <c r="AK259" s="107">
        <v>2674369.19</v>
      </c>
      <c r="AL259" s="107">
        <v>2674369.19</v>
      </c>
      <c r="AM259" s="107">
        <v>2674369.19</v>
      </c>
      <c r="AN259" s="107">
        <v>2674369.19</v>
      </c>
    </row>
    <row r="260" spans="1:40" x14ac:dyDescent="0.2">
      <c r="A260" s="133" t="s">
        <v>352</v>
      </c>
    </row>
    <row r="261" spans="1:40" x14ac:dyDescent="0.2">
      <c r="A261" s="133" t="s">
        <v>353</v>
      </c>
      <c r="B261" s="107">
        <v>15175069.214331901</v>
      </c>
      <c r="C261" s="107">
        <v>15177797.406375701</v>
      </c>
      <c r="D261" s="107">
        <v>15175896.5146809</v>
      </c>
      <c r="E261" s="107">
        <v>15172068.6001678</v>
      </c>
      <c r="F261" s="107">
        <v>15165997.348597299</v>
      </c>
      <c r="G261" s="107">
        <v>15154302.3125036</v>
      </c>
      <c r="H261" s="107">
        <v>15143630.250022801</v>
      </c>
      <c r="I261" s="107">
        <v>15130100.5597484</v>
      </c>
      <c r="J261" s="107">
        <v>15109128.886684399</v>
      </c>
      <c r="K261" s="107">
        <v>15087771.609359199</v>
      </c>
      <c r="L261" s="107">
        <v>15064813.280505899</v>
      </c>
      <c r="M261" s="107">
        <v>15033786.478782499</v>
      </c>
      <c r="N261" s="107">
        <v>15033786.478782499</v>
      </c>
      <c r="O261" s="107">
        <v>15004715.3797545</v>
      </c>
      <c r="P261" s="107">
        <v>14969231.8497872</v>
      </c>
      <c r="Q261" s="107">
        <v>14927662.622414101</v>
      </c>
      <c r="R261" s="107">
        <v>14884084.323435601</v>
      </c>
      <c r="S261" s="107">
        <v>14837706.0737279</v>
      </c>
      <c r="T261" s="107">
        <v>14780599.7925946</v>
      </c>
      <c r="U261" s="107">
        <v>14727627.2384669</v>
      </c>
      <c r="V261" s="107">
        <v>14670216.839839499</v>
      </c>
      <c r="W261" s="107">
        <v>14602250.5719763</v>
      </c>
      <c r="X261" s="107">
        <v>14539333.5013214</v>
      </c>
      <c r="Y261" s="107">
        <v>14478695.192343</v>
      </c>
      <c r="Z261" s="107">
        <v>14418799.6011339</v>
      </c>
      <c r="AA261" s="107">
        <v>14418799.6011339</v>
      </c>
      <c r="AB261" s="107">
        <v>14372641.8473297</v>
      </c>
      <c r="AC261" s="107">
        <v>14327521.7713432</v>
      </c>
      <c r="AD261" s="107">
        <v>14285871.0714694</v>
      </c>
      <c r="AE261" s="107">
        <v>14251701.6033787</v>
      </c>
      <c r="AF261" s="107">
        <v>14224211.859608799</v>
      </c>
      <c r="AG261" s="107">
        <v>14199055.5200205</v>
      </c>
      <c r="AH261" s="107">
        <v>14184600.228846701</v>
      </c>
      <c r="AI261" s="107">
        <v>14176417.808476301</v>
      </c>
      <c r="AJ261" s="107">
        <v>14173060.4539643</v>
      </c>
      <c r="AK261" s="107">
        <v>14177336.9543129</v>
      </c>
      <c r="AL261" s="107">
        <v>14188065.152274501</v>
      </c>
      <c r="AM261" s="107">
        <v>14206198.2503545</v>
      </c>
      <c r="AN261" s="107">
        <v>14206198.2503545</v>
      </c>
    </row>
    <row r="262" spans="1:40" x14ac:dyDescent="0.2">
      <c r="A262" s="133" t="s">
        <v>354</v>
      </c>
      <c r="B262" s="107">
        <v>7384373.8823955404</v>
      </c>
      <c r="C262" s="107">
        <v>7422628.4644738398</v>
      </c>
      <c r="D262" s="107">
        <v>7465422.5584362801</v>
      </c>
      <c r="E262" s="107">
        <v>7510074.25168161</v>
      </c>
      <c r="F262" s="107">
        <v>7556984.8313618302</v>
      </c>
      <c r="G262" s="107">
        <v>7610362.5373947704</v>
      </c>
      <c r="H262" s="107">
        <v>7662038.1212825403</v>
      </c>
      <c r="I262" s="107">
        <v>7716740.8654228104</v>
      </c>
      <c r="J262" s="107">
        <v>7779583.9631468002</v>
      </c>
      <c r="K262" s="107">
        <v>7842145.5400699796</v>
      </c>
      <c r="L262" s="107">
        <v>7905876.3421914298</v>
      </c>
      <c r="M262" s="107">
        <v>7977368.8298878903</v>
      </c>
      <c r="N262" s="107">
        <v>7977368.8298878903</v>
      </c>
      <c r="O262" s="107">
        <v>8043839.5196776502</v>
      </c>
      <c r="P262" s="107">
        <v>8116186.4508038396</v>
      </c>
      <c r="Q262" s="107">
        <v>8193907.3259668201</v>
      </c>
      <c r="R262" s="107">
        <v>8272736.5479836902</v>
      </c>
      <c r="S262" s="107">
        <v>8353517.3524207696</v>
      </c>
      <c r="T262" s="107">
        <v>8444233.7082300801</v>
      </c>
      <c r="U262" s="107">
        <v>8529836.2747920994</v>
      </c>
      <c r="V262" s="107">
        <v>8618976.5578486193</v>
      </c>
      <c r="W262" s="107">
        <v>8717633.9577044994</v>
      </c>
      <c r="X262" s="107">
        <v>8810590.9692306705</v>
      </c>
      <c r="Y262" s="107">
        <v>8900604.5527157299</v>
      </c>
      <c r="Z262" s="107">
        <v>8989209.4386131801</v>
      </c>
      <c r="AA262" s="107">
        <v>8989209.4386131801</v>
      </c>
      <c r="AB262" s="107">
        <v>9061815.0542743895</v>
      </c>
      <c r="AC262" s="107">
        <v>9133329.8016783595</v>
      </c>
      <c r="AD262" s="107">
        <v>9201764.1467186194</v>
      </c>
      <c r="AE262" s="107">
        <v>9263369.6050287206</v>
      </c>
      <c r="AF262" s="107">
        <v>9318917.4280290399</v>
      </c>
      <c r="AG262" s="107">
        <v>9372599.8452282399</v>
      </c>
      <c r="AH262" s="107">
        <v>9416409.6238196902</v>
      </c>
      <c r="AI262" s="107">
        <v>9454631.52870588</v>
      </c>
      <c r="AJ262" s="107">
        <v>9488789.4453478996</v>
      </c>
      <c r="AK262" s="107">
        <v>9515947.0083670896</v>
      </c>
      <c r="AL262" s="107">
        <v>9537276.5664329007</v>
      </c>
      <c r="AM262" s="107">
        <v>9552125.7140219007</v>
      </c>
      <c r="AN262" s="107">
        <v>9552125.7140219007</v>
      </c>
    </row>
    <row r="263" spans="1:40" x14ac:dyDescent="0.2">
      <c r="A263" s="133" t="s">
        <v>355</v>
      </c>
      <c r="B263" s="107">
        <v>2143089.3627509899</v>
      </c>
      <c r="C263" s="107">
        <v>2141314.6974807899</v>
      </c>
      <c r="D263" s="107">
        <v>2139633.5922100898</v>
      </c>
      <c r="E263" s="107">
        <v>2138153.0422700299</v>
      </c>
      <c r="F263" s="107">
        <v>2136805.0659057498</v>
      </c>
      <c r="G263" s="107">
        <v>2135060.0906422799</v>
      </c>
      <c r="H263" s="107">
        <v>2133868.4007582599</v>
      </c>
      <c r="I263" s="107">
        <v>2132684.38416526</v>
      </c>
      <c r="J263" s="107">
        <v>2131164.4998718901</v>
      </c>
      <c r="K263" s="107">
        <v>2130130.6436731201</v>
      </c>
      <c r="L263" s="107">
        <v>2129427.9154073498</v>
      </c>
      <c r="M263" s="107">
        <v>2128900.7956872401</v>
      </c>
      <c r="N263" s="107">
        <v>2128900.7956872401</v>
      </c>
      <c r="O263" s="107">
        <v>2128908.2485802802</v>
      </c>
      <c r="P263" s="107">
        <v>2128929.50339521</v>
      </c>
      <c r="Q263" s="107">
        <v>2129027.94643771</v>
      </c>
      <c r="R263" s="107">
        <v>2129356.8549840301</v>
      </c>
      <c r="S263" s="107">
        <v>2129873.8698195899</v>
      </c>
      <c r="T263" s="107">
        <v>2130342.4939232199</v>
      </c>
      <c r="U263" s="107">
        <v>2131257.7471528202</v>
      </c>
      <c r="V263" s="107">
        <v>2132348.4736033198</v>
      </c>
      <c r="W263" s="107">
        <v>2133469.0764251598</v>
      </c>
      <c r="X263" s="107">
        <v>2134905.5510627199</v>
      </c>
      <c r="Y263" s="107">
        <v>2136577.3402509498</v>
      </c>
      <c r="Z263" s="107">
        <v>2138368.8421768402</v>
      </c>
      <c r="AA263" s="107">
        <v>2138368.8421768402</v>
      </c>
      <c r="AB263" s="107">
        <v>2140097.0417240602</v>
      </c>
      <c r="AC263" s="107">
        <v>2141787.3787134499</v>
      </c>
      <c r="AD263" s="107">
        <v>2143291.4197836998</v>
      </c>
      <c r="AE263" s="107">
        <v>2144672.0152059901</v>
      </c>
      <c r="AF263" s="107">
        <v>2145909.2091735201</v>
      </c>
      <c r="AG263" s="107">
        <v>2146821.8826092798</v>
      </c>
      <c r="AH263" s="107">
        <v>2147727.6270233402</v>
      </c>
      <c r="AI263" s="107">
        <v>2148419.1433345601</v>
      </c>
      <c r="AJ263" s="107">
        <v>2148700.3872354999</v>
      </c>
      <c r="AK263" s="107">
        <v>2148964.9429601501</v>
      </c>
      <c r="AL263" s="107">
        <v>2149147.2366921199</v>
      </c>
      <c r="AM263" s="107">
        <v>2149021.3729824</v>
      </c>
      <c r="AN263" s="107">
        <v>2149021.3729824</v>
      </c>
    </row>
    <row r="264" spans="1:40" x14ac:dyDescent="0.2">
      <c r="A264" s="133" t="s">
        <v>356</v>
      </c>
      <c r="B264" s="107">
        <v>2541725.0719229002</v>
      </c>
      <c r="C264" s="107">
        <v>2543666.8197384798</v>
      </c>
      <c r="D264" s="107">
        <v>2545607.9480490899</v>
      </c>
      <c r="E264" s="107">
        <v>2547415.4261726001</v>
      </c>
      <c r="F264" s="107">
        <v>2549074.0988057302</v>
      </c>
      <c r="G264" s="107">
        <v>2550300.4129185602</v>
      </c>
      <c r="H264" s="107">
        <v>2551638.8055410301</v>
      </c>
      <c r="I264" s="107">
        <v>2552801.9619050301</v>
      </c>
      <c r="J264" s="107">
        <v>2553615.6779852598</v>
      </c>
      <c r="K264" s="107">
        <v>2554599.3687320901</v>
      </c>
      <c r="L264" s="107">
        <v>2555677.3338095201</v>
      </c>
      <c r="M264" s="107">
        <v>2556888.17641111</v>
      </c>
      <c r="N264" s="107">
        <v>2556888.17641111</v>
      </c>
      <c r="O264" s="107">
        <v>2558948.9627820398</v>
      </c>
      <c r="P264" s="107">
        <v>2561537.2686793599</v>
      </c>
      <c r="Q264" s="107">
        <v>2564763.5626396099</v>
      </c>
      <c r="R264" s="107">
        <v>2568656.4811733798</v>
      </c>
      <c r="S264" s="107">
        <v>2573207.5436738799</v>
      </c>
      <c r="T264" s="107">
        <v>2578609.2135341698</v>
      </c>
      <c r="U264" s="107">
        <v>2584531.0907077799</v>
      </c>
      <c r="V264" s="107">
        <v>2591177.3230042201</v>
      </c>
      <c r="W264" s="107">
        <v>2598841.0224918202</v>
      </c>
      <c r="X264" s="107">
        <v>2606829.88328342</v>
      </c>
      <c r="Y264" s="107">
        <v>2615241.7989873998</v>
      </c>
      <c r="Z264" s="107">
        <v>2624201.4439632501</v>
      </c>
      <c r="AA264" s="107">
        <v>2624201.4439632501</v>
      </c>
      <c r="AB264" s="107">
        <v>2632361.91456343</v>
      </c>
      <c r="AC264" s="107">
        <v>2640618.7169943401</v>
      </c>
      <c r="AD264" s="107">
        <v>2648678.6969196801</v>
      </c>
      <c r="AE264" s="107">
        <v>2656209.68978483</v>
      </c>
      <c r="AF264" s="107">
        <v>2663263.19910132</v>
      </c>
      <c r="AG264" s="107">
        <v>2670185.4347640499</v>
      </c>
      <c r="AH264" s="107">
        <v>2676277.8490115502</v>
      </c>
      <c r="AI264" s="107">
        <v>2681903.07183574</v>
      </c>
      <c r="AJ264" s="107">
        <v>2687190.2134519299</v>
      </c>
      <c r="AK264" s="107">
        <v>2691854.0938668698</v>
      </c>
      <c r="AL264" s="107">
        <v>2695973.7219424401</v>
      </c>
      <c r="AM264" s="107">
        <v>2699482.9121448202</v>
      </c>
      <c r="AN264" s="107">
        <v>2699482.9121448202</v>
      </c>
    </row>
    <row r="265" spans="1:40" x14ac:dyDescent="0.2">
      <c r="A265" s="133" t="s">
        <v>357</v>
      </c>
      <c r="B265" s="107">
        <v>25081.481968960201</v>
      </c>
      <c r="C265" s="107">
        <v>24991.065566413701</v>
      </c>
      <c r="D265" s="107">
        <v>24897.2805239095</v>
      </c>
      <c r="E265" s="107">
        <v>24806.013873190099</v>
      </c>
      <c r="F265" s="107">
        <v>24715.429759582399</v>
      </c>
      <c r="G265" s="107">
        <v>24610.861235939599</v>
      </c>
      <c r="H265" s="107">
        <v>24520.0773555087</v>
      </c>
      <c r="I265" s="107">
        <v>24427.323983668699</v>
      </c>
      <c r="J265" s="107">
        <v>24321.5078017331</v>
      </c>
      <c r="K265" s="107">
        <v>24226.8139207473</v>
      </c>
      <c r="L265" s="107">
        <v>24138.544105893201</v>
      </c>
      <c r="M265" s="107">
        <v>24048.5755162924</v>
      </c>
      <c r="N265" s="107">
        <v>24048.5755162924</v>
      </c>
      <c r="O265" s="107">
        <v>23974.643417837</v>
      </c>
      <c r="P265" s="107">
        <v>23895.579473919101</v>
      </c>
      <c r="Q265" s="107">
        <v>23813.092608519099</v>
      </c>
      <c r="R265" s="107">
        <v>23734.240417287201</v>
      </c>
      <c r="S265" s="107">
        <v>23657.506279089601</v>
      </c>
      <c r="T265" s="107">
        <v>23571.0355663726</v>
      </c>
      <c r="U265" s="107">
        <v>23497.790656121499</v>
      </c>
      <c r="V265" s="107">
        <v>23424.8454072198</v>
      </c>
      <c r="W265" s="107">
        <v>23343.309032403598</v>
      </c>
      <c r="X265" s="107">
        <v>23271.930659174799</v>
      </c>
      <c r="Y265" s="107">
        <v>23206.8491875404</v>
      </c>
      <c r="Z265" s="107">
        <v>23140.305524689898</v>
      </c>
      <c r="AA265" s="107">
        <v>23140.305524689898</v>
      </c>
      <c r="AB265" s="107">
        <v>23083.678111070301</v>
      </c>
      <c r="AC265" s="107">
        <v>23021.771864159298</v>
      </c>
      <c r="AD265" s="107">
        <v>22954.010293030999</v>
      </c>
      <c r="AE265" s="107">
        <v>22886.336377078998</v>
      </c>
      <c r="AF265" s="107">
        <v>22817.458453479099</v>
      </c>
      <c r="AG265" s="107">
        <v>22736.376334878401</v>
      </c>
      <c r="AH265" s="107">
        <v>22663.634846608002</v>
      </c>
      <c r="AI265" s="107">
        <v>22587.315786269399</v>
      </c>
      <c r="AJ265" s="107">
        <v>22498.2727299045</v>
      </c>
      <c r="AK265" s="107">
        <v>22415.677813400202</v>
      </c>
      <c r="AL265" s="107">
        <v>22335.904569333099</v>
      </c>
      <c r="AM265" s="107">
        <v>22250.236998518099</v>
      </c>
      <c r="AN265" s="107">
        <v>22250.236998518099</v>
      </c>
    </row>
    <row r="266" spans="1:40" x14ac:dyDescent="0.2">
      <c r="A266" s="133" t="s">
        <v>358</v>
      </c>
      <c r="B266" s="107">
        <v>27269339.013370302</v>
      </c>
      <c r="C266" s="107">
        <v>27310398.453635301</v>
      </c>
      <c r="D266" s="107">
        <v>27351457.893900301</v>
      </c>
      <c r="E266" s="107">
        <v>27392517.334165201</v>
      </c>
      <c r="F266" s="107">
        <v>27433576.7744302</v>
      </c>
      <c r="G266" s="107">
        <v>27474636.2146952</v>
      </c>
      <c r="H266" s="107">
        <v>27515695.6549602</v>
      </c>
      <c r="I266" s="107">
        <v>27556755.0952252</v>
      </c>
      <c r="J266" s="107">
        <v>27597814.535490099</v>
      </c>
      <c r="K266" s="107">
        <v>27638873.975755099</v>
      </c>
      <c r="L266" s="107">
        <v>27679933.416020099</v>
      </c>
      <c r="M266" s="107">
        <v>27720992.856285099</v>
      </c>
      <c r="N266" s="107">
        <v>27720992.856285099</v>
      </c>
      <c r="O266" s="107">
        <v>27760386.754212301</v>
      </c>
      <c r="P266" s="107">
        <v>27799780.6521395</v>
      </c>
      <c r="Q266" s="107">
        <v>27839174.550066799</v>
      </c>
      <c r="R266" s="107">
        <v>27878568.447994001</v>
      </c>
      <c r="S266" s="107">
        <v>27917962.3459212</v>
      </c>
      <c r="T266" s="107">
        <v>27957356.243848499</v>
      </c>
      <c r="U266" s="107">
        <v>27996750.141775701</v>
      </c>
      <c r="V266" s="107">
        <v>28036144.0397029</v>
      </c>
      <c r="W266" s="107">
        <v>28075537.937630199</v>
      </c>
      <c r="X266" s="107">
        <v>28114931.835557401</v>
      </c>
      <c r="Y266" s="107">
        <v>28154325.7334846</v>
      </c>
      <c r="Z266" s="107">
        <v>28193719.631411899</v>
      </c>
      <c r="AA266" s="107">
        <v>28193719.631411899</v>
      </c>
      <c r="AB266" s="107">
        <v>28229999.536002699</v>
      </c>
      <c r="AC266" s="107">
        <v>28266279.4405936</v>
      </c>
      <c r="AD266" s="107">
        <v>28302559.345184401</v>
      </c>
      <c r="AE266" s="107">
        <v>28338839.249775302</v>
      </c>
      <c r="AF266" s="107">
        <v>28375119.154366098</v>
      </c>
      <c r="AG266" s="107">
        <v>28411399.058956999</v>
      </c>
      <c r="AH266" s="107">
        <v>28447678.9635479</v>
      </c>
      <c r="AI266" s="107">
        <v>28483958.868138701</v>
      </c>
      <c r="AJ266" s="107">
        <v>28520238.772729602</v>
      </c>
      <c r="AK266" s="107">
        <v>28556518.677320398</v>
      </c>
      <c r="AL266" s="107">
        <v>28592798.581911299</v>
      </c>
      <c r="AM266" s="107">
        <v>28629078.4865021</v>
      </c>
      <c r="AN266" s="107">
        <v>28629078.4865021</v>
      </c>
    </row>
    <row r="267" spans="1:40" x14ac:dyDescent="0.2">
      <c r="A267" s="133" t="s">
        <v>359</v>
      </c>
    </row>
    <row r="268" spans="1:40" x14ac:dyDescent="0.2">
      <c r="A268" s="133" t="s">
        <v>360</v>
      </c>
      <c r="B268" s="107">
        <v>4747640.2793971803</v>
      </c>
      <c r="C268" s="107">
        <v>4770657.3953477498</v>
      </c>
      <c r="D268" s="107">
        <v>4793731.6947426302</v>
      </c>
      <c r="E268" s="107">
        <v>4813938.18502218</v>
      </c>
      <c r="F268" s="107">
        <v>4835740.59668246</v>
      </c>
      <c r="G268" s="107">
        <v>4843197.6673011295</v>
      </c>
      <c r="H268" s="107">
        <v>4847056.8255435396</v>
      </c>
      <c r="I268" s="107">
        <v>4850412.4993830603</v>
      </c>
      <c r="J268" s="107">
        <v>4857644.3747485997</v>
      </c>
      <c r="K268" s="107">
        <v>4872153.4416539203</v>
      </c>
      <c r="L268" s="107">
        <v>4879952.5954877697</v>
      </c>
      <c r="M268" s="107">
        <v>4884405.0893968204</v>
      </c>
      <c r="N268" s="107">
        <v>4884405.0893968204</v>
      </c>
      <c r="O268" s="107">
        <v>4902786.7592626503</v>
      </c>
      <c r="P268" s="107">
        <v>4918172.8580288198</v>
      </c>
      <c r="Q268" s="107">
        <v>4934345.8615721799</v>
      </c>
      <c r="R268" s="107">
        <v>4944279.6811573096</v>
      </c>
      <c r="S268" s="107">
        <v>4958192.8340209303</v>
      </c>
      <c r="T268" s="107">
        <v>4942142.6503043603</v>
      </c>
      <c r="U268" s="107">
        <v>4919813.42227316</v>
      </c>
      <c r="V268" s="107">
        <v>4897622.3642022898</v>
      </c>
      <c r="W268" s="107">
        <v>4885236.41439059</v>
      </c>
      <c r="X268" s="107">
        <v>4887855.4128801599</v>
      </c>
      <c r="Y268" s="107">
        <v>4880674.3279571403</v>
      </c>
      <c r="Z268" s="107">
        <v>4873440.3280800898</v>
      </c>
      <c r="AA268" s="107">
        <v>4873440.3280800898</v>
      </c>
      <c r="AB268" s="107">
        <v>4886458.2513571</v>
      </c>
      <c r="AC268" s="107">
        <v>4897293.07023165</v>
      </c>
      <c r="AD268" s="107">
        <v>4910235.2153824102</v>
      </c>
      <c r="AE268" s="107">
        <v>4919537.4933550097</v>
      </c>
      <c r="AF268" s="107">
        <v>4933223.9647354595</v>
      </c>
      <c r="AG268" s="107">
        <v>4932179.8403947502</v>
      </c>
      <c r="AH268" s="107">
        <v>4932829.3435937501</v>
      </c>
      <c r="AI268" s="107">
        <v>4938196.7315449296</v>
      </c>
      <c r="AJ268" s="107">
        <v>4950074.6614287999</v>
      </c>
      <c r="AK268" s="107">
        <v>4967082.25686864</v>
      </c>
      <c r="AL268" s="107">
        <v>4984786.1377218496</v>
      </c>
      <c r="AM268" s="107">
        <v>5005273.3925647903</v>
      </c>
      <c r="AN268" s="107">
        <v>5005273.3925647903</v>
      </c>
    </row>
    <row r="269" spans="1:40" x14ac:dyDescent="0.2">
      <c r="A269" s="133" t="s">
        <v>361</v>
      </c>
      <c r="B269" s="107">
        <v>2313634.41455505</v>
      </c>
      <c r="C269" s="107">
        <v>2329798.71966941</v>
      </c>
      <c r="D269" s="107">
        <v>2345766.8970828499</v>
      </c>
      <c r="E269" s="107">
        <v>2365046.8702537599</v>
      </c>
      <c r="F269" s="107">
        <v>2382381.7605275</v>
      </c>
      <c r="G269" s="107">
        <v>2416074.2718604798</v>
      </c>
      <c r="H269" s="107">
        <v>2453629.2554279398</v>
      </c>
      <c r="I269" s="107">
        <v>2491528.4752657898</v>
      </c>
      <c r="J269" s="107">
        <v>2524850.5674611698</v>
      </c>
      <c r="K269" s="107">
        <v>2549971.82734391</v>
      </c>
      <c r="L269" s="107">
        <v>2582277.5352156302</v>
      </c>
      <c r="M269" s="107">
        <v>2617885.0735903801</v>
      </c>
      <c r="N269" s="107">
        <v>2617885.0735903801</v>
      </c>
      <c r="O269" s="107">
        <v>2636873.9604387302</v>
      </c>
      <c r="P269" s="107">
        <v>2658976.3749390999</v>
      </c>
      <c r="Q269" s="107">
        <v>2680195.0870059901</v>
      </c>
      <c r="R269" s="107">
        <v>2707867.9991884101</v>
      </c>
      <c r="S269" s="107">
        <v>2731345.81349569</v>
      </c>
      <c r="T269" s="107">
        <v>2785673.0565896598</v>
      </c>
      <c r="U269" s="107">
        <v>2846252.2969917799</v>
      </c>
      <c r="V269" s="107">
        <v>2906485.9401089698</v>
      </c>
      <c r="W269" s="107">
        <v>2956564.0203957902</v>
      </c>
      <c r="X269" s="107">
        <v>2991305.07055865</v>
      </c>
      <c r="Y269" s="107">
        <v>3035902.78348102</v>
      </c>
      <c r="Z269" s="107">
        <v>3080494.9503641399</v>
      </c>
      <c r="AA269" s="107">
        <v>3080494.9503641399</v>
      </c>
      <c r="AB269" s="107">
        <v>3101690.4710043799</v>
      </c>
      <c r="AC269" s="107">
        <v>3125098.5213408</v>
      </c>
      <c r="AD269" s="107">
        <v>3146411.84833299</v>
      </c>
      <c r="AE269" s="107">
        <v>3171484.1823570998</v>
      </c>
      <c r="AF269" s="107">
        <v>3192135.2199676898</v>
      </c>
      <c r="AG269" s="107">
        <v>3228132.4706647601</v>
      </c>
      <c r="AH269" s="107">
        <v>3262665.4829679602</v>
      </c>
      <c r="AI269" s="107">
        <v>3292578.4658625</v>
      </c>
      <c r="AJ269" s="107">
        <v>3315830.5020701201</v>
      </c>
      <c r="AK269" s="107">
        <v>3333613.1174010602</v>
      </c>
      <c r="AL269" s="107">
        <v>3351062.0213780599</v>
      </c>
      <c r="AM269" s="107">
        <v>3365884.2471089698</v>
      </c>
      <c r="AN269" s="107">
        <v>3365884.2471089698</v>
      </c>
    </row>
    <row r="270" spans="1:40" x14ac:dyDescent="0.2">
      <c r="A270" s="133" t="s">
        <v>362</v>
      </c>
      <c r="B270" s="107">
        <v>669896.35542511404</v>
      </c>
      <c r="C270" s="107">
        <v>672872.422725335</v>
      </c>
      <c r="D270" s="107">
        <v>675987.43428217003</v>
      </c>
      <c r="E270" s="107">
        <v>678658.45919685904</v>
      </c>
      <c r="F270" s="107">
        <v>681678.64562798501</v>
      </c>
      <c r="G270" s="107">
        <v>682686.55204149801</v>
      </c>
      <c r="H270" s="107">
        <v>683429.89859677805</v>
      </c>
      <c r="I270" s="107">
        <v>684332.493284564</v>
      </c>
      <c r="J270" s="107">
        <v>685936.01408880099</v>
      </c>
      <c r="K270" s="107">
        <v>688463.17566589499</v>
      </c>
      <c r="L270" s="107">
        <v>690515.80232547002</v>
      </c>
      <c r="M270" s="107">
        <v>692613.25840682897</v>
      </c>
      <c r="N270" s="107">
        <v>692613.25840682897</v>
      </c>
      <c r="O270" s="107">
        <v>695690.10630429594</v>
      </c>
      <c r="P270" s="107">
        <v>698648.99764940201</v>
      </c>
      <c r="Q270" s="107">
        <v>701704.68665079505</v>
      </c>
      <c r="R270" s="107">
        <v>704545.35949488496</v>
      </c>
      <c r="S270" s="107">
        <v>707601.79693564004</v>
      </c>
      <c r="T270" s="107">
        <v>709772.14216987602</v>
      </c>
      <c r="U270" s="107">
        <v>711969.53441060195</v>
      </c>
      <c r="V270" s="107">
        <v>714374.35397592001</v>
      </c>
      <c r="W270" s="107">
        <v>717129.62811245804</v>
      </c>
      <c r="X270" s="107">
        <v>720216.98407166195</v>
      </c>
      <c r="Y270" s="107">
        <v>723247.76068395504</v>
      </c>
      <c r="Z270" s="107">
        <v>726336.99828953401</v>
      </c>
      <c r="AA270" s="107">
        <v>726336.99828953401</v>
      </c>
      <c r="AB270" s="107">
        <v>729373.68846587196</v>
      </c>
      <c r="AC270" s="107">
        <v>732380.95334847097</v>
      </c>
      <c r="AD270" s="107">
        <v>735375.61529910297</v>
      </c>
      <c r="AE270" s="107">
        <v>738251.13739597797</v>
      </c>
      <c r="AF270" s="107">
        <v>741163.76249852299</v>
      </c>
      <c r="AG270" s="107">
        <v>743460.77023574396</v>
      </c>
      <c r="AH270" s="107">
        <v>745528.38882713194</v>
      </c>
      <c r="AI270" s="107">
        <v>747498.152074988</v>
      </c>
      <c r="AJ270" s="107">
        <v>749618.32007708098</v>
      </c>
      <c r="AK270" s="107">
        <v>752078.24339988304</v>
      </c>
      <c r="AL270" s="107">
        <v>754175.59266326204</v>
      </c>
      <c r="AM270" s="107">
        <v>756116.24618298502</v>
      </c>
      <c r="AN270" s="107">
        <v>756116.24618298502</v>
      </c>
    </row>
    <row r="271" spans="1:40" x14ac:dyDescent="0.2">
      <c r="A271" s="133" t="s">
        <v>363</v>
      </c>
      <c r="B271" s="107">
        <v>7731171.0493773399</v>
      </c>
      <c r="C271" s="107">
        <v>7773328.5377425002</v>
      </c>
      <c r="D271" s="107">
        <v>7815486.0261076503</v>
      </c>
      <c r="E271" s="107">
        <v>7857643.5144728003</v>
      </c>
      <c r="F271" s="107">
        <v>7899801.0028379597</v>
      </c>
      <c r="G271" s="107">
        <v>7941958.4912031097</v>
      </c>
      <c r="H271" s="107">
        <v>7984115.97956827</v>
      </c>
      <c r="I271" s="107">
        <v>8026273.4679334201</v>
      </c>
      <c r="J271" s="107">
        <v>8068430.9562985701</v>
      </c>
      <c r="K271" s="107">
        <v>8110588.4446637304</v>
      </c>
      <c r="L271" s="107">
        <v>8152745.9330288796</v>
      </c>
      <c r="M271" s="107">
        <v>8194903.4213940399</v>
      </c>
      <c r="N271" s="107">
        <v>8194903.4213940399</v>
      </c>
      <c r="O271" s="107">
        <v>8235350.8260056796</v>
      </c>
      <c r="P271" s="107">
        <v>8275798.2306173202</v>
      </c>
      <c r="Q271" s="107">
        <v>8316245.6352289701</v>
      </c>
      <c r="R271" s="107">
        <v>8356693.0398406098</v>
      </c>
      <c r="S271" s="107">
        <v>8397140.4444522597</v>
      </c>
      <c r="T271" s="107">
        <v>8437587.8490638994</v>
      </c>
      <c r="U271" s="107">
        <v>8478035.2536755502</v>
      </c>
      <c r="V271" s="107">
        <v>8518482.6582871899</v>
      </c>
      <c r="W271" s="107">
        <v>8558930.0628988296</v>
      </c>
      <c r="X271" s="107">
        <v>8599377.4675104804</v>
      </c>
      <c r="Y271" s="107">
        <v>8639824.8721221201</v>
      </c>
      <c r="Z271" s="107">
        <v>8680272.2767337691</v>
      </c>
      <c r="AA271" s="107">
        <v>8680272.2767337691</v>
      </c>
      <c r="AB271" s="107">
        <v>8717522.4108273499</v>
      </c>
      <c r="AC271" s="107">
        <v>8754772.5449209306</v>
      </c>
      <c r="AD271" s="107">
        <v>8792022.6790145095</v>
      </c>
      <c r="AE271" s="107">
        <v>8829272.8131080996</v>
      </c>
      <c r="AF271" s="107">
        <v>8866522.9472016804</v>
      </c>
      <c r="AG271" s="107">
        <v>8903773.0812952593</v>
      </c>
      <c r="AH271" s="107">
        <v>8941023.2153888401</v>
      </c>
      <c r="AI271" s="107">
        <v>8978273.3494824301</v>
      </c>
      <c r="AJ271" s="107">
        <v>9015523.4835759997</v>
      </c>
      <c r="AK271" s="107">
        <v>9052773.6176695898</v>
      </c>
      <c r="AL271" s="107">
        <v>9090023.7517631706</v>
      </c>
      <c r="AM271" s="107">
        <v>9127273.8858567495</v>
      </c>
      <c r="AN271" s="107">
        <v>9127273.8858567495</v>
      </c>
    </row>
    <row r="272" spans="1:40" x14ac:dyDescent="0.2">
      <c r="A272" s="133" t="s">
        <v>364</v>
      </c>
    </row>
    <row r="273" spans="1:40" x14ac:dyDescent="0.2">
      <c r="A273" s="133" t="s">
        <v>365</v>
      </c>
      <c r="B273" s="107">
        <v>206178.08</v>
      </c>
      <c r="C273" s="107">
        <v>206178.08</v>
      </c>
      <c r="D273" s="107">
        <v>206178.079999999</v>
      </c>
      <c r="E273" s="107">
        <v>206178.08</v>
      </c>
      <c r="F273" s="107">
        <v>206178.079999999</v>
      </c>
      <c r="G273" s="107">
        <v>206178.079999999</v>
      </c>
      <c r="H273" s="107">
        <v>206178.08</v>
      </c>
      <c r="I273" s="107">
        <v>206178.08</v>
      </c>
      <c r="J273" s="107">
        <v>206178.08</v>
      </c>
      <c r="K273" s="107">
        <v>206178.08</v>
      </c>
      <c r="L273" s="107">
        <v>206178.08</v>
      </c>
      <c r="M273" s="107">
        <v>206178.08</v>
      </c>
      <c r="N273" s="107">
        <v>206178.08</v>
      </c>
      <c r="O273" s="107">
        <v>206178.08</v>
      </c>
      <c r="P273" s="107">
        <v>206178.08</v>
      </c>
      <c r="Q273" s="107">
        <v>206178.079999999</v>
      </c>
      <c r="R273" s="107">
        <v>206178.08</v>
      </c>
      <c r="S273" s="107">
        <v>206178.079999999</v>
      </c>
      <c r="T273" s="107">
        <v>206178.079999999</v>
      </c>
      <c r="U273" s="107">
        <v>206178.08</v>
      </c>
      <c r="V273" s="107">
        <v>206178.08</v>
      </c>
      <c r="W273" s="107">
        <v>206178.08</v>
      </c>
      <c r="X273" s="107">
        <v>206178.08</v>
      </c>
      <c r="Y273" s="107">
        <v>206178.08</v>
      </c>
      <c r="Z273" s="107">
        <v>206178.08</v>
      </c>
      <c r="AA273" s="107">
        <v>206178.08</v>
      </c>
      <c r="AB273" s="107">
        <v>206178.08</v>
      </c>
      <c r="AC273" s="107">
        <v>206178.08</v>
      </c>
      <c r="AD273" s="107">
        <v>206178.079999999</v>
      </c>
      <c r="AE273" s="107">
        <v>206178.08</v>
      </c>
      <c r="AF273" s="107">
        <v>206178.079999999</v>
      </c>
      <c r="AG273" s="107">
        <v>206178.079999999</v>
      </c>
      <c r="AH273" s="107">
        <v>206178.08</v>
      </c>
      <c r="AI273" s="107">
        <v>206178.08</v>
      </c>
      <c r="AJ273" s="107">
        <v>206178.08</v>
      </c>
      <c r="AK273" s="107">
        <v>206178.08</v>
      </c>
      <c r="AL273" s="107">
        <v>206178.08</v>
      </c>
      <c r="AM273" s="107">
        <v>206178.08</v>
      </c>
      <c r="AN273" s="107">
        <v>206178.08</v>
      </c>
    </row>
    <row r="274" spans="1:40" x14ac:dyDescent="0.2">
      <c r="A274" s="133" t="s">
        <v>366</v>
      </c>
    </row>
    <row r="275" spans="1:40" x14ac:dyDescent="0.2">
      <c r="A275" s="133" t="s">
        <v>367</v>
      </c>
      <c r="B275" s="107">
        <v>8004618.9100905396</v>
      </c>
      <c r="C275" s="107">
        <v>7890947.7652740302</v>
      </c>
      <c r="D275" s="107">
        <v>7775777.62045753</v>
      </c>
      <c r="E275" s="107">
        <v>7660607.4756410299</v>
      </c>
      <c r="F275" s="107">
        <v>7696573.3308245298</v>
      </c>
      <c r="G275" s="107">
        <v>7732539.1860080203</v>
      </c>
      <c r="H275" s="107">
        <v>7768505.0411915202</v>
      </c>
      <c r="I275" s="107">
        <v>7804470.89637502</v>
      </c>
      <c r="J275" s="107">
        <v>7689300.7515585097</v>
      </c>
      <c r="K275" s="107">
        <v>7574130.6067420105</v>
      </c>
      <c r="L275" s="107">
        <v>7458960.4619255103</v>
      </c>
      <c r="M275" s="107">
        <v>7343790.3171089999</v>
      </c>
      <c r="N275" s="107">
        <v>7343790.3171089999</v>
      </c>
      <c r="O275" s="107">
        <v>7362035.3917284803</v>
      </c>
      <c r="P275" s="107">
        <v>7380280.4663479496</v>
      </c>
      <c r="Q275" s="107">
        <v>7398525.5409674197</v>
      </c>
      <c r="R275" s="107">
        <v>7416770.6155868899</v>
      </c>
      <c r="S275" s="107">
        <v>7435015.6902063601</v>
      </c>
      <c r="T275" s="107">
        <v>7453260.7648258302</v>
      </c>
      <c r="U275" s="107">
        <v>7471505.8394453004</v>
      </c>
      <c r="V275" s="107">
        <v>7489750.9140647696</v>
      </c>
      <c r="W275" s="107">
        <v>7507995.9886842398</v>
      </c>
      <c r="X275" s="107">
        <v>7526241.06330371</v>
      </c>
      <c r="Y275" s="107">
        <v>7544486.1379231801</v>
      </c>
      <c r="Z275" s="107">
        <v>7562731.2125426503</v>
      </c>
      <c r="AA275" s="107">
        <v>7562731.2125426503</v>
      </c>
      <c r="AB275" s="107">
        <v>7580547.5089287898</v>
      </c>
      <c r="AC275" s="107">
        <v>7598363.8053149404</v>
      </c>
      <c r="AD275" s="107">
        <v>7616180.1017010799</v>
      </c>
      <c r="AE275" s="107">
        <v>7633996.3980872203</v>
      </c>
      <c r="AF275" s="107">
        <v>7651812.69447337</v>
      </c>
      <c r="AG275" s="107">
        <v>7669628.9908595104</v>
      </c>
      <c r="AH275" s="107">
        <v>7687445.2872456601</v>
      </c>
      <c r="AI275" s="107">
        <v>7705261.5836317996</v>
      </c>
      <c r="AJ275" s="107">
        <v>7723077.88001794</v>
      </c>
      <c r="AK275" s="107">
        <v>7740894.1764040897</v>
      </c>
      <c r="AL275" s="107">
        <v>7758710.4727902301</v>
      </c>
      <c r="AM275" s="107">
        <v>7776526.7691763705</v>
      </c>
      <c r="AN275" s="107">
        <v>7776526.7691763705</v>
      </c>
    </row>
    <row r="276" spans="1:40" x14ac:dyDescent="0.2">
      <c r="A276" s="133" t="s">
        <v>368</v>
      </c>
    </row>
    <row r="277" spans="1:40" x14ac:dyDescent="0.2">
      <c r="A277" s="133" t="s">
        <v>369</v>
      </c>
      <c r="B277" s="107">
        <v>3270272.0822668201</v>
      </c>
      <c r="C277" s="107">
        <v>3135528.4873726401</v>
      </c>
      <c r="D277" s="107">
        <v>3000830.0721004698</v>
      </c>
      <c r="E277" s="107">
        <v>2866131.6568282899</v>
      </c>
      <c r="F277" s="107">
        <v>2731799.9980361201</v>
      </c>
      <c r="G277" s="107">
        <v>2597101.5827639401</v>
      </c>
      <c r="H277" s="107">
        <v>2462403.1674917601</v>
      </c>
      <c r="I277" s="107">
        <v>2327704.7522195899</v>
      </c>
      <c r="J277" s="107">
        <v>2193006.3369474099</v>
      </c>
      <c r="K277" s="107">
        <v>2058307.9216752399</v>
      </c>
      <c r="L277" s="107">
        <v>1923976.2628830599</v>
      </c>
      <c r="M277" s="107">
        <v>1789290.88376588</v>
      </c>
      <c r="N277" s="107">
        <v>1789290.88376588</v>
      </c>
      <c r="O277" s="107">
        <v>1783637.4399218501</v>
      </c>
      <c r="P277" s="107">
        <v>1777983.99607782</v>
      </c>
      <c r="Q277" s="107">
        <v>1772330.55223378</v>
      </c>
      <c r="R277" s="107">
        <v>1766677.1083897499</v>
      </c>
      <c r="S277" s="107">
        <v>1761023.66454572</v>
      </c>
      <c r="T277" s="107">
        <v>1755370.2207016901</v>
      </c>
      <c r="U277" s="107">
        <v>1749716.7768576499</v>
      </c>
      <c r="V277" s="107">
        <v>1744063.33301362</v>
      </c>
      <c r="W277" s="107">
        <v>1738409.8891695901</v>
      </c>
      <c r="X277" s="107">
        <v>1732756.4453255499</v>
      </c>
      <c r="Y277" s="107">
        <v>1727103.00148152</v>
      </c>
      <c r="Z277" s="107">
        <v>1721449.5576374901</v>
      </c>
      <c r="AA277" s="107">
        <v>1721449.5576374901</v>
      </c>
      <c r="AB277" s="107">
        <v>1711595.4784692901</v>
      </c>
      <c r="AC277" s="107">
        <v>1701741.39930109</v>
      </c>
      <c r="AD277" s="107">
        <v>1691887.3201329</v>
      </c>
      <c r="AE277" s="107">
        <v>1682033.2409647</v>
      </c>
      <c r="AF277" s="107">
        <v>1672179.1617965</v>
      </c>
      <c r="AG277" s="107">
        <v>1662325.08262831</v>
      </c>
      <c r="AH277" s="107">
        <v>1652471.0034601099</v>
      </c>
      <c r="AI277" s="107">
        <v>1642616.9242919199</v>
      </c>
      <c r="AJ277" s="107">
        <v>1632762.8451237199</v>
      </c>
      <c r="AK277" s="107">
        <v>1622908.7659555201</v>
      </c>
      <c r="AL277" s="107">
        <v>1613054.6867873301</v>
      </c>
      <c r="AM277" s="107">
        <v>1603200.6076191301</v>
      </c>
      <c r="AN277" s="107">
        <v>1603200.6076191301</v>
      </c>
    </row>
    <row r="278" spans="1:40" x14ac:dyDescent="0.2">
      <c r="A278" s="133" t="s">
        <v>370</v>
      </c>
    </row>
    <row r="279" spans="1:40" x14ac:dyDescent="0.2">
      <c r="A279" s="133" t="s">
        <v>371</v>
      </c>
      <c r="B279" s="107">
        <v>567476.82541230496</v>
      </c>
      <c r="C279" s="107">
        <v>567353.67531741899</v>
      </c>
      <c r="D279" s="107">
        <v>567211.47409319598</v>
      </c>
      <c r="E279" s="107">
        <v>567057.72752859001</v>
      </c>
      <c r="F279" s="107">
        <v>566891.32348455896</v>
      </c>
      <c r="G279" s="107">
        <v>566626.47100455</v>
      </c>
      <c r="H279" s="107">
        <v>566437.65623088903</v>
      </c>
      <c r="I279" s="107">
        <v>566235.96580786398</v>
      </c>
      <c r="J279" s="107">
        <v>566017.517102957</v>
      </c>
      <c r="K279" s="107">
        <v>549354.70743010403</v>
      </c>
      <c r="L279" s="107">
        <v>549096.57495850499</v>
      </c>
      <c r="M279" s="107">
        <v>548662.22481384699</v>
      </c>
      <c r="N279" s="107">
        <v>548662.22481384699</v>
      </c>
      <c r="O279" s="107">
        <v>548346.82137758099</v>
      </c>
      <c r="P279" s="107">
        <v>548016.112832541</v>
      </c>
      <c r="Q279" s="107">
        <v>547668.72627572902</v>
      </c>
      <c r="R279" s="107">
        <v>547306.81300437194</v>
      </c>
      <c r="S279" s="107">
        <v>546927.88162615499</v>
      </c>
      <c r="T279" s="107">
        <v>546339.70006804902</v>
      </c>
      <c r="U279" s="107">
        <v>545930.09638335195</v>
      </c>
      <c r="V279" s="107">
        <v>545501.95888214605</v>
      </c>
      <c r="W279" s="107">
        <v>545064.04091334995</v>
      </c>
      <c r="X279" s="107">
        <v>513851.59432792902</v>
      </c>
      <c r="Y279" s="107">
        <v>513397.95435136999</v>
      </c>
      <c r="Z279" s="107">
        <v>512753.52934472897</v>
      </c>
      <c r="AA279" s="107">
        <v>512753.52934472897</v>
      </c>
      <c r="AB279" s="107">
        <v>512353.10919859301</v>
      </c>
      <c r="AC279" s="107">
        <v>511985.39339390298</v>
      </c>
      <c r="AD279" s="107">
        <v>511654.388830379</v>
      </c>
      <c r="AE279" s="107">
        <v>511360.706925762</v>
      </c>
      <c r="AF279" s="107">
        <v>511102.11442593799</v>
      </c>
      <c r="AG279" s="107">
        <v>510770.80422729702</v>
      </c>
      <c r="AH279" s="107">
        <v>510585.68136298598</v>
      </c>
      <c r="AI279" s="107">
        <v>510436.054553942</v>
      </c>
      <c r="AJ279" s="107">
        <v>510323.15284590999</v>
      </c>
      <c r="AK279" s="107">
        <v>504611.57242859597</v>
      </c>
      <c r="AL279" s="107">
        <v>504561.61022690102</v>
      </c>
      <c r="AM279" s="107">
        <v>504546.95769513201</v>
      </c>
      <c r="AN279" s="107">
        <v>504546.95769513201</v>
      </c>
    </row>
    <row r="280" spans="1:40" x14ac:dyDescent="0.2">
      <c r="A280" s="133" t="s">
        <v>372</v>
      </c>
      <c r="B280" s="107">
        <v>278037.37120006699</v>
      </c>
      <c r="C280" s="107">
        <v>278189.91808551602</v>
      </c>
      <c r="D280" s="107">
        <v>278359.03671780002</v>
      </c>
      <c r="E280" s="107">
        <v>278540.136474517</v>
      </c>
      <c r="F280" s="107">
        <v>278734.44780159497</v>
      </c>
      <c r="G280" s="107">
        <v>279041.64370234997</v>
      </c>
      <c r="H280" s="107">
        <v>279258.92054370401</v>
      </c>
      <c r="I280" s="107">
        <v>279489.34199602599</v>
      </c>
      <c r="J280" s="107">
        <v>279735.741596154</v>
      </c>
      <c r="K280" s="107">
        <v>298276.45660253102</v>
      </c>
      <c r="L280" s="107">
        <v>298560.02021536202</v>
      </c>
      <c r="M280" s="107">
        <v>299025.72536696302</v>
      </c>
      <c r="N280" s="107">
        <v>299025.72536696302</v>
      </c>
      <c r="O280" s="107">
        <v>299355.35208738799</v>
      </c>
      <c r="P280" s="107">
        <v>299694.00888978801</v>
      </c>
      <c r="Q280" s="107">
        <v>300043.044022594</v>
      </c>
      <c r="R280" s="107">
        <v>300400.97629257402</v>
      </c>
      <c r="S280" s="107">
        <v>300770.32687181799</v>
      </c>
      <c r="T280" s="107">
        <v>301335.59336909401</v>
      </c>
      <c r="U280" s="107">
        <v>301724.21452820901</v>
      </c>
      <c r="V280" s="107">
        <v>302125.66326264699</v>
      </c>
      <c r="W280" s="107">
        <v>302531.73728820501</v>
      </c>
      <c r="X280" s="107">
        <v>331182.04566211102</v>
      </c>
      <c r="Y280" s="107">
        <v>331594.26345457899</v>
      </c>
      <c r="Z280" s="107">
        <v>332172.336327528</v>
      </c>
      <c r="AA280" s="107">
        <v>332172.336327528</v>
      </c>
      <c r="AB280" s="107">
        <v>332527.20404099597</v>
      </c>
      <c r="AC280" s="107">
        <v>332850.83915584697</v>
      </c>
      <c r="AD280" s="107">
        <v>333141.47616928199</v>
      </c>
      <c r="AE280" s="107">
        <v>333398.75272526301</v>
      </c>
      <c r="AF280" s="107">
        <v>333624.70396801003</v>
      </c>
      <c r="AG280" s="107">
        <v>333913.26331563701</v>
      </c>
      <c r="AH280" s="107">
        <v>334074.03581798699</v>
      </c>
      <c r="AI280" s="107">
        <v>334203.44436132797</v>
      </c>
      <c r="AJ280" s="107">
        <v>334300.43916318298</v>
      </c>
      <c r="AK280" s="107">
        <v>339178.02933529002</v>
      </c>
      <c r="AL280" s="107">
        <v>339220.23087727599</v>
      </c>
      <c r="AM280" s="107">
        <v>339230.92878500302</v>
      </c>
      <c r="AN280" s="107">
        <v>339230.92878500302</v>
      </c>
    </row>
    <row r="281" spans="1:40" x14ac:dyDescent="0.2">
      <c r="A281" s="133" t="s">
        <v>373</v>
      </c>
      <c r="B281" s="107">
        <v>79886.058642058299</v>
      </c>
      <c r="C281" s="107">
        <v>79856.141660484296</v>
      </c>
      <c r="D281" s="107">
        <v>79828.305036191698</v>
      </c>
      <c r="E281" s="107">
        <v>79801.368409363698</v>
      </c>
      <c r="F281" s="107">
        <v>79775.116860279901</v>
      </c>
      <c r="G281" s="107">
        <v>79736.993466262997</v>
      </c>
      <c r="H281" s="107">
        <v>79712.037865048595</v>
      </c>
      <c r="I281" s="107">
        <v>79687.465440719898</v>
      </c>
      <c r="J281" s="107">
        <v>79663.621646176805</v>
      </c>
      <c r="K281" s="107">
        <v>78040.184836548098</v>
      </c>
      <c r="L281" s="107">
        <v>78017.727086537794</v>
      </c>
      <c r="M281" s="107">
        <v>77986.7593130163</v>
      </c>
      <c r="N281" s="107">
        <v>77986.7593130163</v>
      </c>
      <c r="O281" s="107">
        <v>77967.066583599793</v>
      </c>
      <c r="P281" s="107">
        <v>77948.635471044705</v>
      </c>
      <c r="Q281" s="107">
        <v>77931.3919082215</v>
      </c>
      <c r="R281" s="107">
        <v>77915.167825158904</v>
      </c>
      <c r="S281" s="107">
        <v>77899.826916852893</v>
      </c>
      <c r="T281" s="107">
        <v>77878.554980631801</v>
      </c>
      <c r="U281" s="107">
        <v>77865.420743605806</v>
      </c>
      <c r="V281" s="107">
        <v>77853.296826481004</v>
      </c>
      <c r="W281" s="107">
        <v>77842.270340222094</v>
      </c>
      <c r="X281" s="107">
        <v>77131.344343077799</v>
      </c>
      <c r="Y281" s="107">
        <v>77122.050345117503</v>
      </c>
      <c r="Z281" s="107">
        <v>77109.516905456505</v>
      </c>
      <c r="AA281" s="107">
        <v>77109.516905456505</v>
      </c>
      <c r="AB281" s="107">
        <v>77101.254320714099</v>
      </c>
      <c r="AC281" s="107">
        <v>77093.230311749605</v>
      </c>
      <c r="AD281" s="107">
        <v>77084.593740143202</v>
      </c>
      <c r="AE281" s="107">
        <v>77075.308007294399</v>
      </c>
      <c r="AF281" s="107">
        <v>77065.282363934704</v>
      </c>
      <c r="AG281" s="107">
        <v>77049.308990955295</v>
      </c>
      <c r="AH281" s="107">
        <v>77037.788353055803</v>
      </c>
      <c r="AI281" s="107">
        <v>77025.332616540705</v>
      </c>
      <c r="AJ281" s="107">
        <v>77012.054898300295</v>
      </c>
      <c r="AK281" s="107">
        <v>76016.661458049493</v>
      </c>
      <c r="AL281" s="107">
        <v>76001.486975942302</v>
      </c>
      <c r="AM281" s="107">
        <v>75977.404191151494</v>
      </c>
      <c r="AN281" s="107">
        <v>75977.404191151494</v>
      </c>
    </row>
    <row r="282" spans="1:40" x14ac:dyDescent="0.2">
      <c r="A282" s="133" t="s">
        <v>374</v>
      </c>
      <c r="B282" s="107">
        <v>50657.4065849416</v>
      </c>
      <c r="C282" s="107">
        <v>50677.590226059401</v>
      </c>
      <c r="D282" s="107">
        <v>50697.5643757051</v>
      </c>
      <c r="E282" s="107">
        <v>50716.981967035703</v>
      </c>
      <c r="F282" s="107">
        <v>50736.0349569069</v>
      </c>
      <c r="G282" s="107">
        <v>50764.010947052797</v>
      </c>
      <c r="H282" s="107">
        <v>50782.746119649499</v>
      </c>
      <c r="I282" s="107">
        <v>50801.656864367302</v>
      </c>
      <c r="J282" s="107">
        <v>50820.904764162296</v>
      </c>
      <c r="K282" s="107">
        <v>52230.154607687997</v>
      </c>
      <c r="L282" s="107">
        <v>52251.248129542</v>
      </c>
      <c r="M282" s="107">
        <v>52284.988623744102</v>
      </c>
      <c r="N282" s="107">
        <v>52284.988623744102</v>
      </c>
      <c r="O282" s="107">
        <v>52301.649062541699</v>
      </c>
      <c r="P282" s="107">
        <v>52319.824149109103</v>
      </c>
      <c r="Q282" s="107">
        <v>52339.532269249998</v>
      </c>
      <c r="R282" s="107">
        <v>52360.375197417801</v>
      </c>
      <c r="S282" s="107">
        <v>52382.469622705903</v>
      </c>
      <c r="T282" s="107">
        <v>52417.132882583297</v>
      </c>
      <c r="U282" s="107">
        <v>52441.322344056498</v>
      </c>
      <c r="V282" s="107">
        <v>52466.636219729597</v>
      </c>
      <c r="W282" s="107">
        <v>52492.783828213702</v>
      </c>
      <c r="X282" s="107">
        <v>54374.777000124799</v>
      </c>
      <c r="Y282" s="107">
        <v>54402.354629767302</v>
      </c>
      <c r="Z282" s="107">
        <v>54444.049908313398</v>
      </c>
      <c r="AA282" s="107">
        <v>54444.049908313398</v>
      </c>
      <c r="AB282" s="107">
        <v>54472.006098806902</v>
      </c>
      <c r="AC282" s="107">
        <v>54499.675938326604</v>
      </c>
      <c r="AD282" s="107">
        <v>54526.592859812103</v>
      </c>
      <c r="AE282" s="107">
        <v>54552.712113622001</v>
      </c>
      <c r="AF282" s="107">
        <v>54578.229847042297</v>
      </c>
      <c r="AG282" s="107">
        <v>54615.157974916299</v>
      </c>
      <c r="AH282" s="107">
        <v>54639.104443814802</v>
      </c>
      <c r="AI282" s="107">
        <v>54662.434506608799</v>
      </c>
      <c r="AJ282" s="107">
        <v>54684.927846943501</v>
      </c>
      <c r="AK282" s="107">
        <v>56215.837624108797</v>
      </c>
      <c r="AL282" s="107">
        <v>56237.070494587802</v>
      </c>
      <c r="AM282" s="107">
        <v>56267.327396957699</v>
      </c>
      <c r="AN282" s="107">
        <v>56267.327396957699</v>
      </c>
    </row>
    <row r="283" spans="1:40" x14ac:dyDescent="0.2">
      <c r="A283" s="133" t="s">
        <v>375</v>
      </c>
      <c r="B283" s="107">
        <v>95149.241953794801</v>
      </c>
      <c r="C283" s="107">
        <v>95137.146010079901</v>
      </c>
      <c r="D283" s="107">
        <v>95125.659885571207</v>
      </c>
      <c r="E283" s="107">
        <v>95113.384114254193</v>
      </c>
      <c r="F283" s="107">
        <v>95100.278682134798</v>
      </c>
      <c r="G283" s="107">
        <v>95079.433402329494</v>
      </c>
      <c r="H283" s="107">
        <v>95064.798244253907</v>
      </c>
      <c r="I283" s="107">
        <v>95049.3944689973</v>
      </c>
      <c r="J283" s="107">
        <v>95033.6957306392</v>
      </c>
      <c r="K283" s="107">
        <v>93909.136990245999</v>
      </c>
      <c r="L283" s="107">
        <v>93892.812462140399</v>
      </c>
      <c r="M283" s="107">
        <v>93870.191882429193</v>
      </c>
      <c r="N283" s="107">
        <v>93870.191882429193</v>
      </c>
      <c r="O283" s="107">
        <v>93859.000888887502</v>
      </c>
      <c r="P283" s="107">
        <v>93851.308657516507</v>
      </c>
      <c r="Q283" s="107">
        <v>93847.195524205003</v>
      </c>
      <c r="R283" s="107">
        <v>93846.557680476195</v>
      </c>
      <c r="S283" s="107">
        <v>93849.3849624672</v>
      </c>
      <c r="T283" s="107">
        <v>93858.908699640393</v>
      </c>
      <c r="U283" s="107">
        <v>93868.836000775307</v>
      </c>
      <c r="V283" s="107">
        <v>93882.334808995001</v>
      </c>
      <c r="W283" s="107">
        <v>93899.057630008698</v>
      </c>
      <c r="X283" s="107">
        <v>95290.128666756806</v>
      </c>
      <c r="Y283" s="107">
        <v>95313.267219165995</v>
      </c>
      <c r="Z283" s="107">
        <v>95350.457513972302</v>
      </c>
      <c r="AA283" s="107">
        <v>95350.457513972302</v>
      </c>
      <c r="AB283" s="107">
        <v>95376.316340888705</v>
      </c>
      <c r="AC283" s="107">
        <v>95400.751200173399</v>
      </c>
      <c r="AD283" s="107">
        <v>95422.838400382796</v>
      </c>
      <c r="AE283" s="107">
        <v>95442.410228057997</v>
      </c>
      <c r="AF283" s="107">
        <v>95459.559395073898</v>
      </c>
      <c r="AG283" s="107">
        <v>95481.355491192895</v>
      </c>
      <c r="AH283" s="107">
        <v>95493.280022155493</v>
      </c>
      <c r="AI283" s="107">
        <v>95502.623961579506</v>
      </c>
      <c r="AJ283" s="107">
        <v>95509.315245662307</v>
      </c>
      <c r="AK283" s="107">
        <v>95807.789153954596</v>
      </c>
      <c r="AL283" s="107">
        <v>95809.491425292596</v>
      </c>
      <c r="AM283" s="107">
        <v>95807.271931754905</v>
      </c>
      <c r="AN283" s="107">
        <v>95807.271931754905</v>
      </c>
    </row>
    <row r="284" spans="1:40" x14ac:dyDescent="0.2">
      <c r="A284" s="133" t="s">
        <v>376</v>
      </c>
      <c r="B284" s="107">
        <v>1071206.9037931601</v>
      </c>
      <c r="C284" s="107">
        <v>1071214.47129955</v>
      </c>
      <c r="D284" s="107">
        <v>1071222.04010846</v>
      </c>
      <c r="E284" s="107">
        <v>1071229.59849376</v>
      </c>
      <c r="F284" s="107">
        <v>1071237.2017854699</v>
      </c>
      <c r="G284" s="107">
        <v>1071248.5525225401</v>
      </c>
      <c r="H284" s="107">
        <v>1071256.1590035399</v>
      </c>
      <c r="I284" s="107">
        <v>1071263.82457797</v>
      </c>
      <c r="J284" s="107">
        <v>1071271.48084009</v>
      </c>
      <c r="K284" s="107">
        <v>1071810.6404671101</v>
      </c>
      <c r="L284" s="107">
        <v>1071818.38285208</v>
      </c>
      <c r="M284" s="107">
        <v>1071829.8899999999</v>
      </c>
      <c r="N284" s="107">
        <v>1071829.8899999999</v>
      </c>
      <c r="O284" s="107">
        <v>1071829.8899999999</v>
      </c>
      <c r="P284" s="107">
        <v>1071829.8899999899</v>
      </c>
      <c r="Q284" s="107">
        <v>1071829.8899999899</v>
      </c>
      <c r="R284" s="107">
        <v>1071829.8899999999</v>
      </c>
      <c r="S284" s="107">
        <v>1071829.8899999999</v>
      </c>
      <c r="T284" s="107">
        <v>1071829.8899999999</v>
      </c>
      <c r="U284" s="107">
        <v>1071829.8899999899</v>
      </c>
      <c r="V284" s="107">
        <v>1071829.8899999999</v>
      </c>
      <c r="W284" s="107">
        <v>1071829.8899999999</v>
      </c>
      <c r="X284" s="107">
        <v>1071829.8899999999</v>
      </c>
      <c r="Y284" s="107">
        <v>1071829.8899999899</v>
      </c>
      <c r="Z284" s="107">
        <v>1071829.8899999899</v>
      </c>
      <c r="AA284" s="107">
        <v>1071829.8899999899</v>
      </c>
      <c r="AB284" s="107">
        <v>1071829.8899999999</v>
      </c>
      <c r="AC284" s="107">
        <v>1071829.8899999999</v>
      </c>
      <c r="AD284" s="107">
        <v>1071829.8899999999</v>
      </c>
      <c r="AE284" s="107">
        <v>1071829.8899999899</v>
      </c>
      <c r="AF284" s="107">
        <v>1071829.8899999999</v>
      </c>
      <c r="AG284" s="107">
        <v>1071829.8899999999</v>
      </c>
      <c r="AH284" s="107">
        <v>1071829.8899999999</v>
      </c>
      <c r="AI284" s="107">
        <v>1071829.8899999999</v>
      </c>
      <c r="AJ284" s="107">
        <v>1071829.8899999999</v>
      </c>
      <c r="AK284" s="107">
        <v>1071829.8899999999</v>
      </c>
      <c r="AL284" s="107">
        <v>1071829.8899999999</v>
      </c>
      <c r="AM284" s="107">
        <v>1071829.8899999999</v>
      </c>
      <c r="AN284" s="107">
        <v>1071829.8899999999</v>
      </c>
    </row>
    <row r="285" spans="1:40" x14ac:dyDescent="0.2">
      <c r="A285" s="133" t="s">
        <v>377</v>
      </c>
    </row>
    <row r="286" spans="1:40" x14ac:dyDescent="0.2">
      <c r="A286" s="133" t="s">
        <v>378</v>
      </c>
      <c r="B286" s="107">
        <v>0</v>
      </c>
      <c r="C286" s="107">
        <v>0</v>
      </c>
      <c r="D286" s="107">
        <v>0</v>
      </c>
      <c r="E286" s="107">
        <v>0</v>
      </c>
      <c r="F286" s="107">
        <v>0</v>
      </c>
      <c r="G286" s="107">
        <v>0</v>
      </c>
      <c r="H286" s="107">
        <v>0</v>
      </c>
      <c r="I286" s="107">
        <v>0</v>
      </c>
      <c r="J286" s="107">
        <v>0</v>
      </c>
      <c r="K286" s="107">
        <v>0</v>
      </c>
      <c r="L286" s="107">
        <v>0</v>
      </c>
      <c r="M286" s="107">
        <v>0</v>
      </c>
      <c r="N286" s="107">
        <v>0</v>
      </c>
      <c r="O286" s="107">
        <v>0</v>
      </c>
      <c r="P286" s="107">
        <v>0</v>
      </c>
      <c r="Q286" s="107">
        <v>0</v>
      </c>
      <c r="R286" s="107">
        <v>0</v>
      </c>
      <c r="S286" s="107">
        <v>0</v>
      </c>
      <c r="T286" s="107">
        <v>0</v>
      </c>
      <c r="U286" s="107">
        <v>0</v>
      </c>
      <c r="V286" s="107">
        <v>0</v>
      </c>
      <c r="W286" s="107">
        <v>0</v>
      </c>
      <c r="X286" s="107">
        <v>0</v>
      </c>
      <c r="Y286" s="107">
        <v>0</v>
      </c>
      <c r="Z286" s="107">
        <v>0</v>
      </c>
      <c r="AA286" s="107">
        <v>0</v>
      </c>
      <c r="AB286" s="107">
        <v>0</v>
      </c>
      <c r="AC286" s="107">
        <v>0</v>
      </c>
      <c r="AD286" s="107">
        <v>0</v>
      </c>
      <c r="AE286" s="107">
        <v>0</v>
      </c>
      <c r="AF286" s="107">
        <v>0</v>
      </c>
      <c r="AG286" s="107">
        <v>0</v>
      </c>
      <c r="AH286" s="107">
        <v>0</v>
      </c>
      <c r="AI286" s="107">
        <v>0</v>
      </c>
      <c r="AJ286" s="107">
        <v>0</v>
      </c>
      <c r="AK286" s="107">
        <v>0</v>
      </c>
      <c r="AL286" s="107">
        <v>0</v>
      </c>
      <c r="AM286" s="107">
        <v>0</v>
      </c>
      <c r="AN286" s="107">
        <v>0</v>
      </c>
    </row>
    <row r="287" spans="1:40" x14ac:dyDescent="0.2">
      <c r="A287" s="136" t="s">
        <v>379</v>
      </c>
      <c r="B287" s="107">
        <v>50225701.489687502</v>
      </c>
      <c r="C287" s="107">
        <v>50060689.191339001</v>
      </c>
      <c r="D287" s="107">
        <v>49894200.368426099</v>
      </c>
      <c r="E287" s="107">
        <v>49727737.739050902</v>
      </c>
      <c r="F287" s="107">
        <v>49712768.956256904</v>
      </c>
      <c r="G287" s="107">
        <v>49697437.732268199</v>
      </c>
      <c r="H287" s="107">
        <v>49682020.723835103</v>
      </c>
      <c r="I287" s="107">
        <v>49666577.376234502</v>
      </c>
      <c r="J287" s="107">
        <v>49499996.654972397</v>
      </c>
      <c r="K287" s="107">
        <v>49333981.213787198</v>
      </c>
      <c r="L287" s="107">
        <v>49167839.005525596</v>
      </c>
      <c r="M287" s="107">
        <v>49001354.638553999</v>
      </c>
      <c r="N287" s="107">
        <v>49001354.638553999</v>
      </c>
      <c r="O287" s="107">
        <v>49093787.5718683</v>
      </c>
      <c r="P287" s="107">
        <v>49186220.505182602</v>
      </c>
      <c r="Q287" s="107">
        <v>49278653.438496999</v>
      </c>
      <c r="R287" s="107">
        <v>49371086.371811301</v>
      </c>
      <c r="S287" s="107">
        <v>49463519.305125602</v>
      </c>
      <c r="T287" s="107">
        <v>49555952.238439903</v>
      </c>
      <c r="U287" s="107">
        <v>49648385.171754196</v>
      </c>
      <c r="V287" s="107">
        <v>49740818.105068497</v>
      </c>
      <c r="W287" s="107">
        <v>49833251.038382798</v>
      </c>
      <c r="X287" s="107">
        <v>49925683.971697196</v>
      </c>
      <c r="Y287" s="107">
        <v>50018116.905011497</v>
      </c>
      <c r="Z287" s="107">
        <v>50110549.838325799</v>
      </c>
      <c r="AA287" s="107">
        <v>50110549.838325799</v>
      </c>
      <c r="AB287" s="107">
        <v>50192042.094228201</v>
      </c>
      <c r="AC287" s="107">
        <v>50273534.350130498</v>
      </c>
      <c r="AD287" s="107">
        <v>50355026.606032901</v>
      </c>
      <c r="AE287" s="107">
        <v>50436518.861935303</v>
      </c>
      <c r="AF287" s="107">
        <v>50518011.117837697</v>
      </c>
      <c r="AG287" s="107">
        <v>50599503.373740099</v>
      </c>
      <c r="AH287" s="107">
        <v>50680995.629642501</v>
      </c>
      <c r="AI287" s="107">
        <v>50762487.885544904</v>
      </c>
      <c r="AJ287" s="107">
        <v>50843980.141447298</v>
      </c>
      <c r="AK287" s="107">
        <v>50925472.397349603</v>
      </c>
      <c r="AL287" s="107">
        <v>51006964.653251998</v>
      </c>
      <c r="AM287" s="107">
        <v>51088456.9091544</v>
      </c>
      <c r="AN287" s="107">
        <v>51088456.9091544</v>
      </c>
    </row>
    <row r="288" spans="1:40" x14ac:dyDescent="0.2">
      <c r="A288" s="133" t="s">
        <v>380</v>
      </c>
    </row>
    <row r="289" spans="1:40" x14ac:dyDescent="0.2">
      <c r="A289" s="136" t="s">
        <v>381</v>
      </c>
      <c r="B289" s="107">
        <v>96407983.103023306</v>
      </c>
      <c r="C289" s="107">
        <v>96347892.679637596</v>
      </c>
      <c r="D289" s="107">
        <v>96316702.613646403</v>
      </c>
      <c r="E289" s="107">
        <v>96296573.092485398</v>
      </c>
      <c r="F289" s="107">
        <v>96433134.323807299</v>
      </c>
      <c r="G289" s="107">
        <v>96526731.999457896</v>
      </c>
      <c r="H289" s="107">
        <v>96647621.346522406</v>
      </c>
      <c r="I289" s="107">
        <v>96754924.384770498</v>
      </c>
      <c r="J289" s="107">
        <v>96713676.420199305</v>
      </c>
      <c r="K289" s="107">
        <v>96669010.175322399</v>
      </c>
      <c r="L289" s="107">
        <v>96582205.396871299</v>
      </c>
      <c r="M289" s="107">
        <v>96563610.434665799</v>
      </c>
      <c r="N289" s="107">
        <v>96563610.434665799</v>
      </c>
      <c r="O289" s="107">
        <v>96818845.540346801</v>
      </c>
      <c r="P289" s="107">
        <v>97074080.646027803</v>
      </c>
      <c r="Q289" s="107">
        <v>97329315.751708701</v>
      </c>
      <c r="R289" s="107">
        <v>97584550.857389703</v>
      </c>
      <c r="S289" s="107">
        <v>97839785.963070706</v>
      </c>
      <c r="T289" s="107">
        <v>98095021.068751693</v>
      </c>
      <c r="U289" s="107">
        <v>98350256.174432606</v>
      </c>
      <c r="V289" s="107">
        <v>98605491.280113593</v>
      </c>
      <c r="W289" s="107">
        <v>98860726.385794505</v>
      </c>
      <c r="X289" s="107">
        <v>99115961.491475597</v>
      </c>
      <c r="Y289" s="107">
        <v>99371196.597156495</v>
      </c>
      <c r="Z289" s="107">
        <v>99626431.702837497</v>
      </c>
      <c r="AA289" s="107">
        <v>99626431.702837497</v>
      </c>
      <c r="AB289" s="107">
        <v>100018633.09319399</v>
      </c>
      <c r="AC289" s="107">
        <v>100410834.483551</v>
      </c>
      <c r="AD289" s="107">
        <v>100803035.873907</v>
      </c>
      <c r="AE289" s="107">
        <v>101195237.264264</v>
      </c>
      <c r="AF289" s="107">
        <v>101587438.65462101</v>
      </c>
      <c r="AG289" s="107">
        <v>101979640.04497799</v>
      </c>
      <c r="AH289" s="107">
        <v>102371841.435335</v>
      </c>
      <c r="AI289" s="107">
        <v>102764042.825691</v>
      </c>
      <c r="AJ289" s="107">
        <v>103156244.216048</v>
      </c>
      <c r="AK289" s="107">
        <v>103548445.606405</v>
      </c>
      <c r="AL289" s="107">
        <v>103940646.99676199</v>
      </c>
      <c r="AM289" s="107">
        <v>104332848.387119</v>
      </c>
      <c r="AN289" s="107">
        <v>104332848.387119</v>
      </c>
    </row>
    <row r="290" spans="1:40" x14ac:dyDescent="0.2">
      <c r="A290" s="133" t="s">
        <v>382</v>
      </c>
    </row>
    <row r="291" spans="1:40" x14ac:dyDescent="0.2">
      <c r="A291" s="136" t="s">
        <v>383</v>
      </c>
    </row>
    <row r="292" spans="1:40" x14ac:dyDescent="0.2">
      <c r="A292" s="133" t="s">
        <v>384</v>
      </c>
      <c r="B292" s="107">
        <v>108984.97833518199</v>
      </c>
      <c r="C292" s="107">
        <v>108985.370493008</v>
      </c>
      <c r="D292" s="107">
        <v>108985.784557864</v>
      </c>
      <c r="E292" s="107">
        <v>108986.203101839</v>
      </c>
      <c r="F292" s="107">
        <v>108986.700837093</v>
      </c>
      <c r="G292" s="107">
        <v>108987.130627782</v>
      </c>
      <c r="H292" s="107">
        <v>108987.56498339299</v>
      </c>
      <c r="I292" s="107">
        <v>108988.003895737</v>
      </c>
      <c r="J292" s="107">
        <v>108988.447363484</v>
      </c>
      <c r="K292" s="107">
        <v>108988.895377134</v>
      </c>
      <c r="L292" s="107">
        <v>108989.423001631</v>
      </c>
      <c r="M292" s="107">
        <v>108989.88</v>
      </c>
      <c r="N292" s="107">
        <v>108989.88</v>
      </c>
      <c r="O292" s="107">
        <v>108989.88</v>
      </c>
      <c r="P292" s="107">
        <v>108989.88</v>
      </c>
      <c r="Q292" s="107">
        <v>108989.88</v>
      </c>
      <c r="R292" s="107">
        <v>108989.88</v>
      </c>
      <c r="S292" s="107">
        <v>108989.88</v>
      </c>
      <c r="T292" s="107">
        <v>108989.88</v>
      </c>
      <c r="U292" s="107">
        <v>108989.88</v>
      </c>
      <c r="V292" s="107">
        <v>108989.88</v>
      </c>
      <c r="W292" s="107">
        <v>108989.88</v>
      </c>
      <c r="X292" s="107">
        <v>108989.88</v>
      </c>
      <c r="Y292" s="107">
        <v>108989.879999999</v>
      </c>
      <c r="Z292" s="107">
        <v>108989.879999999</v>
      </c>
      <c r="AA292" s="107">
        <v>108989.879999999</v>
      </c>
      <c r="AB292" s="107">
        <v>108989.879999999</v>
      </c>
      <c r="AC292" s="107">
        <v>108989.88</v>
      </c>
      <c r="AD292" s="107">
        <v>108989.88</v>
      </c>
      <c r="AE292" s="107">
        <v>108989.88</v>
      </c>
      <c r="AF292" s="107">
        <v>108989.879999999</v>
      </c>
      <c r="AG292" s="107">
        <v>108989.88</v>
      </c>
      <c r="AH292" s="107">
        <v>108989.88</v>
      </c>
      <c r="AI292" s="107">
        <v>108989.88</v>
      </c>
      <c r="AJ292" s="107">
        <v>108989.88</v>
      </c>
      <c r="AK292" s="107">
        <v>108989.88</v>
      </c>
      <c r="AL292" s="107">
        <v>108989.879999999</v>
      </c>
      <c r="AM292" s="107">
        <v>108989.879999999</v>
      </c>
      <c r="AN292" s="107">
        <v>108989.879999999</v>
      </c>
    </row>
    <row r="293" spans="1:40" x14ac:dyDescent="0.2">
      <c r="A293" s="133" t="s">
        <v>385</v>
      </c>
    </row>
    <row r="294" spans="1:40" x14ac:dyDescent="0.2">
      <c r="A294" s="133" t="s">
        <v>386</v>
      </c>
      <c r="B294" s="107">
        <v>237962.91002499999</v>
      </c>
      <c r="C294" s="107">
        <v>238134.48690700001</v>
      </c>
      <c r="D294" s="107">
        <v>238310.868415</v>
      </c>
      <c r="E294" s="107">
        <v>238487.249923</v>
      </c>
      <c r="F294" s="107">
        <v>239077.26001299999</v>
      </c>
      <c r="G294" s="107">
        <v>239253.64152100001</v>
      </c>
      <c r="H294" s="107">
        <v>239430.023029</v>
      </c>
      <c r="I294" s="107">
        <v>239606.40453699999</v>
      </c>
      <c r="J294" s="107">
        <v>239782.78604499999</v>
      </c>
      <c r="K294" s="107">
        <v>239959.16755300001</v>
      </c>
      <c r="L294" s="107">
        <v>240549.177643</v>
      </c>
      <c r="M294" s="107">
        <v>240752.59</v>
      </c>
      <c r="N294" s="107">
        <v>240752.59</v>
      </c>
      <c r="O294" s="107">
        <v>240752.59</v>
      </c>
      <c r="P294" s="107">
        <v>240752.59</v>
      </c>
      <c r="Q294" s="107">
        <v>240752.59</v>
      </c>
      <c r="R294" s="107">
        <v>240752.59</v>
      </c>
      <c r="S294" s="107">
        <v>240752.59</v>
      </c>
      <c r="T294" s="107">
        <v>240752.59</v>
      </c>
      <c r="U294" s="107">
        <v>240752.59</v>
      </c>
      <c r="V294" s="107">
        <v>240752.59</v>
      </c>
      <c r="W294" s="107">
        <v>240752.59</v>
      </c>
      <c r="X294" s="107">
        <v>240752.59</v>
      </c>
      <c r="Y294" s="107">
        <v>240752.59</v>
      </c>
      <c r="Z294" s="107">
        <v>240752.59</v>
      </c>
      <c r="AA294" s="107">
        <v>240752.59</v>
      </c>
      <c r="AB294" s="107">
        <v>240752.59</v>
      </c>
      <c r="AC294" s="107">
        <v>240752.59</v>
      </c>
      <c r="AD294" s="107">
        <v>240752.59</v>
      </c>
      <c r="AE294" s="107">
        <v>240752.59</v>
      </c>
      <c r="AF294" s="107">
        <v>240752.59</v>
      </c>
      <c r="AG294" s="107">
        <v>240752.59</v>
      </c>
      <c r="AH294" s="107">
        <v>240752.59</v>
      </c>
      <c r="AI294" s="107">
        <v>240752.59</v>
      </c>
      <c r="AJ294" s="107">
        <v>240752.59</v>
      </c>
      <c r="AK294" s="107">
        <v>240752.59</v>
      </c>
      <c r="AL294" s="107">
        <v>240752.59</v>
      </c>
      <c r="AM294" s="107">
        <v>240752.59</v>
      </c>
      <c r="AN294" s="107">
        <v>240752.59</v>
      </c>
    </row>
    <row r="295" spans="1:40" x14ac:dyDescent="0.2">
      <c r="A295" s="133" t="s">
        <v>387</v>
      </c>
    </row>
    <row r="296" spans="1:40" x14ac:dyDescent="0.2">
      <c r="A296" s="133" t="s">
        <v>388</v>
      </c>
      <c r="B296" s="107">
        <v>58960922.253038801</v>
      </c>
      <c r="C296" s="107">
        <v>59190984.319722198</v>
      </c>
      <c r="D296" s="107">
        <v>59490046.386405602</v>
      </c>
      <c r="E296" s="107">
        <v>59804108.453088999</v>
      </c>
      <c r="F296" s="107">
        <v>60030170.519772403</v>
      </c>
      <c r="G296" s="107">
        <v>60264232.586455896</v>
      </c>
      <c r="H296" s="107">
        <v>60506294.653139301</v>
      </c>
      <c r="I296" s="107">
        <v>60820356.719822697</v>
      </c>
      <c r="J296" s="107">
        <v>61122418.786506101</v>
      </c>
      <c r="K296" s="107">
        <v>61427480.853189498</v>
      </c>
      <c r="L296" s="107">
        <v>61741542.919872902</v>
      </c>
      <c r="M296" s="107">
        <v>62055604.986556299</v>
      </c>
      <c r="N296" s="107">
        <v>62055604.986556299</v>
      </c>
      <c r="O296" s="107">
        <v>62265633.482992098</v>
      </c>
      <c r="P296" s="107">
        <v>62475661.979427896</v>
      </c>
      <c r="Q296" s="107">
        <v>62685690.475863598</v>
      </c>
      <c r="R296" s="107">
        <v>62895718.972299397</v>
      </c>
      <c r="S296" s="107">
        <v>63105747.468735203</v>
      </c>
      <c r="T296" s="107">
        <v>63315775.965171002</v>
      </c>
      <c r="U296" s="107">
        <v>63525804.461606704</v>
      </c>
      <c r="V296" s="107">
        <v>63735832.958042502</v>
      </c>
      <c r="W296" s="107">
        <v>63945861.454478301</v>
      </c>
      <c r="X296" s="107">
        <v>64155889.9509141</v>
      </c>
      <c r="Y296" s="107">
        <v>64365918.447349899</v>
      </c>
      <c r="Z296" s="107">
        <v>64575946.9437856</v>
      </c>
      <c r="AA296" s="107">
        <v>64575946.9437856</v>
      </c>
      <c r="AB296" s="107">
        <v>64797246.0543117</v>
      </c>
      <c r="AC296" s="107">
        <v>65018545.1648378</v>
      </c>
      <c r="AD296" s="107">
        <v>65239844.275363803</v>
      </c>
      <c r="AE296" s="107">
        <v>65461143.385889903</v>
      </c>
      <c r="AF296" s="107">
        <v>65682442.496415898</v>
      </c>
      <c r="AG296" s="107">
        <v>65903741.606941998</v>
      </c>
      <c r="AH296" s="107">
        <v>66125040.717468098</v>
      </c>
      <c r="AI296" s="107">
        <v>66346339.827994101</v>
      </c>
      <c r="AJ296" s="107">
        <v>66567638.938520201</v>
      </c>
      <c r="AK296" s="107">
        <v>66788938.049046203</v>
      </c>
      <c r="AL296" s="107">
        <v>67010237.159572303</v>
      </c>
      <c r="AM296" s="107">
        <v>67231536.270098403</v>
      </c>
      <c r="AN296" s="107">
        <v>67231536.270098403</v>
      </c>
    </row>
    <row r="297" spans="1:40" x14ac:dyDescent="0.2">
      <c r="A297" s="133" t="s">
        <v>708</v>
      </c>
      <c r="B297" s="107">
        <v>58960922.253038801</v>
      </c>
      <c r="C297" s="107">
        <v>59190984.319722198</v>
      </c>
      <c r="D297" s="107">
        <v>59490046.386405602</v>
      </c>
      <c r="E297" s="107">
        <v>59804108.453088999</v>
      </c>
      <c r="F297" s="107">
        <v>60030170.519772403</v>
      </c>
      <c r="G297" s="107">
        <v>60264232.586455896</v>
      </c>
      <c r="H297" s="107">
        <v>60506294.653139301</v>
      </c>
      <c r="I297" s="107">
        <v>60820356.719822697</v>
      </c>
      <c r="J297" s="107">
        <v>61122418.786506101</v>
      </c>
      <c r="K297" s="107">
        <v>61427480.853189498</v>
      </c>
      <c r="L297" s="107">
        <v>61741542.919872902</v>
      </c>
      <c r="M297" s="107">
        <v>62055604.986556299</v>
      </c>
      <c r="N297" s="107">
        <v>62055604.986556299</v>
      </c>
      <c r="O297" s="107">
        <v>62265633.482992098</v>
      </c>
      <c r="P297" s="107">
        <v>62475661.979427896</v>
      </c>
      <c r="Q297" s="107">
        <v>62685690.475863598</v>
      </c>
      <c r="R297" s="107">
        <v>62895718.972299397</v>
      </c>
      <c r="S297" s="107">
        <v>63105747.468735203</v>
      </c>
      <c r="T297" s="107">
        <v>63315775.965171002</v>
      </c>
      <c r="U297" s="107">
        <v>63525804.461606704</v>
      </c>
      <c r="V297" s="107">
        <v>63735832.958042502</v>
      </c>
      <c r="W297" s="107">
        <v>63945861.454478301</v>
      </c>
      <c r="X297" s="107">
        <v>64155889.9509141</v>
      </c>
      <c r="Y297" s="107">
        <v>64365918.447349899</v>
      </c>
      <c r="Z297" s="107">
        <v>64575946.9437856</v>
      </c>
      <c r="AA297" s="107">
        <v>64575946.9437856</v>
      </c>
      <c r="AB297" s="107">
        <v>64797246.0543117</v>
      </c>
      <c r="AC297" s="107">
        <v>65018545.1648378</v>
      </c>
      <c r="AD297" s="107">
        <v>65239844.275363803</v>
      </c>
      <c r="AE297" s="107">
        <v>65461143.385889903</v>
      </c>
      <c r="AF297" s="107">
        <v>65682442.496415898</v>
      </c>
      <c r="AG297" s="107">
        <v>65903741.606941998</v>
      </c>
      <c r="AH297" s="107">
        <v>66125040.717468098</v>
      </c>
      <c r="AI297" s="107">
        <v>66346339.827994101</v>
      </c>
      <c r="AJ297" s="107">
        <v>66567638.938520201</v>
      </c>
      <c r="AK297" s="107">
        <v>66788938.049046203</v>
      </c>
      <c r="AL297" s="107">
        <v>67010237.159572303</v>
      </c>
      <c r="AM297" s="107">
        <v>67231536.270098403</v>
      </c>
      <c r="AN297" s="107">
        <v>67231536.270098403</v>
      </c>
    </row>
    <row r="298" spans="1:40" x14ac:dyDescent="0.2">
      <c r="A298" s="133" t="s">
        <v>663</v>
      </c>
    </row>
    <row r="299" spans="1:40" x14ac:dyDescent="0.2">
      <c r="A299" s="133" t="s">
        <v>709</v>
      </c>
      <c r="B299" s="107">
        <v>15415091.98</v>
      </c>
      <c r="C299" s="107">
        <v>15900652.9799999</v>
      </c>
      <c r="D299" s="107">
        <v>16229757.9799999</v>
      </c>
      <c r="E299" s="107">
        <v>16354369.9799999</v>
      </c>
      <c r="F299" s="107">
        <v>16408860.98</v>
      </c>
      <c r="G299" s="107">
        <v>16563535.98</v>
      </c>
      <c r="H299" s="107">
        <v>16195678.98</v>
      </c>
      <c r="I299" s="107">
        <v>15711258.98</v>
      </c>
      <c r="J299" s="107">
        <v>15216252.98</v>
      </c>
      <c r="K299" s="107">
        <v>15311535.98</v>
      </c>
      <c r="L299" s="107">
        <v>15341756.98</v>
      </c>
      <c r="M299" s="107">
        <v>15473483.98</v>
      </c>
      <c r="N299" s="107">
        <v>15473483.98</v>
      </c>
      <c r="O299" s="107">
        <v>15586269.98</v>
      </c>
      <c r="P299" s="107">
        <v>15699055.98</v>
      </c>
      <c r="Q299" s="107">
        <v>15811841.98</v>
      </c>
      <c r="R299" s="107">
        <v>15924627.9799999</v>
      </c>
      <c r="S299" s="107">
        <v>16037413.9799999</v>
      </c>
      <c r="T299" s="107">
        <v>16150199.9799999</v>
      </c>
      <c r="U299" s="107">
        <v>16262985.9799999</v>
      </c>
      <c r="V299" s="107">
        <v>16375771.9799999</v>
      </c>
      <c r="W299" s="107">
        <v>16488557.9799999</v>
      </c>
      <c r="X299" s="107">
        <v>16601343.98</v>
      </c>
      <c r="Y299" s="107">
        <v>16714129.9799999</v>
      </c>
      <c r="Z299" s="107">
        <v>16826915.98</v>
      </c>
      <c r="AA299" s="107">
        <v>16826915.98</v>
      </c>
      <c r="AB299" s="107">
        <v>16949672.98</v>
      </c>
      <c r="AC299" s="107">
        <v>17072429.98</v>
      </c>
      <c r="AD299" s="107">
        <v>17195186.98</v>
      </c>
      <c r="AE299" s="107">
        <v>17317943.98</v>
      </c>
      <c r="AF299" s="107">
        <v>17440700.98</v>
      </c>
      <c r="AG299" s="107">
        <v>17563457.98</v>
      </c>
      <c r="AH299" s="107">
        <v>17686214.98</v>
      </c>
      <c r="AI299" s="107">
        <v>17808971.98</v>
      </c>
      <c r="AJ299" s="107">
        <v>17931728.98</v>
      </c>
      <c r="AK299" s="107">
        <v>18054485.98</v>
      </c>
      <c r="AL299" s="107">
        <v>18177242.98</v>
      </c>
      <c r="AM299" s="107">
        <v>18299999.98</v>
      </c>
      <c r="AN299" s="107">
        <v>18299999.98</v>
      </c>
    </row>
    <row r="300" spans="1:40" x14ac:dyDescent="0.2">
      <c r="A300" s="133" t="s">
        <v>710</v>
      </c>
    </row>
    <row r="301" spans="1:40" x14ac:dyDescent="0.2">
      <c r="A301" s="133" t="s">
        <v>711</v>
      </c>
      <c r="B301" s="107">
        <v>0</v>
      </c>
      <c r="C301" s="107">
        <v>0</v>
      </c>
      <c r="D301" s="107">
        <v>0</v>
      </c>
      <c r="E301" s="107">
        <v>0</v>
      </c>
      <c r="F301" s="107">
        <v>0</v>
      </c>
      <c r="G301" s="107">
        <v>0</v>
      </c>
      <c r="H301" s="107">
        <v>0</v>
      </c>
      <c r="I301" s="107">
        <v>0</v>
      </c>
      <c r="J301" s="107">
        <v>0</v>
      </c>
      <c r="K301" s="107">
        <v>0</v>
      </c>
      <c r="L301" s="107">
        <v>0</v>
      </c>
      <c r="M301" s="107">
        <v>0</v>
      </c>
      <c r="N301" s="107">
        <v>0</v>
      </c>
      <c r="O301" s="107">
        <v>0</v>
      </c>
      <c r="P301" s="107">
        <v>0</v>
      </c>
      <c r="Q301" s="107">
        <v>0</v>
      </c>
      <c r="R301" s="107">
        <v>0</v>
      </c>
      <c r="S301" s="107">
        <v>0</v>
      </c>
      <c r="T301" s="107">
        <v>0</v>
      </c>
      <c r="U301" s="107">
        <v>0</v>
      </c>
      <c r="V301" s="107">
        <v>0</v>
      </c>
      <c r="W301" s="107">
        <v>0</v>
      </c>
      <c r="X301" s="107">
        <v>0</v>
      </c>
      <c r="Y301" s="107">
        <v>0</v>
      </c>
      <c r="Z301" s="107">
        <v>0</v>
      </c>
      <c r="AA301" s="107">
        <v>0</v>
      </c>
      <c r="AB301" s="107">
        <v>0</v>
      </c>
      <c r="AC301" s="107">
        <v>0</v>
      </c>
      <c r="AD301" s="107">
        <v>0</v>
      </c>
      <c r="AE301" s="107">
        <v>0</v>
      </c>
      <c r="AF301" s="107">
        <v>0</v>
      </c>
      <c r="AG301" s="107">
        <v>0</v>
      </c>
      <c r="AH301" s="107">
        <v>0</v>
      </c>
      <c r="AI301" s="107">
        <v>0</v>
      </c>
      <c r="AJ301" s="107">
        <v>0</v>
      </c>
      <c r="AK301" s="107">
        <v>0</v>
      </c>
      <c r="AL301" s="107">
        <v>0</v>
      </c>
      <c r="AM301" s="107">
        <v>0</v>
      </c>
      <c r="AN301" s="107">
        <v>0</v>
      </c>
    </row>
    <row r="302" spans="1:40" x14ac:dyDescent="0.2">
      <c r="A302" s="136" t="s">
        <v>712</v>
      </c>
      <c r="B302" s="107">
        <v>74722962.121399</v>
      </c>
      <c r="C302" s="107">
        <v>75438757.157122195</v>
      </c>
      <c r="D302" s="107">
        <v>76067101.019378498</v>
      </c>
      <c r="E302" s="107">
        <v>76505951.886113897</v>
      </c>
      <c r="F302" s="107">
        <v>76787095.460622504</v>
      </c>
      <c r="G302" s="107">
        <v>77176009.338604599</v>
      </c>
      <c r="H302" s="107">
        <v>77050391.221151695</v>
      </c>
      <c r="I302" s="107">
        <v>76880210.108255401</v>
      </c>
      <c r="J302" s="107">
        <v>76687442.999914601</v>
      </c>
      <c r="K302" s="107">
        <v>77087964.896119595</v>
      </c>
      <c r="L302" s="107">
        <v>77432838.500517502</v>
      </c>
      <c r="M302" s="107">
        <v>77878831.436556295</v>
      </c>
      <c r="N302" s="107">
        <v>77878831.436556295</v>
      </c>
      <c r="O302" s="107">
        <v>78201645.932992101</v>
      </c>
      <c r="P302" s="107">
        <v>78524460.429427907</v>
      </c>
      <c r="Q302" s="107">
        <v>78847274.925863594</v>
      </c>
      <c r="R302" s="107">
        <v>79170089.4222994</v>
      </c>
      <c r="S302" s="107">
        <v>79492903.918735206</v>
      </c>
      <c r="T302" s="107">
        <v>79815718.415170997</v>
      </c>
      <c r="U302" s="107">
        <v>80138532.911606699</v>
      </c>
      <c r="V302" s="107">
        <v>80461347.408042505</v>
      </c>
      <c r="W302" s="107">
        <v>80784161.904478297</v>
      </c>
      <c r="X302" s="107">
        <v>81106976.400914103</v>
      </c>
      <c r="Y302" s="107">
        <v>81429790.897349805</v>
      </c>
      <c r="Z302" s="107">
        <v>81752605.393785596</v>
      </c>
      <c r="AA302" s="107">
        <v>81752605.393785596</v>
      </c>
      <c r="AB302" s="107">
        <v>82096661.504311696</v>
      </c>
      <c r="AC302" s="107">
        <v>82440717.614837795</v>
      </c>
      <c r="AD302" s="107">
        <v>82784773.725363806</v>
      </c>
      <c r="AE302" s="107">
        <v>83128829.835889906</v>
      </c>
      <c r="AF302" s="107">
        <v>83472885.946415901</v>
      </c>
      <c r="AG302" s="107">
        <v>83816942.056942001</v>
      </c>
      <c r="AH302" s="107">
        <v>84160998.167468101</v>
      </c>
      <c r="AI302" s="107">
        <v>84505054.277994096</v>
      </c>
      <c r="AJ302" s="107">
        <v>84849110.388520196</v>
      </c>
      <c r="AK302" s="107">
        <v>85193166.499046206</v>
      </c>
      <c r="AL302" s="107">
        <v>85537222.609572306</v>
      </c>
      <c r="AM302" s="107">
        <v>85881278.720098406</v>
      </c>
      <c r="AN302" s="107">
        <v>85881278.720098406</v>
      </c>
    </row>
    <row r="303" spans="1:40" x14ac:dyDescent="0.2">
      <c r="A303" s="133" t="s">
        <v>713</v>
      </c>
    </row>
    <row r="304" spans="1:40" x14ac:dyDescent="0.2">
      <c r="A304" s="136" t="s">
        <v>714</v>
      </c>
    </row>
    <row r="305" spans="1:40" x14ac:dyDescent="0.2">
      <c r="A305" s="133" t="s">
        <v>715</v>
      </c>
      <c r="B305" s="107">
        <v>0</v>
      </c>
      <c r="C305" s="107">
        <v>0</v>
      </c>
      <c r="D305" s="107">
        <v>0</v>
      </c>
      <c r="E305" s="107">
        <v>0</v>
      </c>
      <c r="F305" s="107">
        <v>0</v>
      </c>
      <c r="G305" s="107">
        <v>0</v>
      </c>
      <c r="H305" s="107">
        <v>0</v>
      </c>
      <c r="I305" s="107">
        <v>0</v>
      </c>
      <c r="J305" s="107">
        <v>0</v>
      </c>
      <c r="K305" s="107">
        <v>0</v>
      </c>
      <c r="L305" s="107">
        <v>0</v>
      </c>
      <c r="M305" s="107">
        <v>0</v>
      </c>
      <c r="N305" s="107">
        <v>0</v>
      </c>
      <c r="O305" s="107">
        <v>0</v>
      </c>
      <c r="P305" s="107">
        <v>0</v>
      </c>
      <c r="Q305" s="107">
        <v>0</v>
      </c>
      <c r="R305" s="107">
        <v>0</v>
      </c>
      <c r="S305" s="107">
        <v>0</v>
      </c>
      <c r="T305" s="107">
        <v>0</v>
      </c>
      <c r="U305" s="107">
        <v>0</v>
      </c>
      <c r="V305" s="107">
        <v>0</v>
      </c>
      <c r="W305" s="107">
        <v>0</v>
      </c>
      <c r="X305" s="107">
        <v>0</v>
      </c>
      <c r="Y305" s="107">
        <v>0</v>
      </c>
      <c r="Z305" s="107">
        <v>0</v>
      </c>
      <c r="AA305" s="107">
        <v>0</v>
      </c>
      <c r="AB305" s="107">
        <v>0</v>
      </c>
      <c r="AC305" s="107">
        <v>0</v>
      </c>
      <c r="AD305" s="107">
        <v>0</v>
      </c>
      <c r="AE305" s="107">
        <v>0</v>
      </c>
      <c r="AF305" s="107">
        <v>0</v>
      </c>
      <c r="AG305" s="107">
        <v>0</v>
      </c>
      <c r="AH305" s="107">
        <v>0</v>
      </c>
      <c r="AI305" s="107">
        <v>0</v>
      </c>
      <c r="AJ305" s="107">
        <v>0</v>
      </c>
      <c r="AK305" s="107">
        <v>0</v>
      </c>
      <c r="AL305" s="107">
        <v>0</v>
      </c>
      <c r="AM305" s="107">
        <v>0</v>
      </c>
      <c r="AN305" s="107">
        <v>0</v>
      </c>
    </row>
    <row r="306" spans="1:40" x14ac:dyDescent="0.2">
      <c r="A306" s="133" t="s">
        <v>716</v>
      </c>
      <c r="B306" s="107">
        <v>0</v>
      </c>
      <c r="C306" s="107">
        <v>0</v>
      </c>
      <c r="D306" s="107">
        <v>0</v>
      </c>
      <c r="E306" s="107">
        <v>0</v>
      </c>
      <c r="F306" s="107">
        <v>0</v>
      </c>
      <c r="G306" s="107">
        <v>0</v>
      </c>
      <c r="H306" s="107">
        <v>0</v>
      </c>
      <c r="I306" s="107">
        <v>0</v>
      </c>
      <c r="J306" s="107">
        <v>0</v>
      </c>
      <c r="K306" s="107">
        <v>0</v>
      </c>
      <c r="L306" s="107">
        <v>0</v>
      </c>
      <c r="M306" s="107">
        <v>0</v>
      </c>
      <c r="N306" s="107">
        <v>0</v>
      </c>
      <c r="O306" s="107">
        <v>0</v>
      </c>
      <c r="P306" s="107">
        <v>0</v>
      </c>
      <c r="Q306" s="107">
        <v>0</v>
      </c>
      <c r="R306" s="107">
        <v>0</v>
      </c>
      <c r="S306" s="107">
        <v>0</v>
      </c>
      <c r="T306" s="107">
        <v>0</v>
      </c>
      <c r="U306" s="107">
        <v>0</v>
      </c>
      <c r="V306" s="107">
        <v>0</v>
      </c>
      <c r="W306" s="107">
        <v>0</v>
      </c>
      <c r="X306" s="107">
        <v>0</v>
      </c>
      <c r="Y306" s="107">
        <v>0</v>
      </c>
      <c r="Z306" s="107">
        <v>0</v>
      </c>
      <c r="AA306" s="107">
        <v>0</v>
      </c>
      <c r="AB306" s="107">
        <v>0</v>
      </c>
      <c r="AC306" s="107">
        <v>0</v>
      </c>
      <c r="AD306" s="107">
        <v>0</v>
      </c>
      <c r="AE306" s="107">
        <v>0</v>
      </c>
      <c r="AF306" s="107">
        <v>0</v>
      </c>
      <c r="AG306" s="107">
        <v>0</v>
      </c>
      <c r="AH306" s="107">
        <v>0</v>
      </c>
      <c r="AI306" s="107">
        <v>0</v>
      </c>
      <c r="AJ306" s="107">
        <v>0</v>
      </c>
      <c r="AK306" s="107">
        <v>0</v>
      </c>
      <c r="AL306" s="107">
        <v>0</v>
      </c>
      <c r="AM306" s="107">
        <v>0</v>
      </c>
      <c r="AN306" s="107">
        <v>0</v>
      </c>
    </row>
    <row r="307" spans="1:40" x14ac:dyDescent="0.2">
      <c r="A307" s="133" t="s">
        <v>717</v>
      </c>
      <c r="B307" s="107">
        <v>532737.29558333301</v>
      </c>
      <c r="C307" s="107">
        <v>565474.59116666601</v>
      </c>
      <c r="D307" s="107">
        <v>598211.88674999995</v>
      </c>
      <c r="E307" s="107">
        <v>630949.18233333295</v>
      </c>
      <c r="F307" s="107">
        <v>663686.47791666596</v>
      </c>
      <c r="G307" s="107">
        <v>696423.77350000001</v>
      </c>
      <c r="H307" s="107">
        <v>729161.06908333302</v>
      </c>
      <c r="I307" s="107">
        <v>761898.36466666602</v>
      </c>
      <c r="J307" s="107">
        <v>794635.66024999996</v>
      </c>
      <c r="K307" s="107">
        <v>827372.95583333296</v>
      </c>
      <c r="L307" s="107">
        <v>860110.25141666597</v>
      </c>
      <c r="M307" s="107">
        <v>892847.54699999897</v>
      </c>
      <c r="N307" s="107">
        <v>892847.54699999897</v>
      </c>
      <c r="O307" s="107">
        <v>861985.25141666597</v>
      </c>
      <c r="P307" s="107">
        <v>831122.95583333296</v>
      </c>
      <c r="Q307" s="107">
        <v>800260.66024999996</v>
      </c>
      <c r="R307" s="107">
        <v>769398.36466666695</v>
      </c>
      <c r="S307" s="107">
        <v>738536.06908333302</v>
      </c>
      <c r="T307" s="107">
        <v>707673.77350000001</v>
      </c>
      <c r="U307" s="107">
        <v>676811.47791666701</v>
      </c>
      <c r="V307" s="107">
        <v>645949.18233333295</v>
      </c>
      <c r="W307" s="107">
        <v>615086.88674999995</v>
      </c>
      <c r="X307" s="107">
        <v>584224.59116666601</v>
      </c>
      <c r="Y307" s="107">
        <v>553362.29558333301</v>
      </c>
      <c r="Z307" s="107">
        <v>522500</v>
      </c>
      <c r="AA307" s="107">
        <v>522500</v>
      </c>
      <c r="AB307" s="107">
        <v>522500</v>
      </c>
      <c r="AC307" s="107">
        <v>522500</v>
      </c>
      <c r="AD307" s="107">
        <v>522500</v>
      </c>
      <c r="AE307" s="107">
        <v>522500</v>
      </c>
      <c r="AF307" s="107">
        <v>522500</v>
      </c>
      <c r="AG307" s="107">
        <v>522500</v>
      </c>
      <c r="AH307" s="107">
        <v>522500</v>
      </c>
      <c r="AI307" s="107">
        <v>522500</v>
      </c>
      <c r="AJ307" s="107">
        <v>522500</v>
      </c>
      <c r="AK307" s="107">
        <v>522500</v>
      </c>
      <c r="AL307" s="107">
        <v>522500</v>
      </c>
      <c r="AM307" s="107">
        <v>522500</v>
      </c>
      <c r="AN307" s="107">
        <v>522500</v>
      </c>
    </row>
    <row r="308" spans="1:40" x14ac:dyDescent="0.2">
      <c r="A308" s="133" t="s">
        <v>718</v>
      </c>
      <c r="B308" s="107">
        <v>2755383.4545466499</v>
      </c>
      <c r="C308" s="107">
        <v>2799839.67624876</v>
      </c>
      <c r="D308" s="107">
        <v>2844295.89795087</v>
      </c>
      <c r="E308" s="107">
        <v>2888752.11965298</v>
      </c>
      <c r="F308" s="107">
        <v>2933208.34135509</v>
      </c>
      <c r="G308" s="107">
        <v>2977664.5630572098</v>
      </c>
      <c r="H308" s="107">
        <v>3022120.7847593199</v>
      </c>
      <c r="I308" s="107">
        <v>3066577.0064614299</v>
      </c>
      <c r="J308" s="107">
        <v>3111033.2281635399</v>
      </c>
      <c r="K308" s="107">
        <v>3155489.4498656499</v>
      </c>
      <c r="L308" s="107">
        <v>3199945.6715677599</v>
      </c>
      <c r="M308" s="107">
        <v>3244401.89326987</v>
      </c>
      <c r="N308" s="107">
        <v>3244401.89326987</v>
      </c>
      <c r="O308" s="107">
        <v>3212091.1511351098</v>
      </c>
      <c r="P308" s="107">
        <v>3179780.4090003599</v>
      </c>
      <c r="Q308" s="107">
        <v>3147469.6668655998</v>
      </c>
      <c r="R308" s="107">
        <v>3115158.9247308401</v>
      </c>
      <c r="S308" s="107">
        <v>3082848.1825960898</v>
      </c>
      <c r="T308" s="107">
        <v>3050537.4404613301</v>
      </c>
      <c r="U308" s="107">
        <v>3018226.69832657</v>
      </c>
      <c r="V308" s="107">
        <v>2985915.9561918201</v>
      </c>
      <c r="W308" s="107">
        <v>2953605.21405706</v>
      </c>
      <c r="X308" s="107">
        <v>2921294.4719223101</v>
      </c>
      <c r="Y308" s="107">
        <v>2888983.7297875499</v>
      </c>
      <c r="Z308" s="107">
        <v>2856672.9876527898</v>
      </c>
      <c r="AA308" s="107">
        <v>2856672.9876527898</v>
      </c>
      <c r="AB308" s="107">
        <v>2866062.1517136502</v>
      </c>
      <c r="AC308" s="107">
        <v>2875451.3157745101</v>
      </c>
      <c r="AD308" s="107">
        <v>2884840.4798353701</v>
      </c>
      <c r="AE308" s="107">
        <v>2894229.64389623</v>
      </c>
      <c r="AF308" s="107">
        <v>2903618.8079570802</v>
      </c>
      <c r="AG308" s="107">
        <v>2913007.9720179401</v>
      </c>
      <c r="AH308" s="107">
        <v>2922397.1360788001</v>
      </c>
      <c r="AI308" s="107">
        <v>2931786.30013966</v>
      </c>
      <c r="AJ308" s="107">
        <v>2941175.4642005102</v>
      </c>
      <c r="AK308" s="107">
        <v>2950564.6282613701</v>
      </c>
      <c r="AL308" s="107">
        <v>2959953.7923222301</v>
      </c>
      <c r="AM308" s="107">
        <v>2969342.95638309</v>
      </c>
      <c r="AN308" s="107">
        <v>2969342.95638309</v>
      </c>
    </row>
    <row r="309" spans="1:40" x14ac:dyDescent="0.2">
      <c r="A309" s="136" t="s">
        <v>719</v>
      </c>
      <c r="B309" s="107">
        <v>3288120.7501299898</v>
      </c>
      <c r="C309" s="107">
        <v>3365314.2674154299</v>
      </c>
      <c r="D309" s="107">
        <v>3442507.78470087</v>
      </c>
      <c r="E309" s="107">
        <v>3519701.3019863199</v>
      </c>
      <c r="F309" s="107">
        <v>3596894.8192717601</v>
      </c>
      <c r="G309" s="107">
        <v>3674088.33655721</v>
      </c>
      <c r="H309" s="107">
        <v>3751281.8538426501</v>
      </c>
      <c r="I309" s="107">
        <v>3828475.3711280902</v>
      </c>
      <c r="J309" s="107">
        <v>3905668.8884135401</v>
      </c>
      <c r="K309" s="107">
        <v>3982862.4056989802</v>
      </c>
      <c r="L309" s="107">
        <v>4060055.9229844199</v>
      </c>
      <c r="M309" s="107">
        <v>4137249.4402698702</v>
      </c>
      <c r="N309" s="107">
        <v>4137249.4402698702</v>
      </c>
      <c r="O309" s="107">
        <v>4074076.40255178</v>
      </c>
      <c r="P309" s="107">
        <v>4010903.3648336902</v>
      </c>
      <c r="Q309" s="107">
        <v>3947730.3271156</v>
      </c>
      <c r="R309" s="107">
        <v>3884557.2893975098</v>
      </c>
      <c r="S309" s="107">
        <v>3821384.25167942</v>
      </c>
      <c r="T309" s="107">
        <v>3758211.2139613298</v>
      </c>
      <c r="U309" s="107">
        <v>3695038.17624324</v>
      </c>
      <c r="V309" s="107">
        <v>3631865.1385251498</v>
      </c>
      <c r="W309" s="107">
        <v>3568692.10080706</v>
      </c>
      <c r="X309" s="107">
        <v>3505519.0630889698</v>
      </c>
      <c r="Y309" s="107">
        <v>3442346.02537088</v>
      </c>
      <c r="Z309" s="107">
        <v>3379172.9876527898</v>
      </c>
      <c r="AA309" s="107">
        <v>3379172.9876527898</v>
      </c>
      <c r="AB309" s="107">
        <v>3388562.1517136502</v>
      </c>
      <c r="AC309" s="107">
        <v>3397951.3157745101</v>
      </c>
      <c r="AD309" s="107">
        <v>3407340.4798353701</v>
      </c>
      <c r="AE309" s="107">
        <v>3416729.64389623</v>
      </c>
      <c r="AF309" s="107">
        <v>3426118.8079570802</v>
      </c>
      <c r="AG309" s="107">
        <v>3435507.9720179401</v>
      </c>
      <c r="AH309" s="107">
        <v>3444897.1360788001</v>
      </c>
      <c r="AI309" s="107">
        <v>3454286.30013966</v>
      </c>
      <c r="AJ309" s="107">
        <v>3463675.4642005102</v>
      </c>
      <c r="AK309" s="107">
        <v>3473064.6282613701</v>
      </c>
      <c r="AL309" s="107">
        <v>3482453.7923222301</v>
      </c>
      <c r="AM309" s="107">
        <v>3491842.95638309</v>
      </c>
      <c r="AN309" s="107">
        <v>3491842.95638309</v>
      </c>
    </row>
    <row r="310" spans="1:40" x14ac:dyDescent="0.2">
      <c r="A310" s="133" t="s">
        <v>720</v>
      </c>
    </row>
    <row r="311" spans="1:40" x14ac:dyDescent="0.2">
      <c r="A311" s="136" t="s">
        <v>721</v>
      </c>
    </row>
    <row r="312" spans="1:40" x14ac:dyDescent="0.2">
      <c r="A312" s="133" t="s">
        <v>722</v>
      </c>
      <c r="B312" s="107">
        <v>0</v>
      </c>
      <c r="C312" s="107">
        <v>0</v>
      </c>
      <c r="D312" s="107">
        <v>0</v>
      </c>
      <c r="E312" s="107">
        <v>0</v>
      </c>
      <c r="F312" s="107">
        <v>0</v>
      </c>
      <c r="G312" s="107">
        <v>0</v>
      </c>
      <c r="H312" s="107">
        <v>0</v>
      </c>
      <c r="I312" s="107">
        <v>0</v>
      </c>
      <c r="J312" s="107">
        <v>0</v>
      </c>
      <c r="K312" s="107">
        <v>0</v>
      </c>
      <c r="L312" s="107">
        <v>0</v>
      </c>
      <c r="M312" s="107">
        <v>0</v>
      </c>
      <c r="N312" s="107">
        <v>0</v>
      </c>
      <c r="O312" s="107">
        <v>0</v>
      </c>
      <c r="P312" s="107">
        <v>0</v>
      </c>
      <c r="Q312" s="107">
        <v>0</v>
      </c>
      <c r="R312" s="107">
        <v>0</v>
      </c>
      <c r="S312" s="107">
        <v>0</v>
      </c>
      <c r="T312" s="107">
        <v>0</v>
      </c>
      <c r="U312" s="107">
        <v>0</v>
      </c>
      <c r="V312" s="107">
        <v>0</v>
      </c>
      <c r="W312" s="107">
        <v>0</v>
      </c>
      <c r="X312" s="107">
        <v>0</v>
      </c>
      <c r="Y312" s="107">
        <v>0</v>
      </c>
      <c r="Z312" s="107">
        <v>0</v>
      </c>
      <c r="AA312" s="107">
        <v>0</v>
      </c>
      <c r="AB312" s="107">
        <v>0</v>
      </c>
      <c r="AC312" s="107">
        <v>0</v>
      </c>
      <c r="AD312" s="107">
        <v>0</v>
      </c>
      <c r="AE312" s="107">
        <v>0</v>
      </c>
      <c r="AF312" s="107">
        <v>0</v>
      </c>
      <c r="AG312" s="107">
        <v>0</v>
      </c>
      <c r="AH312" s="107">
        <v>0</v>
      </c>
      <c r="AI312" s="107">
        <v>0</v>
      </c>
      <c r="AJ312" s="107">
        <v>0</v>
      </c>
      <c r="AK312" s="107">
        <v>0</v>
      </c>
      <c r="AL312" s="107">
        <v>0</v>
      </c>
      <c r="AM312" s="107">
        <v>0</v>
      </c>
      <c r="AN312" s="107">
        <v>0</v>
      </c>
    </row>
    <row r="313" spans="1:40" x14ac:dyDescent="0.2">
      <c r="A313" s="133" t="s">
        <v>723</v>
      </c>
      <c r="B313" s="107">
        <v>15660494.889583301</v>
      </c>
      <c r="C313" s="107">
        <v>15706015.4191666</v>
      </c>
      <c r="D313" s="107">
        <v>15751535.9487499</v>
      </c>
      <c r="E313" s="107">
        <v>15797056.4783333</v>
      </c>
      <c r="F313" s="107">
        <v>15842577.0079166</v>
      </c>
      <c r="G313" s="107">
        <v>15888097.537499901</v>
      </c>
      <c r="H313" s="107">
        <v>15933618.067083299</v>
      </c>
      <c r="I313" s="107">
        <v>15979138.596666601</v>
      </c>
      <c r="J313" s="107">
        <v>16024659.1262499</v>
      </c>
      <c r="K313" s="107">
        <v>16070179.6558333</v>
      </c>
      <c r="L313" s="107">
        <v>16115700.1854166</v>
      </c>
      <c r="M313" s="107">
        <v>16161220.714999899</v>
      </c>
      <c r="N313" s="107">
        <v>16161220.714999899</v>
      </c>
      <c r="O313" s="107">
        <v>16086073.9354166</v>
      </c>
      <c r="P313" s="107">
        <v>16010927.1558333</v>
      </c>
      <c r="Q313" s="107">
        <v>15935780.3762499</v>
      </c>
      <c r="R313" s="107">
        <v>15860633.596666601</v>
      </c>
      <c r="S313" s="107">
        <v>15785486.817083299</v>
      </c>
      <c r="T313" s="107">
        <v>15710340.0375</v>
      </c>
      <c r="U313" s="107">
        <v>15635193.2579166</v>
      </c>
      <c r="V313" s="107">
        <v>15560046.4783333</v>
      </c>
      <c r="W313" s="107">
        <v>15484899.69875</v>
      </c>
      <c r="X313" s="107">
        <v>15409752.9191666</v>
      </c>
      <c r="Y313" s="107">
        <v>15334606.139583301</v>
      </c>
      <c r="Z313" s="107">
        <v>15259459.359999999</v>
      </c>
      <c r="AA313" s="107">
        <v>15259459.359999999</v>
      </c>
      <c r="AB313" s="107">
        <v>19052912.443333302</v>
      </c>
      <c r="AC313" s="107">
        <v>18803358.5266666</v>
      </c>
      <c r="AD313" s="107">
        <v>18553804.609999999</v>
      </c>
      <c r="AE313" s="107">
        <v>18304250.693333302</v>
      </c>
      <c r="AF313" s="107">
        <v>18054696.7766666</v>
      </c>
      <c r="AG313" s="107">
        <v>17805142.859999999</v>
      </c>
      <c r="AH313" s="107">
        <v>17555588.943333302</v>
      </c>
      <c r="AI313" s="107">
        <v>17306035.0266666</v>
      </c>
      <c r="AJ313" s="107">
        <v>17056481.109999999</v>
      </c>
      <c r="AK313" s="107">
        <v>16806927.193333302</v>
      </c>
      <c r="AL313" s="107">
        <v>16557373.2766666</v>
      </c>
      <c r="AM313" s="107">
        <v>16307819.359999999</v>
      </c>
      <c r="AN313" s="107">
        <v>16307819.359999999</v>
      </c>
    </row>
    <row r="314" spans="1:40" x14ac:dyDescent="0.2">
      <c r="A314" s="133" t="s">
        <v>724</v>
      </c>
      <c r="B314" s="107">
        <v>536928.66999999899</v>
      </c>
      <c r="C314" s="107">
        <v>536928.66999999899</v>
      </c>
      <c r="D314" s="107">
        <v>536928.66999999899</v>
      </c>
      <c r="E314" s="107">
        <v>536928.66999999899</v>
      </c>
      <c r="F314" s="107">
        <v>536928.66999999899</v>
      </c>
      <c r="G314" s="107">
        <v>536928.66999999899</v>
      </c>
      <c r="H314" s="107">
        <v>536928.66999999899</v>
      </c>
      <c r="I314" s="107">
        <v>536928.66999999899</v>
      </c>
      <c r="J314" s="107">
        <v>536928.66999999899</v>
      </c>
      <c r="K314" s="107">
        <v>536928.66999999899</v>
      </c>
      <c r="L314" s="107">
        <v>536928.66999999899</v>
      </c>
      <c r="M314" s="107">
        <v>536928.66999999899</v>
      </c>
      <c r="N314" s="107">
        <v>536928.66999999899</v>
      </c>
      <c r="O314" s="107">
        <v>536928.66999999899</v>
      </c>
      <c r="P314" s="107">
        <v>536928.66999999899</v>
      </c>
      <c r="Q314" s="107">
        <v>536928.66999999899</v>
      </c>
      <c r="R314" s="107">
        <v>536928.66999999899</v>
      </c>
      <c r="S314" s="107">
        <v>536928.66999999899</v>
      </c>
      <c r="T314" s="107">
        <v>536928.66999999899</v>
      </c>
      <c r="U314" s="107">
        <v>536928.66999999899</v>
      </c>
      <c r="V314" s="107">
        <v>536928.66999999899</v>
      </c>
      <c r="W314" s="107">
        <v>536928.66999999899</v>
      </c>
      <c r="X314" s="107">
        <v>536928.66999999899</v>
      </c>
      <c r="Y314" s="107">
        <v>536928.66999999899</v>
      </c>
      <c r="Z314" s="107">
        <v>536928.66999999899</v>
      </c>
      <c r="AA314" s="107">
        <v>536928.66999999899</v>
      </c>
      <c r="AB314" s="107">
        <v>536928.66999999899</v>
      </c>
      <c r="AC314" s="107">
        <v>536928.66999999899</v>
      </c>
      <c r="AD314" s="107">
        <v>536928.66999999899</v>
      </c>
      <c r="AE314" s="107">
        <v>536928.66999999899</v>
      </c>
      <c r="AF314" s="107">
        <v>536928.66999999899</v>
      </c>
      <c r="AG314" s="107">
        <v>536928.66999999899</v>
      </c>
      <c r="AH314" s="107">
        <v>536928.66999999899</v>
      </c>
      <c r="AI314" s="107">
        <v>536928.66999999899</v>
      </c>
      <c r="AJ314" s="107">
        <v>536928.66999999899</v>
      </c>
      <c r="AK314" s="107">
        <v>536928.66999999899</v>
      </c>
      <c r="AL314" s="107">
        <v>536928.66999999899</v>
      </c>
      <c r="AM314" s="107">
        <v>536928.66999999899</v>
      </c>
      <c r="AN314" s="107">
        <v>536928.66999999899</v>
      </c>
    </row>
    <row r="315" spans="1:40" x14ac:dyDescent="0.2">
      <c r="A315" s="133" t="s">
        <v>725</v>
      </c>
      <c r="B315" s="107">
        <v>0</v>
      </c>
      <c r="C315" s="107">
        <v>0</v>
      </c>
      <c r="D315" s="107">
        <v>0</v>
      </c>
      <c r="E315" s="107">
        <v>0</v>
      </c>
      <c r="F315" s="107">
        <v>0</v>
      </c>
      <c r="G315" s="107">
        <v>0</v>
      </c>
      <c r="H315" s="107">
        <v>0</v>
      </c>
      <c r="I315" s="107">
        <v>0</v>
      </c>
      <c r="J315" s="107">
        <v>0</v>
      </c>
      <c r="K315" s="107">
        <v>0</v>
      </c>
      <c r="L315" s="107">
        <v>0</v>
      </c>
      <c r="M315" s="107">
        <v>0</v>
      </c>
      <c r="N315" s="107">
        <v>0</v>
      </c>
      <c r="O315" s="107">
        <v>0</v>
      </c>
      <c r="P315" s="107">
        <v>0</v>
      </c>
      <c r="Q315" s="107">
        <v>0</v>
      </c>
      <c r="R315" s="107">
        <v>0</v>
      </c>
      <c r="S315" s="107">
        <v>0</v>
      </c>
      <c r="T315" s="107">
        <v>0</v>
      </c>
      <c r="U315" s="107">
        <v>0</v>
      </c>
      <c r="V315" s="107">
        <v>0</v>
      </c>
      <c r="W315" s="107">
        <v>0</v>
      </c>
      <c r="X315" s="107">
        <v>0</v>
      </c>
      <c r="Y315" s="107">
        <v>0</v>
      </c>
      <c r="Z315" s="107">
        <v>0</v>
      </c>
      <c r="AA315" s="107">
        <v>0</v>
      </c>
      <c r="AB315" s="107">
        <v>0</v>
      </c>
      <c r="AC315" s="107">
        <v>0</v>
      </c>
      <c r="AD315" s="107">
        <v>0</v>
      </c>
      <c r="AE315" s="107">
        <v>0</v>
      </c>
      <c r="AF315" s="107">
        <v>0</v>
      </c>
      <c r="AG315" s="107">
        <v>0</v>
      </c>
      <c r="AH315" s="107">
        <v>0</v>
      </c>
      <c r="AI315" s="107">
        <v>0</v>
      </c>
      <c r="AJ315" s="107">
        <v>0</v>
      </c>
      <c r="AK315" s="107">
        <v>0</v>
      </c>
      <c r="AL315" s="107">
        <v>0</v>
      </c>
      <c r="AM315" s="107">
        <v>0</v>
      </c>
      <c r="AN315" s="107">
        <v>0</v>
      </c>
    </row>
    <row r="316" spans="1:40" x14ac:dyDescent="0.2">
      <c r="A316" s="136" t="s">
        <v>726</v>
      </c>
      <c r="B316" s="107">
        <v>16197423.559583301</v>
      </c>
      <c r="C316" s="107">
        <v>16242944.0891666</v>
      </c>
      <c r="D316" s="107">
        <v>16288464.6187499</v>
      </c>
      <c r="E316" s="107">
        <v>16333985.1483333</v>
      </c>
      <c r="F316" s="107">
        <v>16379505.677916599</v>
      </c>
      <c r="G316" s="107">
        <v>16425026.2075</v>
      </c>
      <c r="H316" s="107">
        <v>16470546.737083299</v>
      </c>
      <c r="I316" s="107">
        <v>16516067.2666666</v>
      </c>
      <c r="J316" s="107">
        <v>16561587.7962499</v>
      </c>
      <c r="K316" s="107">
        <v>16607108.3258333</v>
      </c>
      <c r="L316" s="107">
        <v>16652628.8554166</v>
      </c>
      <c r="M316" s="107">
        <v>16698149.384999899</v>
      </c>
      <c r="N316" s="107">
        <v>16698149.384999899</v>
      </c>
      <c r="O316" s="107">
        <v>16623002.6054166</v>
      </c>
      <c r="P316" s="107">
        <v>16547855.8258333</v>
      </c>
      <c r="Q316" s="107">
        <v>16472709.0462499</v>
      </c>
      <c r="R316" s="107">
        <v>16397562.2666666</v>
      </c>
      <c r="S316" s="107">
        <v>16322415.487083299</v>
      </c>
      <c r="T316" s="107">
        <v>16247268.7075</v>
      </c>
      <c r="U316" s="107">
        <v>16172121.927916599</v>
      </c>
      <c r="V316" s="107">
        <v>16096975.1483333</v>
      </c>
      <c r="W316" s="107">
        <v>16021828.36875</v>
      </c>
      <c r="X316" s="107">
        <v>15946681.5891666</v>
      </c>
      <c r="Y316" s="107">
        <v>15871534.809583301</v>
      </c>
      <c r="Z316" s="107">
        <v>15796388.029999999</v>
      </c>
      <c r="AA316" s="107">
        <v>15796388.029999999</v>
      </c>
      <c r="AB316" s="107">
        <v>19589841.1133333</v>
      </c>
      <c r="AC316" s="107">
        <v>19340287.196666598</v>
      </c>
      <c r="AD316" s="107">
        <v>19090733.280000001</v>
      </c>
      <c r="AE316" s="107">
        <v>18841179.3633333</v>
      </c>
      <c r="AF316" s="107">
        <v>18591625.446666598</v>
      </c>
      <c r="AG316" s="107">
        <v>18342071.530000001</v>
      </c>
      <c r="AH316" s="107">
        <v>18092517.6133333</v>
      </c>
      <c r="AI316" s="107">
        <v>17842963.696666598</v>
      </c>
      <c r="AJ316" s="107">
        <v>17593409.780000001</v>
      </c>
      <c r="AK316" s="107">
        <v>17343855.8633333</v>
      </c>
      <c r="AL316" s="107">
        <v>17094301.946666598</v>
      </c>
      <c r="AM316" s="107">
        <v>16844748.030000001</v>
      </c>
      <c r="AN316" s="107">
        <v>16844748.030000001</v>
      </c>
    </row>
    <row r="317" spans="1:40" x14ac:dyDescent="0.2">
      <c r="A317" s="133" t="s">
        <v>727</v>
      </c>
    </row>
    <row r="318" spans="1:40" x14ac:dyDescent="0.2">
      <c r="A318" s="136" t="s">
        <v>728</v>
      </c>
    </row>
    <row r="319" spans="1:40" x14ac:dyDescent="0.2">
      <c r="A319" s="133" t="s">
        <v>729</v>
      </c>
      <c r="B319" s="107">
        <v>67605942.557055295</v>
      </c>
      <c r="C319" s="107">
        <v>68454708.528548703</v>
      </c>
      <c r="D319" s="107">
        <v>68041140.268508598</v>
      </c>
      <c r="E319" s="107">
        <v>68295966.868663207</v>
      </c>
      <c r="F319" s="107">
        <v>68540599.069970593</v>
      </c>
      <c r="G319" s="107">
        <v>68783521.383436397</v>
      </c>
      <c r="H319" s="107">
        <v>69023733.790715694</v>
      </c>
      <c r="I319" s="107">
        <v>69261848.503496706</v>
      </c>
      <c r="J319" s="107">
        <v>69517345.149390504</v>
      </c>
      <c r="K319" s="107">
        <v>69751305.971221194</v>
      </c>
      <c r="L319" s="107">
        <v>69993064.299353898</v>
      </c>
      <c r="M319" s="107">
        <v>68647443.394203901</v>
      </c>
      <c r="N319" s="107">
        <v>68647443.394203901</v>
      </c>
      <c r="O319" s="107">
        <v>68638137.557649404</v>
      </c>
      <c r="P319" s="107">
        <v>68628823.576504707</v>
      </c>
      <c r="Q319" s="107">
        <v>68619091.248453796</v>
      </c>
      <c r="R319" s="107">
        <v>68609747.897920206</v>
      </c>
      <c r="S319" s="107">
        <v>68600377.644718304</v>
      </c>
      <c r="T319" s="107">
        <v>68591406.394335702</v>
      </c>
      <c r="U319" s="107">
        <v>68582063.0268749</v>
      </c>
      <c r="V319" s="107">
        <v>68572719.436749503</v>
      </c>
      <c r="W319" s="107">
        <v>68562969.801186606</v>
      </c>
      <c r="X319" s="107">
        <v>68553626.622353598</v>
      </c>
      <c r="Y319" s="107">
        <v>68544283.767052397</v>
      </c>
      <c r="Z319" s="107">
        <v>68535754.993489802</v>
      </c>
      <c r="AA319" s="107">
        <v>68535754.993489802</v>
      </c>
      <c r="AB319" s="107">
        <v>69021135.408129901</v>
      </c>
      <c r="AC319" s="107">
        <v>69506512.048447803</v>
      </c>
      <c r="AD319" s="107">
        <v>69991694.8206871</v>
      </c>
      <c r="AE319" s="107">
        <v>70477057.850800395</v>
      </c>
      <c r="AF319" s="107">
        <v>70962408.413823396</v>
      </c>
      <c r="AG319" s="107">
        <v>71447943.880592003</v>
      </c>
      <c r="AH319" s="107">
        <v>71933306.902860895</v>
      </c>
      <c r="AI319" s="107">
        <v>72418669.821943805</v>
      </c>
      <c r="AJ319" s="107">
        <v>72903844.573628798</v>
      </c>
      <c r="AK319" s="107">
        <v>73389207.683310598</v>
      </c>
      <c r="AL319" s="107">
        <v>73874570.942921802</v>
      </c>
      <c r="AM319" s="107">
        <v>74360311.459924102</v>
      </c>
      <c r="AN319" s="107">
        <v>74360311.459924102</v>
      </c>
    </row>
    <row r="320" spans="1:40" x14ac:dyDescent="0.2">
      <c r="A320" s="133" t="s">
        <v>730</v>
      </c>
      <c r="B320" s="107">
        <v>0</v>
      </c>
      <c r="C320" s="107">
        <v>0</v>
      </c>
      <c r="D320" s="107">
        <v>0</v>
      </c>
      <c r="E320" s="107">
        <v>0</v>
      </c>
      <c r="F320" s="107">
        <v>0</v>
      </c>
      <c r="G320" s="107">
        <v>0</v>
      </c>
      <c r="H320" s="107">
        <v>0</v>
      </c>
      <c r="I320" s="107">
        <v>0</v>
      </c>
      <c r="J320" s="107">
        <v>0</v>
      </c>
      <c r="K320" s="107">
        <v>0</v>
      </c>
      <c r="L320" s="107">
        <v>0</v>
      </c>
      <c r="M320" s="107">
        <v>0</v>
      </c>
      <c r="N320" s="107">
        <v>0</v>
      </c>
      <c r="O320" s="107">
        <v>0</v>
      </c>
      <c r="P320" s="107">
        <v>0</v>
      </c>
      <c r="Q320" s="107">
        <v>0</v>
      </c>
      <c r="R320" s="107">
        <v>0</v>
      </c>
      <c r="S320" s="107">
        <v>0</v>
      </c>
      <c r="T320" s="107">
        <v>0</v>
      </c>
      <c r="U320" s="107">
        <v>0</v>
      </c>
      <c r="V320" s="107">
        <v>0</v>
      </c>
      <c r="W320" s="107">
        <v>0</v>
      </c>
      <c r="X320" s="107">
        <v>0</v>
      </c>
      <c r="Y320" s="107">
        <v>0</v>
      </c>
      <c r="Z320" s="107">
        <v>0</v>
      </c>
      <c r="AA320" s="107">
        <v>0</v>
      </c>
      <c r="AB320" s="107">
        <v>0</v>
      </c>
      <c r="AC320" s="107">
        <v>0</v>
      </c>
      <c r="AD320" s="107">
        <v>0</v>
      </c>
      <c r="AE320" s="107">
        <v>0</v>
      </c>
      <c r="AF320" s="107">
        <v>0</v>
      </c>
      <c r="AG320" s="107">
        <v>0</v>
      </c>
      <c r="AH320" s="107">
        <v>0</v>
      </c>
      <c r="AI320" s="107">
        <v>0</v>
      </c>
      <c r="AJ320" s="107">
        <v>0</v>
      </c>
      <c r="AK320" s="107">
        <v>0</v>
      </c>
      <c r="AL320" s="107">
        <v>0</v>
      </c>
      <c r="AM320" s="107">
        <v>0</v>
      </c>
      <c r="AN320" s="107">
        <v>0</v>
      </c>
    </row>
    <row r="321" spans="1:40" x14ac:dyDescent="0.2">
      <c r="A321" s="133" t="s">
        <v>731</v>
      </c>
      <c r="B321" s="107">
        <v>67605942.557055295</v>
      </c>
      <c r="C321" s="107">
        <v>68454708.528548703</v>
      </c>
      <c r="D321" s="107">
        <v>68041140.268508598</v>
      </c>
      <c r="E321" s="107">
        <v>68295966.868663207</v>
      </c>
      <c r="F321" s="107">
        <v>68540599.069970593</v>
      </c>
      <c r="G321" s="107">
        <v>68783521.383436397</v>
      </c>
      <c r="H321" s="107">
        <v>69023733.790715694</v>
      </c>
      <c r="I321" s="107">
        <v>69261848.503496706</v>
      </c>
      <c r="J321" s="107">
        <v>69517345.149390504</v>
      </c>
      <c r="K321" s="107">
        <v>69751305.971221194</v>
      </c>
      <c r="L321" s="107">
        <v>69993064.299353898</v>
      </c>
      <c r="M321" s="107">
        <v>68647443.394203901</v>
      </c>
      <c r="N321" s="107">
        <v>68647443.394203901</v>
      </c>
      <c r="O321" s="107">
        <v>68638137.557649404</v>
      </c>
      <c r="P321" s="107">
        <v>68628823.576504707</v>
      </c>
      <c r="Q321" s="107">
        <v>68619091.248453796</v>
      </c>
      <c r="R321" s="107">
        <v>68609747.897920206</v>
      </c>
      <c r="S321" s="107">
        <v>68600377.644718304</v>
      </c>
      <c r="T321" s="107">
        <v>68591406.394335702</v>
      </c>
      <c r="U321" s="107">
        <v>68582063.0268749</v>
      </c>
      <c r="V321" s="107">
        <v>68572719.436749503</v>
      </c>
      <c r="W321" s="107">
        <v>68562969.801186606</v>
      </c>
      <c r="X321" s="107">
        <v>68553626.622353598</v>
      </c>
      <c r="Y321" s="107">
        <v>68544283.767052397</v>
      </c>
      <c r="Z321" s="107">
        <v>68535754.993489802</v>
      </c>
      <c r="AA321" s="107">
        <v>68535754.993489802</v>
      </c>
      <c r="AB321" s="107">
        <v>69021135.408129901</v>
      </c>
      <c r="AC321" s="107">
        <v>69506512.048447803</v>
      </c>
      <c r="AD321" s="107">
        <v>69991694.8206871</v>
      </c>
      <c r="AE321" s="107">
        <v>70477057.850800395</v>
      </c>
      <c r="AF321" s="107">
        <v>70962408.413823396</v>
      </c>
      <c r="AG321" s="107">
        <v>71447943.880592003</v>
      </c>
      <c r="AH321" s="107">
        <v>71933306.902860895</v>
      </c>
      <c r="AI321" s="107">
        <v>72418669.821943805</v>
      </c>
      <c r="AJ321" s="107">
        <v>72903844.573628798</v>
      </c>
      <c r="AK321" s="107">
        <v>73389207.683310598</v>
      </c>
      <c r="AL321" s="107">
        <v>73874570.942921802</v>
      </c>
      <c r="AM321" s="107">
        <v>74360311.459924102</v>
      </c>
      <c r="AN321" s="107">
        <v>74360311.459924102</v>
      </c>
    </row>
    <row r="322" spans="1:40" x14ac:dyDescent="0.2">
      <c r="A322" s="133" t="s">
        <v>732</v>
      </c>
    </row>
    <row r="323" spans="1:40" x14ac:dyDescent="0.2">
      <c r="A323" s="133" t="s">
        <v>733</v>
      </c>
      <c r="B323" s="107">
        <v>37278972.088310502</v>
      </c>
      <c r="C323" s="107">
        <v>37387363.645731501</v>
      </c>
      <c r="D323" s="107">
        <v>37497682.736578703</v>
      </c>
      <c r="E323" s="107">
        <v>37606941.511539802</v>
      </c>
      <c r="F323" s="107">
        <v>37715647.814251803</v>
      </c>
      <c r="G323" s="107">
        <v>37825662.284090497</v>
      </c>
      <c r="H323" s="107">
        <v>37934376.167496599</v>
      </c>
      <c r="I323" s="107">
        <v>38042877.781312801</v>
      </c>
      <c r="J323" s="107">
        <v>38152106.082110196</v>
      </c>
      <c r="K323" s="107">
        <v>38261313.661044501</v>
      </c>
      <c r="L323" s="107">
        <v>38370132.887822799</v>
      </c>
      <c r="M323" s="107">
        <v>38457170.495159499</v>
      </c>
      <c r="N323" s="107">
        <v>38457170.495159499</v>
      </c>
      <c r="O323" s="107">
        <v>38546280.431008302</v>
      </c>
      <c r="P323" s="107">
        <v>38635454.929916099</v>
      </c>
      <c r="Q323" s="107">
        <v>38724548.6497401</v>
      </c>
      <c r="R323" s="107">
        <v>38813686.805289403</v>
      </c>
      <c r="S323" s="107">
        <v>38902848.113849498</v>
      </c>
      <c r="T323" s="107">
        <v>38991954.599732697</v>
      </c>
      <c r="U323" s="107">
        <v>39081115.590600997</v>
      </c>
      <c r="V323" s="107">
        <v>39170285.477264799</v>
      </c>
      <c r="W323" s="107">
        <v>39259424.909925498</v>
      </c>
      <c r="X323" s="107">
        <v>39348565.210998297</v>
      </c>
      <c r="Y323" s="107">
        <v>39437721.787135802</v>
      </c>
      <c r="Z323" s="107">
        <v>39526817.965793699</v>
      </c>
      <c r="AA323" s="107">
        <v>39526817.965793699</v>
      </c>
      <c r="AB323" s="107">
        <v>39615859.396531299</v>
      </c>
      <c r="AC323" s="107">
        <v>39704930.746735297</v>
      </c>
      <c r="AD323" s="107">
        <v>39793964.662729703</v>
      </c>
      <c r="AE323" s="107">
        <v>39883019.170889497</v>
      </c>
      <c r="AF323" s="107">
        <v>39972084.4084934</v>
      </c>
      <c r="AG323" s="107">
        <v>40061124.240466401</v>
      </c>
      <c r="AH323" s="107">
        <v>40150189.330847196</v>
      </c>
      <c r="AI323" s="107">
        <v>40239258.543669797</v>
      </c>
      <c r="AJ323" s="107">
        <v>40328313.643661797</v>
      </c>
      <c r="AK323" s="107">
        <v>40417369.1460886</v>
      </c>
      <c r="AL323" s="107">
        <v>40506432.1906185</v>
      </c>
      <c r="AM323" s="107">
        <v>40595467.246072598</v>
      </c>
      <c r="AN323" s="107">
        <v>40595467.246072598</v>
      </c>
    </row>
    <row r="324" spans="1:40" x14ac:dyDescent="0.2">
      <c r="A324" s="133" t="s">
        <v>734</v>
      </c>
      <c r="B324" s="107">
        <v>0</v>
      </c>
      <c r="C324" s="107">
        <v>0</v>
      </c>
      <c r="D324" s="107">
        <v>0</v>
      </c>
      <c r="E324" s="107">
        <v>0</v>
      </c>
      <c r="F324" s="107">
        <v>0</v>
      </c>
      <c r="G324" s="107">
        <v>0</v>
      </c>
      <c r="H324" s="107">
        <v>0</v>
      </c>
      <c r="I324" s="107">
        <v>0</v>
      </c>
      <c r="J324" s="107">
        <v>0</v>
      </c>
      <c r="K324" s="107">
        <v>0</v>
      </c>
      <c r="L324" s="107">
        <v>0</v>
      </c>
      <c r="M324" s="107">
        <v>0</v>
      </c>
      <c r="N324" s="107">
        <v>0</v>
      </c>
      <c r="O324" s="107">
        <v>0</v>
      </c>
      <c r="P324" s="107">
        <v>0</v>
      </c>
      <c r="Q324" s="107">
        <v>0</v>
      </c>
      <c r="R324" s="107">
        <v>0</v>
      </c>
      <c r="S324" s="107">
        <v>0</v>
      </c>
      <c r="T324" s="107">
        <v>0</v>
      </c>
      <c r="U324" s="107">
        <v>0</v>
      </c>
      <c r="V324" s="107">
        <v>0</v>
      </c>
      <c r="W324" s="107">
        <v>0</v>
      </c>
      <c r="X324" s="107">
        <v>0</v>
      </c>
      <c r="Y324" s="107">
        <v>0</v>
      </c>
      <c r="Z324" s="107">
        <v>0</v>
      </c>
      <c r="AA324" s="107">
        <v>0</v>
      </c>
      <c r="AB324" s="107">
        <v>0</v>
      </c>
      <c r="AC324" s="107">
        <v>0</v>
      </c>
      <c r="AD324" s="107">
        <v>0</v>
      </c>
      <c r="AE324" s="107">
        <v>0</v>
      </c>
      <c r="AF324" s="107">
        <v>0</v>
      </c>
      <c r="AG324" s="107">
        <v>0</v>
      </c>
      <c r="AH324" s="107">
        <v>0</v>
      </c>
      <c r="AI324" s="107">
        <v>0</v>
      </c>
      <c r="AJ324" s="107">
        <v>0</v>
      </c>
      <c r="AK324" s="107">
        <v>0</v>
      </c>
      <c r="AL324" s="107">
        <v>0</v>
      </c>
      <c r="AM324" s="107">
        <v>0</v>
      </c>
      <c r="AN324" s="107">
        <v>0</v>
      </c>
    </row>
    <row r="325" spans="1:40" x14ac:dyDescent="0.2">
      <c r="A325" s="133" t="s">
        <v>735</v>
      </c>
      <c r="B325" s="107">
        <v>37278972.088310502</v>
      </c>
      <c r="C325" s="107">
        <v>37387363.645731501</v>
      </c>
      <c r="D325" s="107">
        <v>37497682.736578703</v>
      </c>
      <c r="E325" s="107">
        <v>37606941.511539802</v>
      </c>
      <c r="F325" s="107">
        <v>37715647.814251803</v>
      </c>
      <c r="G325" s="107">
        <v>37825662.284090497</v>
      </c>
      <c r="H325" s="107">
        <v>37934376.167496599</v>
      </c>
      <c r="I325" s="107">
        <v>38042877.781312801</v>
      </c>
      <c r="J325" s="107">
        <v>38152106.082110196</v>
      </c>
      <c r="K325" s="107">
        <v>38261313.661044501</v>
      </c>
      <c r="L325" s="107">
        <v>38370132.887822799</v>
      </c>
      <c r="M325" s="107">
        <v>38457170.495159499</v>
      </c>
      <c r="N325" s="107">
        <v>38457170.495159499</v>
      </c>
      <c r="O325" s="107">
        <v>38546280.431008302</v>
      </c>
      <c r="P325" s="107">
        <v>38635454.929916099</v>
      </c>
      <c r="Q325" s="107">
        <v>38724548.6497401</v>
      </c>
      <c r="R325" s="107">
        <v>38813686.805289403</v>
      </c>
      <c r="S325" s="107">
        <v>38902848.113849498</v>
      </c>
      <c r="T325" s="107">
        <v>38991954.599732697</v>
      </c>
      <c r="U325" s="107">
        <v>39081115.590600997</v>
      </c>
      <c r="V325" s="107">
        <v>39170285.477264799</v>
      </c>
      <c r="W325" s="107">
        <v>39259424.909925498</v>
      </c>
      <c r="X325" s="107">
        <v>39348565.210998297</v>
      </c>
      <c r="Y325" s="107">
        <v>39437721.787135802</v>
      </c>
      <c r="Z325" s="107">
        <v>39526817.965793699</v>
      </c>
      <c r="AA325" s="107">
        <v>39526817.965793699</v>
      </c>
      <c r="AB325" s="107">
        <v>39615859.396531299</v>
      </c>
      <c r="AC325" s="107">
        <v>39704930.746735297</v>
      </c>
      <c r="AD325" s="107">
        <v>39793964.662729703</v>
      </c>
      <c r="AE325" s="107">
        <v>39883019.170889497</v>
      </c>
      <c r="AF325" s="107">
        <v>39972084.4084934</v>
      </c>
      <c r="AG325" s="107">
        <v>40061124.240466401</v>
      </c>
      <c r="AH325" s="107">
        <v>40150189.330847196</v>
      </c>
      <c r="AI325" s="107">
        <v>40239258.543669797</v>
      </c>
      <c r="AJ325" s="107">
        <v>40328313.643661797</v>
      </c>
      <c r="AK325" s="107">
        <v>40417369.1460886</v>
      </c>
      <c r="AL325" s="107">
        <v>40506432.1906185</v>
      </c>
      <c r="AM325" s="107">
        <v>40595467.246072598</v>
      </c>
      <c r="AN325" s="107">
        <v>40595467.246072598</v>
      </c>
    </row>
    <row r="326" spans="1:40" x14ac:dyDescent="0.2">
      <c r="A326" s="133" t="s">
        <v>736</v>
      </c>
    </row>
    <row r="327" spans="1:40" x14ac:dyDescent="0.2">
      <c r="A327" s="133" t="s">
        <v>737</v>
      </c>
      <c r="B327" s="107">
        <v>42008.882459499997</v>
      </c>
      <c r="C327" s="107">
        <v>42029.491501199998</v>
      </c>
      <c r="D327" s="107">
        <v>42050.821907199999</v>
      </c>
      <c r="E327" s="107">
        <v>42072.152313199898</v>
      </c>
      <c r="F327" s="107">
        <v>42093.482719199899</v>
      </c>
      <c r="G327" s="107">
        <v>42114.8131251999</v>
      </c>
      <c r="H327" s="107">
        <v>42136.143531199901</v>
      </c>
      <c r="I327" s="107">
        <v>42157.473937199997</v>
      </c>
      <c r="J327" s="107">
        <v>42178.804343199903</v>
      </c>
      <c r="K327" s="107">
        <v>42200.134749199999</v>
      </c>
      <c r="L327" s="107">
        <v>42221.465155199898</v>
      </c>
      <c r="M327" s="107">
        <v>42217.7223411999</v>
      </c>
      <c r="N327" s="107">
        <v>42217.7223411999</v>
      </c>
      <c r="O327" s="107">
        <v>42216.858657339901</v>
      </c>
      <c r="P327" s="107">
        <v>42215.994973479901</v>
      </c>
      <c r="Q327" s="107">
        <v>42215.101058679997</v>
      </c>
      <c r="R327" s="107">
        <v>42214.207143879998</v>
      </c>
      <c r="S327" s="107">
        <v>42213.313229079999</v>
      </c>
      <c r="T327" s="107">
        <v>42212.41931428</v>
      </c>
      <c r="U327" s="107">
        <v>42211.52539948</v>
      </c>
      <c r="V327" s="107">
        <v>42210.631484680001</v>
      </c>
      <c r="W327" s="107">
        <v>42209.737569880002</v>
      </c>
      <c r="X327" s="107">
        <v>42208.843655080003</v>
      </c>
      <c r="Y327" s="107">
        <v>42207.949740279997</v>
      </c>
      <c r="Z327" s="107">
        <v>42207.055825479998</v>
      </c>
      <c r="AA327" s="107">
        <v>42207.055825479998</v>
      </c>
      <c r="AB327" s="107">
        <v>42206.65558174</v>
      </c>
      <c r="AC327" s="107">
        <v>42206.255338000003</v>
      </c>
      <c r="AD327" s="107">
        <v>42205.841084799998</v>
      </c>
      <c r="AE327" s="107">
        <v>42205.426831600002</v>
      </c>
      <c r="AF327" s="107">
        <v>42205.012578399997</v>
      </c>
      <c r="AG327" s="107">
        <v>42204.598325200001</v>
      </c>
      <c r="AH327" s="107">
        <v>42204.184071999996</v>
      </c>
      <c r="AI327" s="107">
        <v>42203.769818799999</v>
      </c>
      <c r="AJ327" s="107">
        <v>42203.355565600003</v>
      </c>
      <c r="AK327" s="107">
        <v>42202.941312399998</v>
      </c>
      <c r="AL327" s="107">
        <v>42202.527059200002</v>
      </c>
      <c r="AM327" s="107">
        <v>42202.112805999997</v>
      </c>
      <c r="AN327" s="107">
        <v>42202.112805999997</v>
      </c>
    </row>
    <row r="328" spans="1:40" x14ac:dyDescent="0.2">
      <c r="A328" s="133" t="s">
        <v>664</v>
      </c>
    </row>
    <row r="329" spans="1:40" x14ac:dyDescent="0.2">
      <c r="A329" s="133" t="s">
        <v>738</v>
      </c>
      <c r="B329" s="107">
        <v>23157595.0358603</v>
      </c>
      <c r="C329" s="107">
        <v>23617838.072944898</v>
      </c>
      <c r="D329" s="107">
        <v>24079503.0949887</v>
      </c>
      <c r="E329" s="107">
        <v>24541009.801841099</v>
      </c>
      <c r="F329" s="107">
        <v>25002409.950877</v>
      </c>
      <c r="G329" s="107">
        <v>25463823.5509592</v>
      </c>
      <c r="H329" s="107">
        <v>25925027.453861602</v>
      </c>
      <c r="I329" s="107">
        <v>26385501.048051499</v>
      </c>
      <c r="J329" s="107">
        <v>26847434.647190701</v>
      </c>
      <c r="K329" s="107">
        <v>27309012.943447798</v>
      </c>
      <c r="L329" s="107">
        <v>27769246.676465001</v>
      </c>
      <c r="M329" s="107">
        <v>28216874.7464258</v>
      </c>
      <c r="N329" s="107">
        <v>28216874.7464258</v>
      </c>
      <c r="O329" s="107">
        <v>28055586.543686401</v>
      </c>
      <c r="P329" s="107">
        <v>27894355.3260695</v>
      </c>
      <c r="Q329" s="107">
        <v>27733064.5158973</v>
      </c>
      <c r="R329" s="107">
        <v>27571780.340399198</v>
      </c>
      <c r="S329" s="107">
        <v>27410500.6305268</v>
      </c>
      <c r="T329" s="107">
        <v>27249220.356947899</v>
      </c>
      <c r="U329" s="107">
        <v>27087948.871359799</v>
      </c>
      <c r="V329" s="107">
        <v>26926707.991554201</v>
      </c>
      <c r="W329" s="107">
        <v>26765405.9258512</v>
      </c>
      <c r="X329" s="107">
        <v>26604118.750183899</v>
      </c>
      <c r="Y329" s="107">
        <v>26442887.922481898</v>
      </c>
      <c r="Z329" s="107">
        <v>26281561.684048999</v>
      </c>
      <c r="AA329" s="107">
        <v>26281561.684048999</v>
      </c>
      <c r="AB329" s="107">
        <v>26352390.456190001</v>
      </c>
      <c r="AC329" s="107">
        <v>26423245.636070799</v>
      </c>
      <c r="AD329" s="107">
        <v>26494073.199889399</v>
      </c>
      <c r="AE329" s="107">
        <v>26564903.838312998</v>
      </c>
      <c r="AF329" s="107">
        <v>26635736.546172999</v>
      </c>
      <c r="AG329" s="107">
        <v>26706568.992803</v>
      </c>
      <c r="AH329" s="107">
        <v>26777405.511916701</v>
      </c>
      <c r="AI329" s="107">
        <v>26848256.2141978</v>
      </c>
      <c r="AJ329" s="107">
        <v>26919078.562038701</v>
      </c>
      <c r="AK329" s="107">
        <v>26989907.810139999</v>
      </c>
      <c r="AL329" s="107">
        <v>27060763.170713101</v>
      </c>
      <c r="AM329" s="107">
        <v>27131574.316557098</v>
      </c>
      <c r="AN329" s="107">
        <v>27131574.316557098</v>
      </c>
    </row>
    <row r="330" spans="1:40" x14ac:dyDescent="0.2">
      <c r="A330" s="133" t="s">
        <v>739</v>
      </c>
      <c r="B330" s="107">
        <v>0</v>
      </c>
      <c r="C330" s="107">
        <v>0</v>
      </c>
      <c r="D330" s="107">
        <v>0</v>
      </c>
      <c r="E330" s="107">
        <v>0</v>
      </c>
      <c r="F330" s="107">
        <v>0</v>
      </c>
      <c r="G330" s="107">
        <v>0</v>
      </c>
      <c r="H330" s="107">
        <v>0</v>
      </c>
      <c r="I330" s="107">
        <v>0</v>
      </c>
      <c r="J330" s="107">
        <v>0</v>
      </c>
      <c r="K330" s="107">
        <v>0</v>
      </c>
      <c r="L330" s="107">
        <v>0</v>
      </c>
      <c r="M330" s="107">
        <v>0</v>
      </c>
      <c r="N330" s="107">
        <v>0</v>
      </c>
      <c r="O330" s="107">
        <v>0</v>
      </c>
      <c r="P330" s="107">
        <v>0</v>
      </c>
      <c r="Q330" s="107">
        <v>0</v>
      </c>
      <c r="R330" s="107">
        <v>0</v>
      </c>
      <c r="S330" s="107">
        <v>0</v>
      </c>
      <c r="T330" s="107">
        <v>0</v>
      </c>
      <c r="U330" s="107">
        <v>0</v>
      </c>
      <c r="V330" s="107">
        <v>0</v>
      </c>
      <c r="W330" s="107">
        <v>0</v>
      </c>
      <c r="X330" s="107">
        <v>0</v>
      </c>
      <c r="Y330" s="107">
        <v>0</v>
      </c>
      <c r="Z330" s="107">
        <v>0</v>
      </c>
      <c r="AA330" s="107">
        <v>0</v>
      </c>
      <c r="AB330" s="107">
        <v>0</v>
      </c>
      <c r="AC330" s="107">
        <v>0</v>
      </c>
      <c r="AD330" s="107">
        <v>0</v>
      </c>
      <c r="AE330" s="107">
        <v>0</v>
      </c>
      <c r="AF330" s="107">
        <v>0</v>
      </c>
      <c r="AG330" s="107">
        <v>0</v>
      </c>
      <c r="AH330" s="107">
        <v>0</v>
      </c>
      <c r="AI330" s="107">
        <v>0</v>
      </c>
      <c r="AJ330" s="107">
        <v>0</v>
      </c>
      <c r="AK330" s="107">
        <v>0</v>
      </c>
      <c r="AL330" s="107">
        <v>0</v>
      </c>
      <c r="AM330" s="107">
        <v>0</v>
      </c>
      <c r="AN330" s="107">
        <v>0</v>
      </c>
    </row>
    <row r="331" spans="1:40" x14ac:dyDescent="0.2">
      <c r="A331" s="133" t="s">
        <v>740</v>
      </c>
      <c r="B331" s="107">
        <v>0</v>
      </c>
      <c r="C331" s="107">
        <v>0</v>
      </c>
      <c r="D331" s="107">
        <v>0</v>
      </c>
      <c r="E331" s="107">
        <v>0</v>
      </c>
      <c r="F331" s="107">
        <v>0</v>
      </c>
      <c r="G331" s="107">
        <v>0</v>
      </c>
      <c r="H331" s="107">
        <v>0</v>
      </c>
      <c r="I331" s="107">
        <v>0</v>
      </c>
      <c r="J331" s="107">
        <v>0</v>
      </c>
      <c r="K331" s="107">
        <v>0</v>
      </c>
      <c r="L331" s="107">
        <v>0</v>
      </c>
      <c r="M331" s="107">
        <v>0</v>
      </c>
      <c r="N331" s="107">
        <v>0</v>
      </c>
      <c r="O331" s="107">
        <v>0</v>
      </c>
      <c r="P331" s="107">
        <v>0</v>
      </c>
      <c r="Q331" s="107">
        <v>0</v>
      </c>
      <c r="R331" s="107">
        <v>0</v>
      </c>
      <c r="S331" s="107">
        <v>0</v>
      </c>
      <c r="T331" s="107">
        <v>0</v>
      </c>
      <c r="U331" s="107">
        <v>0</v>
      </c>
      <c r="V331" s="107">
        <v>0</v>
      </c>
      <c r="W331" s="107">
        <v>0</v>
      </c>
      <c r="X331" s="107">
        <v>0</v>
      </c>
      <c r="Y331" s="107">
        <v>0</v>
      </c>
      <c r="Z331" s="107">
        <v>0</v>
      </c>
      <c r="AA331" s="107">
        <v>0</v>
      </c>
      <c r="AB331" s="107">
        <v>0</v>
      </c>
      <c r="AC331" s="107">
        <v>0</v>
      </c>
      <c r="AD331" s="107">
        <v>0</v>
      </c>
      <c r="AE331" s="107">
        <v>0</v>
      </c>
      <c r="AF331" s="107">
        <v>0</v>
      </c>
      <c r="AG331" s="107">
        <v>0</v>
      </c>
      <c r="AH331" s="107">
        <v>0</v>
      </c>
      <c r="AI331" s="107">
        <v>0</v>
      </c>
      <c r="AJ331" s="107">
        <v>0</v>
      </c>
      <c r="AK331" s="107">
        <v>0</v>
      </c>
      <c r="AL331" s="107">
        <v>0</v>
      </c>
      <c r="AM331" s="107">
        <v>0</v>
      </c>
      <c r="AN331" s="107">
        <v>0</v>
      </c>
    </row>
    <row r="332" spans="1:40" x14ac:dyDescent="0.2">
      <c r="A332" s="133" t="s">
        <v>741</v>
      </c>
      <c r="B332" s="107">
        <v>23157595.0358603</v>
      </c>
      <c r="C332" s="107">
        <v>23617838.072944898</v>
      </c>
      <c r="D332" s="107">
        <v>24079503.0949887</v>
      </c>
      <c r="E332" s="107">
        <v>24541009.801841099</v>
      </c>
      <c r="F332" s="107">
        <v>25002409.950877</v>
      </c>
      <c r="G332" s="107">
        <v>25463823.5509592</v>
      </c>
      <c r="H332" s="107">
        <v>25925027.453861602</v>
      </c>
      <c r="I332" s="107">
        <v>26385501.048051499</v>
      </c>
      <c r="J332" s="107">
        <v>26847434.647190701</v>
      </c>
      <c r="K332" s="107">
        <v>27309012.943447798</v>
      </c>
      <c r="L332" s="107">
        <v>27769246.676465001</v>
      </c>
      <c r="M332" s="107">
        <v>28216874.7464258</v>
      </c>
      <c r="N332" s="107">
        <v>28216874.7464258</v>
      </c>
      <c r="O332" s="107">
        <v>28055586.543686401</v>
      </c>
      <c r="P332" s="107">
        <v>27894355.3260695</v>
      </c>
      <c r="Q332" s="107">
        <v>27733064.5158973</v>
      </c>
      <c r="R332" s="107">
        <v>27571780.340399198</v>
      </c>
      <c r="S332" s="107">
        <v>27410500.6305268</v>
      </c>
      <c r="T332" s="107">
        <v>27249220.356947899</v>
      </c>
      <c r="U332" s="107">
        <v>27087948.871359799</v>
      </c>
      <c r="V332" s="107">
        <v>26926707.991554201</v>
      </c>
      <c r="W332" s="107">
        <v>26765405.9258512</v>
      </c>
      <c r="X332" s="107">
        <v>26604118.750183899</v>
      </c>
      <c r="Y332" s="107">
        <v>26442887.922481898</v>
      </c>
      <c r="Z332" s="107">
        <v>26281561.684048999</v>
      </c>
      <c r="AA332" s="107">
        <v>26281561.684048999</v>
      </c>
      <c r="AB332" s="107">
        <v>26352390.456190001</v>
      </c>
      <c r="AC332" s="107">
        <v>26423245.636070799</v>
      </c>
      <c r="AD332" s="107">
        <v>26494073.199889399</v>
      </c>
      <c r="AE332" s="107">
        <v>26564903.838312998</v>
      </c>
      <c r="AF332" s="107">
        <v>26635736.546172999</v>
      </c>
      <c r="AG332" s="107">
        <v>26706568.992803</v>
      </c>
      <c r="AH332" s="107">
        <v>26777405.511916701</v>
      </c>
      <c r="AI332" s="107">
        <v>26848256.2141978</v>
      </c>
      <c r="AJ332" s="107">
        <v>26919078.562038701</v>
      </c>
      <c r="AK332" s="107">
        <v>26989907.810139999</v>
      </c>
      <c r="AL332" s="107">
        <v>27060763.170713101</v>
      </c>
      <c r="AM332" s="107">
        <v>27131574.316557098</v>
      </c>
      <c r="AN332" s="107">
        <v>27131574.316557098</v>
      </c>
    </row>
    <row r="333" spans="1:40" x14ac:dyDescent="0.2">
      <c r="A333" s="133" t="s">
        <v>742</v>
      </c>
    </row>
    <row r="334" spans="1:40" x14ac:dyDescent="0.2">
      <c r="A334" s="133" t="s">
        <v>743</v>
      </c>
      <c r="B334" s="107">
        <v>22947037.043454502</v>
      </c>
      <c r="C334" s="107">
        <v>22955243.658856999</v>
      </c>
      <c r="D334" s="107">
        <v>22963450.2742595</v>
      </c>
      <c r="E334" s="107">
        <v>22971656.889661901</v>
      </c>
      <c r="F334" s="107">
        <v>22979863.505064402</v>
      </c>
      <c r="G334" s="107">
        <v>22988070.120466899</v>
      </c>
      <c r="H334" s="107">
        <v>22996514.667182799</v>
      </c>
      <c r="I334" s="107">
        <v>23004721.282585301</v>
      </c>
      <c r="J334" s="107">
        <v>23012927.897987802</v>
      </c>
      <c r="K334" s="107">
        <v>23021134.513390198</v>
      </c>
      <c r="L334" s="107">
        <v>23029341.128792699</v>
      </c>
      <c r="M334" s="107">
        <v>23037547.744195201</v>
      </c>
      <c r="N334" s="107">
        <v>23037547.744195201</v>
      </c>
      <c r="O334" s="107">
        <v>23036207.180814099</v>
      </c>
      <c r="P334" s="107">
        <v>23034870.3431518</v>
      </c>
      <c r="Q334" s="107">
        <v>23033533.505489498</v>
      </c>
      <c r="R334" s="107">
        <v>23032196.6678272</v>
      </c>
      <c r="S334" s="107">
        <v>23030859.830164898</v>
      </c>
      <c r="T334" s="107">
        <v>23029522.9925026</v>
      </c>
      <c r="U334" s="107">
        <v>23028147.3964088</v>
      </c>
      <c r="V334" s="107">
        <v>23026810.558746502</v>
      </c>
      <c r="W334" s="107">
        <v>23025473.7210842</v>
      </c>
      <c r="X334" s="107">
        <v>23024136.883421801</v>
      </c>
      <c r="Y334" s="107">
        <v>23022800.045759499</v>
      </c>
      <c r="Z334" s="107">
        <v>23021463.208097201</v>
      </c>
      <c r="AA334" s="107">
        <v>23021463.208097201</v>
      </c>
      <c r="AB334" s="107">
        <v>23021466.257512499</v>
      </c>
      <c r="AC334" s="107">
        <v>23021469.298452701</v>
      </c>
      <c r="AD334" s="107">
        <v>23021472.339393001</v>
      </c>
      <c r="AE334" s="107">
        <v>23021475.380333301</v>
      </c>
      <c r="AF334" s="107">
        <v>23021478.4212735</v>
      </c>
      <c r="AG334" s="107">
        <v>23021481.462213799</v>
      </c>
      <c r="AH334" s="107">
        <v>23021484.591318902</v>
      </c>
      <c r="AI334" s="107">
        <v>23021487.632259101</v>
      </c>
      <c r="AJ334" s="107">
        <v>23021490.6731994</v>
      </c>
      <c r="AK334" s="107">
        <v>23021493.714139599</v>
      </c>
      <c r="AL334" s="107">
        <v>23021496.755079899</v>
      </c>
      <c r="AM334" s="107">
        <v>23021499.796020102</v>
      </c>
      <c r="AN334" s="107">
        <v>23021499.796020102</v>
      </c>
    </row>
    <row r="335" spans="1:40" x14ac:dyDescent="0.2">
      <c r="A335" s="133" t="s">
        <v>744</v>
      </c>
      <c r="B335" s="107">
        <v>0</v>
      </c>
      <c r="C335" s="107">
        <v>0</v>
      </c>
      <c r="D335" s="107">
        <v>0</v>
      </c>
      <c r="E335" s="107">
        <v>0</v>
      </c>
      <c r="F335" s="107">
        <v>0</v>
      </c>
      <c r="G335" s="107">
        <v>0</v>
      </c>
      <c r="H335" s="107">
        <v>0</v>
      </c>
      <c r="I335" s="107">
        <v>0</v>
      </c>
      <c r="J335" s="107">
        <v>0</v>
      </c>
      <c r="K335" s="107">
        <v>0</v>
      </c>
      <c r="L335" s="107">
        <v>0</v>
      </c>
      <c r="M335" s="107">
        <v>0</v>
      </c>
      <c r="N335" s="107">
        <v>0</v>
      </c>
      <c r="O335" s="107">
        <v>0</v>
      </c>
      <c r="P335" s="107">
        <v>0</v>
      </c>
      <c r="Q335" s="107">
        <v>0</v>
      </c>
      <c r="R335" s="107">
        <v>0</v>
      </c>
      <c r="S335" s="107">
        <v>0</v>
      </c>
      <c r="T335" s="107">
        <v>0</v>
      </c>
      <c r="U335" s="107">
        <v>0</v>
      </c>
      <c r="V335" s="107">
        <v>0</v>
      </c>
      <c r="W335" s="107">
        <v>0</v>
      </c>
      <c r="X335" s="107">
        <v>0</v>
      </c>
      <c r="Y335" s="107">
        <v>0</v>
      </c>
      <c r="Z335" s="107">
        <v>0</v>
      </c>
      <c r="AA335" s="107">
        <v>0</v>
      </c>
      <c r="AB335" s="107">
        <v>0</v>
      </c>
      <c r="AC335" s="107">
        <v>0</v>
      </c>
      <c r="AD335" s="107">
        <v>0</v>
      </c>
      <c r="AE335" s="107">
        <v>0</v>
      </c>
      <c r="AF335" s="107">
        <v>0</v>
      </c>
      <c r="AG335" s="107">
        <v>0</v>
      </c>
      <c r="AH335" s="107">
        <v>0</v>
      </c>
      <c r="AI335" s="107">
        <v>0</v>
      </c>
      <c r="AJ335" s="107">
        <v>0</v>
      </c>
      <c r="AK335" s="107">
        <v>0</v>
      </c>
      <c r="AL335" s="107">
        <v>0</v>
      </c>
      <c r="AM335" s="107">
        <v>0</v>
      </c>
      <c r="AN335" s="107">
        <v>0</v>
      </c>
    </row>
    <row r="336" spans="1:40" x14ac:dyDescent="0.2">
      <c r="A336" s="133" t="s">
        <v>745</v>
      </c>
      <c r="B336" s="107">
        <v>0</v>
      </c>
      <c r="C336" s="107">
        <v>0</v>
      </c>
      <c r="D336" s="107">
        <v>0</v>
      </c>
      <c r="E336" s="107">
        <v>0</v>
      </c>
      <c r="F336" s="107">
        <v>0</v>
      </c>
      <c r="G336" s="107">
        <v>0</v>
      </c>
      <c r="H336" s="107">
        <v>0</v>
      </c>
      <c r="I336" s="107">
        <v>0</v>
      </c>
      <c r="J336" s="107">
        <v>0</v>
      </c>
      <c r="K336" s="107">
        <v>0</v>
      </c>
      <c r="L336" s="107">
        <v>0</v>
      </c>
      <c r="M336" s="107">
        <v>0</v>
      </c>
      <c r="N336" s="107">
        <v>0</v>
      </c>
      <c r="O336" s="107">
        <v>0</v>
      </c>
      <c r="P336" s="107">
        <v>0</v>
      </c>
      <c r="Q336" s="107">
        <v>0</v>
      </c>
      <c r="R336" s="107">
        <v>0</v>
      </c>
      <c r="S336" s="107">
        <v>0</v>
      </c>
      <c r="T336" s="107">
        <v>0</v>
      </c>
      <c r="U336" s="107">
        <v>0</v>
      </c>
      <c r="V336" s="107">
        <v>0</v>
      </c>
      <c r="W336" s="107">
        <v>0</v>
      </c>
      <c r="X336" s="107">
        <v>0</v>
      </c>
      <c r="Y336" s="107">
        <v>0</v>
      </c>
      <c r="Z336" s="107">
        <v>0</v>
      </c>
      <c r="AA336" s="107">
        <v>0</v>
      </c>
      <c r="AB336" s="107">
        <v>0</v>
      </c>
      <c r="AC336" s="107">
        <v>0</v>
      </c>
      <c r="AD336" s="107">
        <v>0</v>
      </c>
      <c r="AE336" s="107">
        <v>0</v>
      </c>
      <c r="AF336" s="107">
        <v>0</v>
      </c>
      <c r="AG336" s="107">
        <v>0</v>
      </c>
      <c r="AH336" s="107">
        <v>0</v>
      </c>
      <c r="AI336" s="107">
        <v>0</v>
      </c>
      <c r="AJ336" s="107">
        <v>0</v>
      </c>
      <c r="AK336" s="107">
        <v>0</v>
      </c>
      <c r="AL336" s="107">
        <v>0</v>
      </c>
      <c r="AM336" s="107">
        <v>0</v>
      </c>
      <c r="AN336" s="107">
        <v>0</v>
      </c>
    </row>
    <row r="337" spans="1:40" x14ac:dyDescent="0.2">
      <c r="A337" s="133" t="s">
        <v>746</v>
      </c>
      <c r="B337" s="107">
        <v>22947037.043454502</v>
      </c>
      <c r="C337" s="107">
        <v>22955243.658856999</v>
      </c>
      <c r="D337" s="107">
        <v>22963450.2742595</v>
      </c>
      <c r="E337" s="107">
        <v>22971656.889661901</v>
      </c>
      <c r="F337" s="107">
        <v>22979863.505064402</v>
      </c>
      <c r="G337" s="107">
        <v>22988070.120466899</v>
      </c>
      <c r="H337" s="107">
        <v>22996514.667182799</v>
      </c>
      <c r="I337" s="107">
        <v>23004721.282585301</v>
      </c>
      <c r="J337" s="107">
        <v>23012927.897987802</v>
      </c>
      <c r="K337" s="107">
        <v>23021134.513390198</v>
      </c>
      <c r="L337" s="107">
        <v>23029341.128792699</v>
      </c>
      <c r="M337" s="107">
        <v>23037547.744195201</v>
      </c>
      <c r="N337" s="107">
        <v>23037547.744195201</v>
      </c>
      <c r="O337" s="107">
        <v>23036207.180814099</v>
      </c>
      <c r="P337" s="107">
        <v>23034870.3431518</v>
      </c>
      <c r="Q337" s="107">
        <v>23033533.505489498</v>
      </c>
      <c r="R337" s="107">
        <v>23032196.6678272</v>
      </c>
      <c r="S337" s="107">
        <v>23030859.830164898</v>
      </c>
      <c r="T337" s="107">
        <v>23029522.9925026</v>
      </c>
      <c r="U337" s="107">
        <v>23028147.3964088</v>
      </c>
      <c r="V337" s="107">
        <v>23026810.558746502</v>
      </c>
      <c r="W337" s="107">
        <v>23025473.7210842</v>
      </c>
      <c r="X337" s="107">
        <v>23024136.883421801</v>
      </c>
      <c r="Y337" s="107">
        <v>23022800.045759499</v>
      </c>
      <c r="Z337" s="107">
        <v>23021463.208097201</v>
      </c>
      <c r="AA337" s="107">
        <v>23021463.208097201</v>
      </c>
      <c r="AB337" s="107">
        <v>23021466.257512499</v>
      </c>
      <c r="AC337" s="107">
        <v>23021469.298452701</v>
      </c>
      <c r="AD337" s="107">
        <v>23021472.339393001</v>
      </c>
      <c r="AE337" s="107">
        <v>23021475.380333301</v>
      </c>
      <c r="AF337" s="107">
        <v>23021478.4212735</v>
      </c>
      <c r="AG337" s="107">
        <v>23021481.462213799</v>
      </c>
      <c r="AH337" s="107">
        <v>23021484.591318902</v>
      </c>
      <c r="AI337" s="107">
        <v>23021487.632259101</v>
      </c>
      <c r="AJ337" s="107">
        <v>23021490.6731994</v>
      </c>
      <c r="AK337" s="107">
        <v>23021493.714139599</v>
      </c>
      <c r="AL337" s="107">
        <v>23021496.755079899</v>
      </c>
      <c r="AM337" s="107">
        <v>23021499.796020102</v>
      </c>
      <c r="AN337" s="107">
        <v>23021499.796020102</v>
      </c>
    </row>
    <row r="338" spans="1:40" x14ac:dyDescent="0.2">
      <c r="A338" s="133" t="s">
        <v>747</v>
      </c>
    </row>
    <row r="339" spans="1:40" x14ac:dyDescent="0.2">
      <c r="A339" s="133" t="s">
        <v>748</v>
      </c>
      <c r="B339" s="107">
        <v>0</v>
      </c>
      <c r="C339" s="107">
        <v>0</v>
      </c>
      <c r="D339" s="107">
        <v>0</v>
      </c>
      <c r="E339" s="107">
        <v>0</v>
      </c>
      <c r="F339" s="107">
        <v>0</v>
      </c>
      <c r="G339" s="107">
        <v>0</v>
      </c>
      <c r="H339" s="107">
        <v>0</v>
      </c>
      <c r="I339" s="107">
        <v>0</v>
      </c>
      <c r="J339" s="107">
        <v>0</v>
      </c>
      <c r="K339" s="107">
        <v>0</v>
      </c>
      <c r="L339" s="107">
        <v>0</v>
      </c>
      <c r="M339" s="107">
        <v>0</v>
      </c>
      <c r="N339" s="107">
        <v>0</v>
      </c>
      <c r="O339" s="107">
        <v>0</v>
      </c>
      <c r="P339" s="107">
        <v>0</v>
      </c>
      <c r="Q339" s="107">
        <v>0</v>
      </c>
      <c r="R339" s="107">
        <v>0</v>
      </c>
      <c r="S339" s="107">
        <v>0</v>
      </c>
      <c r="T339" s="107">
        <v>0</v>
      </c>
      <c r="U339" s="107">
        <v>0</v>
      </c>
      <c r="V339" s="107">
        <v>0</v>
      </c>
      <c r="W339" s="107">
        <v>0</v>
      </c>
      <c r="X339" s="107">
        <v>0</v>
      </c>
      <c r="Y339" s="107">
        <v>0</v>
      </c>
      <c r="Z339" s="107">
        <v>0</v>
      </c>
      <c r="AA339" s="107">
        <v>0</v>
      </c>
      <c r="AB339" s="107">
        <v>0</v>
      </c>
      <c r="AC339" s="107">
        <v>0</v>
      </c>
      <c r="AD339" s="107">
        <v>0</v>
      </c>
      <c r="AE339" s="107">
        <v>0</v>
      </c>
      <c r="AF339" s="107">
        <v>0</v>
      </c>
      <c r="AG339" s="107">
        <v>0</v>
      </c>
      <c r="AH339" s="107">
        <v>0</v>
      </c>
      <c r="AI339" s="107">
        <v>0</v>
      </c>
      <c r="AJ339" s="107">
        <v>0</v>
      </c>
      <c r="AK339" s="107">
        <v>0</v>
      </c>
      <c r="AL339" s="107">
        <v>0</v>
      </c>
      <c r="AM339" s="107">
        <v>0</v>
      </c>
      <c r="AN339" s="107">
        <v>0</v>
      </c>
    </row>
    <row r="340" spans="1:40" x14ac:dyDescent="0.2">
      <c r="A340" s="133" t="s">
        <v>749</v>
      </c>
      <c r="B340" s="107">
        <v>0</v>
      </c>
      <c r="C340" s="107">
        <v>0</v>
      </c>
      <c r="D340" s="107">
        <v>0</v>
      </c>
      <c r="E340" s="107">
        <v>0</v>
      </c>
      <c r="F340" s="107">
        <v>0</v>
      </c>
      <c r="G340" s="107">
        <v>0</v>
      </c>
      <c r="H340" s="107">
        <v>0</v>
      </c>
      <c r="I340" s="107">
        <v>0</v>
      </c>
      <c r="J340" s="107">
        <v>0</v>
      </c>
      <c r="K340" s="107">
        <v>0</v>
      </c>
      <c r="L340" s="107">
        <v>0</v>
      </c>
      <c r="M340" s="107">
        <v>0</v>
      </c>
      <c r="N340" s="107">
        <v>0</v>
      </c>
      <c r="O340" s="107">
        <v>0</v>
      </c>
      <c r="P340" s="107">
        <v>0</v>
      </c>
      <c r="Q340" s="107">
        <v>0</v>
      </c>
      <c r="R340" s="107">
        <v>0</v>
      </c>
      <c r="S340" s="107">
        <v>0</v>
      </c>
      <c r="T340" s="107">
        <v>0</v>
      </c>
      <c r="U340" s="107">
        <v>0</v>
      </c>
      <c r="V340" s="107">
        <v>0</v>
      </c>
      <c r="W340" s="107">
        <v>0</v>
      </c>
      <c r="X340" s="107">
        <v>0</v>
      </c>
      <c r="Y340" s="107">
        <v>0</v>
      </c>
      <c r="Z340" s="107">
        <v>0</v>
      </c>
      <c r="AA340" s="107">
        <v>0</v>
      </c>
      <c r="AB340" s="107">
        <v>0</v>
      </c>
      <c r="AC340" s="107">
        <v>0</v>
      </c>
      <c r="AD340" s="107">
        <v>0</v>
      </c>
      <c r="AE340" s="107">
        <v>0</v>
      </c>
      <c r="AF340" s="107">
        <v>0</v>
      </c>
      <c r="AG340" s="107">
        <v>0</v>
      </c>
      <c r="AH340" s="107">
        <v>0</v>
      </c>
      <c r="AI340" s="107">
        <v>0</v>
      </c>
      <c r="AJ340" s="107">
        <v>0</v>
      </c>
      <c r="AK340" s="107">
        <v>0</v>
      </c>
      <c r="AL340" s="107">
        <v>0</v>
      </c>
      <c r="AM340" s="107">
        <v>0</v>
      </c>
      <c r="AN340" s="107">
        <v>0</v>
      </c>
    </row>
    <row r="341" spans="1:40" x14ac:dyDescent="0.2">
      <c r="A341" s="133" t="s">
        <v>750</v>
      </c>
      <c r="B341" s="107">
        <v>75422332</v>
      </c>
      <c r="C341" s="107">
        <v>37711166</v>
      </c>
      <c r="D341" s="107">
        <v>0</v>
      </c>
      <c r="E341" s="107">
        <v>0</v>
      </c>
      <c r="F341" s="107">
        <v>0</v>
      </c>
      <c r="G341" s="107">
        <v>0</v>
      </c>
      <c r="H341" s="107">
        <v>0</v>
      </c>
      <c r="I341" s="107">
        <v>0</v>
      </c>
      <c r="J341" s="107">
        <v>0</v>
      </c>
      <c r="K341" s="107">
        <v>0</v>
      </c>
      <c r="L341" s="107">
        <v>0</v>
      </c>
      <c r="M341" s="107">
        <v>0</v>
      </c>
      <c r="N341" s="107">
        <v>0</v>
      </c>
      <c r="O341" s="107">
        <v>0</v>
      </c>
      <c r="P341" s="107">
        <v>0</v>
      </c>
      <c r="Q341" s="107">
        <v>0</v>
      </c>
      <c r="R341" s="107">
        <v>0</v>
      </c>
      <c r="S341" s="107">
        <v>0</v>
      </c>
      <c r="T341" s="107">
        <v>0</v>
      </c>
      <c r="U341" s="107">
        <v>0</v>
      </c>
      <c r="V341" s="107">
        <v>0</v>
      </c>
      <c r="W341" s="107">
        <v>0</v>
      </c>
      <c r="X341" s="107">
        <v>0</v>
      </c>
      <c r="Y341" s="107">
        <v>0</v>
      </c>
      <c r="Z341" s="107">
        <v>0</v>
      </c>
      <c r="AA341" s="107">
        <v>0</v>
      </c>
      <c r="AB341" s="107">
        <v>0</v>
      </c>
      <c r="AC341" s="107">
        <v>0</v>
      </c>
      <c r="AD341" s="107">
        <v>0</v>
      </c>
      <c r="AE341" s="107">
        <v>0</v>
      </c>
      <c r="AF341" s="107">
        <v>0</v>
      </c>
      <c r="AG341" s="107">
        <v>0</v>
      </c>
      <c r="AH341" s="107">
        <v>0</v>
      </c>
      <c r="AI341" s="107">
        <v>0</v>
      </c>
      <c r="AJ341" s="107">
        <v>0</v>
      </c>
      <c r="AK341" s="107">
        <v>0</v>
      </c>
      <c r="AL341" s="107">
        <v>0</v>
      </c>
      <c r="AM341" s="107">
        <v>0</v>
      </c>
      <c r="AN341" s="107">
        <v>0</v>
      </c>
    </row>
    <row r="342" spans="1:40" x14ac:dyDescent="0.2">
      <c r="A342" s="133" t="s">
        <v>751</v>
      </c>
      <c r="B342" s="107">
        <v>75422332</v>
      </c>
      <c r="C342" s="107">
        <v>37711166</v>
      </c>
      <c r="D342" s="107">
        <v>0</v>
      </c>
      <c r="E342" s="107">
        <v>0</v>
      </c>
      <c r="F342" s="107">
        <v>0</v>
      </c>
      <c r="G342" s="107">
        <v>0</v>
      </c>
      <c r="H342" s="107">
        <v>0</v>
      </c>
      <c r="I342" s="107">
        <v>0</v>
      </c>
      <c r="J342" s="107">
        <v>0</v>
      </c>
      <c r="K342" s="107">
        <v>0</v>
      </c>
      <c r="L342" s="107">
        <v>0</v>
      </c>
      <c r="M342" s="107">
        <v>0</v>
      </c>
      <c r="N342" s="107">
        <v>0</v>
      </c>
      <c r="O342" s="107">
        <v>0</v>
      </c>
      <c r="P342" s="107">
        <v>0</v>
      </c>
      <c r="Q342" s="107">
        <v>0</v>
      </c>
      <c r="R342" s="107">
        <v>0</v>
      </c>
      <c r="S342" s="107">
        <v>0</v>
      </c>
      <c r="T342" s="107">
        <v>0</v>
      </c>
      <c r="U342" s="107">
        <v>0</v>
      </c>
      <c r="V342" s="107">
        <v>0</v>
      </c>
      <c r="W342" s="107">
        <v>0</v>
      </c>
      <c r="X342" s="107">
        <v>0</v>
      </c>
      <c r="Y342" s="107">
        <v>0</v>
      </c>
      <c r="Z342" s="107">
        <v>0</v>
      </c>
      <c r="AA342" s="107">
        <v>0</v>
      </c>
      <c r="AB342" s="107">
        <v>0</v>
      </c>
      <c r="AC342" s="107">
        <v>0</v>
      </c>
      <c r="AD342" s="107">
        <v>0</v>
      </c>
      <c r="AE342" s="107">
        <v>0</v>
      </c>
      <c r="AF342" s="107">
        <v>0</v>
      </c>
      <c r="AG342" s="107">
        <v>0</v>
      </c>
      <c r="AH342" s="107">
        <v>0</v>
      </c>
      <c r="AI342" s="107">
        <v>0</v>
      </c>
      <c r="AJ342" s="107">
        <v>0</v>
      </c>
      <c r="AK342" s="107">
        <v>0</v>
      </c>
      <c r="AL342" s="107">
        <v>0</v>
      </c>
      <c r="AM342" s="107">
        <v>0</v>
      </c>
      <c r="AN342" s="107">
        <v>0</v>
      </c>
    </row>
    <row r="343" spans="1:40" x14ac:dyDescent="0.2">
      <c r="A343" s="133" t="s">
        <v>752</v>
      </c>
    </row>
    <row r="344" spans="1:40" x14ac:dyDescent="0.2">
      <c r="A344" s="133" t="s">
        <v>753</v>
      </c>
      <c r="B344" s="107">
        <v>7091992.7410062002</v>
      </c>
      <c r="C344" s="107">
        <v>7095817.0254611997</v>
      </c>
      <c r="D344" s="107">
        <v>7099228.2685401998</v>
      </c>
      <c r="E344" s="107">
        <v>7102898.4960191902</v>
      </c>
      <c r="F344" s="107">
        <v>7106568.7234982001</v>
      </c>
      <c r="G344" s="107">
        <v>7109876.3728171904</v>
      </c>
      <c r="H344" s="107">
        <v>7113713.7857032996</v>
      </c>
      <c r="I344" s="107">
        <v>7117447.6048293998</v>
      </c>
      <c r="J344" s="107">
        <v>7120715.2520354996</v>
      </c>
      <c r="K344" s="107">
        <v>7124449.0711615998</v>
      </c>
      <c r="L344" s="107">
        <v>7128182.8902877001</v>
      </c>
      <c r="M344" s="107">
        <v>7127673.1422267901</v>
      </c>
      <c r="N344" s="107">
        <v>7127673.1422267901</v>
      </c>
      <c r="O344" s="107">
        <v>7127510.7031377899</v>
      </c>
      <c r="P344" s="107">
        <v>7127350.4349988</v>
      </c>
      <c r="Q344" s="107">
        <v>7127207.4766005902</v>
      </c>
      <c r="R344" s="107">
        <v>7127053.6646824004</v>
      </c>
      <c r="S344" s="107">
        <v>7126899.8527642004</v>
      </c>
      <c r="T344" s="107">
        <v>7126761.2357740002</v>
      </c>
      <c r="U344" s="107">
        <v>7126600.4174486203</v>
      </c>
      <c r="V344" s="107">
        <v>7126443.9405312398</v>
      </c>
      <c r="W344" s="107">
        <v>7126306.9999498604</v>
      </c>
      <c r="X344" s="107">
        <v>7126150.5230324799</v>
      </c>
      <c r="Y344" s="107">
        <v>7125994.0461151004</v>
      </c>
      <c r="Z344" s="107">
        <v>7125872.3004617197</v>
      </c>
      <c r="AA344" s="107">
        <v>7125872.3004617197</v>
      </c>
      <c r="AB344" s="107">
        <v>7125797.0238107201</v>
      </c>
      <c r="AC344" s="107">
        <v>7125722.7532097204</v>
      </c>
      <c r="AD344" s="107">
        <v>7125656.5041959099</v>
      </c>
      <c r="AE344" s="107">
        <v>7125585.2255021203</v>
      </c>
      <c r="AF344" s="107">
        <v>7125513.9468083195</v>
      </c>
      <c r="AG344" s="107">
        <v>7125449.7096665204</v>
      </c>
      <c r="AH344" s="107">
        <v>7125375.1841011001</v>
      </c>
      <c r="AI344" s="107">
        <v>7125302.6704076799</v>
      </c>
      <c r="AJ344" s="107">
        <v>7125239.2101382604</v>
      </c>
      <c r="AK344" s="107">
        <v>7125166.6964448299</v>
      </c>
      <c r="AL344" s="107">
        <v>7125094.18275142</v>
      </c>
      <c r="AM344" s="107">
        <v>7125037.7640340002</v>
      </c>
      <c r="AN344" s="107">
        <v>7125037.7640340002</v>
      </c>
    </row>
    <row r="345" spans="1:40" x14ac:dyDescent="0.2">
      <c r="A345" s="133" t="s">
        <v>754</v>
      </c>
    </row>
    <row r="346" spans="1:40" x14ac:dyDescent="0.2">
      <c r="A346" s="133" t="s">
        <v>755</v>
      </c>
      <c r="B346" s="107">
        <v>15449257.604759499</v>
      </c>
      <c r="C346" s="107">
        <v>16359821.0701972</v>
      </c>
      <c r="D346" s="107">
        <v>17269522.645648099</v>
      </c>
      <c r="E346" s="107">
        <v>18178462.901059099</v>
      </c>
      <c r="F346" s="107">
        <v>19086324.253346398</v>
      </c>
      <c r="G346" s="107">
        <v>19983623.636445299</v>
      </c>
      <c r="H346" s="107">
        <v>20893499.248767301</v>
      </c>
      <c r="I346" s="107">
        <v>21803679.905266099</v>
      </c>
      <c r="J346" s="107">
        <v>22721226.3592152</v>
      </c>
      <c r="K346" s="107">
        <v>23633402.560956001</v>
      </c>
      <c r="L346" s="107">
        <v>24547032.215199798</v>
      </c>
      <c r="M346" s="107">
        <v>25449563.374952599</v>
      </c>
      <c r="N346" s="107">
        <v>25449563.374952599</v>
      </c>
      <c r="O346" s="107">
        <v>26744842.026041299</v>
      </c>
      <c r="P346" s="107">
        <v>28041160.0550781</v>
      </c>
      <c r="Q346" s="107">
        <v>29337514.204206299</v>
      </c>
      <c r="R346" s="107">
        <v>30633900.2587399</v>
      </c>
      <c r="S346" s="107">
        <v>31930331.527952999</v>
      </c>
      <c r="T346" s="107">
        <v>33227205.428242799</v>
      </c>
      <c r="U346" s="107">
        <v>34523552.283832699</v>
      </c>
      <c r="V346" s="107">
        <v>35819886.355629101</v>
      </c>
      <c r="W346" s="107">
        <v>37115911.741535701</v>
      </c>
      <c r="X346" s="107">
        <v>38412162.184008501</v>
      </c>
      <c r="Y346" s="107">
        <v>39708351.715183899</v>
      </c>
      <c r="Z346" s="107">
        <v>41004087.6061479</v>
      </c>
      <c r="AA346" s="107">
        <v>41004087.6061479</v>
      </c>
      <c r="AB346" s="107">
        <v>42421816.788738497</v>
      </c>
      <c r="AC346" s="107">
        <v>43840027.634280503</v>
      </c>
      <c r="AD346" s="107">
        <v>45258255.218401603</v>
      </c>
      <c r="AE346" s="107">
        <v>46676497.587954402</v>
      </c>
      <c r="AF346" s="107">
        <v>48094760.910651401</v>
      </c>
      <c r="AG346" s="107">
        <v>49513229.355066799</v>
      </c>
      <c r="AH346" s="107">
        <v>50931453.559255399</v>
      </c>
      <c r="AI346" s="107">
        <v>52349671.8392471</v>
      </c>
      <c r="AJ346" s="107">
        <v>53767747.069680102</v>
      </c>
      <c r="AK346" s="107">
        <v>55185926.594619401</v>
      </c>
      <c r="AL346" s="107">
        <v>56604077.892371997</v>
      </c>
      <c r="AM346" s="107">
        <v>58022018.966612101</v>
      </c>
      <c r="AN346" s="107">
        <v>58022018.966612101</v>
      </c>
    </row>
    <row r="347" spans="1:40" x14ac:dyDescent="0.2">
      <c r="A347" s="133" t="s">
        <v>756</v>
      </c>
      <c r="B347" s="107">
        <v>0</v>
      </c>
      <c r="C347" s="107">
        <v>0</v>
      </c>
      <c r="D347" s="107">
        <v>0</v>
      </c>
      <c r="E347" s="107">
        <v>0</v>
      </c>
      <c r="F347" s="107">
        <v>0</v>
      </c>
      <c r="G347" s="107">
        <v>0</v>
      </c>
      <c r="H347" s="107">
        <v>0</v>
      </c>
      <c r="I347" s="107">
        <v>0</v>
      </c>
      <c r="J347" s="107">
        <v>0</v>
      </c>
      <c r="K347" s="107">
        <v>0</v>
      </c>
      <c r="L347" s="107">
        <v>0</v>
      </c>
      <c r="M347" s="107">
        <v>0</v>
      </c>
      <c r="N347" s="107">
        <v>0</v>
      </c>
      <c r="O347" s="107">
        <v>0</v>
      </c>
      <c r="P347" s="107">
        <v>0</v>
      </c>
      <c r="Q347" s="107">
        <v>0</v>
      </c>
      <c r="R347" s="107">
        <v>0</v>
      </c>
      <c r="S347" s="107">
        <v>0</v>
      </c>
      <c r="T347" s="107">
        <v>0</v>
      </c>
      <c r="U347" s="107">
        <v>0</v>
      </c>
      <c r="V347" s="107">
        <v>0</v>
      </c>
      <c r="W347" s="107">
        <v>0</v>
      </c>
      <c r="X347" s="107">
        <v>0</v>
      </c>
      <c r="Y347" s="107">
        <v>0</v>
      </c>
      <c r="Z347" s="107">
        <v>0</v>
      </c>
      <c r="AA347" s="107">
        <v>0</v>
      </c>
      <c r="AB347" s="107">
        <v>0</v>
      </c>
      <c r="AC347" s="107">
        <v>0</v>
      </c>
      <c r="AD347" s="107">
        <v>0</v>
      </c>
      <c r="AE347" s="107">
        <v>0</v>
      </c>
      <c r="AF347" s="107">
        <v>0</v>
      </c>
      <c r="AG347" s="107">
        <v>0</v>
      </c>
      <c r="AH347" s="107">
        <v>0</v>
      </c>
      <c r="AI347" s="107">
        <v>0</v>
      </c>
      <c r="AJ347" s="107">
        <v>0</v>
      </c>
      <c r="AK347" s="107">
        <v>0</v>
      </c>
      <c r="AL347" s="107">
        <v>0</v>
      </c>
      <c r="AM347" s="107">
        <v>0</v>
      </c>
      <c r="AN347" s="107">
        <v>0</v>
      </c>
    </row>
    <row r="348" spans="1:40" x14ac:dyDescent="0.2">
      <c r="A348" s="133" t="s">
        <v>757</v>
      </c>
      <c r="B348" s="107">
        <v>15449257.604759499</v>
      </c>
      <c r="C348" s="107">
        <v>16359821.0701972</v>
      </c>
      <c r="D348" s="107">
        <v>17269522.645648099</v>
      </c>
      <c r="E348" s="107">
        <v>18178462.901059099</v>
      </c>
      <c r="F348" s="107">
        <v>19086324.253346398</v>
      </c>
      <c r="G348" s="107">
        <v>19983623.636445299</v>
      </c>
      <c r="H348" s="107">
        <v>20893499.248767301</v>
      </c>
      <c r="I348" s="107">
        <v>21803679.905266099</v>
      </c>
      <c r="J348" s="107">
        <v>22721226.3592152</v>
      </c>
      <c r="K348" s="107">
        <v>23633402.560956001</v>
      </c>
      <c r="L348" s="107">
        <v>24547032.215199798</v>
      </c>
      <c r="M348" s="107">
        <v>25449563.374952599</v>
      </c>
      <c r="N348" s="107">
        <v>25449563.374952599</v>
      </c>
      <c r="O348" s="107">
        <v>26744842.026041299</v>
      </c>
      <c r="P348" s="107">
        <v>28041160.0550781</v>
      </c>
      <c r="Q348" s="107">
        <v>29337514.204206299</v>
      </c>
      <c r="R348" s="107">
        <v>30633900.2587399</v>
      </c>
      <c r="S348" s="107">
        <v>31930331.527952999</v>
      </c>
      <c r="T348" s="107">
        <v>33227205.428242799</v>
      </c>
      <c r="U348" s="107">
        <v>34523552.283832699</v>
      </c>
      <c r="V348" s="107">
        <v>35819886.355629101</v>
      </c>
      <c r="W348" s="107">
        <v>37115911.741535701</v>
      </c>
      <c r="X348" s="107">
        <v>38412162.184008501</v>
      </c>
      <c r="Y348" s="107">
        <v>39708351.715183899</v>
      </c>
      <c r="Z348" s="107">
        <v>41004087.6061479</v>
      </c>
      <c r="AA348" s="107">
        <v>41004087.6061479</v>
      </c>
      <c r="AB348" s="107">
        <v>42421816.788738497</v>
      </c>
      <c r="AC348" s="107">
        <v>43840027.634280503</v>
      </c>
      <c r="AD348" s="107">
        <v>45258255.218401603</v>
      </c>
      <c r="AE348" s="107">
        <v>46676497.587954402</v>
      </c>
      <c r="AF348" s="107">
        <v>48094760.910651401</v>
      </c>
      <c r="AG348" s="107">
        <v>49513229.355066799</v>
      </c>
      <c r="AH348" s="107">
        <v>50931453.559255399</v>
      </c>
      <c r="AI348" s="107">
        <v>52349671.8392471</v>
      </c>
      <c r="AJ348" s="107">
        <v>53767747.069680102</v>
      </c>
      <c r="AK348" s="107">
        <v>55185926.594619401</v>
      </c>
      <c r="AL348" s="107">
        <v>56604077.892371997</v>
      </c>
      <c r="AM348" s="107">
        <v>58022018.966612101</v>
      </c>
      <c r="AN348" s="107">
        <v>58022018.966612101</v>
      </c>
    </row>
    <row r="349" spans="1:40" x14ac:dyDescent="0.2">
      <c r="A349" s="133" t="s">
        <v>758</v>
      </c>
    </row>
    <row r="350" spans="1:40" x14ac:dyDescent="0.2">
      <c r="A350" s="133" t="s">
        <v>759</v>
      </c>
      <c r="B350" s="107">
        <v>0</v>
      </c>
      <c r="C350" s="107">
        <v>0</v>
      </c>
      <c r="D350" s="107">
        <v>0</v>
      </c>
      <c r="E350" s="107">
        <v>0</v>
      </c>
      <c r="F350" s="107">
        <v>0</v>
      </c>
      <c r="G350" s="107">
        <v>0</v>
      </c>
      <c r="H350" s="107">
        <v>0</v>
      </c>
      <c r="I350" s="107">
        <v>0</v>
      </c>
      <c r="J350" s="107">
        <v>0</v>
      </c>
      <c r="K350" s="107">
        <v>0</v>
      </c>
      <c r="L350" s="107">
        <v>0</v>
      </c>
      <c r="M350" s="107">
        <v>0</v>
      </c>
      <c r="N350" s="107">
        <v>0</v>
      </c>
      <c r="O350" s="107">
        <v>0</v>
      </c>
      <c r="P350" s="107">
        <v>0</v>
      </c>
      <c r="Q350" s="107">
        <v>0</v>
      </c>
      <c r="R350" s="107">
        <v>0</v>
      </c>
      <c r="S350" s="107">
        <v>0</v>
      </c>
      <c r="T350" s="107">
        <v>0</v>
      </c>
      <c r="U350" s="107">
        <v>0</v>
      </c>
      <c r="V350" s="107">
        <v>0</v>
      </c>
      <c r="W350" s="107">
        <v>0</v>
      </c>
      <c r="X350" s="107">
        <v>0</v>
      </c>
      <c r="Y350" s="107">
        <v>0</v>
      </c>
      <c r="Z350" s="107">
        <v>0</v>
      </c>
      <c r="AA350" s="107">
        <v>0</v>
      </c>
      <c r="AB350" s="107">
        <v>0</v>
      </c>
      <c r="AC350" s="107">
        <v>0</v>
      </c>
      <c r="AD350" s="107">
        <v>0</v>
      </c>
      <c r="AE350" s="107">
        <v>0</v>
      </c>
      <c r="AF350" s="107">
        <v>0</v>
      </c>
      <c r="AG350" s="107">
        <v>0</v>
      </c>
      <c r="AH350" s="107">
        <v>0</v>
      </c>
      <c r="AI350" s="107">
        <v>0</v>
      </c>
      <c r="AJ350" s="107">
        <v>0</v>
      </c>
      <c r="AK350" s="107">
        <v>0</v>
      </c>
      <c r="AL350" s="107">
        <v>0</v>
      </c>
      <c r="AM350" s="107">
        <v>0</v>
      </c>
      <c r="AN350" s="107">
        <v>0</v>
      </c>
    </row>
    <row r="351" spans="1:40" x14ac:dyDescent="0.2">
      <c r="A351" s="133" t="s">
        <v>760</v>
      </c>
    </row>
    <row r="352" spans="1:40" x14ac:dyDescent="0.2">
      <c r="A352" s="133" t="s">
        <v>761</v>
      </c>
      <c r="B352" s="107">
        <v>7336349.3999999901</v>
      </c>
      <c r="C352" s="107">
        <v>7433218.3999999901</v>
      </c>
      <c r="D352" s="107">
        <v>7459395.3999999901</v>
      </c>
      <c r="E352" s="107">
        <v>7556264.4000000004</v>
      </c>
      <c r="F352" s="107">
        <v>7484893.4000000004</v>
      </c>
      <c r="G352" s="107">
        <v>7558520.4000000004</v>
      </c>
      <c r="H352" s="107">
        <v>5646389.4000000004</v>
      </c>
      <c r="I352" s="107">
        <v>5738878.4000000004</v>
      </c>
      <c r="J352" s="107">
        <v>5783847.4000000004</v>
      </c>
      <c r="K352" s="107">
        <v>5880716.4000000004</v>
      </c>
      <c r="L352" s="107">
        <v>5963085.4000000004</v>
      </c>
      <c r="M352" s="107">
        <v>6053495.4000000004</v>
      </c>
      <c r="N352" s="107">
        <v>6053495.4000000004</v>
      </c>
      <c r="O352" s="107">
        <v>6127331.4000000004</v>
      </c>
      <c r="P352" s="107">
        <v>6201167.4000000004</v>
      </c>
      <c r="Q352" s="107">
        <v>6275003.4000000004</v>
      </c>
      <c r="R352" s="107">
        <v>6348839.4000000004</v>
      </c>
      <c r="S352" s="107">
        <v>6422675.4000000004</v>
      </c>
      <c r="T352" s="107">
        <v>6496511.4000000004</v>
      </c>
      <c r="U352" s="107">
        <v>6570347.4000000004</v>
      </c>
      <c r="V352" s="107">
        <v>6644183.4000000004</v>
      </c>
      <c r="W352" s="107">
        <v>6718019.4000000004</v>
      </c>
      <c r="X352" s="107">
        <v>6791855.4000000004</v>
      </c>
      <c r="Y352" s="107">
        <v>6865691.4000000004</v>
      </c>
      <c r="Z352" s="107">
        <v>6939527.4000000004</v>
      </c>
      <c r="AA352" s="107">
        <v>6939527.4000000004</v>
      </c>
      <c r="AB352" s="107">
        <v>6992286.4000000004</v>
      </c>
      <c r="AC352" s="107">
        <v>7045045.3999999901</v>
      </c>
      <c r="AD352" s="107">
        <v>7097804.4000000004</v>
      </c>
      <c r="AE352" s="107">
        <v>7150563.3999999901</v>
      </c>
      <c r="AF352" s="107">
        <v>7203322.3999999901</v>
      </c>
      <c r="AG352" s="107">
        <v>7256081.3999999901</v>
      </c>
      <c r="AH352" s="107">
        <v>7308840.4000000004</v>
      </c>
      <c r="AI352" s="107">
        <v>7361599.3999999901</v>
      </c>
      <c r="AJ352" s="107">
        <v>7414358.3999999901</v>
      </c>
      <c r="AK352" s="107">
        <v>7467117.3999999901</v>
      </c>
      <c r="AL352" s="107">
        <v>7519876.3999999901</v>
      </c>
      <c r="AM352" s="107">
        <v>7572635.3999999901</v>
      </c>
      <c r="AN352" s="107">
        <v>7572635.3999999901</v>
      </c>
    </row>
    <row r="353" spans="1:40" x14ac:dyDescent="0.2">
      <c r="A353" s="133" t="s">
        <v>762</v>
      </c>
      <c r="B353" s="107">
        <v>0</v>
      </c>
      <c r="C353" s="107">
        <v>0</v>
      </c>
      <c r="D353" s="107">
        <v>0</v>
      </c>
      <c r="E353" s="107">
        <v>0</v>
      </c>
      <c r="F353" s="107">
        <v>0</v>
      </c>
      <c r="G353" s="107">
        <v>0</v>
      </c>
      <c r="H353" s="107">
        <v>0</v>
      </c>
      <c r="I353" s="107">
        <v>0</v>
      </c>
      <c r="J353" s="107">
        <v>0</v>
      </c>
      <c r="K353" s="107">
        <v>0</v>
      </c>
      <c r="L353" s="107">
        <v>0</v>
      </c>
      <c r="M353" s="107">
        <v>0</v>
      </c>
      <c r="N353" s="107">
        <v>0</v>
      </c>
      <c r="O353" s="107">
        <v>0</v>
      </c>
      <c r="P353" s="107">
        <v>0</v>
      </c>
      <c r="Q353" s="107">
        <v>0</v>
      </c>
      <c r="R353" s="107">
        <v>0</v>
      </c>
      <c r="S353" s="107">
        <v>0</v>
      </c>
      <c r="T353" s="107">
        <v>0</v>
      </c>
      <c r="U353" s="107">
        <v>0</v>
      </c>
      <c r="V353" s="107">
        <v>0</v>
      </c>
      <c r="W353" s="107">
        <v>0</v>
      </c>
      <c r="X353" s="107">
        <v>0</v>
      </c>
      <c r="Y353" s="107">
        <v>0</v>
      </c>
      <c r="Z353" s="107">
        <v>0</v>
      </c>
      <c r="AA353" s="107">
        <v>0</v>
      </c>
      <c r="AB353" s="107">
        <v>0</v>
      </c>
      <c r="AC353" s="107">
        <v>0</v>
      </c>
      <c r="AD353" s="107">
        <v>0</v>
      </c>
      <c r="AE353" s="107">
        <v>0</v>
      </c>
      <c r="AF353" s="107">
        <v>0</v>
      </c>
      <c r="AG353" s="107">
        <v>0</v>
      </c>
      <c r="AH353" s="107">
        <v>0</v>
      </c>
      <c r="AI353" s="107">
        <v>0</v>
      </c>
      <c r="AJ353" s="107">
        <v>0</v>
      </c>
      <c r="AK353" s="107">
        <v>0</v>
      </c>
      <c r="AL353" s="107">
        <v>0</v>
      </c>
      <c r="AM353" s="107">
        <v>0</v>
      </c>
      <c r="AN353" s="107">
        <v>0</v>
      </c>
    </row>
    <row r="354" spans="1:40" x14ac:dyDescent="0.2">
      <c r="A354" s="133" t="s">
        <v>763</v>
      </c>
      <c r="B354" s="107">
        <v>0</v>
      </c>
      <c r="C354" s="107">
        <v>0</v>
      </c>
      <c r="D354" s="107">
        <v>0</v>
      </c>
      <c r="E354" s="107">
        <v>0</v>
      </c>
      <c r="F354" s="107">
        <v>0</v>
      </c>
      <c r="G354" s="107">
        <v>0</v>
      </c>
      <c r="H354" s="107">
        <v>0</v>
      </c>
      <c r="I354" s="107">
        <v>0</v>
      </c>
      <c r="J354" s="107">
        <v>0</v>
      </c>
      <c r="K354" s="107">
        <v>0</v>
      </c>
      <c r="L354" s="107">
        <v>0</v>
      </c>
      <c r="M354" s="107">
        <v>0</v>
      </c>
      <c r="N354" s="107">
        <v>0</v>
      </c>
      <c r="O354" s="107">
        <v>0</v>
      </c>
      <c r="P354" s="107">
        <v>0</v>
      </c>
      <c r="Q354" s="107">
        <v>0</v>
      </c>
      <c r="R354" s="107">
        <v>0</v>
      </c>
      <c r="S354" s="107">
        <v>0</v>
      </c>
      <c r="T354" s="107">
        <v>0</v>
      </c>
      <c r="U354" s="107">
        <v>0</v>
      </c>
      <c r="V354" s="107">
        <v>0</v>
      </c>
      <c r="W354" s="107">
        <v>0</v>
      </c>
      <c r="X354" s="107">
        <v>0</v>
      </c>
      <c r="Y354" s="107">
        <v>0</v>
      </c>
      <c r="Z354" s="107">
        <v>0</v>
      </c>
      <c r="AA354" s="107">
        <v>0</v>
      </c>
      <c r="AB354" s="107">
        <v>0</v>
      </c>
      <c r="AC354" s="107">
        <v>0</v>
      </c>
      <c r="AD354" s="107">
        <v>0</v>
      </c>
      <c r="AE354" s="107">
        <v>0</v>
      </c>
      <c r="AF354" s="107">
        <v>0</v>
      </c>
      <c r="AG354" s="107">
        <v>0</v>
      </c>
      <c r="AH354" s="107">
        <v>0</v>
      </c>
      <c r="AI354" s="107">
        <v>0</v>
      </c>
      <c r="AJ354" s="107">
        <v>0</v>
      </c>
      <c r="AK354" s="107">
        <v>0</v>
      </c>
      <c r="AL354" s="107">
        <v>0</v>
      </c>
      <c r="AM354" s="107">
        <v>0</v>
      </c>
      <c r="AN354" s="107">
        <v>0</v>
      </c>
    </row>
    <row r="355" spans="1:40" x14ac:dyDescent="0.2">
      <c r="A355" s="133" t="s">
        <v>764</v>
      </c>
      <c r="B355" s="107">
        <v>7336349.3999999901</v>
      </c>
      <c r="C355" s="107">
        <v>7433218.3999999901</v>
      </c>
      <c r="D355" s="107">
        <v>7459395.3999999901</v>
      </c>
      <c r="E355" s="107">
        <v>7556264.4000000004</v>
      </c>
      <c r="F355" s="107">
        <v>7484893.4000000004</v>
      </c>
      <c r="G355" s="107">
        <v>7558520.4000000004</v>
      </c>
      <c r="H355" s="107">
        <v>5646389.4000000004</v>
      </c>
      <c r="I355" s="107">
        <v>5738878.4000000004</v>
      </c>
      <c r="J355" s="107">
        <v>5783847.4000000004</v>
      </c>
      <c r="K355" s="107">
        <v>5880716.4000000004</v>
      </c>
      <c r="L355" s="107">
        <v>5963085.4000000004</v>
      </c>
      <c r="M355" s="107">
        <v>6053495.4000000004</v>
      </c>
      <c r="N355" s="107">
        <v>6053495.4000000004</v>
      </c>
      <c r="O355" s="107">
        <v>6127331.4000000004</v>
      </c>
      <c r="P355" s="107">
        <v>6201167.4000000004</v>
      </c>
      <c r="Q355" s="107">
        <v>6275003.4000000004</v>
      </c>
      <c r="R355" s="107">
        <v>6348839.4000000004</v>
      </c>
      <c r="S355" s="107">
        <v>6422675.4000000004</v>
      </c>
      <c r="T355" s="107">
        <v>6496511.4000000004</v>
      </c>
      <c r="U355" s="107">
        <v>6570347.4000000004</v>
      </c>
      <c r="V355" s="107">
        <v>6644183.4000000004</v>
      </c>
      <c r="W355" s="107">
        <v>6718019.4000000004</v>
      </c>
      <c r="X355" s="107">
        <v>6791855.4000000004</v>
      </c>
      <c r="Y355" s="107">
        <v>6865691.4000000004</v>
      </c>
      <c r="Z355" s="107">
        <v>6939527.4000000004</v>
      </c>
      <c r="AA355" s="107">
        <v>6939527.4000000004</v>
      </c>
      <c r="AB355" s="107">
        <v>6992286.4000000004</v>
      </c>
      <c r="AC355" s="107">
        <v>7045045.3999999901</v>
      </c>
      <c r="AD355" s="107">
        <v>7097804.4000000004</v>
      </c>
      <c r="AE355" s="107">
        <v>7150563.3999999901</v>
      </c>
      <c r="AF355" s="107">
        <v>7203322.3999999901</v>
      </c>
      <c r="AG355" s="107">
        <v>7256081.3999999901</v>
      </c>
      <c r="AH355" s="107">
        <v>7308840.4000000004</v>
      </c>
      <c r="AI355" s="107">
        <v>7361599.3999999901</v>
      </c>
      <c r="AJ355" s="107">
        <v>7414358.3999999901</v>
      </c>
      <c r="AK355" s="107">
        <v>7467117.3999999901</v>
      </c>
      <c r="AL355" s="107">
        <v>7519876.3999999901</v>
      </c>
      <c r="AM355" s="107">
        <v>7572635.3999999901</v>
      </c>
      <c r="AN355" s="107">
        <v>7572635.3999999901</v>
      </c>
    </row>
    <row r="356" spans="1:40" x14ac:dyDescent="0.2">
      <c r="A356" s="133" t="s">
        <v>765</v>
      </c>
    </row>
    <row r="357" spans="1:40" x14ac:dyDescent="0.2">
      <c r="A357" s="133" t="s">
        <v>766</v>
      </c>
      <c r="B357" s="107">
        <v>-1642677.8076251</v>
      </c>
      <c r="C357" s="107">
        <v>-1643453.5123935</v>
      </c>
      <c r="D357" s="107">
        <v>-1644241.1325574999</v>
      </c>
      <c r="E357" s="107">
        <v>-1645028.7527214999</v>
      </c>
      <c r="F357" s="107">
        <v>-1646070.6410339901</v>
      </c>
      <c r="G357" s="107">
        <v>-1646858.3345142901</v>
      </c>
      <c r="H357" s="107">
        <v>-1647646.0279945901</v>
      </c>
      <c r="I357" s="107">
        <v>-1648433.7214748999</v>
      </c>
      <c r="J357" s="107">
        <v>-1649221.3782676901</v>
      </c>
      <c r="K357" s="107">
        <v>-1650009.6078550899</v>
      </c>
      <c r="L357" s="107">
        <v>-1651052.3918121899</v>
      </c>
      <c r="M357" s="107">
        <v>-1650911.53902379</v>
      </c>
      <c r="N357" s="107">
        <v>-1650911.53902379</v>
      </c>
      <c r="O357" s="107">
        <v>-1650879.03078308</v>
      </c>
      <c r="P357" s="107">
        <v>-1650846.52254235</v>
      </c>
      <c r="Q357" s="107">
        <v>-1650813.5149511499</v>
      </c>
      <c r="R357" s="107">
        <v>-1650780.5073599501</v>
      </c>
      <c r="S357" s="107">
        <v>-1650736.84389746</v>
      </c>
      <c r="T357" s="107">
        <v>-1650703.8332337099</v>
      </c>
      <c r="U357" s="107">
        <v>-1650670.82256997</v>
      </c>
      <c r="V357" s="107">
        <v>-1650637.8119062399</v>
      </c>
      <c r="W357" s="107">
        <v>-1650604.80278</v>
      </c>
      <c r="X357" s="107">
        <v>-1650571.76964908</v>
      </c>
      <c r="Y357" s="107">
        <v>-1650528.0686518999</v>
      </c>
      <c r="Z357" s="107">
        <v>-1650494.42808302</v>
      </c>
      <c r="AA357" s="107">
        <v>-1650494.42808302</v>
      </c>
      <c r="AB357" s="107">
        <v>-1650479.3632885399</v>
      </c>
      <c r="AC357" s="107">
        <v>-1650464.29849405</v>
      </c>
      <c r="AD357" s="107">
        <v>-1650449.0022932501</v>
      </c>
      <c r="AE357" s="107">
        <v>-1650433.7060924601</v>
      </c>
      <c r="AF357" s="107">
        <v>-1650413.4718049599</v>
      </c>
      <c r="AG357" s="107">
        <v>-1650398.1741803</v>
      </c>
      <c r="AH357" s="107">
        <v>-1650382.87655564</v>
      </c>
      <c r="AI357" s="107">
        <v>-1650367.5789309801</v>
      </c>
      <c r="AJ357" s="107">
        <v>-1650352.2820188201</v>
      </c>
      <c r="AK357" s="107">
        <v>-1650336.97398254</v>
      </c>
      <c r="AL357" s="107">
        <v>-1650316.7223009199</v>
      </c>
      <c r="AM357" s="107">
        <v>-1650301.132769</v>
      </c>
      <c r="AN357" s="107">
        <v>-1650301.132769</v>
      </c>
    </row>
    <row r="358" spans="1:40" x14ac:dyDescent="0.2">
      <c r="A358" s="133" t="s">
        <v>767</v>
      </c>
    </row>
    <row r="359" spans="1:40" x14ac:dyDescent="0.2">
      <c r="A359" s="133" t="s">
        <v>768</v>
      </c>
      <c r="B359" s="107">
        <v>-11710218.455510899</v>
      </c>
      <c r="C359" s="107">
        <v>-11716656.446846399</v>
      </c>
      <c r="D359" s="107">
        <v>-11723436.6081717</v>
      </c>
      <c r="E359" s="107">
        <v>-11729325.026275</v>
      </c>
      <c r="F359" s="107">
        <v>-11733744.5273603</v>
      </c>
      <c r="G359" s="107">
        <v>-11740099.9176408</v>
      </c>
      <c r="H359" s="107">
        <v>-11745503.297820199</v>
      </c>
      <c r="I359" s="107">
        <v>-11752261.002462501</v>
      </c>
      <c r="J359" s="107">
        <v>-11759041.438562499</v>
      </c>
      <c r="K359" s="107">
        <v>-11765047.799053799</v>
      </c>
      <c r="L359" s="107">
        <v>-11772280.7924305</v>
      </c>
      <c r="M359" s="107">
        <v>-11771171.064933799</v>
      </c>
      <c r="N359" s="107">
        <v>-11771171.064933799</v>
      </c>
      <c r="O359" s="107">
        <v>-11771062.9710733</v>
      </c>
      <c r="P359" s="107">
        <v>-11770793.167688601</v>
      </c>
      <c r="Q359" s="107">
        <v>-11770509.0246416</v>
      </c>
      <c r="R359" s="107">
        <v>-11770262.2527756</v>
      </c>
      <c r="S359" s="107">
        <v>-11770077.040294001</v>
      </c>
      <c r="T359" s="107">
        <v>-11769810.698554801</v>
      </c>
      <c r="U359" s="107">
        <v>-11769584.2536614</v>
      </c>
      <c r="V359" s="107">
        <v>-11769301.0517292</v>
      </c>
      <c r="W359" s="107">
        <v>-11769016.8971669</v>
      </c>
      <c r="X359" s="107">
        <v>-11768765.1825705</v>
      </c>
      <c r="Y359" s="107">
        <v>-11768462.0622348</v>
      </c>
      <c r="Z359" s="107">
        <v>-11768197.020522</v>
      </c>
      <c r="AA359" s="107">
        <v>-11768197.020522</v>
      </c>
      <c r="AB359" s="107">
        <v>-11768146.9282452</v>
      </c>
      <c r="AC359" s="107">
        <v>-11768021.8974084</v>
      </c>
      <c r="AD359" s="107">
        <v>-11767890.2213622</v>
      </c>
      <c r="AE359" s="107">
        <v>-11767775.8636682</v>
      </c>
      <c r="AF359" s="107">
        <v>-11767690.0334938</v>
      </c>
      <c r="AG359" s="107">
        <v>-11767566.606834199</v>
      </c>
      <c r="AH359" s="107">
        <v>-11767461.668956701</v>
      </c>
      <c r="AI359" s="107">
        <v>-11767330.4290369</v>
      </c>
      <c r="AJ359" s="107">
        <v>-11767198.747654401</v>
      </c>
      <c r="AK359" s="107">
        <v>-11767082.0994268</v>
      </c>
      <c r="AL359" s="107">
        <v>-11766941.6290273</v>
      </c>
      <c r="AM359" s="107">
        <v>-11766818.804819001</v>
      </c>
      <c r="AN359" s="107">
        <v>-11766818.804819001</v>
      </c>
    </row>
    <row r="360" spans="1:40" x14ac:dyDescent="0.2">
      <c r="A360" s="133" t="s">
        <v>769</v>
      </c>
    </row>
    <row r="361" spans="1:40" x14ac:dyDescent="0.2">
      <c r="A361" s="133" t="s">
        <v>770</v>
      </c>
      <c r="B361" s="107">
        <v>24551945.352765098</v>
      </c>
      <c r="C361" s="107">
        <v>24562756.492861498</v>
      </c>
      <c r="D361" s="107">
        <v>24573890.511075199</v>
      </c>
      <c r="E361" s="107">
        <v>24584793.6326041</v>
      </c>
      <c r="F361" s="107">
        <v>24595603.070224401</v>
      </c>
      <c r="G361" s="107">
        <v>24606712.0808293</v>
      </c>
      <c r="H361" s="107">
        <v>24617400.747425899</v>
      </c>
      <c r="I361" s="107">
        <v>24628210.388030801</v>
      </c>
      <c r="J361" s="107">
        <v>24639319.3244389</v>
      </c>
      <c r="K361" s="107">
        <v>24650129.332388401</v>
      </c>
      <c r="L361" s="107">
        <v>24661172.407396499</v>
      </c>
      <c r="M361" s="107">
        <v>24657494.303703599</v>
      </c>
      <c r="N361" s="107">
        <v>24657494.303703599</v>
      </c>
      <c r="O361" s="107">
        <v>24656981.4243357</v>
      </c>
      <c r="P361" s="107">
        <v>24656467.0858557</v>
      </c>
      <c r="Q361" s="107">
        <v>24655939.216197401</v>
      </c>
      <c r="R361" s="107">
        <v>24655421.022958901</v>
      </c>
      <c r="S361" s="107">
        <v>24654906.755826298</v>
      </c>
      <c r="T361" s="107">
        <v>24654379.934186999</v>
      </c>
      <c r="U361" s="107">
        <v>24653870.7283273</v>
      </c>
      <c r="V361" s="107">
        <v>24653356.452688102</v>
      </c>
      <c r="W361" s="107">
        <v>24652829.634158202</v>
      </c>
      <c r="X361" s="107">
        <v>24652315.3431243</v>
      </c>
      <c r="Y361" s="107">
        <v>24651791.284714401</v>
      </c>
      <c r="Z361" s="107">
        <v>24651264.466184601</v>
      </c>
      <c r="AA361" s="107">
        <v>24651264.466184601</v>
      </c>
      <c r="AB361" s="107">
        <v>24651026.790380001</v>
      </c>
      <c r="AC361" s="107">
        <v>24650788.438401401</v>
      </c>
      <c r="AD361" s="107">
        <v>24650543.815876901</v>
      </c>
      <c r="AE361" s="107">
        <v>24650303.677546799</v>
      </c>
      <c r="AF361" s="107">
        <v>24650065.3586317</v>
      </c>
      <c r="AG361" s="107">
        <v>24649821.2217745</v>
      </c>
      <c r="AH361" s="107">
        <v>24649585.2483273</v>
      </c>
      <c r="AI361" s="107">
        <v>24649346.925470099</v>
      </c>
      <c r="AJ361" s="107">
        <v>24649102.7900538</v>
      </c>
      <c r="AK361" s="107">
        <v>24648864.4600625</v>
      </c>
      <c r="AL361" s="107">
        <v>24648621.603726201</v>
      </c>
      <c r="AM361" s="107">
        <v>24648377.468309999</v>
      </c>
      <c r="AN361" s="107">
        <v>24648377.468309999</v>
      </c>
    </row>
    <row r="362" spans="1:40" x14ac:dyDescent="0.2">
      <c r="A362" s="133" t="s">
        <v>771</v>
      </c>
    </row>
    <row r="363" spans="1:40" x14ac:dyDescent="0.2">
      <c r="A363" s="133" t="s">
        <v>772</v>
      </c>
      <c r="B363" s="107">
        <v>0</v>
      </c>
      <c r="C363" s="107">
        <v>0</v>
      </c>
      <c r="D363" s="107">
        <v>0</v>
      </c>
      <c r="E363" s="107">
        <v>0</v>
      </c>
      <c r="F363" s="107">
        <v>0</v>
      </c>
      <c r="G363" s="107">
        <v>0</v>
      </c>
      <c r="H363" s="107">
        <v>0</v>
      </c>
      <c r="I363" s="107">
        <v>0</v>
      </c>
      <c r="J363" s="107">
        <v>0</v>
      </c>
      <c r="K363" s="107">
        <v>0</v>
      </c>
      <c r="L363" s="107">
        <v>0</v>
      </c>
      <c r="M363" s="107">
        <v>0</v>
      </c>
      <c r="N363" s="107">
        <v>0</v>
      </c>
      <c r="O363" s="107">
        <v>0</v>
      </c>
      <c r="P363" s="107">
        <v>0</v>
      </c>
      <c r="Q363" s="107">
        <v>0</v>
      </c>
      <c r="R363" s="107">
        <v>0</v>
      </c>
      <c r="S363" s="107">
        <v>0</v>
      </c>
      <c r="T363" s="107">
        <v>0</v>
      </c>
      <c r="U363" s="107">
        <v>0</v>
      </c>
      <c r="V363" s="107">
        <v>0</v>
      </c>
      <c r="W363" s="107">
        <v>0</v>
      </c>
      <c r="X363" s="107">
        <v>0</v>
      </c>
      <c r="Y363" s="107">
        <v>0</v>
      </c>
      <c r="Z363" s="107">
        <v>0</v>
      </c>
      <c r="AA363" s="107">
        <v>0</v>
      </c>
      <c r="AB363" s="107">
        <v>0</v>
      </c>
      <c r="AC363" s="107">
        <v>0</v>
      </c>
      <c r="AD363" s="107">
        <v>0</v>
      </c>
      <c r="AE363" s="107">
        <v>0</v>
      </c>
      <c r="AF363" s="107">
        <v>0</v>
      </c>
      <c r="AG363" s="107">
        <v>0</v>
      </c>
      <c r="AH363" s="107">
        <v>0</v>
      </c>
      <c r="AI363" s="107">
        <v>0</v>
      </c>
      <c r="AJ363" s="107">
        <v>0</v>
      </c>
      <c r="AK363" s="107">
        <v>0</v>
      </c>
      <c r="AL363" s="107">
        <v>0</v>
      </c>
      <c r="AM363" s="107">
        <v>0</v>
      </c>
      <c r="AN363" s="107">
        <v>0</v>
      </c>
    </row>
    <row r="364" spans="1:40" x14ac:dyDescent="0.2">
      <c r="A364" s="136" t="s">
        <v>773</v>
      </c>
      <c r="B364" s="107">
        <v>267530536.44253501</v>
      </c>
      <c r="C364" s="107">
        <v>232259852.42686301</v>
      </c>
      <c r="D364" s="107">
        <v>195658186.28077701</v>
      </c>
      <c r="E364" s="107">
        <v>197505712.87470499</v>
      </c>
      <c r="F364" s="107">
        <v>199174188.10155699</v>
      </c>
      <c r="G364" s="107">
        <v>200974966.39001501</v>
      </c>
      <c r="H364" s="107">
        <v>200799642.07886899</v>
      </c>
      <c r="I364" s="107">
        <v>202624627.66357201</v>
      </c>
      <c r="J364" s="107">
        <v>204428838.09988099</v>
      </c>
      <c r="K364" s="107">
        <v>206258607.18145001</v>
      </c>
      <c r="L364" s="107">
        <v>208080146.18623099</v>
      </c>
      <c r="M364" s="107">
        <v>208267397.71925101</v>
      </c>
      <c r="N364" s="107">
        <v>208267397.71925101</v>
      </c>
      <c r="O364" s="107">
        <v>209553152.123474</v>
      </c>
      <c r="P364" s="107">
        <v>210840225.45631701</v>
      </c>
      <c r="Q364" s="107">
        <v>212126794.77805099</v>
      </c>
      <c r="R364" s="107">
        <v>213413797.504825</v>
      </c>
      <c r="S364" s="107">
        <v>214700799.18483999</v>
      </c>
      <c r="T364" s="107">
        <v>215988660.22924799</v>
      </c>
      <c r="U364" s="107">
        <v>217275602.16402099</v>
      </c>
      <c r="V364" s="107">
        <v>218562665.38101199</v>
      </c>
      <c r="W364" s="107">
        <v>219848930.171314</v>
      </c>
      <c r="X364" s="107">
        <v>221135802.80855799</v>
      </c>
      <c r="Y364" s="107">
        <v>222422739.787296</v>
      </c>
      <c r="Z364" s="107">
        <v>223709865.231444</v>
      </c>
      <c r="AA364" s="107">
        <v>223709865.231444</v>
      </c>
      <c r="AB364" s="107">
        <v>225825358.88534099</v>
      </c>
      <c r="AC364" s="107">
        <v>227941462.01503399</v>
      </c>
      <c r="AD364" s="107">
        <v>230057331.578603</v>
      </c>
      <c r="AE364" s="107">
        <v>232173401.98841</v>
      </c>
      <c r="AF364" s="107">
        <v>234289471.91313401</v>
      </c>
      <c r="AG364" s="107">
        <v>236405940.07989401</v>
      </c>
      <c r="AH364" s="107">
        <v>238522000.36718699</v>
      </c>
      <c r="AI364" s="107">
        <v>240638098.809046</v>
      </c>
      <c r="AJ364" s="107">
        <v>242753827.24829301</v>
      </c>
      <c r="AK364" s="107">
        <v>244869837.37270799</v>
      </c>
      <c r="AL364" s="107">
        <v>246985877.313914</v>
      </c>
      <c r="AM364" s="107">
        <v>249102004.59274799</v>
      </c>
      <c r="AN364" s="107">
        <v>249102004.59274799</v>
      </c>
    </row>
    <row r="365" spans="1:40" x14ac:dyDescent="0.2">
      <c r="A365" s="133" t="s">
        <v>774</v>
      </c>
    </row>
    <row r="366" spans="1:40" x14ac:dyDescent="0.2">
      <c r="A366" s="133" t="s">
        <v>775</v>
      </c>
      <c r="B366" s="107">
        <v>0</v>
      </c>
      <c r="C366" s="107">
        <v>0</v>
      </c>
      <c r="D366" s="107">
        <v>0</v>
      </c>
      <c r="E366" s="107">
        <v>0</v>
      </c>
      <c r="F366" s="107">
        <v>0</v>
      </c>
      <c r="G366" s="107">
        <v>0</v>
      </c>
      <c r="H366" s="107">
        <v>0</v>
      </c>
      <c r="I366" s="107">
        <v>0</v>
      </c>
      <c r="J366" s="107">
        <v>0</v>
      </c>
      <c r="K366" s="107">
        <v>0</v>
      </c>
      <c r="L366" s="107">
        <v>0</v>
      </c>
      <c r="M366" s="107">
        <v>0</v>
      </c>
      <c r="N366" s="107">
        <v>0</v>
      </c>
      <c r="O366" s="107">
        <v>0</v>
      </c>
      <c r="P366" s="107">
        <v>0</v>
      </c>
      <c r="Q366" s="107">
        <v>0</v>
      </c>
      <c r="R366" s="107">
        <v>0</v>
      </c>
      <c r="S366" s="107">
        <v>0</v>
      </c>
      <c r="T366" s="107">
        <v>0</v>
      </c>
      <c r="U366" s="107">
        <v>0</v>
      </c>
      <c r="V366" s="107">
        <v>0</v>
      </c>
      <c r="W366" s="107">
        <v>0</v>
      </c>
      <c r="X366" s="107">
        <v>0</v>
      </c>
      <c r="Y366" s="107">
        <v>0</v>
      </c>
      <c r="Z366" s="107">
        <v>0</v>
      </c>
      <c r="AA366" s="107">
        <v>0</v>
      </c>
      <c r="AB366" s="107">
        <v>0</v>
      </c>
      <c r="AC366" s="107">
        <v>0</v>
      </c>
      <c r="AD366" s="107">
        <v>0</v>
      </c>
      <c r="AE366" s="107">
        <v>0</v>
      </c>
      <c r="AF366" s="107">
        <v>0</v>
      </c>
      <c r="AG366" s="107">
        <v>0</v>
      </c>
      <c r="AH366" s="107">
        <v>0</v>
      </c>
      <c r="AI366" s="107">
        <v>0</v>
      </c>
      <c r="AJ366" s="107">
        <v>0</v>
      </c>
      <c r="AK366" s="107">
        <v>0</v>
      </c>
      <c r="AL366" s="107">
        <v>0</v>
      </c>
      <c r="AM366" s="107">
        <v>0</v>
      </c>
      <c r="AN366" s="107">
        <v>0</v>
      </c>
    </row>
    <row r="367" spans="1:40" x14ac:dyDescent="0.2">
      <c r="A367" s="133" t="s">
        <v>776</v>
      </c>
    </row>
    <row r="368" spans="1:40" x14ac:dyDescent="0.2">
      <c r="A368" s="133" t="s">
        <v>777</v>
      </c>
      <c r="B368" s="107">
        <v>654305933.290609</v>
      </c>
      <c r="C368" s="107">
        <v>618368852.22878003</v>
      </c>
      <c r="D368" s="107">
        <v>576254728.44303501</v>
      </c>
      <c r="E368" s="107">
        <v>574920472.04081595</v>
      </c>
      <c r="F368" s="107">
        <v>577513581.40705001</v>
      </c>
      <c r="G368" s="107">
        <v>582745907.16775596</v>
      </c>
      <c r="H368" s="107">
        <v>587038930.15371895</v>
      </c>
      <c r="I368" s="107">
        <v>592501470.10561097</v>
      </c>
      <c r="J368" s="107">
        <v>596124911.23513496</v>
      </c>
      <c r="K368" s="107">
        <v>599145550.14759398</v>
      </c>
      <c r="L368" s="107">
        <v>604060921.66433406</v>
      </c>
      <c r="M368" s="107">
        <v>608805194.69077301</v>
      </c>
      <c r="N368" s="107">
        <v>608805194.69077301</v>
      </c>
      <c r="O368" s="107">
        <v>610985458.94422698</v>
      </c>
      <c r="P368" s="107">
        <v>613166939.339836</v>
      </c>
      <c r="Q368" s="107">
        <v>615360097.33215106</v>
      </c>
      <c r="R368" s="107">
        <v>617544920.13800299</v>
      </c>
      <c r="S368" s="107">
        <v>619725929.23213601</v>
      </c>
      <c r="T368" s="107">
        <v>621906110.95413005</v>
      </c>
      <c r="U368" s="107">
        <v>624089617.38523996</v>
      </c>
      <c r="V368" s="107">
        <v>626272997.25572598</v>
      </c>
      <c r="W368" s="107">
        <v>628441272.79282999</v>
      </c>
      <c r="X368" s="107">
        <v>630613377.98794603</v>
      </c>
      <c r="Y368" s="107">
        <v>632797124.22869694</v>
      </c>
      <c r="Z368" s="107">
        <v>634976331.175776</v>
      </c>
      <c r="AA368" s="107">
        <v>634976331.175776</v>
      </c>
      <c r="AB368" s="107">
        <v>641991463.09554696</v>
      </c>
      <c r="AC368" s="107">
        <v>644964984.19242096</v>
      </c>
      <c r="AD368" s="107">
        <v>647998936.95952201</v>
      </c>
      <c r="AE368" s="107">
        <v>650978606.63505304</v>
      </c>
      <c r="AF368" s="107">
        <v>653954863.23095095</v>
      </c>
      <c r="AG368" s="107">
        <v>656926400.10691202</v>
      </c>
      <c r="AH368" s="107">
        <v>659901294.36118805</v>
      </c>
      <c r="AI368" s="107">
        <v>662876301.38288701</v>
      </c>
      <c r="AJ368" s="107">
        <v>665838952.254614</v>
      </c>
      <c r="AK368" s="107">
        <v>668805817.73669803</v>
      </c>
      <c r="AL368" s="107">
        <v>671781955.69683397</v>
      </c>
      <c r="AM368" s="107">
        <v>674752333.15766799</v>
      </c>
      <c r="AN368" s="107">
        <v>674752333.15766799</v>
      </c>
    </row>
    <row r="369" spans="1:40" x14ac:dyDescent="0.2">
      <c r="A369" s="133" t="s">
        <v>778</v>
      </c>
    </row>
    <row r="370" spans="1:40" x14ac:dyDescent="0.2">
      <c r="A370" s="133" t="s">
        <v>779</v>
      </c>
    </row>
    <row r="371" spans="1:40" x14ac:dyDescent="0.2">
      <c r="A371" s="133" t="s">
        <v>780</v>
      </c>
      <c r="B371" s="107">
        <v>118642134.32399</v>
      </c>
      <c r="C371" s="107">
        <v>118405945.828214</v>
      </c>
      <c r="D371" s="107">
        <v>118389987.946785</v>
      </c>
      <c r="E371" s="107">
        <v>118357090.318308</v>
      </c>
      <c r="F371" s="107">
        <v>118352840.152779</v>
      </c>
      <c r="G371" s="107">
        <v>118363803.028505</v>
      </c>
      <c r="H371" s="107">
        <v>118415712.52848201</v>
      </c>
      <c r="I371" s="107">
        <v>118445705.19787</v>
      </c>
      <c r="J371" s="107">
        <v>118498455.24427</v>
      </c>
      <c r="K371" s="107">
        <v>118463946.144878</v>
      </c>
      <c r="L371" s="107">
        <v>118452040.58678301</v>
      </c>
      <c r="M371" s="107">
        <v>118444284.03999899</v>
      </c>
      <c r="N371" s="107">
        <v>118444284.03999899</v>
      </c>
      <c r="O371" s="107">
        <v>118605546.133255</v>
      </c>
      <c r="P371" s="107">
        <v>118708950.084989</v>
      </c>
      <c r="Q371" s="107">
        <v>118774838.019922</v>
      </c>
      <c r="R371" s="107">
        <v>118858795.221424</v>
      </c>
      <c r="S371" s="107">
        <v>118986217.69839101</v>
      </c>
      <c r="T371" s="107">
        <v>119191999.88523699</v>
      </c>
      <c r="U371" s="107">
        <v>119408134.57399701</v>
      </c>
      <c r="V371" s="107">
        <v>119671551.21932299</v>
      </c>
      <c r="W371" s="107">
        <v>119873986.537029</v>
      </c>
      <c r="X371" s="107">
        <v>120066332.025672</v>
      </c>
      <c r="Y371" s="107">
        <v>120165373.74154</v>
      </c>
      <c r="Z371" s="107">
        <v>120300314.5951</v>
      </c>
      <c r="AA371" s="107">
        <v>120300314.5951</v>
      </c>
      <c r="AB371" s="107">
        <v>120496651.64076599</v>
      </c>
      <c r="AC371" s="107">
        <v>120430513.618056</v>
      </c>
      <c r="AD371" s="107">
        <v>120377812.383214</v>
      </c>
      <c r="AE371" s="107">
        <v>120370323.844243</v>
      </c>
      <c r="AF371" s="107">
        <v>120520049.30924</v>
      </c>
      <c r="AG371" s="107">
        <v>120758495.786474</v>
      </c>
      <c r="AH371" s="107">
        <v>121041977.803453</v>
      </c>
      <c r="AI371" s="107">
        <v>121505261.133311</v>
      </c>
      <c r="AJ371" s="107">
        <v>121747188.44772001</v>
      </c>
      <c r="AK371" s="107">
        <v>121880727.960246</v>
      </c>
      <c r="AL371" s="107">
        <v>121887519.567679</v>
      </c>
      <c r="AM371" s="107">
        <v>121942346.77695499</v>
      </c>
      <c r="AN371" s="107">
        <v>121942346.77695499</v>
      </c>
    </row>
    <row r="372" spans="1:40" x14ac:dyDescent="0.2">
      <c r="A372" s="133" t="s">
        <v>781</v>
      </c>
    </row>
    <row r="373" spans="1:40" x14ac:dyDescent="0.2">
      <c r="A373" s="133" t="s">
        <v>782</v>
      </c>
      <c r="B373" s="107">
        <v>332663.75354801601</v>
      </c>
      <c r="C373" s="107">
        <v>351008.53043551301</v>
      </c>
      <c r="D373" s="107">
        <v>369470.06957852998</v>
      </c>
      <c r="E373" s="107">
        <v>387931.65182842698</v>
      </c>
      <c r="F373" s="107">
        <v>396835.04495376401</v>
      </c>
      <c r="G373" s="107">
        <v>415296.57682574098</v>
      </c>
      <c r="H373" s="107">
        <v>433758.12583659799</v>
      </c>
      <c r="I373" s="107">
        <v>452219.71665593598</v>
      </c>
      <c r="J373" s="107">
        <v>460886.27876479301</v>
      </c>
      <c r="K373" s="107">
        <v>479357.19910749001</v>
      </c>
      <c r="L373" s="107">
        <v>428071.728607147</v>
      </c>
      <c r="M373" s="107">
        <v>322700.86053832399</v>
      </c>
      <c r="N373" s="107">
        <v>322700.86053832399</v>
      </c>
      <c r="O373" s="107">
        <v>322700.86053832399</v>
      </c>
      <c r="P373" s="107">
        <v>322700.86053832399</v>
      </c>
      <c r="Q373" s="107">
        <v>322700.86053832399</v>
      </c>
      <c r="R373" s="107">
        <v>322700.86053832399</v>
      </c>
      <c r="S373" s="107">
        <v>322700.86053832399</v>
      </c>
      <c r="T373" s="107">
        <v>322700.86053832399</v>
      </c>
      <c r="U373" s="107">
        <v>322700.86053832399</v>
      </c>
      <c r="V373" s="107">
        <v>322700.86053832399</v>
      </c>
      <c r="W373" s="107">
        <v>322700.86053832399</v>
      </c>
      <c r="X373" s="107">
        <v>322700.86053832399</v>
      </c>
      <c r="Y373" s="107">
        <v>322700.86053832399</v>
      </c>
      <c r="Z373" s="107">
        <v>322700.86053832399</v>
      </c>
      <c r="AA373" s="107">
        <v>322700.86053832399</v>
      </c>
      <c r="AB373" s="107">
        <v>321523.07073213003</v>
      </c>
      <c r="AC373" s="107">
        <v>320345.28092593601</v>
      </c>
      <c r="AD373" s="107">
        <v>319167.49111974298</v>
      </c>
      <c r="AE373" s="107">
        <v>317989.70131354901</v>
      </c>
      <c r="AF373" s="107">
        <v>316811.91150735499</v>
      </c>
      <c r="AG373" s="107">
        <v>315634.12170116202</v>
      </c>
      <c r="AH373" s="107">
        <v>314456.331894968</v>
      </c>
      <c r="AI373" s="107">
        <v>313278.54208877397</v>
      </c>
      <c r="AJ373" s="107">
        <v>312100.752282581</v>
      </c>
      <c r="AK373" s="107">
        <v>310922.96247638698</v>
      </c>
      <c r="AL373" s="107">
        <v>309745.17267019302</v>
      </c>
      <c r="AM373" s="107">
        <v>308567.38286399998</v>
      </c>
      <c r="AN373" s="107">
        <v>308567.38286399998</v>
      </c>
    </row>
    <row r="374" spans="1:40" x14ac:dyDescent="0.2">
      <c r="A374" s="133" t="s">
        <v>783</v>
      </c>
      <c r="B374" s="107">
        <v>4439462.8562135603</v>
      </c>
      <c r="C374" s="107">
        <v>4618317.11645009</v>
      </c>
      <c r="D374" s="107">
        <v>4831507.7504018098</v>
      </c>
      <c r="E374" s="107">
        <v>5006518.5249238601</v>
      </c>
      <c r="F374" s="107">
        <v>5161065.2798022004</v>
      </c>
      <c r="G374" s="107">
        <v>5161397.8958862796</v>
      </c>
      <c r="H374" s="107">
        <v>5181394.79564925</v>
      </c>
      <c r="I374" s="107">
        <v>5186908.4162098505</v>
      </c>
      <c r="J374" s="107">
        <v>5242475.3933072202</v>
      </c>
      <c r="K374" s="107">
        <v>5361299.8311840603</v>
      </c>
      <c r="L374" s="107">
        <v>5577214.9160795799</v>
      </c>
      <c r="M374" s="107">
        <v>5759251.3235994</v>
      </c>
      <c r="N374" s="107">
        <v>5759251.3235994</v>
      </c>
      <c r="O374" s="107">
        <v>5768850.2756043896</v>
      </c>
      <c r="P374" s="107">
        <v>5778449.2276093904</v>
      </c>
      <c r="Q374" s="107">
        <v>5788048.1796143996</v>
      </c>
      <c r="R374" s="107">
        <v>5797647.1316194003</v>
      </c>
      <c r="S374" s="107">
        <v>5807246.0836244002</v>
      </c>
      <c r="T374" s="107">
        <v>5816845.0356294001</v>
      </c>
      <c r="U374" s="107">
        <v>5826443.9876343999</v>
      </c>
      <c r="V374" s="107">
        <v>5836042.9396393904</v>
      </c>
      <c r="W374" s="107">
        <v>5845641.8916443903</v>
      </c>
      <c r="X374" s="107">
        <v>5855240.8436493902</v>
      </c>
      <c r="Y374" s="107">
        <v>5864839.79565439</v>
      </c>
      <c r="Z374" s="107">
        <v>5874438.7476593899</v>
      </c>
      <c r="AA374" s="107">
        <v>5874438.7476593899</v>
      </c>
      <c r="AB374" s="107">
        <v>5884229.6987043899</v>
      </c>
      <c r="AC374" s="107">
        <v>5894020.6497493898</v>
      </c>
      <c r="AD374" s="107">
        <v>5903811.6007943898</v>
      </c>
      <c r="AE374" s="107">
        <v>5913602.5518393898</v>
      </c>
      <c r="AF374" s="107">
        <v>5923393.5028843898</v>
      </c>
      <c r="AG374" s="107">
        <v>5933184.4539294001</v>
      </c>
      <c r="AH374" s="107">
        <v>5942975.4049743898</v>
      </c>
      <c r="AI374" s="107">
        <v>5952766.3560193898</v>
      </c>
      <c r="AJ374" s="107">
        <v>5962557.3070643898</v>
      </c>
      <c r="AK374" s="107">
        <v>5972348.2581093898</v>
      </c>
      <c r="AL374" s="107">
        <v>5982139.2091543898</v>
      </c>
      <c r="AM374" s="107">
        <v>5991930.1601993898</v>
      </c>
      <c r="AN374" s="107">
        <v>5991930.1601993898</v>
      </c>
    </row>
    <row r="375" spans="1:40" x14ac:dyDescent="0.2">
      <c r="A375" s="133" t="s">
        <v>784</v>
      </c>
      <c r="B375" s="107">
        <v>0</v>
      </c>
      <c r="C375" s="107">
        <v>0</v>
      </c>
      <c r="D375" s="107">
        <v>0</v>
      </c>
      <c r="E375" s="107">
        <v>0</v>
      </c>
      <c r="F375" s="107">
        <v>0</v>
      </c>
      <c r="G375" s="107">
        <v>0</v>
      </c>
      <c r="H375" s="107">
        <v>0</v>
      </c>
      <c r="I375" s="107">
        <v>0</v>
      </c>
      <c r="J375" s="107">
        <v>0</v>
      </c>
      <c r="K375" s="107">
        <v>0</v>
      </c>
      <c r="L375" s="107">
        <v>0</v>
      </c>
      <c r="M375" s="107">
        <v>0</v>
      </c>
      <c r="N375" s="107">
        <v>0</v>
      </c>
      <c r="O375" s="107">
        <v>0</v>
      </c>
      <c r="P375" s="107">
        <v>0</v>
      </c>
      <c r="Q375" s="107">
        <v>0</v>
      </c>
      <c r="R375" s="107">
        <v>0</v>
      </c>
      <c r="S375" s="107">
        <v>0</v>
      </c>
      <c r="T375" s="107">
        <v>0</v>
      </c>
      <c r="U375" s="107">
        <v>0</v>
      </c>
      <c r="V375" s="107">
        <v>0</v>
      </c>
      <c r="W375" s="107">
        <v>0</v>
      </c>
      <c r="X375" s="107">
        <v>0</v>
      </c>
      <c r="Y375" s="107">
        <v>0</v>
      </c>
      <c r="Z375" s="107">
        <v>0</v>
      </c>
      <c r="AA375" s="107">
        <v>0</v>
      </c>
      <c r="AB375" s="107">
        <v>0</v>
      </c>
      <c r="AC375" s="107">
        <v>0</v>
      </c>
      <c r="AD375" s="107">
        <v>0</v>
      </c>
      <c r="AE375" s="107">
        <v>0</v>
      </c>
      <c r="AF375" s="107">
        <v>0</v>
      </c>
      <c r="AG375" s="107">
        <v>0</v>
      </c>
      <c r="AH375" s="107">
        <v>0</v>
      </c>
      <c r="AI375" s="107">
        <v>0</v>
      </c>
      <c r="AJ375" s="107">
        <v>0</v>
      </c>
      <c r="AK375" s="107">
        <v>0</v>
      </c>
      <c r="AL375" s="107">
        <v>0</v>
      </c>
      <c r="AM375" s="107">
        <v>0</v>
      </c>
      <c r="AN375" s="107">
        <v>0</v>
      </c>
    </row>
    <row r="376" spans="1:40" x14ac:dyDescent="0.2">
      <c r="A376" s="133" t="s">
        <v>785</v>
      </c>
      <c r="B376" s="107">
        <v>0</v>
      </c>
      <c r="C376" s="107">
        <v>0</v>
      </c>
      <c r="D376" s="107">
        <v>0</v>
      </c>
      <c r="E376" s="107">
        <v>0</v>
      </c>
      <c r="F376" s="107">
        <v>0</v>
      </c>
      <c r="G376" s="107">
        <v>0</v>
      </c>
      <c r="H376" s="107">
        <v>0</v>
      </c>
      <c r="I376" s="107">
        <v>0</v>
      </c>
      <c r="J376" s="107">
        <v>0</v>
      </c>
      <c r="K376" s="107">
        <v>0</v>
      </c>
      <c r="L376" s="107">
        <v>0</v>
      </c>
      <c r="M376" s="107">
        <v>0</v>
      </c>
      <c r="N376" s="107">
        <v>0</v>
      </c>
      <c r="O376" s="107">
        <v>0</v>
      </c>
      <c r="P376" s="107">
        <v>0</v>
      </c>
      <c r="Q376" s="107">
        <v>0</v>
      </c>
      <c r="R376" s="107">
        <v>0</v>
      </c>
      <c r="S376" s="107">
        <v>0</v>
      </c>
      <c r="T376" s="107">
        <v>0</v>
      </c>
      <c r="U376" s="107">
        <v>0</v>
      </c>
      <c r="V376" s="107">
        <v>0</v>
      </c>
      <c r="W376" s="107">
        <v>0</v>
      </c>
      <c r="X376" s="107">
        <v>0</v>
      </c>
      <c r="Y376" s="107">
        <v>0</v>
      </c>
      <c r="Z376" s="107">
        <v>0</v>
      </c>
      <c r="AA376" s="107">
        <v>0</v>
      </c>
      <c r="AB376" s="107">
        <v>0</v>
      </c>
      <c r="AC376" s="107">
        <v>0</v>
      </c>
      <c r="AD376" s="107">
        <v>0</v>
      </c>
      <c r="AE376" s="107">
        <v>0</v>
      </c>
      <c r="AF376" s="107">
        <v>0</v>
      </c>
      <c r="AG376" s="107">
        <v>0</v>
      </c>
      <c r="AH376" s="107">
        <v>0</v>
      </c>
      <c r="AI376" s="107">
        <v>0</v>
      </c>
      <c r="AJ376" s="107">
        <v>0</v>
      </c>
      <c r="AK376" s="107">
        <v>0</v>
      </c>
      <c r="AL376" s="107">
        <v>0</v>
      </c>
      <c r="AM376" s="107">
        <v>0</v>
      </c>
      <c r="AN376" s="107">
        <v>0</v>
      </c>
    </row>
    <row r="377" spans="1:40" x14ac:dyDescent="0.2">
      <c r="A377" s="136" t="s">
        <v>786</v>
      </c>
      <c r="B377" s="107">
        <v>4772126.6097615799</v>
      </c>
      <c r="C377" s="107">
        <v>4969325.6468856102</v>
      </c>
      <c r="D377" s="107">
        <v>5200977.8199803401</v>
      </c>
      <c r="E377" s="107">
        <v>5394450.1767522898</v>
      </c>
      <c r="F377" s="107">
        <v>5557900.3247559601</v>
      </c>
      <c r="G377" s="107">
        <v>5576694.4727120204</v>
      </c>
      <c r="H377" s="107">
        <v>5615152.9214858497</v>
      </c>
      <c r="I377" s="107">
        <v>5639128.13286578</v>
      </c>
      <c r="J377" s="107">
        <v>5703361.6720720101</v>
      </c>
      <c r="K377" s="107">
        <v>5840657.0302915499</v>
      </c>
      <c r="L377" s="107">
        <v>6005286.6446867296</v>
      </c>
      <c r="M377" s="107">
        <v>6081952.1841377197</v>
      </c>
      <c r="N377" s="107">
        <v>6081952.1841377197</v>
      </c>
      <c r="O377" s="107">
        <v>6091551.1361427195</v>
      </c>
      <c r="P377" s="107">
        <v>6101150.0881477203</v>
      </c>
      <c r="Q377" s="107">
        <v>6110749.0401527202</v>
      </c>
      <c r="R377" s="107">
        <v>6120347.99215772</v>
      </c>
      <c r="S377" s="107">
        <v>6129946.9441627199</v>
      </c>
      <c r="T377" s="107">
        <v>6139545.8961677197</v>
      </c>
      <c r="U377" s="107">
        <v>6149144.8481727196</v>
      </c>
      <c r="V377" s="107">
        <v>6158743.8001777204</v>
      </c>
      <c r="W377" s="107">
        <v>6168342.7521827202</v>
      </c>
      <c r="X377" s="107">
        <v>6177941.7041877201</v>
      </c>
      <c r="Y377" s="107">
        <v>6187540.6561927199</v>
      </c>
      <c r="Z377" s="107">
        <v>6197139.6081977198</v>
      </c>
      <c r="AA377" s="107">
        <v>6197139.6081977198</v>
      </c>
      <c r="AB377" s="107">
        <v>6205752.7694365298</v>
      </c>
      <c r="AC377" s="107">
        <v>6214365.9306753296</v>
      </c>
      <c r="AD377" s="107">
        <v>6222979.0919141397</v>
      </c>
      <c r="AE377" s="107">
        <v>6231592.2531529404</v>
      </c>
      <c r="AF377" s="107">
        <v>6240205.4143917495</v>
      </c>
      <c r="AG377" s="107">
        <v>6248818.5756305596</v>
      </c>
      <c r="AH377" s="107">
        <v>6257431.7368693603</v>
      </c>
      <c r="AI377" s="107">
        <v>6266044.8981081704</v>
      </c>
      <c r="AJ377" s="107">
        <v>6274658.0593469702</v>
      </c>
      <c r="AK377" s="107">
        <v>6283271.2205857802</v>
      </c>
      <c r="AL377" s="107">
        <v>6291884.3818245903</v>
      </c>
      <c r="AM377" s="107">
        <v>6300497.5430633901</v>
      </c>
      <c r="AN377" s="107">
        <v>6300497.5430633901</v>
      </c>
    </row>
    <row r="378" spans="1:40" x14ac:dyDescent="0.2">
      <c r="A378" s="133" t="s">
        <v>787</v>
      </c>
    </row>
    <row r="379" spans="1:40" x14ac:dyDescent="0.2">
      <c r="A379" s="133" t="s">
        <v>788</v>
      </c>
      <c r="B379" s="107">
        <v>11972290.911965299</v>
      </c>
      <c r="C379" s="107">
        <v>12132989.180289701</v>
      </c>
      <c r="D379" s="107">
        <v>12244790.5406614</v>
      </c>
      <c r="E379" s="107">
        <v>12284978.783371801</v>
      </c>
      <c r="F379" s="107">
        <v>12061890.391613699</v>
      </c>
      <c r="G379" s="107">
        <v>11796061.781239901</v>
      </c>
      <c r="H379" s="107">
        <v>11543962.1702452</v>
      </c>
      <c r="I379" s="107">
        <v>11330856.606025301</v>
      </c>
      <c r="J379" s="107">
        <v>11112973.231873</v>
      </c>
      <c r="K379" s="107">
        <v>11000974.6843844</v>
      </c>
      <c r="L379" s="107">
        <v>10964640.883486699</v>
      </c>
      <c r="M379" s="107">
        <v>11025879.7302719</v>
      </c>
      <c r="N379" s="107">
        <v>11025879.7302719</v>
      </c>
      <c r="O379" s="107">
        <v>11024546.411854999</v>
      </c>
      <c r="P379" s="107">
        <v>11023213.093437901</v>
      </c>
      <c r="Q379" s="107">
        <v>11021879.775020899</v>
      </c>
      <c r="R379" s="107">
        <v>11020546.4566039</v>
      </c>
      <c r="S379" s="107">
        <v>11019213.1381869</v>
      </c>
      <c r="T379" s="107">
        <v>11017879.8197699</v>
      </c>
      <c r="U379" s="107">
        <v>11016546.501352901</v>
      </c>
      <c r="V379" s="107">
        <v>11015213.182935899</v>
      </c>
      <c r="W379" s="107">
        <v>11013879.864518899</v>
      </c>
      <c r="X379" s="107">
        <v>11012546.5461019</v>
      </c>
      <c r="Y379" s="107">
        <v>11011213.2276849</v>
      </c>
      <c r="Z379" s="107">
        <v>11009879.909267999</v>
      </c>
      <c r="AA379" s="107">
        <v>11009879.909267999</v>
      </c>
      <c r="AB379" s="107">
        <v>10972401.2177309</v>
      </c>
      <c r="AC379" s="107">
        <v>10934922.526194001</v>
      </c>
      <c r="AD379" s="107">
        <v>10897443.834657</v>
      </c>
      <c r="AE379" s="107">
        <v>10859965.14312</v>
      </c>
      <c r="AF379" s="107">
        <v>10822486.451583</v>
      </c>
      <c r="AG379" s="107">
        <v>10785007.760046</v>
      </c>
      <c r="AH379" s="107">
        <v>10747529.068508999</v>
      </c>
      <c r="AI379" s="107">
        <v>10710050.376971999</v>
      </c>
      <c r="AJ379" s="107">
        <v>10672571.6854349</v>
      </c>
      <c r="AK379" s="107">
        <v>10635092.993898001</v>
      </c>
      <c r="AL379" s="107">
        <v>10597614.302361</v>
      </c>
      <c r="AM379" s="107">
        <v>10560135.610824</v>
      </c>
      <c r="AN379" s="107">
        <v>10560135.610824</v>
      </c>
    </row>
    <row r="380" spans="1:40" x14ac:dyDescent="0.2">
      <c r="A380" s="133" t="s">
        <v>789</v>
      </c>
      <c r="B380" s="107">
        <v>61189840</v>
      </c>
      <c r="C380" s="107">
        <v>61644221</v>
      </c>
      <c r="D380" s="107">
        <v>62095371</v>
      </c>
      <c r="E380" s="107">
        <v>62337510</v>
      </c>
      <c r="F380" s="107">
        <v>61708546</v>
      </c>
      <c r="G380" s="107">
        <v>62055011</v>
      </c>
      <c r="H380" s="107">
        <v>61521776</v>
      </c>
      <c r="I380" s="107">
        <v>61856995</v>
      </c>
      <c r="J380" s="107">
        <v>62196033</v>
      </c>
      <c r="K380" s="107">
        <v>61656880</v>
      </c>
      <c r="L380" s="107">
        <v>61984361</v>
      </c>
      <c r="M380" s="107">
        <v>63287052</v>
      </c>
      <c r="N380" s="107">
        <v>63287052</v>
      </c>
      <c r="O380" s="107">
        <v>63081250</v>
      </c>
      <c r="P380" s="107">
        <v>62875448</v>
      </c>
      <c r="Q380" s="107">
        <v>62669646</v>
      </c>
      <c r="R380" s="107">
        <v>62463844</v>
      </c>
      <c r="S380" s="107">
        <v>62258042</v>
      </c>
      <c r="T380" s="107">
        <v>62052240</v>
      </c>
      <c r="U380" s="107">
        <v>61846437.999999903</v>
      </c>
      <c r="V380" s="107">
        <v>61640635.999999903</v>
      </c>
      <c r="W380" s="107">
        <v>61434833.999999903</v>
      </c>
      <c r="X380" s="107">
        <v>61229031.999999903</v>
      </c>
      <c r="Y380" s="107">
        <v>61023229.999999903</v>
      </c>
      <c r="Z380" s="107">
        <v>60817427.999999903</v>
      </c>
      <c r="AA380" s="107">
        <v>60817427.999999903</v>
      </c>
      <c r="AB380" s="107">
        <v>60817427.999999903</v>
      </c>
      <c r="AC380" s="107">
        <v>60817427.999999903</v>
      </c>
      <c r="AD380" s="107">
        <v>60817427.999999903</v>
      </c>
      <c r="AE380" s="107">
        <v>60817427.999999903</v>
      </c>
      <c r="AF380" s="107">
        <v>60817427.999999903</v>
      </c>
      <c r="AG380" s="107">
        <v>60817427.999999903</v>
      </c>
      <c r="AH380" s="107">
        <v>60817427.999999903</v>
      </c>
      <c r="AI380" s="107">
        <v>60817427.999999903</v>
      </c>
      <c r="AJ380" s="107">
        <v>60817427.999999903</v>
      </c>
      <c r="AK380" s="107">
        <v>60817427.999999903</v>
      </c>
      <c r="AL380" s="107">
        <v>60817427.999999903</v>
      </c>
      <c r="AM380" s="107">
        <v>60817427.999999903</v>
      </c>
      <c r="AN380" s="107">
        <v>60817427.999999903</v>
      </c>
    </row>
    <row r="381" spans="1:40" x14ac:dyDescent="0.2">
      <c r="A381" s="136" t="s">
        <v>790</v>
      </c>
      <c r="B381" s="107">
        <v>73162130.9119654</v>
      </c>
      <c r="C381" s="107">
        <v>73777210.180289701</v>
      </c>
      <c r="D381" s="107">
        <v>74340161.540661395</v>
      </c>
      <c r="E381" s="107">
        <v>74622488.783371806</v>
      </c>
      <c r="F381" s="107">
        <v>73770436.391613796</v>
      </c>
      <c r="G381" s="107">
        <v>73851072.781240001</v>
      </c>
      <c r="H381" s="107">
        <v>73065738.1702452</v>
      </c>
      <c r="I381" s="107">
        <v>73187851.606025293</v>
      </c>
      <c r="J381" s="107">
        <v>73309006.231873006</v>
      </c>
      <c r="K381" s="107">
        <v>72657854.684384495</v>
      </c>
      <c r="L381" s="107">
        <v>72949001.883486703</v>
      </c>
      <c r="M381" s="107">
        <v>74312931.730271995</v>
      </c>
      <c r="N381" s="107">
        <v>74312931.730271995</v>
      </c>
      <c r="O381" s="107">
        <v>74105796.411854997</v>
      </c>
      <c r="P381" s="107">
        <v>73898661.093437999</v>
      </c>
      <c r="Q381" s="107">
        <v>73691525.775021002</v>
      </c>
      <c r="R381" s="107">
        <v>73484390.456604004</v>
      </c>
      <c r="S381" s="107">
        <v>73277255.138187006</v>
      </c>
      <c r="T381" s="107">
        <v>73070119.819769993</v>
      </c>
      <c r="U381" s="107">
        <v>72862984.501352996</v>
      </c>
      <c r="V381" s="107">
        <v>72655849.182935894</v>
      </c>
      <c r="W381" s="107">
        <v>72448713.864519</v>
      </c>
      <c r="X381" s="107">
        <v>72241578.546101898</v>
      </c>
      <c r="Y381" s="107">
        <v>72034443.227685004</v>
      </c>
      <c r="Z381" s="107">
        <v>71827307.909267902</v>
      </c>
      <c r="AA381" s="107">
        <v>71827307.909267902</v>
      </c>
      <c r="AB381" s="107">
        <v>71789829.217730999</v>
      </c>
      <c r="AC381" s="107">
        <v>71752350.526194006</v>
      </c>
      <c r="AD381" s="107">
        <v>71714871.834656999</v>
      </c>
      <c r="AE381" s="107">
        <v>71677393.143119901</v>
      </c>
      <c r="AF381" s="107">
        <v>71639914.451582998</v>
      </c>
      <c r="AG381" s="107">
        <v>71602435.760045901</v>
      </c>
      <c r="AH381" s="107">
        <v>71564957.068508893</v>
      </c>
      <c r="AI381" s="107">
        <v>71527478.3769719</v>
      </c>
      <c r="AJ381" s="107">
        <v>71489999.685434893</v>
      </c>
      <c r="AK381" s="107">
        <v>71452520.993898004</v>
      </c>
      <c r="AL381" s="107">
        <v>71415042.302360997</v>
      </c>
      <c r="AM381" s="107">
        <v>71377563.610824004</v>
      </c>
      <c r="AN381" s="107">
        <v>71377563.610824004</v>
      </c>
    </row>
    <row r="382" spans="1:40" x14ac:dyDescent="0.2">
      <c r="A382" s="133" t="s">
        <v>791</v>
      </c>
    </row>
    <row r="383" spans="1:40" x14ac:dyDescent="0.2">
      <c r="A383" s="136" t="s">
        <v>792</v>
      </c>
      <c r="B383" s="107">
        <v>850882325.13632703</v>
      </c>
      <c r="C383" s="107">
        <v>815521333.88417006</v>
      </c>
      <c r="D383" s="107">
        <v>774185855.75046206</v>
      </c>
      <c r="E383" s="107">
        <v>773294501.31924796</v>
      </c>
      <c r="F383" s="107">
        <v>775194758.27619898</v>
      </c>
      <c r="G383" s="107">
        <v>780537477.45021403</v>
      </c>
      <c r="H383" s="107">
        <v>784135533.77393198</v>
      </c>
      <c r="I383" s="107">
        <v>789774155.04237199</v>
      </c>
      <c r="J383" s="107">
        <v>793635734.38335097</v>
      </c>
      <c r="K383" s="107">
        <v>796108008.00714898</v>
      </c>
      <c r="L383" s="107">
        <v>801467250.77929103</v>
      </c>
      <c r="M383" s="107">
        <v>807644362.64518201</v>
      </c>
      <c r="N383" s="107">
        <v>807644362.64518201</v>
      </c>
      <c r="O383" s="107">
        <v>809788352.62547898</v>
      </c>
      <c r="P383" s="107">
        <v>811875700.60641098</v>
      </c>
      <c r="Q383" s="107">
        <v>813937210.16724801</v>
      </c>
      <c r="R383" s="107">
        <v>816008453.80818796</v>
      </c>
      <c r="S383" s="107">
        <v>818119349.01287699</v>
      </c>
      <c r="T383" s="107">
        <v>820307776.555305</v>
      </c>
      <c r="U383" s="107">
        <v>822509881.30876303</v>
      </c>
      <c r="V383" s="107">
        <v>824759141.45816398</v>
      </c>
      <c r="W383" s="107">
        <v>826932315.94656098</v>
      </c>
      <c r="X383" s="107">
        <v>829099230.26390803</v>
      </c>
      <c r="Y383" s="107">
        <v>831184481.85411406</v>
      </c>
      <c r="Z383" s="107">
        <v>833301093.28834105</v>
      </c>
      <c r="AA383" s="107">
        <v>833301093.28834105</v>
      </c>
      <c r="AB383" s="107">
        <v>840483696.72348106</v>
      </c>
      <c r="AC383" s="107">
        <v>843362214.26734602</v>
      </c>
      <c r="AD383" s="107">
        <v>846314600.26930702</v>
      </c>
      <c r="AE383" s="107">
        <v>849257915.87556899</v>
      </c>
      <c r="AF383" s="107">
        <v>852355032.40616596</v>
      </c>
      <c r="AG383" s="107">
        <v>855536150.22906303</v>
      </c>
      <c r="AH383" s="107">
        <v>858765660.97002006</v>
      </c>
      <c r="AI383" s="107">
        <v>862175085.79127896</v>
      </c>
      <c r="AJ383" s="107">
        <v>865350798.44711602</v>
      </c>
      <c r="AK383" s="107">
        <v>868422337.91142797</v>
      </c>
      <c r="AL383" s="107">
        <v>871376401.948699</v>
      </c>
      <c r="AM383" s="107">
        <v>874372741.08851099</v>
      </c>
      <c r="AN383" s="107">
        <v>874372741.08851099</v>
      </c>
    </row>
    <row r="384" spans="1:40" x14ac:dyDescent="0.2">
      <c r="A384" s="133" t="s">
        <v>793</v>
      </c>
    </row>
    <row r="385" spans="1:40" x14ac:dyDescent="0.2">
      <c r="A385" s="136" t="s">
        <v>794</v>
      </c>
    </row>
    <row r="386" spans="1:40" x14ac:dyDescent="0.2">
      <c r="A386" s="133" t="s">
        <v>795</v>
      </c>
      <c r="B386" s="107">
        <v>0</v>
      </c>
      <c r="C386" s="107">
        <v>0</v>
      </c>
      <c r="D386" s="107">
        <v>0</v>
      </c>
      <c r="E386" s="107">
        <v>0</v>
      </c>
      <c r="F386" s="107">
        <v>0</v>
      </c>
      <c r="G386" s="107">
        <v>0</v>
      </c>
      <c r="H386" s="107">
        <v>0</v>
      </c>
      <c r="I386" s="107">
        <v>0</v>
      </c>
      <c r="J386" s="107">
        <v>0</v>
      </c>
      <c r="K386" s="107">
        <v>0</v>
      </c>
      <c r="L386" s="107">
        <v>0</v>
      </c>
      <c r="M386" s="107">
        <v>0</v>
      </c>
      <c r="N386" s="107">
        <v>0</v>
      </c>
      <c r="O386" s="107">
        <v>0</v>
      </c>
      <c r="P386" s="107">
        <v>0</v>
      </c>
      <c r="Q386" s="107">
        <v>0</v>
      </c>
      <c r="R386" s="107">
        <v>0</v>
      </c>
      <c r="S386" s="107">
        <v>0</v>
      </c>
      <c r="T386" s="107">
        <v>0</v>
      </c>
      <c r="U386" s="107">
        <v>0</v>
      </c>
      <c r="V386" s="107">
        <v>0</v>
      </c>
      <c r="W386" s="107">
        <v>0</v>
      </c>
      <c r="X386" s="107">
        <v>0</v>
      </c>
      <c r="Y386" s="107">
        <v>0</v>
      </c>
      <c r="Z386" s="107">
        <v>0</v>
      </c>
      <c r="AA386" s="107">
        <v>0</v>
      </c>
      <c r="AB386" s="107">
        <v>0</v>
      </c>
      <c r="AC386" s="107">
        <v>0</v>
      </c>
      <c r="AD386" s="107">
        <v>0</v>
      </c>
      <c r="AE386" s="107">
        <v>0</v>
      </c>
      <c r="AF386" s="107">
        <v>0</v>
      </c>
      <c r="AG386" s="107">
        <v>0</v>
      </c>
      <c r="AH386" s="107">
        <v>0</v>
      </c>
      <c r="AI386" s="107">
        <v>0</v>
      </c>
      <c r="AJ386" s="107">
        <v>0</v>
      </c>
      <c r="AK386" s="107">
        <v>0</v>
      </c>
      <c r="AL386" s="107">
        <v>0</v>
      </c>
      <c r="AM386" s="107">
        <v>0</v>
      </c>
      <c r="AN386" s="107">
        <v>0</v>
      </c>
    </row>
    <row r="387" spans="1:40" x14ac:dyDescent="0.2">
      <c r="A387" s="133" t="s">
        <v>796</v>
      </c>
      <c r="B387" s="107">
        <v>0</v>
      </c>
      <c r="C387" s="107">
        <v>0</v>
      </c>
      <c r="D387" s="107">
        <v>0</v>
      </c>
      <c r="E387" s="107">
        <v>0</v>
      </c>
      <c r="F387" s="107">
        <v>0</v>
      </c>
      <c r="G387" s="107">
        <v>0</v>
      </c>
      <c r="H387" s="107">
        <v>0</v>
      </c>
      <c r="I387" s="107">
        <v>0</v>
      </c>
      <c r="J387" s="107">
        <v>0</v>
      </c>
      <c r="K387" s="107">
        <v>0</v>
      </c>
      <c r="L387" s="107">
        <v>0</v>
      </c>
      <c r="M387" s="107">
        <v>0</v>
      </c>
      <c r="N387" s="107">
        <v>0</v>
      </c>
      <c r="O387" s="107">
        <v>0</v>
      </c>
      <c r="P387" s="107">
        <v>0</v>
      </c>
      <c r="Q387" s="107">
        <v>0</v>
      </c>
      <c r="R387" s="107">
        <v>0</v>
      </c>
      <c r="S387" s="107">
        <v>0</v>
      </c>
      <c r="T387" s="107">
        <v>0</v>
      </c>
      <c r="U387" s="107">
        <v>0</v>
      </c>
      <c r="V387" s="107">
        <v>0</v>
      </c>
      <c r="W387" s="107">
        <v>0</v>
      </c>
      <c r="X387" s="107">
        <v>0</v>
      </c>
      <c r="Y387" s="107">
        <v>0</v>
      </c>
      <c r="Z387" s="107">
        <v>0</v>
      </c>
      <c r="AA387" s="107">
        <v>0</v>
      </c>
      <c r="AB387" s="107">
        <v>0</v>
      </c>
      <c r="AC387" s="107">
        <v>0</v>
      </c>
      <c r="AD387" s="107">
        <v>0</v>
      </c>
      <c r="AE387" s="107">
        <v>0</v>
      </c>
      <c r="AF387" s="107">
        <v>0</v>
      </c>
      <c r="AG387" s="107">
        <v>0</v>
      </c>
      <c r="AH387" s="107">
        <v>0</v>
      </c>
      <c r="AI387" s="107">
        <v>0</v>
      </c>
      <c r="AJ387" s="107">
        <v>0</v>
      </c>
      <c r="AK387" s="107">
        <v>0</v>
      </c>
      <c r="AL387" s="107">
        <v>0</v>
      </c>
      <c r="AM387" s="107">
        <v>0</v>
      </c>
      <c r="AN387" s="107">
        <v>0</v>
      </c>
    </row>
    <row r="388" spans="1:40" x14ac:dyDescent="0.2">
      <c r="A388" s="133" t="s">
        <v>797</v>
      </c>
      <c r="B388" s="107">
        <v>0</v>
      </c>
      <c r="C388" s="107">
        <v>0</v>
      </c>
      <c r="D388" s="107">
        <v>0</v>
      </c>
      <c r="E388" s="107">
        <v>0</v>
      </c>
      <c r="F388" s="107">
        <v>0</v>
      </c>
      <c r="G388" s="107">
        <v>0</v>
      </c>
      <c r="H388" s="107">
        <v>0</v>
      </c>
      <c r="I388" s="107">
        <v>0</v>
      </c>
      <c r="J388" s="107">
        <v>0</v>
      </c>
      <c r="K388" s="107">
        <v>0</v>
      </c>
      <c r="L388" s="107">
        <v>0</v>
      </c>
      <c r="M388" s="107">
        <v>0</v>
      </c>
      <c r="N388" s="107">
        <v>0</v>
      </c>
      <c r="O388" s="107">
        <v>0</v>
      </c>
      <c r="P388" s="107">
        <v>0</v>
      </c>
      <c r="Q388" s="107">
        <v>0</v>
      </c>
      <c r="R388" s="107">
        <v>0</v>
      </c>
      <c r="S388" s="107">
        <v>0</v>
      </c>
      <c r="T388" s="107">
        <v>0</v>
      </c>
      <c r="U388" s="107">
        <v>0</v>
      </c>
      <c r="V388" s="107">
        <v>0</v>
      </c>
      <c r="W388" s="107">
        <v>0</v>
      </c>
      <c r="X388" s="107">
        <v>0</v>
      </c>
      <c r="Y388" s="107">
        <v>0</v>
      </c>
      <c r="Z388" s="107">
        <v>0</v>
      </c>
      <c r="AA388" s="107">
        <v>0</v>
      </c>
      <c r="AB388" s="107">
        <v>0</v>
      </c>
      <c r="AC388" s="107">
        <v>0</v>
      </c>
      <c r="AD388" s="107">
        <v>0</v>
      </c>
      <c r="AE388" s="107">
        <v>0</v>
      </c>
      <c r="AF388" s="107">
        <v>0</v>
      </c>
      <c r="AG388" s="107">
        <v>0</v>
      </c>
      <c r="AH388" s="107">
        <v>0</v>
      </c>
      <c r="AI388" s="107">
        <v>0</v>
      </c>
      <c r="AJ388" s="107">
        <v>0</v>
      </c>
      <c r="AK388" s="107">
        <v>0</v>
      </c>
      <c r="AL388" s="107">
        <v>0</v>
      </c>
      <c r="AM388" s="107">
        <v>0</v>
      </c>
      <c r="AN388" s="107">
        <v>0</v>
      </c>
    </row>
    <row r="389" spans="1:40" x14ac:dyDescent="0.2">
      <c r="A389" s="133" t="s">
        <v>798</v>
      </c>
      <c r="B389" s="107">
        <v>0</v>
      </c>
      <c r="C389" s="107">
        <v>0</v>
      </c>
      <c r="D389" s="107">
        <v>0</v>
      </c>
      <c r="E389" s="107">
        <v>0</v>
      </c>
      <c r="F389" s="107">
        <v>0</v>
      </c>
      <c r="G389" s="107">
        <v>0</v>
      </c>
      <c r="H389" s="107">
        <v>0</v>
      </c>
      <c r="I389" s="107">
        <v>0</v>
      </c>
      <c r="J389" s="107">
        <v>0</v>
      </c>
      <c r="K389" s="107">
        <v>0</v>
      </c>
      <c r="L389" s="107">
        <v>0</v>
      </c>
      <c r="M389" s="107">
        <v>0</v>
      </c>
      <c r="N389" s="107">
        <v>0</v>
      </c>
      <c r="O389" s="107">
        <v>0</v>
      </c>
      <c r="P389" s="107">
        <v>0</v>
      </c>
      <c r="Q389" s="107">
        <v>0</v>
      </c>
      <c r="R389" s="107">
        <v>0</v>
      </c>
      <c r="S389" s="107">
        <v>0</v>
      </c>
      <c r="T389" s="107">
        <v>0</v>
      </c>
      <c r="U389" s="107">
        <v>0</v>
      </c>
      <c r="V389" s="107">
        <v>0</v>
      </c>
      <c r="W389" s="107">
        <v>0</v>
      </c>
      <c r="X389" s="107">
        <v>0</v>
      </c>
      <c r="Y389" s="107">
        <v>0</v>
      </c>
      <c r="Z389" s="107">
        <v>0</v>
      </c>
      <c r="AA389" s="107">
        <v>0</v>
      </c>
      <c r="AB389" s="107">
        <v>0</v>
      </c>
      <c r="AC389" s="107">
        <v>0</v>
      </c>
      <c r="AD389" s="107">
        <v>0</v>
      </c>
      <c r="AE389" s="107">
        <v>0</v>
      </c>
      <c r="AF389" s="107">
        <v>0</v>
      </c>
      <c r="AG389" s="107">
        <v>0</v>
      </c>
      <c r="AH389" s="107">
        <v>0</v>
      </c>
      <c r="AI389" s="107">
        <v>0</v>
      </c>
      <c r="AJ389" s="107">
        <v>0</v>
      </c>
      <c r="AK389" s="107">
        <v>0</v>
      </c>
      <c r="AL389" s="107">
        <v>0</v>
      </c>
      <c r="AM389" s="107">
        <v>0</v>
      </c>
      <c r="AN389" s="107">
        <v>0</v>
      </c>
    </row>
    <row r="390" spans="1:40" x14ac:dyDescent="0.2">
      <c r="A390" s="133" t="s">
        <v>799</v>
      </c>
      <c r="B390" s="107">
        <v>0</v>
      </c>
      <c r="C390" s="107">
        <v>0</v>
      </c>
      <c r="D390" s="107">
        <v>0</v>
      </c>
      <c r="E390" s="107">
        <v>0</v>
      </c>
      <c r="F390" s="107">
        <v>0</v>
      </c>
      <c r="G390" s="107">
        <v>0</v>
      </c>
      <c r="H390" s="107">
        <v>0</v>
      </c>
      <c r="I390" s="107">
        <v>0</v>
      </c>
      <c r="J390" s="107">
        <v>0</v>
      </c>
      <c r="K390" s="107">
        <v>0</v>
      </c>
      <c r="L390" s="107">
        <v>0</v>
      </c>
      <c r="M390" s="107">
        <v>0</v>
      </c>
      <c r="N390" s="107">
        <v>0</v>
      </c>
      <c r="O390" s="107">
        <v>0</v>
      </c>
      <c r="P390" s="107">
        <v>0</v>
      </c>
      <c r="Q390" s="107">
        <v>0</v>
      </c>
      <c r="R390" s="107">
        <v>0</v>
      </c>
      <c r="S390" s="107">
        <v>0</v>
      </c>
      <c r="T390" s="107">
        <v>0</v>
      </c>
      <c r="U390" s="107">
        <v>0</v>
      </c>
      <c r="V390" s="107">
        <v>0</v>
      </c>
      <c r="W390" s="107">
        <v>0</v>
      </c>
      <c r="X390" s="107">
        <v>0</v>
      </c>
      <c r="Y390" s="107">
        <v>0</v>
      </c>
      <c r="Z390" s="107">
        <v>0</v>
      </c>
      <c r="AA390" s="107">
        <v>0</v>
      </c>
      <c r="AB390" s="107">
        <v>0</v>
      </c>
      <c r="AC390" s="107">
        <v>0</v>
      </c>
      <c r="AD390" s="107">
        <v>0</v>
      </c>
      <c r="AE390" s="107">
        <v>0</v>
      </c>
      <c r="AF390" s="107">
        <v>0</v>
      </c>
      <c r="AG390" s="107">
        <v>0</v>
      </c>
      <c r="AH390" s="107">
        <v>0</v>
      </c>
      <c r="AI390" s="107">
        <v>0</v>
      </c>
      <c r="AJ390" s="107">
        <v>0</v>
      </c>
      <c r="AK390" s="107">
        <v>0</v>
      </c>
      <c r="AL390" s="107">
        <v>0</v>
      </c>
      <c r="AM390" s="107">
        <v>0</v>
      </c>
      <c r="AN390" s="107">
        <v>0</v>
      </c>
    </row>
    <row r="391" spans="1:40" x14ac:dyDescent="0.2">
      <c r="A391" s="133" t="s">
        <v>800</v>
      </c>
      <c r="B391" s="107">
        <v>0</v>
      </c>
      <c r="C391" s="107">
        <v>0</v>
      </c>
      <c r="D391" s="107">
        <v>0</v>
      </c>
      <c r="E391" s="107">
        <v>0</v>
      </c>
      <c r="F391" s="107">
        <v>0</v>
      </c>
      <c r="G391" s="107">
        <v>0</v>
      </c>
      <c r="H391" s="107">
        <v>0</v>
      </c>
      <c r="I391" s="107">
        <v>0</v>
      </c>
      <c r="J391" s="107">
        <v>0</v>
      </c>
      <c r="K391" s="107">
        <v>0</v>
      </c>
      <c r="L391" s="107">
        <v>0</v>
      </c>
      <c r="M391" s="107">
        <v>0</v>
      </c>
      <c r="N391" s="107">
        <v>0</v>
      </c>
      <c r="O391" s="107">
        <v>0</v>
      </c>
      <c r="P391" s="107">
        <v>0</v>
      </c>
      <c r="Q391" s="107">
        <v>0</v>
      </c>
      <c r="R391" s="107">
        <v>0</v>
      </c>
      <c r="S391" s="107">
        <v>0</v>
      </c>
      <c r="T391" s="107">
        <v>0</v>
      </c>
      <c r="U391" s="107">
        <v>0</v>
      </c>
      <c r="V391" s="107">
        <v>0</v>
      </c>
      <c r="W391" s="107">
        <v>0</v>
      </c>
      <c r="X391" s="107">
        <v>0</v>
      </c>
      <c r="Y391" s="107">
        <v>0</v>
      </c>
      <c r="Z391" s="107">
        <v>0</v>
      </c>
      <c r="AA391" s="107">
        <v>0</v>
      </c>
      <c r="AB391" s="107">
        <v>0</v>
      </c>
      <c r="AC391" s="107">
        <v>0</v>
      </c>
      <c r="AD391" s="107">
        <v>0</v>
      </c>
      <c r="AE391" s="107">
        <v>0</v>
      </c>
      <c r="AF391" s="107">
        <v>0</v>
      </c>
      <c r="AG391" s="107">
        <v>0</v>
      </c>
      <c r="AH391" s="107">
        <v>0</v>
      </c>
      <c r="AI391" s="107">
        <v>0</v>
      </c>
      <c r="AJ391" s="107">
        <v>0</v>
      </c>
      <c r="AK391" s="107">
        <v>0</v>
      </c>
      <c r="AL391" s="107">
        <v>0</v>
      </c>
      <c r="AM391" s="107">
        <v>0</v>
      </c>
      <c r="AN391" s="107">
        <v>0</v>
      </c>
    </row>
    <row r="392" spans="1:40" x14ac:dyDescent="0.2">
      <c r="A392" s="133" t="s">
        <v>801</v>
      </c>
      <c r="B392" s="107">
        <v>0</v>
      </c>
      <c r="C392" s="107">
        <v>0</v>
      </c>
      <c r="D392" s="107">
        <v>0</v>
      </c>
      <c r="E392" s="107">
        <v>0</v>
      </c>
      <c r="F392" s="107">
        <v>0</v>
      </c>
      <c r="G392" s="107">
        <v>0</v>
      </c>
      <c r="H392" s="107">
        <v>0</v>
      </c>
      <c r="I392" s="107">
        <v>0</v>
      </c>
      <c r="J392" s="107">
        <v>0</v>
      </c>
      <c r="K392" s="107">
        <v>0</v>
      </c>
      <c r="L392" s="107">
        <v>0</v>
      </c>
      <c r="M392" s="107">
        <v>0</v>
      </c>
      <c r="N392" s="107">
        <v>0</v>
      </c>
      <c r="O392" s="107">
        <v>0</v>
      </c>
      <c r="P392" s="107">
        <v>0</v>
      </c>
      <c r="Q392" s="107">
        <v>0</v>
      </c>
      <c r="R392" s="107">
        <v>0</v>
      </c>
      <c r="S392" s="107">
        <v>0</v>
      </c>
      <c r="T392" s="107">
        <v>0</v>
      </c>
      <c r="U392" s="107">
        <v>0</v>
      </c>
      <c r="V392" s="107">
        <v>0</v>
      </c>
      <c r="W392" s="107">
        <v>0</v>
      </c>
      <c r="X392" s="107">
        <v>0</v>
      </c>
      <c r="Y392" s="107">
        <v>0</v>
      </c>
      <c r="Z392" s="107">
        <v>0</v>
      </c>
      <c r="AA392" s="107">
        <v>0</v>
      </c>
      <c r="AB392" s="107">
        <v>0</v>
      </c>
      <c r="AC392" s="107">
        <v>0</v>
      </c>
      <c r="AD392" s="107">
        <v>0</v>
      </c>
      <c r="AE392" s="107">
        <v>0</v>
      </c>
      <c r="AF392" s="107">
        <v>0</v>
      </c>
      <c r="AG392" s="107">
        <v>0</v>
      </c>
      <c r="AH392" s="107">
        <v>0</v>
      </c>
      <c r="AI392" s="107">
        <v>0</v>
      </c>
      <c r="AJ392" s="107">
        <v>0</v>
      </c>
      <c r="AK392" s="107">
        <v>0</v>
      </c>
      <c r="AL392" s="107">
        <v>0</v>
      </c>
      <c r="AM392" s="107">
        <v>0</v>
      </c>
      <c r="AN392" s="107">
        <v>0</v>
      </c>
    </row>
    <row r="393" spans="1:40" x14ac:dyDescent="0.2">
      <c r="A393" s="136" t="s">
        <v>802</v>
      </c>
      <c r="B393" s="107">
        <v>0</v>
      </c>
      <c r="C393" s="107">
        <v>0</v>
      </c>
      <c r="D393" s="107">
        <v>0</v>
      </c>
      <c r="E393" s="107">
        <v>0</v>
      </c>
      <c r="F393" s="107">
        <v>0</v>
      </c>
      <c r="G393" s="107">
        <v>0</v>
      </c>
      <c r="H393" s="107">
        <v>0</v>
      </c>
      <c r="I393" s="107">
        <v>0</v>
      </c>
      <c r="J393" s="107">
        <v>0</v>
      </c>
      <c r="K393" s="107">
        <v>0</v>
      </c>
      <c r="L393" s="107">
        <v>0</v>
      </c>
      <c r="M393" s="107">
        <v>0</v>
      </c>
      <c r="N393" s="107">
        <v>0</v>
      </c>
      <c r="O393" s="107">
        <v>0</v>
      </c>
      <c r="P393" s="107">
        <v>0</v>
      </c>
      <c r="Q393" s="107">
        <v>0</v>
      </c>
      <c r="R393" s="107">
        <v>0</v>
      </c>
      <c r="S393" s="107">
        <v>0</v>
      </c>
      <c r="T393" s="107">
        <v>0</v>
      </c>
      <c r="U393" s="107">
        <v>0</v>
      </c>
      <c r="V393" s="107">
        <v>0</v>
      </c>
      <c r="W393" s="107">
        <v>0</v>
      </c>
      <c r="X393" s="107">
        <v>0</v>
      </c>
      <c r="Y393" s="107">
        <v>0</v>
      </c>
      <c r="Z393" s="107">
        <v>0</v>
      </c>
      <c r="AA393" s="107">
        <v>0</v>
      </c>
      <c r="AB393" s="107">
        <v>0</v>
      </c>
      <c r="AC393" s="107">
        <v>0</v>
      </c>
      <c r="AD393" s="107">
        <v>0</v>
      </c>
      <c r="AE393" s="107">
        <v>0</v>
      </c>
      <c r="AF393" s="107">
        <v>0</v>
      </c>
      <c r="AG393" s="107">
        <v>0</v>
      </c>
      <c r="AH393" s="107">
        <v>0</v>
      </c>
      <c r="AI393" s="107">
        <v>0</v>
      </c>
      <c r="AJ393" s="107">
        <v>0</v>
      </c>
      <c r="AK393" s="107">
        <v>0</v>
      </c>
      <c r="AL393" s="107">
        <v>0</v>
      </c>
      <c r="AM393" s="107">
        <v>0</v>
      </c>
      <c r="AN393" s="107">
        <v>0</v>
      </c>
    </row>
    <row r="394" spans="1:40" x14ac:dyDescent="0.2">
      <c r="A394" s="133" t="s">
        <v>803</v>
      </c>
    </row>
    <row r="395" spans="1:40" x14ac:dyDescent="0.2">
      <c r="A395" s="136" t="s">
        <v>804</v>
      </c>
      <c r="B395" s="107">
        <v>850882325.13632703</v>
      </c>
      <c r="C395" s="107">
        <v>815521333.88417006</v>
      </c>
      <c r="D395" s="107">
        <v>774185855.75046206</v>
      </c>
      <c r="E395" s="107">
        <v>773294501.31924796</v>
      </c>
      <c r="F395" s="107">
        <v>775194758.27619898</v>
      </c>
      <c r="G395" s="107">
        <v>780537477.45021403</v>
      </c>
      <c r="H395" s="107">
        <v>784135533.77393198</v>
      </c>
      <c r="I395" s="107">
        <v>789774155.04237199</v>
      </c>
      <c r="J395" s="107">
        <v>793635734.38335097</v>
      </c>
      <c r="K395" s="107">
        <v>796108008.00714898</v>
      </c>
      <c r="L395" s="107">
        <v>801467250.77929103</v>
      </c>
      <c r="M395" s="107">
        <v>807644362.64518201</v>
      </c>
      <c r="N395" s="107">
        <v>807644362.64518201</v>
      </c>
      <c r="O395" s="107">
        <v>809788352.62547898</v>
      </c>
      <c r="P395" s="107">
        <v>811875700.60641098</v>
      </c>
      <c r="Q395" s="107">
        <v>813937210.16724801</v>
      </c>
      <c r="R395" s="107">
        <v>816008453.80818796</v>
      </c>
      <c r="S395" s="107">
        <v>818119349.01287699</v>
      </c>
      <c r="T395" s="107">
        <v>820307776.555305</v>
      </c>
      <c r="U395" s="107">
        <v>822509881.30876303</v>
      </c>
      <c r="V395" s="107">
        <v>824759141.45816398</v>
      </c>
      <c r="W395" s="107">
        <v>826932315.94656098</v>
      </c>
      <c r="X395" s="107">
        <v>829099230.26390803</v>
      </c>
      <c r="Y395" s="107">
        <v>831184481.85411406</v>
      </c>
      <c r="Z395" s="107">
        <v>833301093.28834105</v>
      </c>
      <c r="AA395" s="107">
        <v>833301093.28834105</v>
      </c>
      <c r="AB395" s="107">
        <v>840483696.72348106</v>
      </c>
      <c r="AC395" s="107">
        <v>843362214.26734602</v>
      </c>
      <c r="AD395" s="107">
        <v>846314600.26930702</v>
      </c>
      <c r="AE395" s="107">
        <v>849257915.87556899</v>
      </c>
      <c r="AF395" s="107">
        <v>852355032.40616596</v>
      </c>
      <c r="AG395" s="107">
        <v>855536150.22906303</v>
      </c>
      <c r="AH395" s="107">
        <v>858765660.97002006</v>
      </c>
      <c r="AI395" s="107">
        <v>862175085.79127896</v>
      </c>
      <c r="AJ395" s="107">
        <v>865350798.44711602</v>
      </c>
      <c r="AK395" s="107">
        <v>868422337.91142797</v>
      </c>
      <c r="AL395" s="107">
        <v>871376401.948699</v>
      </c>
      <c r="AM395" s="107">
        <v>874372741.08851099</v>
      </c>
      <c r="AN395" s="107">
        <v>874372741.08851099</v>
      </c>
    </row>
    <row r="396" spans="1:40" x14ac:dyDescent="0.2">
      <c r="A396" s="133" t="s">
        <v>805</v>
      </c>
    </row>
    <row r="397" spans="1:40" x14ac:dyDescent="0.2">
      <c r="A397" s="136" t="s">
        <v>806</v>
      </c>
    </row>
    <row r="398" spans="1:40" x14ac:dyDescent="0.2">
      <c r="A398" s="133" t="s">
        <v>807</v>
      </c>
    </row>
    <row r="399" spans="1:40" x14ac:dyDescent="0.2">
      <c r="A399" s="133" t="s">
        <v>808</v>
      </c>
      <c r="B399" s="107">
        <v>1962927.0752771399</v>
      </c>
      <c r="C399" s="107">
        <v>10088894.080295701</v>
      </c>
      <c r="D399" s="107">
        <v>17237915.620132301</v>
      </c>
      <c r="E399" s="107">
        <v>23128406.353273001</v>
      </c>
      <c r="F399" s="107">
        <v>25001485.330267102</v>
      </c>
      <c r="G399" s="107">
        <v>25834218.0666756</v>
      </c>
      <c r="H399" s="107">
        <v>25858195.027128998</v>
      </c>
      <c r="I399" s="107">
        <v>21487788.067058101</v>
      </c>
      <c r="J399" s="107">
        <v>13156091.558267299</v>
      </c>
      <c r="K399" s="107">
        <v>7013492.9599013599</v>
      </c>
      <c r="L399" s="107">
        <v>3873936.2832746501</v>
      </c>
      <c r="M399" s="107">
        <v>-6.7302607931196597E-8</v>
      </c>
      <c r="N399" s="107">
        <v>-6.7302607931196597E-8</v>
      </c>
      <c r="O399" s="107">
        <v>-1249813.73456217</v>
      </c>
      <c r="P399" s="107">
        <v>796090.25148505997</v>
      </c>
      <c r="Q399" s="107">
        <v>2322224.41466216</v>
      </c>
      <c r="R399" s="107">
        <v>3269666.5518954098</v>
      </c>
      <c r="S399" s="107">
        <v>2855453.67318724</v>
      </c>
      <c r="T399" s="107">
        <v>1930451.75304986</v>
      </c>
      <c r="U399" s="107">
        <v>552541.40707483899</v>
      </c>
      <c r="V399" s="107">
        <v>-2934568.7829750101</v>
      </c>
      <c r="W399" s="107">
        <v>-3703290.7307111998</v>
      </c>
      <c r="X399" s="107">
        <v>-3288732.60398999</v>
      </c>
      <c r="Y399" s="107">
        <v>-1467151.0873725601</v>
      </c>
      <c r="Z399" s="107">
        <v>9.0381035988684694E-9</v>
      </c>
      <c r="AA399" s="107">
        <v>9.0381035988684694E-9</v>
      </c>
      <c r="AB399" s="107">
        <v>-2482586.82857768</v>
      </c>
      <c r="AC399" s="107">
        <v>-4022425.2756344602</v>
      </c>
      <c r="AD399" s="107">
        <v>-5684783.6706710197</v>
      </c>
      <c r="AE399" s="107">
        <v>-7514421.8211055696</v>
      </c>
      <c r="AF399" s="107">
        <v>-9748815.7209901791</v>
      </c>
      <c r="AG399" s="107">
        <v>-6687574.0504950499</v>
      </c>
      <c r="AH399" s="107">
        <v>-3771233.3334060502</v>
      </c>
      <c r="AI399" s="107">
        <v>-1507319.15462044</v>
      </c>
      <c r="AJ399" s="107">
        <v>-1276814.3689349</v>
      </c>
      <c r="AK399" s="107">
        <v>-1393106.68022442</v>
      </c>
      <c r="AL399" s="107">
        <v>-1039448.454838</v>
      </c>
      <c r="AM399" s="107">
        <v>-2.7284841053187802E-9</v>
      </c>
      <c r="AN399" s="107">
        <v>-2.7284841053187802E-9</v>
      </c>
    </row>
    <row r="400" spans="1:40" x14ac:dyDescent="0.2">
      <c r="A400" s="133" t="s">
        <v>809</v>
      </c>
      <c r="B400" s="107">
        <v>292679789.02016801</v>
      </c>
      <c r="C400" s="107">
        <v>272482875.00279301</v>
      </c>
      <c r="D400" s="107">
        <v>252838564.66732299</v>
      </c>
      <c r="E400" s="107">
        <v>233235256.285707</v>
      </c>
      <c r="F400" s="107">
        <v>214955199.22641301</v>
      </c>
      <c r="G400" s="107">
        <v>196656654.25534499</v>
      </c>
      <c r="H400" s="107">
        <v>178358217.03649601</v>
      </c>
      <c r="I400" s="107">
        <v>160060067.15739399</v>
      </c>
      <c r="J400" s="107">
        <v>151340941.59874901</v>
      </c>
      <c r="K400" s="107">
        <v>142626291.35513899</v>
      </c>
      <c r="L400" s="107">
        <v>133911353.771781</v>
      </c>
      <c r="M400" s="107">
        <v>125191205.762979</v>
      </c>
      <c r="N400" s="107">
        <v>125191205.762979</v>
      </c>
      <c r="O400" s="107">
        <v>117850974.024287</v>
      </c>
      <c r="P400" s="107">
        <v>110510326.275038</v>
      </c>
      <c r="Q400" s="107">
        <v>103190786.13832299</v>
      </c>
      <c r="R400" s="107">
        <v>95871840.302403703</v>
      </c>
      <c r="S400" s="107">
        <v>88533688.619596303</v>
      </c>
      <c r="T400" s="107">
        <v>81119060.223324493</v>
      </c>
      <c r="U400" s="107">
        <v>73704877.552649707</v>
      </c>
      <c r="V400" s="107">
        <v>66291883.485632397</v>
      </c>
      <c r="W400" s="107">
        <v>58955465.182556503</v>
      </c>
      <c r="X400" s="107">
        <v>51637559.375095598</v>
      </c>
      <c r="Y400" s="107">
        <v>44318464.963977098</v>
      </c>
      <c r="Z400" s="107">
        <v>36977817.214728199</v>
      </c>
      <c r="AA400" s="107">
        <v>36977817.214728199</v>
      </c>
      <c r="AB400" s="107">
        <v>36882739.104601301</v>
      </c>
      <c r="AC400" s="107">
        <v>36787488.183475502</v>
      </c>
      <c r="AD400" s="107">
        <v>36701005.454590097</v>
      </c>
      <c r="AE400" s="107">
        <v>36614769.5778367</v>
      </c>
      <c r="AF400" s="107">
        <v>36520555.526339203</v>
      </c>
      <c r="AG400" s="107">
        <v>31134511.961169399</v>
      </c>
      <c r="AH400" s="107">
        <v>25764641.5567328</v>
      </c>
      <c r="AI400" s="107">
        <v>20437899.655874599</v>
      </c>
      <c r="AJ400" s="107">
        <v>17889710.629246902</v>
      </c>
      <c r="AK400" s="107">
        <v>16013247.815362601</v>
      </c>
      <c r="AL400" s="107">
        <v>14093656.497899899</v>
      </c>
      <c r="AM400" s="107">
        <v>11392001.946208199</v>
      </c>
      <c r="AN400" s="107">
        <v>11392001.946208199</v>
      </c>
    </row>
    <row r="401" spans="1:40" x14ac:dyDescent="0.2">
      <c r="A401" s="133" t="s">
        <v>810</v>
      </c>
      <c r="B401" s="107">
        <v>294642716.09544498</v>
      </c>
      <c r="C401" s="107">
        <v>282571769.08308899</v>
      </c>
      <c r="D401" s="107">
        <v>270076480.28745598</v>
      </c>
      <c r="E401" s="107">
        <v>256363662.63898</v>
      </c>
      <c r="F401" s="107">
        <v>239956684.55667999</v>
      </c>
      <c r="G401" s="107">
        <v>222490872.32202101</v>
      </c>
      <c r="H401" s="107">
        <v>204216412.06362501</v>
      </c>
      <c r="I401" s="107">
        <v>181547855.22445199</v>
      </c>
      <c r="J401" s="107">
        <v>164497033.15701601</v>
      </c>
      <c r="K401" s="107">
        <v>149639784.31503999</v>
      </c>
      <c r="L401" s="107">
        <v>137785290.05505601</v>
      </c>
      <c r="M401" s="107">
        <v>125191205.762979</v>
      </c>
      <c r="N401" s="107">
        <v>125191205.762979</v>
      </c>
      <c r="O401" s="107">
        <v>116601160.28972501</v>
      </c>
      <c r="P401" s="107">
        <v>111306416.52652299</v>
      </c>
      <c r="Q401" s="107">
        <v>105513010.552985</v>
      </c>
      <c r="R401" s="107">
        <v>99141506.854299098</v>
      </c>
      <c r="S401" s="107">
        <v>91389142.292783603</v>
      </c>
      <c r="T401" s="107">
        <v>83049511.976374403</v>
      </c>
      <c r="U401" s="107">
        <v>74257418.959724501</v>
      </c>
      <c r="V401" s="107">
        <v>63357314.702657402</v>
      </c>
      <c r="W401" s="107">
        <v>55252174.451845303</v>
      </c>
      <c r="X401" s="107">
        <v>48348826.771105602</v>
      </c>
      <c r="Y401" s="107">
        <v>42851313.876604497</v>
      </c>
      <c r="Z401" s="107">
        <v>36977817.214728199</v>
      </c>
      <c r="AA401" s="107">
        <v>36977817.214728199</v>
      </c>
      <c r="AB401" s="107">
        <v>34400152.276023701</v>
      </c>
      <c r="AC401" s="107">
        <v>32765062.907841001</v>
      </c>
      <c r="AD401" s="107">
        <v>31016221.7839191</v>
      </c>
      <c r="AE401" s="107">
        <v>29100347.7567311</v>
      </c>
      <c r="AF401" s="107">
        <v>26771739.805349</v>
      </c>
      <c r="AG401" s="107">
        <v>24446937.9106743</v>
      </c>
      <c r="AH401" s="107">
        <v>21993408.223326702</v>
      </c>
      <c r="AI401" s="107">
        <v>18930580.501254201</v>
      </c>
      <c r="AJ401" s="107">
        <v>16612896.260312</v>
      </c>
      <c r="AK401" s="107">
        <v>14620141.135138201</v>
      </c>
      <c r="AL401" s="107">
        <v>13054208.0430618</v>
      </c>
      <c r="AM401" s="107">
        <v>11392001.946208199</v>
      </c>
      <c r="AN401" s="107">
        <v>11392001.946208199</v>
      </c>
    </row>
    <row r="402" spans="1:40" x14ac:dyDescent="0.2">
      <c r="A402" s="133" t="s">
        <v>811</v>
      </c>
    </row>
    <row r="403" spans="1:40" x14ac:dyDescent="0.2">
      <c r="A403" s="133" t="s">
        <v>812</v>
      </c>
    </row>
    <row r="404" spans="1:40" x14ac:dyDescent="0.2">
      <c r="A404" s="133" t="s">
        <v>813</v>
      </c>
      <c r="B404" s="107">
        <v>0</v>
      </c>
      <c r="C404" s="107">
        <v>0</v>
      </c>
      <c r="D404" s="107">
        <v>0</v>
      </c>
      <c r="E404" s="107">
        <v>0</v>
      </c>
      <c r="F404" s="107">
        <v>0</v>
      </c>
      <c r="G404" s="107">
        <v>0</v>
      </c>
      <c r="H404" s="107">
        <v>0</v>
      </c>
      <c r="I404" s="107">
        <v>0</v>
      </c>
      <c r="J404" s="107">
        <v>0</v>
      </c>
      <c r="K404" s="107">
        <v>0</v>
      </c>
      <c r="L404" s="107">
        <v>0</v>
      </c>
      <c r="M404" s="107">
        <v>0</v>
      </c>
      <c r="N404" s="107">
        <v>0</v>
      </c>
      <c r="O404" s="107">
        <v>0</v>
      </c>
      <c r="P404" s="107">
        <v>0</v>
      </c>
      <c r="Q404" s="107">
        <v>0</v>
      </c>
      <c r="R404" s="107">
        <v>0</v>
      </c>
      <c r="S404" s="107">
        <v>0</v>
      </c>
      <c r="T404" s="107">
        <v>0</v>
      </c>
      <c r="U404" s="107">
        <v>0</v>
      </c>
      <c r="V404" s="107">
        <v>0</v>
      </c>
      <c r="W404" s="107">
        <v>0</v>
      </c>
      <c r="X404" s="107">
        <v>0</v>
      </c>
      <c r="Y404" s="107">
        <v>0</v>
      </c>
      <c r="Z404" s="107">
        <v>0</v>
      </c>
      <c r="AA404" s="107">
        <v>0</v>
      </c>
      <c r="AB404" s="107">
        <v>0</v>
      </c>
      <c r="AC404" s="107">
        <v>0</v>
      </c>
      <c r="AD404" s="107">
        <v>0</v>
      </c>
      <c r="AE404" s="107">
        <v>0</v>
      </c>
      <c r="AF404" s="107">
        <v>0</v>
      </c>
      <c r="AG404" s="107">
        <v>0</v>
      </c>
      <c r="AH404" s="107">
        <v>0</v>
      </c>
      <c r="AI404" s="107">
        <v>0</v>
      </c>
      <c r="AJ404" s="107">
        <v>0</v>
      </c>
      <c r="AK404" s="107">
        <v>0</v>
      </c>
      <c r="AL404" s="107">
        <v>0</v>
      </c>
      <c r="AM404" s="107">
        <v>0</v>
      </c>
      <c r="AN404" s="107">
        <v>0</v>
      </c>
    </row>
    <row r="405" spans="1:40" x14ac:dyDescent="0.2">
      <c r="A405" s="133" t="s">
        <v>814</v>
      </c>
      <c r="B405" s="107">
        <v>2602411713.6350398</v>
      </c>
      <c r="C405" s="107">
        <v>2547502087.0693002</v>
      </c>
      <c r="D405" s="107">
        <v>2492953926.4573998</v>
      </c>
      <c r="E405" s="107">
        <v>2432833693.3547702</v>
      </c>
      <c r="F405" s="107">
        <v>2360910658.3366199</v>
      </c>
      <c r="G405" s="107">
        <v>2284567635.11764</v>
      </c>
      <c r="H405" s="107">
        <v>2205075848.9158502</v>
      </c>
      <c r="I405" s="107">
        <v>2105650650.52507</v>
      </c>
      <c r="J405" s="107">
        <v>2031788880.64447</v>
      </c>
      <c r="K405" s="107">
        <v>1966831685.3509901</v>
      </c>
      <c r="L405" s="107">
        <v>1915581390.6990399</v>
      </c>
      <c r="M405" s="107">
        <v>1861098235.43398</v>
      </c>
      <c r="N405" s="107">
        <v>1861098235.43398</v>
      </c>
      <c r="O405" s="107">
        <v>1855081400.53655</v>
      </c>
      <c r="P405" s="107">
        <v>1851562233.4551599</v>
      </c>
      <c r="Q405" s="107">
        <v>1847015580.84022</v>
      </c>
      <c r="R405" s="107">
        <v>1842110715.5385001</v>
      </c>
      <c r="S405" s="107">
        <v>1836475272.9151599</v>
      </c>
      <c r="T405" s="107">
        <v>1831442710.69578</v>
      </c>
      <c r="U405" s="107">
        <v>1826094162.20822</v>
      </c>
      <c r="V405" s="107">
        <v>1819372946.99505</v>
      </c>
      <c r="W405" s="107">
        <v>1814415207.0655999</v>
      </c>
      <c r="X405" s="107">
        <v>1810458517.7576001</v>
      </c>
      <c r="Y405" s="107">
        <v>1806518171.9776499</v>
      </c>
      <c r="Z405" s="107">
        <v>1802720108.7753799</v>
      </c>
      <c r="AA405" s="107">
        <v>1802720108.7753799</v>
      </c>
      <c r="AB405" s="107">
        <v>1795351864.23593</v>
      </c>
      <c r="AC405" s="107">
        <v>1790596573.0417399</v>
      </c>
      <c r="AD405" s="107">
        <v>1785114302.44383</v>
      </c>
      <c r="AE405" s="107">
        <v>1779139434.7505701</v>
      </c>
      <c r="AF405" s="107">
        <v>1772592081.6896999</v>
      </c>
      <c r="AG405" s="107">
        <v>1766094359.8904099</v>
      </c>
      <c r="AH405" s="107">
        <v>1759367567.9456799</v>
      </c>
      <c r="AI405" s="107">
        <v>1750946517.0074501</v>
      </c>
      <c r="AJ405" s="107">
        <v>1744901755.1463499</v>
      </c>
      <c r="AK405" s="107">
        <v>1739692410.03175</v>
      </c>
      <c r="AL405" s="107">
        <v>1735685851.01085</v>
      </c>
      <c r="AM405" s="107">
        <v>1731564907.0681601</v>
      </c>
      <c r="AN405" s="107">
        <v>1731564907.0681601</v>
      </c>
    </row>
    <row r="406" spans="1:40" x14ac:dyDescent="0.2">
      <c r="A406" s="133" t="s">
        <v>815</v>
      </c>
      <c r="B406" s="107">
        <v>0</v>
      </c>
      <c r="C406" s="107">
        <v>0</v>
      </c>
      <c r="D406" s="107">
        <v>0</v>
      </c>
      <c r="E406" s="107">
        <v>0</v>
      </c>
      <c r="F406" s="107">
        <v>0</v>
      </c>
      <c r="G406" s="107">
        <v>0</v>
      </c>
      <c r="H406" s="107">
        <v>0</v>
      </c>
      <c r="I406" s="107">
        <v>0</v>
      </c>
      <c r="J406" s="107">
        <v>0</v>
      </c>
      <c r="K406" s="107">
        <v>0</v>
      </c>
      <c r="L406" s="107">
        <v>0</v>
      </c>
      <c r="M406" s="107">
        <v>0</v>
      </c>
      <c r="N406" s="107">
        <v>0</v>
      </c>
      <c r="O406" s="107">
        <v>0</v>
      </c>
      <c r="P406" s="107">
        <v>0</v>
      </c>
      <c r="Q406" s="107">
        <v>0</v>
      </c>
      <c r="R406" s="107">
        <v>0</v>
      </c>
      <c r="S406" s="107">
        <v>0</v>
      </c>
      <c r="T406" s="107">
        <v>0</v>
      </c>
      <c r="U406" s="107">
        <v>0</v>
      </c>
      <c r="V406" s="107">
        <v>0</v>
      </c>
      <c r="W406" s="107">
        <v>0</v>
      </c>
      <c r="X406" s="107">
        <v>0</v>
      </c>
      <c r="Y406" s="107">
        <v>0</v>
      </c>
      <c r="Z406" s="107">
        <v>0</v>
      </c>
      <c r="AA406" s="107">
        <v>0</v>
      </c>
      <c r="AB406" s="107">
        <v>0</v>
      </c>
      <c r="AC406" s="107">
        <v>0</v>
      </c>
      <c r="AD406" s="107">
        <v>0</v>
      </c>
      <c r="AE406" s="107">
        <v>0</v>
      </c>
      <c r="AF406" s="107">
        <v>0</v>
      </c>
      <c r="AG406" s="107">
        <v>0</v>
      </c>
      <c r="AH406" s="107">
        <v>0</v>
      </c>
      <c r="AI406" s="107">
        <v>0</v>
      </c>
      <c r="AJ406" s="107">
        <v>0</v>
      </c>
      <c r="AK406" s="107">
        <v>0</v>
      </c>
      <c r="AL406" s="107">
        <v>0</v>
      </c>
      <c r="AM406" s="107">
        <v>0</v>
      </c>
      <c r="AN406" s="107">
        <v>0</v>
      </c>
    </row>
    <row r="407" spans="1:40" x14ac:dyDescent="0.2">
      <c r="A407" s="136" t="s">
        <v>816</v>
      </c>
      <c r="B407" s="107">
        <v>2897054429.7304902</v>
      </c>
      <c r="C407" s="107">
        <v>2830073856.15239</v>
      </c>
      <c r="D407" s="107">
        <v>2763030406.7448602</v>
      </c>
      <c r="E407" s="107">
        <v>2689197355.9937601</v>
      </c>
      <c r="F407" s="107">
        <v>2600867342.8933001</v>
      </c>
      <c r="G407" s="107">
        <v>2507058507.4396601</v>
      </c>
      <c r="H407" s="107">
        <v>2409292260.9794798</v>
      </c>
      <c r="I407" s="107">
        <v>2287198505.7495198</v>
      </c>
      <c r="J407" s="107">
        <v>2196285913.8014898</v>
      </c>
      <c r="K407" s="107">
        <v>2116471469.6660299</v>
      </c>
      <c r="L407" s="107">
        <v>2053366680.7540901</v>
      </c>
      <c r="M407" s="107">
        <v>1986289441.19696</v>
      </c>
      <c r="N407" s="107">
        <v>1986289441.19696</v>
      </c>
      <c r="O407" s="107">
        <v>1971682560.8262801</v>
      </c>
      <c r="P407" s="107">
        <v>1962868649.9816799</v>
      </c>
      <c r="Q407" s="107">
        <v>1952528591.3931999</v>
      </c>
      <c r="R407" s="107">
        <v>1941252222.3927901</v>
      </c>
      <c r="S407" s="107">
        <v>1927864415.2079401</v>
      </c>
      <c r="T407" s="107">
        <v>1914492222.6721599</v>
      </c>
      <c r="U407" s="107">
        <v>1900351581.1679499</v>
      </c>
      <c r="V407" s="107">
        <v>1882730261.6977</v>
      </c>
      <c r="W407" s="107">
        <v>1869667381.5174501</v>
      </c>
      <c r="X407" s="107">
        <v>1858807344.5287001</v>
      </c>
      <c r="Y407" s="107">
        <v>1849369485.85425</v>
      </c>
      <c r="Z407" s="107">
        <v>1839697925.9901099</v>
      </c>
      <c r="AA407" s="107">
        <v>1839697925.9901099</v>
      </c>
      <c r="AB407" s="107">
        <v>1829752016.51196</v>
      </c>
      <c r="AC407" s="107">
        <v>1823361635.94958</v>
      </c>
      <c r="AD407" s="107">
        <v>1816130524.2277501</v>
      </c>
      <c r="AE407" s="107">
        <v>1808239782.5073099</v>
      </c>
      <c r="AF407" s="107">
        <v>1799363821.4950399</v>
      </c>
      <c r="AG407" s="107">
        <v>1790541297.80108</v>
      </c>
      <c r="AH407" s="107">
        <v>1781360976.1690099</v>
      </c>
      <c r="AI407" s="107">
        <v>1769877097.5087099</v>
      </c>
      <c r="AJ407" s="107">
        <v>1761514651.4066601</v>
      </c>
      <c r="AK407" s="107">
        <v>1754312551.1668899</v>
      </c>
      <c r="AL407" s="107">
        <v>1748740059.05391</v>
      </c>
      <c r="AM407" s="107">
        <v>1742956909.01436</v>
      </c>
      <c r="AN407" s="107">
        <v>1742956909.01436</v>
      </c>
    </row>
    <row r="408" spans="1:40" x14ac:dyDescent="0.2">
      <c r="A408" s="133" t="s">
        <v>817</v>
      </c>
    </row>
    <row r="409" spans="1:40" x14ac:dyDescent="0.2">
      <c r="A409" s="136" t="s">
        <v>818</v>
      </c>
      <c r="B409" s="107">
        <v>3093630821.57621</v>
      </c>
      <c r="C409" s="107">
        <v>3027226337.8077798</v>
      </c>
      <c r="D409" s="107">
        <v>2960961534.0522799</v>
      </c>
      <c r="E409" s="107">
        <v>2887571385.2721901</v>
      </c>
      <c r="F409" s="107">
        <v>2798548519.7624502</v>
      </c>
      <c r="G409" s="107">
        <v>2704850077.7221098</v>
      </c>
      <c r="H409" s="107">
        <v>2606388864.59969</v>
      </c>
      <c r="I409" s="107">
        <v>2484471190.6862798</v>
      </c>
      <c r="J409" s="107">
        <v>2393796736.9497099</v>
      </c>
      <c r="K409" s="107">
        <v>2313433927.5255899</v>
      </c>
      <c r="L409" s="107">
        <v>2250773009.86905</v>
      </c>
      <c r="M409" s="107">
        <v>2185128609.15136</v>
      </c>
      <c r="N409" s="107">
        <v>2185128609.15136</v>
      </c>
      <c r="O409" s="107">
        <v>2170485454.5075302</v>
      </c>
      <c r="P409" s="107">
        <v>2161577411.24826</v>
      </c>
      <c r="Q409" s="107">
        <v>2151105704.2283001</v>
      </c>
      <c r="R409" s="107">
        <v>2139715756.0629799</v>
      </c>
      <c r="S409" s="107">
        <v>2126257834.9886899</v>
      </c>
      <c r="T409" s="107">
        <v>2112893888.27333</v>
      </c>
      <c r="U409" s="107">
        <v>2098771845.09147</v>
      </c>
      <c r="V409" s="107">
        <v>2081216405.90014</v>
      </c>
      <c r="W409" s="107">
        <v>2068158424.67118</v>
      </c>
      <c r="X409" s="107">
        <v>2057293196.8046701</v>
      </c>
      <c r="Y409" s="107">
        <v>2047756843.47967</v>
      </c>
      <c r="Z409" s="107">
        <v>2038022688.10268</v>
      </c>
      <c r="AA409" s="107">
        <v>2038022688.10268</v>
      </c>
      <c r="AB409" s="107">
        <v>2028244250.13989</v>
      </c>
      <c r="AC409" s="107">
        <v>2021758866.0245099</v>
      </c>
      <c r="AD409" s="107">
        <v>2014446187.5375299</v>
      </c>
      <c r="AE409" s="107">
        <v>2006519091.7478199</v>
      </c>
      <c r="AF409" s="107">
        <v>1997763990.67026</v>
      </c>
      <c r="AG409" s="107">
        <v>1989151047.9232299</v>
      </c>
      <c r="AH409" s="107">
        <v>1980225342.7778399</v>
      </c>
      <c r="AI409" s="107">
        <v>1969175881.9171</v>
      </c>
      <c r="AJ409" s="107">
        <v>1961026497.59916</v>
      </c>
      <c r="AK409" s="107">
        <v>1953929071.34162</v>
      </c>
      <c r="AL409" s="107">
        <v>1948334505.3057799</v>
      </c>
      <c r="AM409" s="107">
        <v>1942577316.94521</v>
      </c>
      <c r="AN409" s="107">
        <v>1942577316.94521</v>
      </c>
    </row>
    <row r="410" spans="1:40" x14ac:dyDescent="0.2">
      <c r="A410" s="133" t="s">
        <v>819</v>
      </c>
    </row>
    <row r="411" spans="1:40" x14ac:dyDescent="0.2">
      <c r="A411" s="136" t="s">
        <v>820</v>
      </c>
    </row>
    <row r="412" spans="1:40" x14ac:dyDescent="0.2">
      <c r="A412" s="133" t="s">
        <v>821</v>
      </c>
      <c r="B412" s="107">
        <v>165974706.94490501</v>
      </c>
      <c r="C412" s="107">
        <v>165233466.87587801</v>
      </c>
      <c r="D412" s="107">
        <v>159720495.59678999</v>
      </c>
      <c r="E412" s="107">
        <v>156701476.21676201</v>
      </c>
      <c r="F412" s="107">
        <v>157789565.77238801</v>
      </c>
      <c r="G412" s="107">
        <v>161339596.46529099</v>
      </c>
      <c r="H412" s="107">
        <v>166390610.67376599</v>
      </c>
      <c r="I412" s="107">
        <v>170666893.69411099</v>
      </c>
      <c r="J412" s="107">
        <v>173314906.17298499</v>
      </c>
      <c r="K412" s="107">
        <v>174730764.89287901</v>
      </c>
      <c r="L412" s="107">
        <v>178143651.16312501</v>
      </c>
      <c r="M412" s="107">
        <v>182874355.57409501</v>
      </c>
      <c r="N412" s="107">
        <v>182874355.57409501</v>
      </c>
      <c r="O412" s="107">
        <v>183271967.222249</v>
      </c>
      <c r="P412" s="107">
        <v>183667774.735459</v>
      </c>
      <c r="Q412" s="107">
        <v>184077358.98427999</v>
      </c>
      <c r="R412" s="107">
        <v>184476589.75428301</v>
      </c>
      <c r="S412" s="107">
        <v>184871946.60401601</v>
      </c>
      <c r="T412" s="107">
        <v>185267892.50740501</v>
      </c>
      <c r="U412" s="107">
        <v>185665182.48405799</v>
      </c>
      <c r="V412" s="107">
        <v>186061862.250817</v>
      </c>
      <c r="W412" s="107">
        <v>186446439.61712399</v>
      </c>
      <c r="X412" s="107">
        <v>186832800.061315</v>
      </c>
      <c r="Y412" s="107">
        <v>187230138.15150699</v>
      </c>
      <c r="Z412" s="107">
        <v>187625685.98239499</v>
      </c>
      <c r="AA412" s="107">
        <v>187625685.98239499</v>
      </c>
      <c r="AB412" s="107">
        <v>187929298.45940599</v>
      </c>
      <c r="AC412" s="107">
        <v>188231719.45995501</v>
      </c>
      <c r="AD412" s="107">
        <v>188596989.28626299</v>
      </c>
      <c r="AE412" s="107">
        <v>188905641.92519701</v>
      </c>
      <c r="AF412" s="107">
        <v>189210818.75138399</v>
      </c>
      <c r="AG412" s="107">
        <v>189513823.75041699</v>
      </c>
      <c r="AH412" s="107">
        <v>189816957.74574801</v>
      </c>
      <c r="AI412" s="107">
        <v>190119738.555215</v>
      </c>
      <c r="AJ412" s="107">
        <v>190413348.692081</v>
      </c>
      <c r="AK412" s="107">
        <v>190708910.80821499</v>
      </c>
      <c r="AL412" s="107">
        <v>191013009.35394901</v>
      </c>
      <c r="AM412" s="107">
        <v>191314939.52952901</v>
      </c>
      <c r="AN412" s="107">
        <v>191314939.52952901</v>
      </c>
    </row>
    <row r="413" spans="1:40" x14ac:dyDescent="0.2">
      <c r="A413" s="133" t="s">
        <v>822</v>
      </c>
      <c r="B413" s="107">
        <v>30184200.369033601</v>
      </c>
      <c r="C413" s="107">
        <v>29480624.732696399</v>
      </c>
      <c r="D413" s="107">
        <v>28761270.528992198</v>
      </c>
      <c r="E413" s="107">
        <v>28057071.520429801</v>
      </c>
      <c r="F413" s="107">
        <v>27353197.251485199</v>
      </c>
      <c r="G413" s="107">
        <v>26629488.430330299</v>
      </c>
      <c r="H413" s="107">
        <v>25928836.242483102</v>
      </c>
      <c r="I413" s="107">
        <v>25230271.617106698</v>
      </c>
      <c r="J413" s="107">
        <v>24512790.857490599</v>
      </c>
      <c r="K413" s="107">
        <v>23809232.2702909</v>
      </c>
      <c r="L413" s="107">
        <v>23109395.639187999</v>
      </c>
      <c r="M413" s="107">
        <v>22385600.7009345</v>
      </c>
      <c r="N413" s="107">
        <v>22385600.7009345</v>
      </c>
      <c r="O413" s="107">
        <v>22442769.117195599</v>
      </c>
      <c r="P413" s="107">
        <v>22501638.8819368</v>
      </c>
      <c r="Q413" s="107">
        <v>22558913.518881701</v>
      </c>
      <c r="R413" s="107">
        <v>22617773.043140698</v>
      </c>
      <c r="S413" s="107">
        <v>22676693.82271</v>
      </c>
      <c r="T413" s="107">
        <v>22733338.812092099</v>
      </c>
      <c r="U413" s="107">
        <v>22792883.5469613</v>
      </c>
      <c r="V413" s="107">
        <v>22852790.648881398</v>
      </c>
      <c r="W413" s="107">
        <v>22910494.244561099</v>
      </c>
      <c r="X413" s="107">
        <v>22969636.573426701</v>
      </c>
      <c r="Y413" s="107">
        <v>23029377.960432298</v>
      </c>
      <c r="Z413" s="107">
        <v>23086181.8476597</v>
      </c>
      <c r="AA413" s="107">
        <v>23086181.8476597</v>
      </c>
      <c r="AB413" s="107">
        <v>23143107.888246499</v>
      </c>
      <c r="AC413" s="107">
        <v>23202012.106601302</v>
      </c>
      <c r="AD413" s="107">
        <v>23258732.735548399</v>
      </c>
      <c r="AE413" s="107">
        <v>23317586.614061002</v>
      </c>
      <c r="AF413" s="107">
        <v>23376503.710770302</v>
      </c>
      <c r="AG413" s="107">
        <v>23432474.672662601</v>
      </c>
      <c r="AH413" s="107">
        <v>23492081.896037199</v>
      </c>
      <c r="AI413" s="107">
        <v>23552116.9181333</v>
      </c>
      <c r="AJ413" s="107">
        <v>23609336.465470601</v>
      </c>
      <c r="AK413" s="107">
        <v>23668536.9587273</v>
      </c>
      <c r="AL413" s="107">
        <v>23728443.6836478</v>
      </c>
      <c r="AM413" s="107">
        <v>23784670.941790201</v>
      </c>
      <c r="AN413" s="107">
        <v>23784670.941790201</v>
      </c>
    </row>
    <row r="414" spans="1:40" x14ac:dyDescent="0.2">
      <c r="A414" s="133" t="s">
        <v>823</v>
      </c>
      <c r="B414" s="107">
        <v>96407983.103023306</v>
      </c>
      <c r="C414" s="107">
        <v>96347892.6796377</v>
      </c>
      <c r="D414" s="107">
        <v>96316702.613646403</v>
      </c>
      <c r="E414" s="107">
        <v>96296573.092485398</v>
      </c>
      <c r="F414" s="107">
        <v>96433134.323807299</v>
      </c>
      <c r="G414" s="107">
        <v>96526731.999457896</v>
      </c>
      <c r="H414" s="107">
        <v>96647621.346522301</v>
      </c>
      <c r="I414" s="107">
        <v>96754924.384770498</v>
      </c>
      <c r="J414" s="107">
        <v>96713676.420199201</v>
      </c>
      <c r="K414" s="107">
        <v>96669010.175322399</v>
      </c>
      <c r="L414" s="107">
        <v>96582205.396871299</v>
      </c>
      <c r="M414" s="107">
        <v>96563610.434665799</v>
      </c>
      <c r="N414" s="107">
        <v>96563610.434665799</v>
      </c>
      <c r="O414" s="107">
        <v>96818845.540346801</v>
      </c>
      <c r="P414" s="107">
        <v>97074080.646027803</v>
      </c>
      <c r="Q414" s="107">
        <v>97329315.751708701</v>
      </c>
      <c r="R414" s="107">
        <v>97584550.857389703</v>
      </c>
      <c r="S414" s="107">
        <v>97839785.963070706</v>
      </c>
      <c r="T414" s="107">
        <v>98095021.068751603</v>
      </c>
      <c r="U414" s="107">
        <v>98350256.174432606</v>
      </c>
      <c r="V414" s="107">
        <v>98605491.280113593</v>
      </c>
      <c r="W414" s="107">
        <v>98860726.385794595</v>
      </c>
      <c r="X414" s="107">
        <v>99115961.491475493</v>
      </c>
      <c r="Y414" s="107">
        <v>99371196.597156495</v>
      </c>
      <c r="Z414" s="107">
        <v>99626431.702837497</v>
      </c>
      <c r="AA414" s="107">
        <v>99626431.702837497</v>
      </c>
      <c r="AB414" s="107">
        <v>100018633.09319399</v>
      </c>
      <c r="AC414" s="107">
        <v>100410834.483551</v>
      </c>
      <c r="AD414" s="107">
        <v>100803035.873907</v>
      </c>
      <c r="AE414" s="107">
        <v>101195237.264264</v>
      </c>
      <c r="AF414" s="107">
        <v>101587438.65462101</v>
      </c>
      <c r="AG414" s="107">
        <v>101979640.04497799</v>
      </c>
      <c r="AH414" s="107">
        <v>102371841.435335</v>
      </c>
      <c r="AI414" s="107">
        <v>102764042.825691</v>
      </c>
      <c r="AJ414" s="107">
        <v>103156244.216048</v>
      </c>
      <c r="AK414" s="107">
        <v>103548445.606405</v>
      </c>
      <c r="AL414" s="107">
        <v>103940646.99676199</v>
      </c>
      <c r="AM414" s="107">
        <v>104332848.387119</v>
      </c>
      <c r="AN414" s="107">
        <v>104332848.387119</v>
      </c>
    </row>
    <row r="415" spans="1:40" x14ac:dyDescent="0.2">
      <c r="A415" s="133" t="s">
        <v>824</v>
      </c>
      <c r="B415" s="107">
        <v>74722962.121399</v>
      </c>
      <c r="C415" s="107">
        <v>75438757.157122195</v>
      </c>
      <c r="D415" s="107">
        <v>76067101.019378498</v>
      </c>
      <c r="E415" s="107">
        <v>76505951.886113897</v>
      </c>
      <c r="F415" s="107">
        <v>76787095.460622594</v>
      </c>
      <c r="G415" s="107">
        <v>77176009.338604599</v>
      </c>
      <c r="H415" s="107">
        <v>77050391.221151695</v>
      </c>
      <c r="I415" s="107">
        <v>76880210.108255401</v>
      </c>
      <c r="J415" s="107">
        <v>76687442.999914601</v>
      </c>
      <c r="K415" s="107">
        <v>77087964.896119595</v>
      </c>
      <c r="L415" s="107">
        <v>77432838.500517502</v>
      </c>
      <c r="M415" s="107">
        <v>77878831.436556295</v>
      </c>
      <c r="N415" s="107">
        <v>77878831.436556295</v>
      </c>
      <c r="O415" s="107">
        <v>78201645.932992101</v>
      </c>
      <c r="P415" s="107">
        <v>78524460.429427907</v>
      </c>
      <c r="Q415" s="107">
        <v>78847274.925863594</v>
      </c>
      <c r="R415" s="107">
        <v>79170089.4222994</v>
      </c>
      <c r="S415" s="107">
        <v>79492903.918735206</v>
      </c>
      <c r="T415" s="107">
        <v>79815718.415170997</v>
      </c>
      <c r="U415" s="107">
        <v>80138532.911606699</v>
      </c>
      <c r="V415" s="107">
        <v>80461347.408042505</v>
      </c>
      <c r="W415" s="107">
        <v>80784161.904478297</v>
      </c>
      <c r="X415" s="107">
        <v>81106976.400914103</v>
      </c>
      <c r="Y415" s="107">
        <v>81429790.897349894</v>
      </c>
      <c r="Z415" s="107">
        <v>81752605.393785596</v>
      </c>
      <c r="AA415" s="107">
        <v>81752605.393785596</v>
      </c>
      <c r="AB415" s="107">
        <v>82096661.504311696</v>
      </c>
      <c r="AC415" s="107">
        <v>82440717.614837795</v>
      </c>
      <c r="AD415" s="107">
        <v>82784773.725363806</v>
      </c>
      <c r="AE415" s="107">
        <v>83128829.835889906</v>
      </c>
      <c r="AF415" s="107">
        <v>83472885.946415901</v>
      </c>
      <c r="AG415" s="107">
        <v>83816942.056942001</v>
      </c>
      <c r="AH415" s="107">
        <v>84160998.167468101</v>
      </c>
      <c r="AI415" s="107">
        <v>84505054.277994096</v>
      </c>
      <c r="AJ415" s="107">
        <v>84849110.388520196</v>
      </c>
      <c r="AK415" s="107">
        <v>85193166.499046296</v>
      </c>
      <c r="AL415" s="107">
        <v>85537222.609572306</v>
      </c>
      <c r="AM415" s="107">
        <v>85881278.720098406</v>
      </c>
      <c r="AN415" s="107">
        <v>85881278.720098406</v>
      </c>
    </row>
    <row r="416" spans="1:40" x14ac:dyDescent="0.2">
      <c r="A416" s="133" t="s">
        <v>825</v>
      </c>
      <c r="B416" s="107">
        <v>3288120.7501299898</v>
      </c>
      <c r="C416" s="107">
        <v>3365314.2674154299</v>
      </c>
      <c r="D416" s="107">
        <v>3442507.78470087</v>
      </c>
      <c r="E416" s="107">
        <v>3519701.3019863199</v>
      </c>
      <c r="F416" s="107">
        <v>3596894.8192717601</v>
      </c>
      <c r="G416" s="107">
        <v>3674088.33655721</v>
      </c>
      <c r="H416" s="107">
        <v>3751281.8538426501</v>
      </c>
      <c r="I416" s="107">
        <v>3828475.3711280902</v>
      </c>
      <c r="J416" s="107">
        <v>3905668.8884135401</v>
      </c>
      <c r="K416" s="107">
        <v>3982862.4056989802</v>
      </c>
      <c r="L416" s="107">
        <v>4060055.9229844199</v>
      </c>
      <c r="M416" s="107">
        <v>4137249.4402698702</v>
      </c>
      <c r="N416" s="107">
        <v>4137249.4402698702</v>
      </c>
      <c r="O416" s="107">
        <v>4074076.40255178</v>
      </c>
      <c r="P416" s="107">
        <v>4010903.3648336902</v>
      </c>
      <c r="Q416" s="107">
        <v>3947730.3271156</v>
      </c>
      <c r="R416" s="107">
        <v>3884557.2893975098</v>
      </c>
      <c r="S416" s="107">
        <v>3821384.25167942</v>
      </c>
      <c r="T416" s="107">
        <v>3758211.2139613298</v>
      </c>
      <c r="U416" s="107">
        <v>3695038.17624324</v>
      </c>
      <c r="V416" s="107">
        <v>3631865.1385251498</v>
      </c>
      <c r="W416" s="107">
        <v>3568692.10080706</v>
      </c>
      <c r="X416" s="107">
        <v>3505519.0630889698</v>
      </c>
      <c r="Y416" s="107">
        <v>3442346.02537088</v>
      </c>
      <c r="Z416" s="107">
        <v>3379172.9876527898</v>
      </c>
      <c r="AA416" s="107">
        <v>3379172.9876527898</v>
      </c>
      <c r="AB416" s="107">
        <v>3388562.1517136502</v>
      </c>
      <c r="AC416" s="107">
        <v>3397951.3157745101</v>
      </c>
      <c r="AD416" s="107">
        <v>3407340.4798353701</v>
      </c>
      <c r="AE416" s="107">
        <v>3416729.6438962198</v>
      </c>
      <c r="AF416" s="107">
        <v>3426118.8079570802</v>
      </c>
      <c r="AG416" s="107">
        <v>3435507.9720179401</v>
      </c>
      <c r="AH416" s="107">
        <v>3444897.1360788001</v>
      </c>
      <c r="AI416" s="107">
        <v>3454286.30013966</v>
      </c>
      <c r="AJ416" s="107">
        <v>3463675.46420052</v>
      </c>
      <c r="AK416" s="107">
        <v>3473064.6282613701</v>
      </c>
      <c r="AL416" s="107">
        <v>3482453.7923222301</v>
      </c>
      <c r="AM416" s="107">
        <v>3491842.95638309</v>
      </c>
      <c r="AN416" s="107">
        <v>3491842.95638309</v>
      </c>
    </row>
    <row r="417" spans="1:40" x14ac:dyDescent="0.2">
      <c r="A417" s="133" t="s">
        <v>826</v>
      </c>
      <c r="B417" s="107">
        <v>16197423.559583301</v>
      </c>
      <c r="C417" s="107">
        <v>16242944.0891666</v>
      </c>
      <c r="D417" s="107">
        <v>16288464.61875</v>
      </c>
      <c r="E417" s="107">
        <v>16333985.1483333</v>
      </c>
      <c r="F417" s="107">
        <v>16379505.677916599</v>
      </c>
      <c r="G417" s="107">
        <v>16425026.2075</v>
      </c>
      <c r="H417" s="107">
        <v>16470546.737083299</v>
      </c>
      <c r="I417" s="107">
        <v>16516067.2666666</v>
      </c>
      <c r="J417" s="107">
        <v>16561587.7962499</v>
      </c>
      <c r="K417" s="107">
        <v>16607108.3258333</v>
      </c>
      <c r="L417" s="107">
        <v>16652628.8554166</v>
      </c>
      <c r="M417" s="107">
        <v>16698149.384999899</v>
      </c>
      <c r="N417" s="107">
        <v>16698149.384999899</v>
      </c>
      <c r="O417" s="107">
        <v>16623002.6054166</v>
      </c>
      <c r="P417" s="107">
        <v>16547855.8258333</v>
      </c>
      <c r="Q417" s="107">
        <v>16472709.046250001</v>
      </c>
      <c r="R417" s="107">
        <v>16397562.2666666</v>
      </c>
      <c r="S417" s="107">
        <v>16322415.487083299</v>
      </c>
      <c r="T417" s="107">
        <v>16247268.7075</v>
      </c>
      <c r="U417" s="107">
        <v>16172121.927916599</v>
      </c>
      <c r="V417" s="107">
        <v>16096975.1483333</v>
      </c>
      <c r="W417" s="107">
        <v>16021828.36875</v>
      </c>
      <c r="X417" s="107">
        <v>15946681.5891666</v>
      </c>
      <c r="Y417" s="107">
        <v>15871534.809583301</v>
      </c>
      <c r="Z417" s="107">
        <v>15796388.029999999</v>
      </c>
      <c r="AA417" s="107">
        <v>15796388.029999999</v>
      </c>
      <c r="AB417" s="107">
        <v>19589841.1133333</v>
      </c>
      <c r="AC417" s="107">
        <v>19340287.196666598</v>
      </c>
      <c r="AD417" s="107">
        <v>19090733.280000001</v>
      </c>
      <c r="AE417" s="107">
        <v>18841179.3633333</v>
      </c>
      <c r="AF417" s="107">
        <v>18591625.446666598</v>
      </c>
      <c r="AG417" s="107">
        <v>18342071.530000001</v>
      </c>
      <c r="AH417" s="107">
        <v>18092517.6133333</v>
      </c>
      <c r="AI417" s="107">
        <v>17842963.696666598</v>
      </c>
      <c r="AJ417" s="107">
        <v>17593409.780000001</v>
      </c>
      <c r="AK417" s="107">
        <v>17343855.8633333</v>
      </c>
      <c r="AL417" s="107">
        <v>17094301.946666598</v>
      </c>
      <c r="AM417" s="107">
        <v>16844748.030000001</v>
      </c>
      <c r="AN417" s="107">
        <v>16844748.030000001</v>
      </c>
    </row>
    <row r="418" spans="1:40" x14ac:dyDescent="0.2">
      <c r="A418" s="133" t="s">
        <v>827</v>
      </c>
      <c r="B418" s="107">
        <v>267530536.44253501</v>
      </c>
      <c r="C418" s="107">
        <v>232259852.42686301</v>
      </c>
      <c r="D418" s="107">
        <v>195658186.28077701</v>
      </c>
      <c r="E418" s="107">
        <v>197505712.87470499</v>
      </c>
      <c r="F418" s="107">
        <v>199174188.10155699</v>
      </c>
      <c r="G418" s="107">
        <v>200974966.39001501</v>
      </c>
      <c r="H418" s="107">
        <v>200799642.07886899</v>
      </c>
      <c r="I418" s="107">
        <v>202624627.66357201</v>
      </c>
      <c r="J418" s="107">
        <v>204428838.09988099</v>
      </c>
      <c r="K418" s="107">
        <v>206258607.18145001</v>
      </c>
      <c r="L418" s="107">
        <v>208080146.18623099</v>
      </c>
      <c r="M418" s="107">
        <v>208267397.71925101</v>
      </c>
      <c r="N418" s="107">
        <v>208267397.71925101</v>
      </c>
      <c r="O418" s="107">
        <v>209553152.123474</v>
      </c>
      <c r="P418" s="107">
        <v>210840225.45631701</v>
      </c>
      <c r="Q418" s="107">
        <v>212126794.77805099</v>
      </c>
      <c r="R418" s="107">
        <v>213413797.504825</v>
      </c>
      <c r="S418" s="107">
        <v>214700799.18483999</v>
      </c>
      <c r="T418" s="107">
        <v>215988660.22924799</v>
      </c>
      <c r="U418" s="107">
        <v>217275602.16402099</v>
      </c>
      <c r="V418" s="107">
        <v>218562665.38101199</v>
      </c>
      <c r="W418" s="107">
        <v>219848930.171314</v>
      </c>
      <c r="X418" s="107">
        <v>221135802.80855799</v>
      </c>
      <c r="Y418" s="107">
        <v>222422739.787296</v>
      </c>
      <c r="Z418" s="107">
        <v>223709865.231444</v>
      </c>
      <c r="AA418" s="107">
        <v>223709865.231444</v>
      </c>
      <c r="AB418" s="107">
        <v>225825358.88534099</v>
      </c>
      <c r="AC418" s="107">
        <v>227941462.01503399</v>
      </c>
      <c r="AD418" s="107">
        <v>230057331.578603</v>
      </c>
      <c r="AE418" s="107">
        <v>232173401.98841</v>
      </c>
      <c r="AF418" s="107">
        <v>234289471.91313401</v>
      </c>
      <c r="AG418" s="107">
        <v>236405940.07989401</v>
      </c>
      <c r="AH418" s="107">
        <v>238522000.36718699</v>
      </c>
      <c r="AI418" s="107">
        <v>240638098.809046</v>
      </c>
      <c r="AJ418" s="107">
        <v>242753827.24829301</v>
      </c>
      <c r="AK418" s="107">
        <v>244869837.37270799</v>
      </c>
      <c r="AL418" s="107">
        <v>246985877.313914</v>
      </c>
      <c r="AM418" s="107">
        <v>249102004.59274799</v>
      </c>
      <c r="AN418" s="107">
        <v>249102004.59274799</v>
      </c>
    </row>
    <row r="419" spans="1:40" x14ac:dyDescent="0.2">
      <c r="A419" s="136" t="s">
        <v>828</v>
      </c>
      <c r="B419" s="107">
        <v>654305933.290609</v>
      </c>
      <c r="C419" s="107">
        <v>618368852.22878003</v>
      </c>
      <c r="D419" s="107">
        <v>576254728.44303501</v>
      </c>
      <c r="E419" s="107">
        <v>574920472.04081595</v>
      </c>
      <c r="F419" s="107">
        <v>577513581.40705001</v>
      </c>
      <c r="G419" s="107">
        <v>582745907.16775596</v>
      </c>
      <c r="H419" s="107">
        <v>587038930.15371895</v>
      </c>
      <c r="I419" s="107">
        <v>592501470.10561097</v>
      </c>
      <c r="J419" s="107">
        <v>596124911.23513496</v>
      </c>
      <c r="K419" s="107">
        <v>599145550.14759398</v>
      </c>
      <c r="L419" s="107">
        <v>604060921.66433406</v>
      </c>
      <c r="M419" s="107">
        <v>608805194.69077301</v>
      </c>
      <c r="N419" s="107">
        <v>608805194.69077301</v>
      </c>
      <c r="O419" s="107">
        <v>610985458.94422698</v>
      </c>
      <c r="P419" s="107">
        <v>613166939.339836</v>
      </c>
      <c r="Q419" s="107">
        <v>615360097.33215106</v>
      </c>
      <c r="R419" s="107">
        <v>617544920.13800299</v>
      </c>
      <c r="S419" s="107">
        <v>619725929.23213601</v>
      </c>
      <c r="T419" s="107">
        <v>621906110.95413005</v>
      </c>
      <c r="U419" s="107">
        <v>624089617.38523996</v>
      </c>
      <c r="V419" s="107">
        <v>626272997.25572598</v>
      </c>
      <c r="W419" s="107">
        <v>628441272.79282999</v>
      </c>
      <c r="X419" s="107">
        <v>630613377.98794603</v>
      </c>
      <c r="Y419" s="107">
        <v>632797124.22869694</v>
      </c>
      <c r="Z419" s="107">
        <v>634976331.175776</v>
      </c>
      <c r="AA419" s="107">
        <v>634976331.175776</v>
      </c>
      <c r="AB419" s="107">
        <v>641991463.09554696</v>
      </c>
      <c r="AC419" s="107">
        <v>644964984.19242096</v>
      </c>
      <c r="AD419" s="107">
        <v>647998936.95952201</v>
      </c>
      <c r="AE419" s="107">
        <v>650978606.63505304</v>
      </c>
      <c r="AF419" s="107">
        <v>653954863.23095095</v>
      </c>
      <c r="AG419" s="107">
        <v>656926400.10691202</v>
      </c>
      <c r="AH419" s="107">
        <v>659901294.36118805</v>
      </c>
      <c r="AI419" s="107">
        <v>662876301.38288701</v>
      </c>
      <c r="AJ419" s="107">
        <v>665838952.254614</v>
      </c>
      <c r="AK419" s="107">
        <v>668805817.73669803</v>
      </c>
      <c r="AL419" s="107">
        <v>671781955.69683397</v>
      </c>
      <c r="AM419" s="107">
        <v>674752333.15766799</v>
      </c>
      <c r="AN419" s="107">
        <v>674752333.15766799</v>
      </c>
    </row>
    <row r="420" spans="1:40" x14ac:dyDescent="0.2">
      <c r="A420" s="133" t="s">
        <v>829</v>
      </c>
      <c r="B420" s="107">
        <v>3093630821.57621</v>
      </c>
      <c r="C420" s="107">
        <v>3027226337.8077798</v>
      </c>
      <c r="D420" s="107">
        <v>2960961534.05229</v>
      </c>
      <c r="E420" s="107">
        <v>2887571385.2721901</v>
      </c>
      <c r="F420" s="107">
        <v>2798548519.7624502</v>
      </c>
      <c r="G420" s="107">
        <v>2704850077.7221098</v>
      </c>
      <c r="H420" s="107">
        <v>2606388864.59969</v>
      </c>
      <c r="I420" s="107">
        <v>2484471190.6862798</v>
      </c>
      <c r="J420" s="107">
        <v>2393796736.9497099</v>
      </c>
      <c r="K420" s="107">
        <v>2313433927.5255899</v>
      </c>
      <c r="L420" s="107">
        <v>2250773009.86905</v>
      </c>
      <c r="M420" s="107">
        <v>2185128609.15136</v>
      </c>
      <c r="N420" s="107">
        <v>2185128609.15136</v>
      </c>
      <c r="O420" s="107">
        <v>2170485454.5075302</v>
      </c>
      <c r="P420" s="107">
        <v>2161577411.24826</v>
      </c>
      <c r="Q420" s="107">
        <v>2151105704.2283001</v>
      </c>
      <c r="R420" s="107">
        <v>2139715756.0629799</v>
      </c>
      <c r="S420" s="107">
        <v>2126257834.9886899</v>
      </c>
      <c r="T420" s="107">
        <v>2112893888.27333</v>
      </c>
      <c r="U420" s="107">
        <v>2098771845.09147</v>
      </c>
      <c r="V420" s="107">
        <v>2081216405.90014</v>
      </c>
      <c r="W420" s="107">
        <v>2068158424.67118</v>
      </c>
      <c r="X420" s="107">
        <v>2057293196.8046701</v>
      </c>
      <c r="Y420" s="107">
        <v>2047756843.47967</v>
      </c>
      <c r="Z420" s="107">
        <v>2038022688.10268</v>
      </c>
      <c r="AA420" s="107">
        <v>2038022688.10268</v>
      </c>
      <c r="AB420" s="107">
        <v>2028244250.13989</v>
      </c>
      <c r="AC420" s="107">
        <v>2021758866.0245099</v>
      </c>
      <c r="AD420" s="107">
        <v>2014446187.5375299</v>
      </c>
      <c r="AE420" s="107">
        <v>2006519091.7478199</v>
      </c>
      <c r="AF420" s="107">
        <v>1997763990.67026</v>
      </c>
      <c r="AG420" s="107">
        <v>1989151047.9232299</v>
      </c>
      <c r="AH420" s="107">
        <v>1980225342.7778399</v>
      </c>
      <c r="AI420" s="107">
        <v>1969175881.9171</v>
      </c>
      <c r="AJ420" s="107">
        <v>1961026497.59916</v>
      </c>
      <c r="AK420" s="107">
        <v>1953929071.34162</v>
      </c>
      <c r="AL420" s="107">
        <v>1948334505.3057799</v>
      </c>
      <c r="AM420" s="107">
        <v>1942577316.94521</v>
      </c>
      <c r="AN420" s="107">
        <v>1942577316.94521</v>
      </c>
    </row>
    <row r="421" spans="1:40" x14ac:dyDescent="0.2">
      <c r="A421" s="136" t="s">
        <v>830</v>
      </c>
      <c r="B421" s="107">
        <v>3747936754.8668199</v>
      </c>
      <c r="C421" s="107">
        <v>3645595190.0365601</v>
      </c>
      <c r="D421" s="107">
        <v>3537216262.4953198</v>
      </c>
      <c r="E421" s="107">
        <v>3462491857.3130002</v>
      </c>
      <c r="F421" s="107">
        <v>3376062101.1694999</v>
      </c>
      <c r="G421" s="107">
        <v>3287595984.8898702</v>
      </c>
      <c r="H421" s="107">
        <v>3193427794.7534099</v>
      </c>
      <c r="I421" s="107">
        <v>3076972660.7919002</v>
      </c>
      <c r="J421" s="107">
        <v>2989921648.1848402</v>
      </c>
      <c r="K421" s="107">
        <v>2912579477.6731801</v>
      </c>
      <c r="L421" s="107">
        <v>2854833931.53339</v>
      </c>
      <c r="M421" s="107">
        <v>2793933803.8421402</v>
      </c>
      <c r="N421" s="107">
        <v>2793933803.8421402</v>
      </c>
      <c r="O421" s="107">
        <v>2781470913.4517598</v>
      </c>
      <c r="P421" s="107">
        <v>2774744350.5880899</v>
      </c>
      <c r="Q421" s="107">
        <v>2766465801.5604501</v>
      </c>
      <c r="R421" s="107">
        <v>2757260676.2009802</v>
      </c>
      <c r="S421" s="107">
        <v>2745983764.22082</v>
      </c>
      <c r="T421" s="107">
        <v>2734799999.2274599</v>
      </c>
      <c r="U421" s="107">
        <v>2722861462.4767098</v>
      </c>
      <c r="V421" s="107">
        <v>2707489403.15587</v>
      </c>
      <c r="W421" s="107">
        <v>2696599697.4640098</v>
      </c>
      <c r="X421" s="107">
        <v>2687906574.7926102</v>
      </c>
      <c r="Y421" s="107">
        <v>2680553967.7083702</v>
      </c>
      <c r="Z421" s="107">
        <v>2672999019.27845</v>
      </c>
      <c r="AA421" s="107">
        <v>2672999019.27845</v>
      </c>
      <c r="AB421" s="107">
        <v>2670235713.2354398</v>
      </c>
      <c r="AC421" s="107">
        <v>2666723850.2169299</v>
      </c>
      <c r="AD421" s="107">
        <v>2662445124.4970498</v>
      </c>
      <c r="AE421" s="107">
        <v>2657497698.3828802</v>
      </c>
      <c r="AF421" s="107">
        <v>2651718853.9012098</v>
      </c>
      <c r="AG421" s="107">
        <v>2646077448.0301499</v>
      </c>
      <c r="AH421" s="107">
        <v>2640126637.13903</v>
      </c>
      <c r="AI421" s="107">
        <v>2632052183.2999902</v>
      </c>
      <c r="AJ421" s="107">
        <v>2626865449.8537798</v>
      </c>
      <c r="AK421" s="107">
        <v>2622734889.07832</v>
      </c>
      <c r="AL421" s="107">
        <v>2620116461.0026102</v>
      </c>
      <c r="AM421" s="107">
        <v>2617329650.10288</v>
      </c>
      <c r="AN421" s="107">
        <v>2617329650.10288</v>
      </c>
    </row>
    <row r="422" spans="1:40" x14ac:dyDescent="0.2">
      <c r="A422" s="133" t="s">
        <v>831</v>
      </c>
    </row>
    <row r="423" spans="1:40" x14ac:dyDescent="0.2">
      <c r="A423" s="133" t="s">
        <v>832</v>
      </c>
    </row>
    <row r="424" spans="1:40" x14ac:dyDescent="0.2">
      <c r="A424" s="133" t="s">
        <v>833</v>
      </c>
      <c r="B424" s="107">
        <v>0</v>
      </c>
      <c r="C424" s="107">
        <v>0</v>
      </c>
      <c r="D424" s="107">
        <v>0</v>
      </c>
      <c r="E424" s="107">
        <v>0</v>
      </c>
      <c r="F424" s="107">
        <v>0</v>
      </c>
      <c r="G424" s="107">
        <v>0</v>
      </c>
      <c r="H424" s="107">
        <v>0</v>
      </c>
      <c r="I424" s="107">
        <v>0</v>
      </c>
      <c r="J424" s="107">
        <v>0</v>
      </c>
      <c r="K424" s="107">
        <v>0</v>
      </c>
      <c r="L424" s="107">
        <v>0</v>
      </c>
      <c r="M424" s="107">
        <v>0</v>
      </c>
      <c r="N424" s="107">
        <v>0</v>
      </c>
      <c r="O424" s="107">
        <v>0</v>
      </c>
      <c r="P424" s="107">
        <v>0</v>
      </c>
      <c r="Q424" s="107">
        <v>0</v>
      </c>
      <c r="R424" s="107">
        <v>0</v>
      </c>
      <c r="S424" s="107">
        <v>0</v>
      </c>
      <c r="T424" s="107">
        <v>0</v>
      </c>
      <c r="U424" s="107">
        <v>0</v>
      </c>
      <c r="V424" s="107">
        <v>0</v>
      </c>
      <c r="W424" s="107">
        <v>0</v>
      </c>
      <c r="X424" s="107">
        <v>0</v>
      </c>
      <c r="Y424" s="107">
        <v>0</v>
      </c>
      <c r="Z424" s="107">
        <v>0</v>
      </c>
      <c r="AA424" s="107">
        <v>0</v>
      </c>
      <c r="AB424" s="107">
        <v>0</v>
      </c>
      <c r="AC424" s="107">
        <v>0</v>
      </c>
      <c r="AD424" s="107">
        <v>0</v>
      </c>
      <c r="AE424" s="107">
        <v>0</v>
      </c>
      <c r="AF424" s="107">
        <v>0</v>
      </c>
      <c r="AG424" s="107">
        <v>0</v>
      </c>
      <c r="AH424" s="107">
        <v>0</v>
      </c>
      <c r="AI424" s="107">
        <v>0</v>
      </c>
      <c r="AJ424" s="107">
        <v>0</v>
      </c>
      <c r="AK424" s="107">
        <v>0</v>
      </c>
      <c r="AL424" s="107">
        <v>0</v>
      </c>
      <c r="AM424" s="107">
        <v>0</v>
      </c>
      <c r="AN424" s="107">
        <v>0</v>
      </c>
    </row>
    <row r="425" spans="1:40" x14ac:dyDescent="0.2">
      <c r="A425" s="133" t="s">
        <v>834</v>
      </c>
      <c r="B425" s="107">
        <v>0</v>
      </c>
      <c r="C425" s="107">
        <v>0</v>
      </c>
      <c r="D425" s="107">
        <v>0</v>
      </c>
      <c r="E425" s="107">
        <v>0</v>
      </c>
      <c r="F425" s="107">
        <v>0</v>
      </c>
      <c r="G425" s="107">
        <v>0</v>
      </c>
      <c r="H425" s="107">
        <v>0</v>
      </c>
      <c r="I425" s="107">
        <v>0</v>
      </c>
      <c r="J425" s="107">
        <v>0</v>
      </c>
      <c r="K425" s="107">
        <v>0</v>
      </c>
      <c r="L425" s="107">
        <v>0</v>
      </c>
      <c r="M425" s="107">
        <v>0</v>
      </c>
      <c r="N425" s="107">
        <v>0</v>
      </c>
      <c r="O425" s="107">
        <v>0</v>
      </c>
      <c r="P425" s="107">
        <v>0</v>
      </c>
      <c r="Q425" s="107">
        <v>0</v>
      </c>
      <c r="R425" s="107">
        <v>0</v>
      </c>
      <c r="S425" s="107">
        <v>0</v>
      </c>
      <c r="T425" s="107">
        <v>0</v>
      </c>
      <c r="U425" s="107">
        <v>0</v>
      </c>
      <c r="V425" s="107">
        <v>0</v>
      </c>
      <c r="W425" s="107">
        <v>0</v>
      </c>
      <c r="X425" s="107">
        <v>0</v>
      </c>
      <c r="Y425" s="107">
        <v>0</v>
      </c>
      <c r="Z425" s="107">
        <v>0</v>
      </c>
      <c r="AA425" s="107">
        <v>0</v>
      </c>
      <c r="AB425" s="107">
        <v>0</v>
      </c>
      <c r="AC425" s="107">
        <v>0</v>
      </c>
      <c r="AD425" s="107">
        <v>0</v>
      </c>
      <c r="AE425" s="107">
        <v>0</v>
      </c>
      <c r="AF425" s="107">
        <v>0</v>
      </c>
      <c r="AG425" s="107">
        <v>0</v>
      </c>
      <c r="AH425" s="107">
        <v>0</v>
      </c>
      <c r="AI425" s="107">
        <v>0</v>
      </c>
      <c r="AJ425" s="107">
        <v>0</v>
      </c>
      <c r="AK425" s="107">
        <v>0</v>
      </c>
      <c r="AL425" s="107">
        <v>0</v>
      </c>
      <c r="AM425" s="107">
        <v>0</v>
      </c>
      <c r="AN425" s="107">
        <v>0</v>
      </c>
    </row>
    <row r="426" spans="1:40" x14ac:dyDescent="0.2">
      <c r="A426" s="133" t="s">
        <v>835</v>
      </c>
      <c r="B426" s="107">
        <v>0</v>
      </c>
      <c r="C426" s="107">
        <v>0</v>
      </c>
      <c r="D426" s="107">
        <v>0</v>
      </c>
      <c r="E426" s="107">
        <v>0</v>
      </c>
      <c r="F426" s="107">
        <v>0</v>
      </c>
      <c r="G426" s="107">
        <v>0</v>
      </c>
      <c r="H426" s="107">
        <v>0</v>
      </c>
      <c r="I426" s="107">
        <v>0</v>
      </c>
      <c r="J426" s="107">
        <v>0</v>
      </c>
      <c r="K426" s="107">
        <v>0</v>
      </c>
      <c r="L426" s="107">
        <v>0</v>
      </c>
      <c r="M426" s="107">
        <v>0</v>
      </c>
      <c r="N426" s="107">
        <v>0</v>
      </c>
      <c r="O426" s="107">
        <v>0</v>
      </c>
      <c r="P426" s="107">
        <v>0</v>
      </c>
      <c r="Q426" s="107">
        <v>0</v>
      </c>
      <c r="R426" s="107">
        <v>0</v>
      </c>
      <c r="S426" s="107">
        <v>0</v>
      </c>
      <c r="T426" s="107">
        <v>0</v>
      </c>
      <c r="U426" s="107">
        <v>0</v>
      </c>
      <c r="V426" s="107">
        <v>0</v>
      </c>
      <c r="W426" s="107">
        <v>0</v>
      </c>
      <c r="X426" s="107">
        <v>0</v>
      </c>
      <c r="Y426" s="107">
        <v>0</v>
      </c>
      <c r="Z426" s="107">
        <v>0</v>
      </c>
      <c r="AA426" s="107">
        <v>0</v>
      </c>
      <c r="AB426" s="107">
        <v>0</v>
      </c>
      <c r="AC426" s="107">
        <v>0</v>
      </c>
      <c r="AD426" s="107">
        <v>0</v>
      </c>
      <c r="AE426" s="107">
        <v>0</v>
      </c>
      <c r="AF426" s="107">
        <v>0</v>
      </c>
      <c r="AG426" s="107">
        <v>0</v>
      </c>
      <c r="AH426" s="107">
        <v>0</v>
      </c>
      <c r="AI426" s="107">
        <v>0</v>
      </c>
      <c r="AJ426" s="107">
        <v>0</v>
      </c>
      <c r="AK426" s="107">
        <v>0</v>
      </c>
      <c r="AL426" s="107">
        <v>0</v>
      </c>
      <c r="AM426" s="107">
        <v>0</v>
      </c>
      <c r="AN426" s="107">
        <v>0</v>
      </c>
    </row>
    <row r="427" spans="1:40" x14ac:dyDescent="0.2">
      <c r="A427" s="133" t="s">
        <v>836</v>
      </c>
      <c r="B427" s="107">
        <v>0</v>
      </c>
      <c r="C427" s="107">
        <v>0</v>
      </c>
      <c r="D427" s="107">
        <v>0</v>
      </c>
      <c r="E427" s="107">
        <v>0</v>
      </c>
      <c r="F427" s="107">
        <v>0</v>
      </c>
      <c r="G427" s="107">
        <v>0</v>
      </c>
      <c r="H427" s="107">
        <v>0</v>
      </c>
      <c r="I427" s="107">
        <v>0</v>
      </c>
      <c r="J427" s="107">
        <v>0</v>
      </c>
      <c r="K427" s="107">
        <v>0</v>
      </c>
      <c r="L427" s="107">
        <v>0</v>
      </c>
      <c r="M427" s="107">
        <v>0</v>
      </c>
      <c r="N427" s="107">
        <v>0</v>
      </c>
      <c r="O427" s="107">
        <v>0</v>
      </c>
      <c r="P427" s="107">
        <v>0</v>
      </c>
      <c r="Q427" s="107">
        <v>0</v>
      </c>
      <c r="R427" s="107">
        <v>0</v>
      </c>
      <c r="S427" s="107">
        <v>0</v>
      </c>
      <c r="T427" s="107">
        <v>0</v>
      </c>
      <c r="U427" s="107">
        <v>0</v>
      </c>
      <c r="V427" s="107">
        <v>0</v>
      </c>
      <c r="W427" s="107">
        <v>0</v>
      </c>
      <c r="X427" s="107">
        <v>0</v>
      </c>
      <c r="Y427" s="107">
        <v>0</v>
      </c>
      <c r="Z427" s="107">
        <v>0</v>
      </c>
      <c r="AA427" s="107">
        <v>0</v>
      </c>
      <c r="AB427" s="107">
        <v>0</v>
      </c>
      <c r="AC427" s="107">
        <v>0</v>
      </c>
      <c r="AD427" s="107">
        <v>0</v>
      </c>
      <c r="AE427" s="107">
        <v>0</v>
      </c>
      <c r="AF427" s="107">
        <v>0</v>
      </c>
      <c r="AG427" s="107">
        <v>0</v>
      </c>
      <c r="AH427" s="107">
        <v>0</v>
      </c>
      <c r="AI427" s="107">
        <v>0</v>
      </c>
      <c r="AJ427" s="107">
        <v>0</v>
      </c>
      <c r="AK427" s="107">
        <v>0</v>
      </c>
      <c r="AL427" s="107">
        <v>0</v>
      </c>
      <c r="AM427" s="107">
        <v>0</v>
      </c>
      <c r="AN427" s="107">
        <v>0</v>
      </c>
    </row>
    <row r="428" spans="1:40" x14ac:dyDescent="0.2">
      <c r="A428" s="133" t="s">
        <v>837</v>
      </c>
      <c r="B428" s="107">
        <v>0</v>
      </c>
      <c r="C428" s="107">
        <v>0</v>
      </c>
      <c r="D428" s="107">
        <v>0</v>
      </c>
      <c r="E428" s="107">
        <v>0</v>
      </c>
      <c r="F428" s="107">
        <v>0</v>
      </c>
      <c r="G428" s="107">
        <v>0</v>
      </c>
      <c r="H428" s="107">
        <v>0</v>
      </c>
      <c r="I428" s="107">
        <v>0</v>
      </c>
      <c r="J428" s="107">
        <v>0</v>
      </c>
      <c r="K428" s="107">
        <v>0</v>
      </c>
      <c r="L428" s="107">
        <v>0</v>
      </c>
      <c r="M428" s="107">
        <v>0</v>
      </c>
      <c r="N428" s="107">
        <v>0</v>
      </c>
      <c r="O428" s="107">
        <v>0</v>
      </c>
      <c r="P428" s="107">
        <v>0</v>
      </c>
      <c r="Q428" s="107">
        <v>0</v>
      </c>
      <c r="R428" s="107">
        <v>0</v>
      </c>
      <c r="S428" s="107">
        <v>0</v>
      </c>
      <c r="T428" s="107">
        <v>0</v>
      </c>
      <c r="U428" s="107">
        <v>0</v>
      </c>
      <c r="V428" s="107">
        <v>0</v>
      </c>
      <c r="W428" s="107">
        <v>0</v>
      </c>
      <c r="X428" s="107">
        <v>0</v>
      </c>
      <c r="Y428" s="107">
        <v>0</v>
      </c>
      <c r="Z428" s="107">
        <v>0</v>
      </c>
      <c r="AA428" s="107">
        <v>0</v>
      </c>
      <c r="AB428" s="107">
        <v>0</v>
      </c>
      <c r="AC428" s="107">
        <v>0</v>
      </c>
      <c r="AD428" s="107">
        <v>0</v>
      </c>
      <c r="AE428" s="107">
        <v>0</v>
      </c>
      <c r="AF428" s="107">
        <v>0</v>
      </c>
      <c r="AG428" s="107">
        <v>0</v>
      </c>
      <c r="AH428" s="107">
        <v>0</v>
      </c>
      <c r="AI428" s="107">
        <v>0</v>
      </c>
      <c r="AJ428" s="107">
        <v>0</v>
      </c>
      <c r="AK428" s="107">
        <v>0</v>
      </c>
      <c r="AL428" s="107">
        <v>0</v>
      </c>
      <c r="AM428" s="107">
        <v>0</v>
      </c>
      <c r="AN428" s="107">
        <v>0</v>
      </c>
    </row>
    <row r="429" spans="1:40" x14ac:dyDescent="0.2">
      <c r="A429" s="133" t="s">
        <v>838</v>
      </c>
      <c r="B429" s="107">
        <v>0</v>
      </c>
      <c r="C429" s="107">
        <v>0</v>
      </c>
      <c r="D429" s="107">
        <v>0</v>
      </c>
      <c r="E429" s="107">
        <v>0</v>
      </c>
      <c r="F429" s="107">
        <v>0</v>
      </c>
      <c r="G429" s="107">
        <v>0</v>
      </c>
      <c r="H429" s="107">
        <v>0</v>
      </c>
      <c r="I429" s="107">
        <v>0</v>
      </c>
      <c r="J429" s="107">
        <v>0</v>
      </c>
      <c r="K429" s="107">
        <v>0</v>
      </c>
      <c r="L429" s="107">
        <v>0</v>
      </c>
      <c r="M429" s="107">
        <v>0</v>
      </c>
      <c r="N429" s="107">
        <v>0</v>
      </c>
      <c r="O429" s="107">
        <v>0</v>
      </c>
      <c r="P429" s="107">
        <v>0</v>
      </c>
      <c r="Q429" s="107">
        <v>0</v>
      </c>
      <c r="R429" s="107">
        <v>0</v>
      </c>
      <c r="S429" s="107">
        <v>0</v>
      </c>
      <c r="T429" s="107">
        <v>0</v>
      </c>
      <c r="U429" s="107">
        <v>0</v>
      </c>
      <c r="V429" s="107">
        <v>0</v>
      </c>
      <c r="W429" s="107">
        <v>0</v>
      </c>
      <c r="X429" s="107">
        <v>0</v>
      </c>
      <c r="Y429" s="107">
        <v>0</v>
      </c>
      <c r="Z429" s="107">
        <v>0</v>
      </c>
      <c r="AA429" s="107">
        <v>0</v>
      </c>
      <c r="AB429" s="107">
        <v>0</v>
      </c>
      <c r="AC429" s="107">
        <v>0</v>
      </c>
      <c r="AD429" s="107">
        <v>0</v>
      </c>
      <c r="AE429" s="107">
        <v>0</v>
      </c>
      <c r="AF429" s="107">
        <v>0</v>
      </c>
      <c r="AG429" s="107">
        <v>0</v>
      </c>
      <c r="AH429" s="107">
        <v>0</v>
      </c>
      <c r="AI429" s="107">
        <v>0</v>
      </c>
      <c r="AJ429" s="107">
        <v>0</v>
      </c>
      <c r="AK429" s="107">
        <v>0</v>
      </c>
      <c r="AL429" s="107">
        <v>0</v>
      </c>
      <c r="AM429" s="107">
        <v>0</v>
      </c>
      <c r="AN429" s="107">
        <v>0</v>
      </c>
    </row>
    <row r="430" spans="1:40" x14ac:dyDescent="0.2">
      <c r="A430" s="133" t="s">
        <v>839</v>
      </c>
      <c r="B430" s="107">
        <v>0</v>
      </c>
      <c r="C430" s="107">
        <v>0</v>
      </c>
      <c r="D430" s="107">
        <v>0</v>
      </c>
      <c r="E430" s="107">
        <v>0</v>
      </c>
      <c r="F430" s="107">
        <v>0</v>
      </c>
      <c r="G430" s="107">
        <v>0</v>
      </c>
      <c r="H430" s="107">
        <v>0</v>
      </c>
      <c r="I430" s="107">
        <v>0</v>
      </c>
      <c r="J430" s="107">
        <v>0</v>
      </c>
      <c r="K430" s="107">
        <v>0</v>
      </c>
      <c r="L430" s="107">
        <v>0</v>
      </c>
      <c r="M430" s="107">
        <v>0</v>
      </c>
      <c r="N430" s="107">
        <v>0</v>
      </c>
      <c r="O430" s="107">
        <v>0</v>
      </c>
      <c r="P430" s="107">
        <v>0</v>
      </c>
      <c r="Q430" s="107">
        <v>0</v>
      </c>
      <c r="R430" s="107">
        <v>0</v>
      </c>
      <c r="S430" s="107">
        <v>0</v>
      </c>
      <c r="T430" s="107">
        <v>0</v>
      </c>
      <c r="U430" s="107">
        <v>0</v>
      </c>
      <c r="V430" s="107">
        <v>0</v>
      </c>
      <c r="W430" s="107">
        <v>0</v>
      </c>
      <c r="X430" s="107">
        <v>0</v>
      </c>
      <c r="Y430" s="107">
        <v>0</v>
      </c>
      <c r="Z430" s="107">
        <v>0</v>
      </c>
      <c r="AA430" s="107">
        <v>0</v>
      </c>
      <c r="AB430" s="107">
        <v>0</v>
      </c>
      <c r="AC430" s="107">
        <v>0</v>
      </c>
      <c r="AD430" s="107">
        <v>0</v>
      </c>
      <c r="AE430" s="107">
        <v>0</v>
      </c>
      <c r="AF430" s="107">
        <v>0</v>
      </c>
      <c r="AG430" s="107">
        <v>0</v>
      </c>
      <c r="AH430" s="107">
        <v>0</v>
      </c>
      <c r="AI430" s="107">
        <v>0</v>
      </c>
      <c r="AJ430" s="107">
        <v>0</v>
      </c>
      <c r="AK430" s="107">
        <v>0</v>
      </c>
      <c r="AL430" s="107">
        <v>0</v>
      </c>
      <c r="AM430" s="107">
        <v>0</v>
      </c>
      <c r="AN430" s="107">
        <v>0</v>
      </c>
    </row>
    <row r="431" spans="1:40" x14ac:dyDescent="0.2">
      <c r="A431" s="133" t="s">
        <v>840</v>
      </c>
    </row>
    <row r="432" spans="1:40" x14ac:dyDescent="0.2">
      <c r="A432" s="133" t="s">
        <v>841</v>
      </c>
    </row>
    <row r="433" spans="1:40" x14ac:dyDescent="0.2">
      <c r="A433" s="133" t="s">
        <v>842</v>
      </c>
      <c r="B433" s="107">
        <v>0</v>
      </c>
      <c r="C433" s="107">
        <v>0</v>
      </c>
      <c r="D433" s="107">
        <v>0</v>
      </c>
      <c r="E433" s="107">
        <v>0</v>
      </c>
      <c r="F433" s="107">
        <v>0</v>
      </c>
      <c r="G433" s="107">
        <v>0</v>
      </c>
      <c r="H433" s="107">
        <v>0</v>
      </c>
      <c r="I433" s="107">
        <v>0</v>
      </c>
      <c r="J433" s="107">
        <v>0</v>
      </c>
      <c r="K433" s="107">
        <v>0</v>
      </c>
      <c r="L433" s="107">
        <v>0</v>
      </c>
      <c r="M433" s="107">
        <v>0</v>
      </c>
      <c r="N433" s="107">
        <v>0</v>
      </c>
      <c r="O433" s="107">
        <v>0</v>
      </c>
      <c r="P433" s="107">
        <v>0</v>
      </c>
      <c r="Q433" s="107">
        <v>0</v>
      </c>
      <c r="R433" s="107">
        <v>0</v>
      </c>
      <c r="S433" s="107">
        <v>0</v>
      </c>
      <c r="T433" s="107">
        <v>0</v>
      </c>
      <c r="U433" s="107">
        <v>0</v>
      </c>
      <c r="V433" s="107">
        <v>0</v>
      </c>
      <c r="W433" s="107">
        <v>0</v>
      </c>
      <c r="X433" s="107">
        <v>0</v>
      </c>
      <c r="Y433" s="107">
        <v>0</v>
      </c>
      <c r="Z433" s="107">
        <v>0</v>
      </c>
      <c r="AA433" s="107">
        <v>0</v>
      </c>
      <c r="AB433" s="107">
        <v>0</v>
      </c>
      <c r="AC433" s="107">
        <v>0</v>
      </c>
      <c r="AD433" s="107">
        <v>0</v>
      </c>
      <c r="AE433" s="107">
        <v>0</v>
      </c>
      <c r="AF433" s="107">
        <v>0</v>
      </c>
      <c r="AG433" s="107">
        <v>0</v>
      </c>
      <c r="AH433" s="107">
        <v>0</v>
      </c>
      <c r="AI433" s="107">
        <v>0</v>
      </c>
      <c r="AJ433" s="107">
        <v>0</v>
      </c>
      <c r="AK433" s="107">
        <v>0</v>
      </c>
      <c r="AL433" s="107">
        <v>0</v>
      </c>
      <c r="AM433" s="107">
        <v>0</v>
      </c>
      <c r="AN433" s="107">
        <v>0</v>
      </c>
    </row>
    <row r="434" spans="1:40" x14ac:dyDescent="0.2">
      <c r="A434" s="133" t="s">
        <v>843</v>
      </c>
      <c r="B434" s="107">
        <v>0</v>
      </c>
      <c r="C434" s="107">
        <v>0</v>
      </c>
      <c r="D434" s="107">
        <v>0</v>
      </c>
      <c r="E434" s="107">
        <v>0</v>
      </c>
      <c r="F434" s="107">
        <v>0</v>
      </c>
      <c r="G434" s="107">
        <v>0</v>
      </c>
      <c r="H434" s="107">
        <v>0</v>
      </c>
      <c r="I434" s="107">
        <v>0</v>
      </c>
      <c r="J434" s="107">
        <v>0</v>
      </c>
      <c r="K434" s="107">
        <v>0</v>
      </c>
      <c r="L434" s="107">
        <v>0</v>
      </c>
      <c r="M434" s="107">
        <v>0</v>
      </c>
      <c r="N434" s="107">
        <v>0</v>
      </c>
      <c r="O434" s="107">
        <v>0</v>
      </c>
      <c r="P434" s="107">
        <v>0</v>
      </c>
      <c r="Q434" s="107">
        <v>0</v>
      </c>
      <c r="R434" s="107">
        <v>0</v>
      </c>
      <c r="S434" s="107">
        <v>0</v>
      </c>
      <c r="T434" s="107">
        <v>0</v>
      </c>
      <c r="U434" s="107">
        <v>0</v>
      </c>
      <c r="V434" s="107">
        <v>0</v>
      </c>
      <c r="W434" s="107">
        <v>0</v>
      </c>
      <c r="X434" s="107">
        <v>0</v>
      </c>
      <c r="Y434" s="107">
        <v>0</v>
      </c>
      <c r="Z434" s="107">
        <v>0</v>
      </c>
      <c r="AA434" s="107">
        <v>0</v>
      </c>
      <c r="AB434" s="107">
        <v>0</v>
      </c>
      <c r="AC434" s="107">
        <v>0</v>
      </c>
      <c r="AD434" s="107">
        <v>0</v>
      </c>
      <c r="AE434" s="107">
        <v>0</v>
      </c>
      <c r="AF434" s="107">
        <v>0</v>
      </c>
      <c r="AG434" s="107">
        <v>0</v>
      </c>
      <c r="AH434" s="107">
        <v>0</v>
      </c>
      <c r="AI434" s="107">
        <v>0</v>
      </c>
      <c r="AJ434" s="107">
        <v>0</v>
      </c>
      <c r="AK434" s="107">
        <v>0</v>
      </c>
      <c r="AL434" s="107">
        <v>0</v>
      </c>
      <c r="AM434" s="107">
        <v>0</v>
      </c>
      <c r="AN434" s="107">
        <v>0</v>
      </c>
    </row>
    <row r="435" spans="1:40" x14ac:dyDescent="0.2">
      <c r="A435" s="133" t="s">
        <v>844</v>
      </c>
      <c r="B435" s="107">
        <v>0</v>
      </c>
      <c r="C435" s="107">
        <v>0</v>
      </c>
      <c r="D435" s="107">
        <v>0</v>
      </c>
      <c r="E435" s="107">
        <v>0</v>
      </c>
      <c r="F435" s="107">
        <v>0</v>
      </c>
      <c r="G435" s="107">
        <v>0</v>
      </c>
      <c r="H435" s="107">
        <v>0</v>
      </c>
      <c r="I435" s="107">
        <v>0</v>
      </c>
      <c r="J435" s="107">
        <v>0</v>
      </c>
      <c r="K435" s="107">
        <v>0</v>
      </c>
      <c r="L435" s="107">
        <v>0</v>
      </c>
      <c r="M435" s="107">
        <v>0</v>
      </c>
      <c r="N435" s="107">
        <v>0</v>
      </c>
      <c r="O435" s="107">
        <v>0</v>
      </c>
      <c r="P435" s="107">
        <v>0</v>
      </c>
      <c r="Q435" s="107">
        <v>0</v>
      </c>
      <c r="R435" s="107">
        <v>0</v>
      </c>
      <c r="S435" s="107">
        <v>0</v>
      </c>
      <c r="T435" s="107">
        <v>0</v>
      </c>
      <c r="U435" s="107">
        <v>0</v>
      </c>
      <c r="V435" s="107">
        <v>0</v>
      </c>
      <c r="W435" s="107">
        <v>0</v>
      </c>
      <c r="X435" s="107">
        <v>0</v>
      </c>
      <c r="Y435" s="107">
        <v>0</v>
      </c>
      <c r="Z435" s="107">
        <v>0</v>
      </c>
      <c r="AA435" s="107">
        <v>0</v>
      </c>
      <c r="AB435" s="107">
        <v>0</v>
      </c>
      <c r="AC435" s="107">
        <v>0</v>
      </c>
      <c r="AD435" s="107">
        <v>0</v>
      </c>
      <c r="AE435" s="107">
        <v>0</v>
      </c>
      <c r="AF435" s="107">
        <v>0</v>
      </c>
      <c r="AG435" s="107">
        <v>0</v>
      </c>
      <c r="AH435" s="107">
        <v>0</v>
      </c>
      <c r="AI435" s="107">
        <v>0</v>
      </c>
      <c r="AJ435" s="107">
        <v>0</v>
      </c>
      <c r="AK435" s="107">
        <v>0</v>
      </c>
      <c r="AL435" s="107">
        <v>0</v>
      </c>
      <c r="AM435" s="107">
        <v>0</v>
      </c>
      <c r="AN435" s="107">
        <v>0</v>
      </c>
    </row>
    <row r="436" spans="1:40" x14ac:dyDescent="0.2">
      <c r="A436" s="133" t="s">
        <v>845</v>
      </c>
      <c r="B436" s="107">
        <v>0</v>
      </c>
      <c r="C436" s="107">
        <v>0</v>
      </c>
      <c r="D436" s="107">
        <v>0</v>
      </c>
      <c r="E436" s="107">
        <v>0</v>
      </c>
      <c r="F436" s="107">
        <v>0</v>
      </c>
      <c r="G436" s="107">
        <v>0</v>
      </c>
      <c r="H436" s="107">
        <v>0</v>
      </c>
      <c r="I436" s="107">
        <v>0</v>
      </c>
      <c r="J436" s="107">
        <v>0</v>
      </c>
      <c r="K436" s="107">
        <v>0</v>
      </c>
      <c r="L436" s="107">
        <v>0</v>
      </c>
      <c r="M436" s="107">
        <v>0</v>
      </c>
      <c r="N436" s="107">
        <v>0</v>
      </c>
      <c r="O436" s="107">
        <v>0</v>
      </c>
      <c r="P436" s="107">
        <v>0</v>
      </c>
      <c r="Q436" s="107">
        <v>0</v>
      </c>
      <c r="R436" s="107">
        <v>0</v>
      </c>
      <c r="S436" s="107">
        <v>0</v>
      </c>
      <c r="T436" s="107">
        <v>0</v>
      </c>
      <c r="U436" s="107">
        <v>0</v>
      </c>
      <c r="V436" s="107">
        <v>0</v>
      </c>
      <c r="W436" s="107">
        <v>0</v>
      </c>
      <c r="X436" s="107">
        <v>0</v>
      </c>
      <c r="Y436" s="107">
        <v>0</v>
      </c>
      <c r="Z436" s="107">
        <v>0</v>
      </c>
      <c r="AA436" s="107">
        <v>0</v>
      </c>
      <c r="AB436" s="107">
        <v>0</v>
      </c>
      <c r="AC436" s="107">
        <v>0</v>
      </c>
      <c r="AD436" s="107">
        <v>0</v>
      </c>
      <c r="AE436" s="107">
        <v>0</v>
      </c>
      <c r="AF436" s="107">
        <v>0</v>
      </c>
      <c r="AG436" s="107">
        <v>0</v>
      </c>
      <c r="AH436" s="107">
        <v>0</v>
      </c>
      <c r="AI436" s="107">
        <v>0</v>
      </c>
      <c r="AJ436" s="107">
        <v>0</v>
      </c>
      <c r="AK436" s="107">
        <v>0</v>
      </c>
      <c r="AL436" s="107">
        <v>0</v>
      </c>
      <c r="AM436" s="107">
        <v>0</v>
      </c>
      <c r="AN436" s="107">
        <v>0</v>
      </c>
    </row>
    <row r="437" spans="1:40" x14ac:dyDescent="0.2">
      <c r="A437" s="133" t="s">
        <v>846</v>
      </c>
      <c r="B437" s="107">
        <v>0</v>
      </c>
      <c r="C437" s="107">
        <v>0</v>
      </c>
      <c r="D437" s="107">
        <v>0</v>
      </c>
      <c r="E437" s="107">
        <v>0</v>
      </c>
      <c r="F437" s="107">
        <v>0</v>
      </c>
      <c r="G437" s="107">
        <v>0</v>
      </c>
      <c r="H437" s="107">
        <v>0</v>
      </c>
      <c r="I437" s="107">
        <v>0</v>
      </c>
      <c r="J437" s="107">
        <v>0</v>
      </c>
      <c r="K437" s="107">
        <v>0</v>
      </c>
      <c r="L437" s="107">
        <v>0</v>
      </c>
      <c r="M437" s="107">
        <v>0</v>
      </c>
      <c r="N437" s="107">
        <v>0</v>
      </c>
      <c r="O437" s="107">
        <v>0</v>
      </c>
      <c r="P437" s="107">
        <v>0</v>
      </c>
      <c r="Q437" s="107">
        <v>0</v>
      </c>
      <c r="R437" s="107">
        <v>0</v>
      </c>
      <c r="S437" s="107">
        <v>0</v>
      </c>
      <c r="T437" s="107">
        <v>0</v>
      </c>
      <c r="U437" s="107">
        <v>0</v>
      </c>
      <c r="V437" s="107">
        <v>0</v>
      </c>
      <c r="W437" s="107">
        <v>0</v>
      </c>
      <c r="X437" s="107">
        <v>0</v>
      </c>
      <c r="Y437" s="107">
        <v>0</v>
      </c>
      <c r="Z437" s="107">
        <v>0</v>
      </c>
      <c r="AA437" s="107">
        <v>0</v>
      </c>
      <c r="AB437" s="107">
        <v>0</v>
      </c>
      <c r="AC437" s="107">
        <v>0</v>
      </c>
      <c r="AD437" s="107">
        <v>0</v>
      </c>
      <c r="AE437" s="107">
        <v>0</v>
      </c>
      <c r="AF437" s="107">
        <v>0</v>
      </c>
      <c r="AG437" s="107">
        <v>0</v>
      </c>
      <c r="AH437" s="107">
        <v>0</v>
      </c>
      <c r="AI437" s="107">
        <v>0</v>
      </c>
      <c r="AJ437" s="107">
        <v>0</v>
      </c>
      <c r="AK437" s="107">
        <v>0</v>
      </c>
      <c r="AL437" s="107">
        <v>0</v>
      </c>
      <c r="AM437" s="107">
        <v>0</v>
      </c>
      <c r="AN437" s="107">
        <v>0</v>
      </c>
    </row>
    <row r="438" spans="1:40" x14ac:dyDescent="0.2">
      <c r="A438" s="133" t="s">
        <v>847</v>
      </c>
      <c r="B438" s="107">
        <v>0</v>
      </c>
      <c r="C438" s="107">
        <v>0</v>
      </c>
      <c r="D438" s="107">
        <v>0</v>
      </c>
      <c r="E438" s="107">
        <v>0</v>
      </c>
      <c r="F438" s="107">
        <v>0</v>
      </c>
      <c r="G438" s="107">
        <v>0</v>
      </c>
      <c r="H438" s="107">
        <v>0</v>
      </c>
      <c r="I438" s="107">
        <v>0</v>
      </c>
      <c r="J438" s="107">
        <v>0</v>
      </c>
      <c r="K438" s="107">
        <v>0</v>
      </c>
      <c r="L438" s="107">
        <v>0</v>
      </c>
      <c r="M438" s="107">
        <v>0</v>
      </c>
      <c r="N438" s="107">
        <v>0</v>
      </c>
      <c r="O438" s="107">
        <v>0</v>
      </c>
      <c r="P438" s="107">
        <v>0</v>
      </c>
      <c r="Q438" s="107">
        <v>0</v>
      </c>
      <c r="R438" s="107">
        <v>0</v>
      </c>
      <c r="S438" s="107">
        <v>0</v>
      </c>
      <c r="T438" s="107">
        <v>0</v>
      </c>
      <c r="U438" s="107">
        <v>0</v>
      </c>
      <c r="V438" s="107">
        <v>0</v>
      </c>
      <c r="W438" s="107">
        <v>0</v>
      </c>
      <c r="X438" s="107">
        <v>0</v>
      </c>
      <c r="Y438" s="107">
        <v>0</v>
      </c>
      <c r="Z438" s="107">
        <v>0</v>
      </c>
      <c r="AA438" s="107">
        <v>0</v>
      </c>
      <c r="AB438" s="107">
        <v>0</v>
      </c>
      <c r="AC438" s="107">
        <v>0</v>
      </c>
      <c r="AD438" s="107">
        <v>0</v>
      </c>
      <c r="AE438" s="107">
        <v>0</v>
      </c>
      <c r="AF438" s="107">
        <v>0</v>
      </c>
      <c r="AG438" s="107">
        <v>0</v>
      </c>
      <c r="AH438" s="107">
        <v>0</v>
      </c>
      <c r="AI438" s="107">
        <v>0</v>
      </c>
      <c r="AJ438" s="107">
        <v>0</v>
      </c>
      <c r="AK438" s="107">
        <v>0</v>
      </c>
      <c r="AL438" s="107">
        <v>0</v>
      </c>
      <c r="AM438" s="107">
        <v>0</v>
      </c>
      <c r="AN438" s="107">
        <v>0</v>
      </c>
    </row>
    <row r="439" spans="1:40" x14ac:dyDescent="0.2">
      <c r="A439" s="133" t="s">
        <v>848</v>
      </c>
      <c r="B439" s="107">
        <v>0</v>
      </c>
      <c r="C439" s="107">
        <v>0</v>
      </c>
      <c r="D439" s="107">
        <v>0</v>
      </c>
      <c r="E439" s="107">
        <v>0</v>
      </c>
      <c r="F439" s="107">
        <v>0</v>
      </c>
      <c r="G439" s="107">
        <v>0</v>
      </c>
      <c r="H439" s="107">
        <v>0</v>
      </c>
      <c r="I439" s="107">
        <v>0</v>
      </c>
      <c r="J439" s="107">
        <v>0</v>
      </c>
      <c r="K439" s="107">
        <v>0</v>
      </c>
      <c r="L439" s="107">
        <v>0</v>
      </c>
      <c r="M439" s="107">
        <v>0</v>
      </c>
      <c r="N439" s="107">
        <v>0</v>
      </c>
      <c r="O439" s="107">
        <v>0</v>
      </c>
      <c r="P439" s="107">
        <v>0</v>
      </c>
      <c r="Q439" s="107">
        <v>0</v>
      </c>
      <c r="R439" s="107">
        <v>0</v>
      </c>
      <c r="S439" s="107">
        <v>0</v>
      </c>
      <c r="T439" s="107">
        <v>0</v>
      </c>
      <c r="U439" s="107">
        <v>0</v>
      </c>
      <c r="V439" s="107">
        <v>0</v>
      </c>
      <c r="W439" s="107">
        <v>0</v>
      </c>
      <c r="X439" s="107">
        <v>0</v>
      </c>
      <c r="Y439" s="107">
        <v>0</v>
      </c>
      <c r="Z439" s="107">
        <v>0</v>
      </c>
      <c r="AA439" s="107">
        <v>0</v>
      </c>
      <c r="AB439" s="107">
        <v>0</v>
      </c>
      <c r="AC439" s="107">
        <v>0</v>
      </c>
      <c r="AD439" s="107">
        <v>0</v>
      </c>
      <c r="AE439" s="107">
        <v>0</v>
      </c>
      <c r="AF439" s="107">
        <v>0</v>
      </c>
      <c r="AG439" s="107">
        <v>0</v>
      </c>
      <c r="AH439" s="107">
        <v>0</v>
      </c>
      <c r="AI439" s="107">
        <v>0</v>
      </c>
      <c r="AJ439" s="107">
        <v>0</v>
      </c>
      <c r="AK439" s="107">
        <v>0</v>
      </c>
      <c r="AL439" s="107">
        <v>0</v>
      </c>
      <c r="AM439" s="107">
        <v>0</v>
      </c>
      <c r="AN439" s="107">
        <v>0</v>
      </c>
    </row>
    <row r="440" spans="1:40" x14ac:dyDescent="0.2">
      <c r="A440" s="133" t="s">
        <v>849</v>
      </c>
      <c r="B440" s="107">
        <v>0</v>
      </c>
      <c r="C440" s="107">
        <v>0</v>
      </c>
      <c r="D440" s="107">
        <v>0</v>
      </c>
      <c r="E440" s="107">
        <v>0</v>
      </c>
      <c r="F440" s="107">
        <v>0</v>
      </c>
      <c r="G440" s="107">
        <v>0</v>
      </c>
      <c r="H440" s="107">
        <v>0</v>
      </c>
      <c r="I440" s="107">
        <v>0</v>
      </c>
      <c r="J440" s="107">
        <v>0</v>
      </c>
      <c r="K440" s="107">
        <v>0</v>
      </c>
      <c r="L440" s="107">
        <v>0</v>
      </c>
      <c r="M440" s="107">
        <v>0</v>
      </c>
      <c r="N440" s="107">
        <v>0</v>
      </c>
      <c r="O440" s="107">
        <v>0</v>
      </c>
      <c r="P440" s="107">
        <v>0</v>
      </c>
      <c r="Q440" s="107">
        <v>0</v>
      </c>
      <c r="R440" s="107">
        <v>0</v>
      </c>
      <c r="S440" s="107">
        <v>0</v>
      </c>
      <c r="T440" s="107">
        <v>0</v>
      </c>
      <c r="U440" s="107">
        <v>0</v>
      </c>
      <c r="V440" s="107">
        <v>0</v>
      </c>
      <c r="W440" s="107">
        <v>0</v>
      </c>
      <c r="X440" s="107">
        <v>0</v>
      </c>
      <c r="Y440" s="107">
        <v>0</v>
      </c>
      <c r="Z440" s="107">
        <v>0</v>
      </c>
      <c r="AA440" s="107">
        <v>0</v>
      </c>
      <c r="AB440" s="107">
        <v>0</v>
      </c>
      <c r="AC440" s="107">
        <v>0</v>
      </c>
      <c r="AD440" s="107">
        <v>0</v>
      </c>
      <c r="AE440" s="107">
        <v>0</v>
      </c>
      <c r="AF440" s="107">
        <v>0</v>
      </c>
      <c r="AG440" s="107">
        <v>0</v>
      </c>
      <c r="AH440" s="107">
        <v>0</v>
      </c>
      <c r="AI440" s="107">
        <v>0</v>
      </c>
      <c r="AJ440" s="107">
        <v>0</v>
      </c>
      <c r="AK440" s="107">
        <v>0</v>
      </c>
      <c r="AL440" s="107">
        <v>0</v>
      </c>
      <c r="AM440" s="107">
        <v>0</v>
      </c>
      <c r="AN440" s="107">
        <v>0</v>
      </c>
    </row>
    <row r="441" spans="1:40" x14ac:dyDescent="0.2">
      <c r="A441" s="133" t="s">
        <v>850</v>
      </c>
      <c r="B441" s="107">
        <v>0</v>
      </c>
      <c r="C441" s="107">
        <v>0</v>
      </c>
      <c r="D441" s="107">
        <v>0</v>
      </c>
      <c r="E441" s="107">
        <v>0</v>
      </c>
      <c r="F441" s="107">
        <v>0</v>
      </c>
      <c r="G441" s="107">
        <v>0</v>
      </c>
      <c r="H441" s="107">
        <v>0</v>
      </c>
      <c r="I441" s="107">
        <v>0</v>
      </c>
      <c r="J441" s="107">
        <v>0</v>
      </c>
      <c r="K441" s="107">
        <v>0</v>
      </c>
      <c r="L441" s="107">
        <v>0</v>
      </c>
      <c r="M441" s="107">
        <v>0</v>
      </c>
      <c r="N441" s="107">
        <v>0</v>
      </c>
      <c r="O441" s="107">
        <v>0</v>
      </c>
      <c r="P441" s="107">
        <v>0</v>
      </c>
      <c r="Q441" s="107">
        <v>0</v>
      </c>
      <c r="R441" s="107">
        <v>0</v>
      </c>
      <c r="S441" s="107">
        <v>0</v>
      </c>
      <c r="T441" s="107">
        <v>0</v>
      </c>
      <c r="U441" s="107">
        <v>0</v>
      </c>
      <c r="V441" s="107">
        <v>0</v>
      </c>
      <c r="W441" s="107">
        <v>0</v>
      </c>
      <c r="X441" s="107">
        <v>0</v>
      </c>
      <c r="Y441" s="107">
        <v>0</v>
      </c>
      <c r="Z441" s="107">
        <v>0</v>
      </c>
      <c r="AA441" s="107">
        <v>0</v>
      </c>
      <c r="AB441" s="107">
        <v>0</v>
      </c>
      <c r="AC441" s="107">
        <v>0</v>
      </c>
      <c r="AD441" s="107">
        <v>0</v>
      </c>
      <c r="AE441" s="107">
        <v>0</v>
      </c>
      <c r="AF441" s="107">
        <v>0</v>
      </c>
      <c r="AG441" s="107">
        <v>0</v>
      </c>
      <c r="AH441" s="107">
        <v>0</v>
      </c>
      <c r="AI441" s="107">
        <v>0</v>
      </c>
      <c r="AJ441" s="107">
        <v>0</v>
      </c>
      <c r="AK441" s="107">
        <v>0</v>
      </c>
      <c r="AL441" s="107">
        <v>0</v>
      </c>
      <c r="AM441" s="107">
        <v>0</v>
      </c>
      <c r="AN441" s="107">
        <v>0</v>
      </c>
    </row>
    <row r="442" spans="1:40" x14ac:dyDescent="0.2">
      <c r="A442" s="133" t="s">
        <v>851</v>
      </c>
      <c r="B442" s="107">
        <v>0</v>
      </c>
      <c r="C442" s="107">
        <v>0</v>
      </c>
      <c r="D442" s="107">
        <v>0</v>
      </c>
      <c r="E442" s="107">
        <v>0</v>
      </c>
      <c r="F442" s="107">
        <v>0</v>
      </c>
      <c r="G442" s="107">
        <v>0</v>
      </c>
      <c r="H442" s="107">
        <v>0</v>
      </c>
      <c r="I442" s="107">
        <v>0</v>
      </c>
      <c r="J442" s="107">
        <v>0</v>
      </c>
      <c r="K442" s="107">
        <v>0</v>
      </c>
      <c r="L442" s="107">
        <v>0</v>
      </c>
      <c r="M442" s="107">
        <v>0</v>
      </c>
      <c r="N442" s="107">
        <v>0</v>
      </c>
      <c r="O442" s="107">
        <v>0</v>
      </c>
      <c r="P442" s="107">
        <v>0</v>
      </c>
      <c r="Q442" s="107">
        <v>0</v>
      </c>
      <c r="R442" s="107">
        <v>0</v>
      </c>
      <c r="S442" s="107">
        <v>0</v>
      </c>
      <c r="T442" s="107">
        <v>0</v>
      </c>
      <c r="U442" s="107">
        <v>0</v>
      </c>
      <c r="V442" s="107">
        <v>0</v>
      </c>
      <c r="W442" s="107">
        <v>0</v>
      </c>
      <c r="X442" s="107">
        <v>0</v>
      </c>
      <c r="Y442" s="107">
        <v>0</v>
      </c>
      <c r="Z442" s="107">
        <v>0</v>
      </c>
      <c r="AA442" s="107">
        <v>0</v>
      </c>
      <c r="AB442" s="107">
        <v>0</v>
      </c>
      <c r="AC442" s="107">
        <v>0</v>
      </c>
      <c r="AD442" s="107">
        <v>0</v>
      </c>
      <c r="AE442" s="107">
        <v>0</v>
      </c>
      <c r="AF442" s="107">
        <v>0</v>
      </c>
      <c r="AG442" s="107">
        <v>0</v>
      </c>
      <c r="AH442" s="107">
        <v>0</v>
      </c>
      <c r="AI442" s="107">
        <v>0</v>
      </c>
      <c r="AJ442" s="107">
        <v>0</v>
      </c>
      <c r="AK442" s="107">
        <v>0</v>
      </c>
      <c r="AL442" s="107">
        <v>0</v>
      </c>
      <c r="AM442" s="107">
        <v>0</v>
      </c>
      <c r="AN442" s="107">
        <v>0</v>
      </c>
    </row>
    <row r="443" spans="1:40" x14ac:dyDescent="0.2">
      <c r="A443" s="133" t="s">
        <v>852</v>
      </c>
      <c r="B443" s="107">
        <v>0</v>
      </c>
      <c r="C443" s="107">
        <v>0</v>
      </c>
      <c r="D443" s="107">
        <v>0</v>
      </c>
      <c r="E443" s="107">
        <v>0</v>
      </c>
      <c r="F443" s="107">
        <v>0</v>
      </c>
      <c r="G443" s="107">
        <v>0</v>
      </c>
      <c r="H443" s="107">
        <v>0</v>
      </c>
      <c r="I443" s="107">
        <v>0</v>
      </c>
      <c r="J443" s="107">
        <v>0</v>
      </c>
      <c r="K443" s="107">
        <v>0</v>
      </c>
      <c r="L443" s="107">
        <v>0</v>
      </c>
      <c r="M443" s="107">
        <v>0</v>
      </c>
      <c r="N443" s="107">
        <v>0</v>
      </c>
      <c r="O443" s="107">
        <v>0</v>
      </c>
      <c r="P443" s="107">
        <v>0</v>
      </c>
      <c r="Q443" s="107">
        <v>0</v>
      </c>
      <c r="R443" s="107">
        <v>0</v>
      </c>
      <c r="S443" s="107">
        <v>0</v>
      </c>
      <c r="T443" s="107">
        <v>0</v>
      </c>
      <c r="U443" s="107">
        <v>0</v>
      </c>
      <c r="V443" s="107">
        <v>0</v>
      </c>
      <c r="W443" s="107">
        <v>0</v>
      </c>
      <c r="X443" s="107">
        <v>0</v>
      </c>
      <c r="Y443" s="107">
        <v>0</v>
      </c>
      <c r="Z443" s="107">
        <v>0</v>
      </c>
      <c r="AA443" s="107">
        <v>0</v>
      </c>
      <c r="AB443" s="107">
        <v>0</v>
      </c>
      <c r="AC443" s="107">
        <v>0</v>
      </c>
      <c r="AD443" s="107">
        <v>0</v>
      </c>
      <c r="AE443" s="107">
        <v>0</v>
      </c>
      <c r="AF443" s="107">
        <v>0</v>
      </c>
      <c r="AG443" s="107">
        <v>0</v>
      </c>
      <c r="AH443" s="107">
        <v>0</v>
      </c>
      <c r="AI443" s="107">
        <v>0</v>
      </c>
      <c r="AJ443" s="107">
        <v>0</v>
      </c>
      <c r="AK443" s="107">
        <v>0</v>
      </c>
      <c r="AL443" s="107">
        <v>0</v>
      </c>
      <c r="AM443" s="107">
        <v>0</v>
      </c>
      <c r="AN443" s="107">
        <v>0</v>
      </c>
    </row>
    <row r="444" spans="1:40" x14ac:dyDescent="0.2">
      <c r="A444" s="133" t="s">
        <v>853</v>
      </c>
      <c r="B444" s="107">
        <v>0</v>
      </c>
      <c r="C444" s="107">
        <v>0</v>
      </c>
      <c r="D444" s="107">
        <v>0</v>
      </c>
      <c r="E444" s="107">
        <v>0</v>
      </c>
      <c r="F444" s="107">
        <v>0</v>
      </c>
      <c r="G444" s="107">
        <v>0</v>
      </c>
      <c r="H444" s="107">
        <v>0</v>
      </c>
      <c r="I444" s="107">
        <v>0</v>
      </c>
      <c r="J444" s="107">
        <v>0</v>
      </c>
      <c r="K444" s="107">
        <v>0</v>
      </c>
      <c r="L444" s="107">
        <v>0</v>
      </c>
      <c r="M444" s="107">
        <v>0</v>
      </c>
      <c r="N444" s="107">
        <v>0</v>
      </c>
      <c r="O444" s="107">
        <v>0</v>
      </c>
      <c r="P444" s="107">
        <v>0</v>
      </c>
      <c r="Q444" s="107">
        <v>0</v>
      </c>
      <c r="R444" s="107">
        <v>0</v>
      </c>
      <c r="S444" s="107">
        <v>0</v>
      </c>
      <c r="T444" s="107">
        <v>0</v>
      </c>
      <c r="U444" s="107">
        <v>0</v>
      </c>
      <c r="V444" s="107">
        <v>0</v>
      </c>
      <c r="W444" s="107">
        <v>0</v>
      </c>
      <c r="X444" s="107">
        <v>0</v>
      </c>
      <c r="Y444" s="107">
        <v>0</v>
      </c>
      <c r="Z444" s="107">
        <v>0</v>
      </c>
      <c r="AA444" s="107">
        <v>0</v>
      </c>
      <c r="AB444" s="107">
        <v>0</v>
      </c>
      <c r="AC444" s="107">
        <v>0</v>
      </c>
      <c r="AD444" s="107">
        <v>0</v>
      </c>
      <c r="AE444" s="107">
        <v>0</v>
      </c>
      <c r="AF444" s="107">
        <v>0</v>
      </c>
      <c r="AG444" s="107">
        <v>0</v>
      </c>
      <c r="AH444" s="107">
        <v>0</v>
      </c>
      <c r="AI444" s="107">
        <v>0</v>
      </c>
      <c r="AJ444" s="107">
        <v>0</v>
      </c>
      <c r="AK444" s="107">
        <v>0</v>
      </c>
      <c r="AL444" s="107">
        <v>0</v>
      </c>
      <c r="AM444" s="107">
        <v>0</v>
      </c>
      <c r="AN444" s="107">
        <v>0</v>
      </c>
    </row>
    <row r="445" spans="1:40" x14ac:dyDescent="0.2">
      <c r="A445" s="133" t="s">
        <v>854</v>
      </c>
      <c r="B445" s="107">
        <v>0</v>
      </c>
      <c r="C445" s="107">
        <v>0</v>
      </c>
      <c r="D445" s="107">
        <v>0</v>
      </c>
      <c r="E445" s="107">
        <v>0</v>
      </c>
      <c r="F445" s="107">
        <v>0</v>
      </c>
      <c r="G445" s="107">
        <v>0</v>
      </c>
      <c r="H445" s="107">
        <v>0</v>
      </c>
      <c r="I445" s="107">
        <v>0</v>
      </c>
      <c r="J445" s="107">
        <v>0</v>
      </c>
      <c r="K445" s="107">
        <v>0</v>
      </c>
      <c r="L445" s="107">
        <v>0</v>
      </c>
      <c r="M445" s="107">
        <v>0</v>
      </c>
      <c r="N445" s="107">
        <v>0</v>
      </c>
      <c r="O445" s="107">
        <v>0</v>
      </c>
      <c r="P445" s="107">
        <v>0</v>
      </c>
      <c r="Q445" s="107">
        <v>0</v>
      </c>
      <c r="R445" s="107">
        <v>0</v>
      </c>
      <c r="S445" s="107">
        <v>0</v>
      </c>
      <c r="T445" s="107">
        <v>0</v>
      </c>
      <c r="U445" s="107">
        <v>0</v>
      </c>
      <c r="V445" s="107">
        <v>0</v>
      </c>
      <c r="W445" s="107">
        <v>0</v>
      </c>
      <c r="X445" s="107">
        <v>0</v>
      </c>
      <c r="Y445" s="107">
        <v>0</v>
      </c>
      <c r="Z445" s="107">
        <v>0</v>
      </c>
      <c r="AA445" s="107">
        <v>0</v>
      </c>
      <c r="AB445" s="107">
        <v>0</v>
      </c>
      <c r="AC445" s="107">
        <v>0</v>
      </c>
      <c r="AD445" s="107">
        <v>0</v>
      </c>
      <c r="AE445" s="107">
        <v>0</v>
      </c>
      <c r="AF445" s="107">
        <v>0</v>
      </c>
      <c r="AG445" s="107">
        <v>0</v>
      </c>
      <c r="AH445" s="107">
        <v>0</v>
      </c>
      <c r="AI445" s="107">
        <v>0</v>
      </c>
      <c r="AJ445" s="107">
        <v>0</v>
      </c>
      <c r="AK445" s="107">
        <v>0</v>
      </c>
      <c r="AL445" s="107">
        <v>0</v>
      </c>
      <c r="AM445" s="107">
        <v>0</v>
      </c>
      <c r="AN445" s="107">
        <v>0</v>
      </c>
    </row>
    <row r="446" spans="1:40" x14ac:dyDescent="0.2">
      <c r="A446" s="133" t="s">
        <v>855</v>
      </c>
      <c r="B446" s="107">
        <v>0</v>
      </c>
      <c r="C446" s="107">
        <v>0</v>
      </c>
      <c r="D446" s="107">
        <v>0</v>
      </c>
      <c r="E446" s="107">
        <v>0</v>
      </c>
      <c r="F446" s="107">
        <v>0</v>
      </c>
      <c r="G446" s="107">
        <v>0</v>
      </c>
      <c r="H446" s="107">
        <v>0</v>
      </c>
      <c r="I446" s="107">
        <v>0</v>
      </c>
      <c r="J446" s="107">
        <v>0</v>
      </c>
      <c r="K446" s="107">
        <v>0</v>
      </c>
      <c r="L446" s="107">
        <v>0</v>
      </c>
      <c r="M446" s="107">
        <v>0</v>
      </c>
      <c r="N446" s="107">
        <v>0</v>
      </c>
      <c r="O446" s="107">
        <v>0</v>
      </c>
      <c r="P446" s="107">
        <v>0</v>
      </c>
      <c r="Q446" s="107">
        <v>0</v>
      </c>
      <c r="R446" s="107">
        <v>0</v>
      </c>
      <c r="S446" s="107">
        <v>0</v>
      </c>
      <c r="T446" s="107">
        <v>0</v>
      </c>
      <c r="U446" s="107">
        <v>0</v>
      </c>
      <c r="V446" s="107">
        <v>0</v>
      </c>
      <c r="W446" s="107">
        <v>0</v>
      </c>
      <c r="X446" s="107">
        <v>0</v>
      </c>
      <c r="Y446" s="107">
        <v>0</v>
      </c>
      <c r="Z446" s="107">
        <v>0</v>
      </c>
      <c r="AA446" s="107">
        <v>0</v>
      </c>
      <c r="AB446" s="107">
        <v>0</v>
      </c>
      <c r="AC446" s="107">
        <v>0</v>
      </c>
      <c r="AD446" s="107">
        <v>0</v>
      </c>
      <c r="AE446" s="107">
        <v>0</v>
      </c>
      <c r="AF446" s="107">
        <v>0</v>
      </c>
      <c r="AG446" s="107">
        <v>0</v>
      </c>
      <c r="AH446" s="107">
        <v>0</v>
      </c>
      <c r="AI446" s="107">
        <v>0</v>
      </c>
      <c r="AJ446" s="107">
        <v>0</v>
      </c>
      <c r="AK446" s="107">
        <v>0</v>
      </c>
      <c r="AL446" s="107">
        <v>0</v>
      </c>
      <c r="AM446" s="107">
        <v>0</v>
      </c>
      <c r="AN446" s="107">
        <v>0</v>
      </c>
    </row>
    <row r="447" spans="1:40" x14ac:dyDescent="0.2">
      <c r="A447" s="133" t="s">
        <v>856</v>
      </c>
      <c r="B447" s="107">
        <v>0</v>
      </c>
      <c r="C447" s="107">
        <v>0</v>
      </c>
      <c r="D447" s="107">
        <v>0</v>
      </c>
      <c r="E447" s="107">
        <v>0</v>
      </c>
      <c r="F447" s="107">
        <v>0</v>
      </c>
      <c r="G447" s="107">
        <v>0</v>
      </c>
      <c r="H447" s="107">
        <v>0</v>
      </c>
      <c r="I447" s="107">
        <v>0</v>
      </c>
      <c r="J447" s="107">
        <v>0</v>
      </c>
      <c r="K447" s="107">
        <v>0</v>
      </c>
      <c r="L447" s="107">
        <v>0</v>
      </c>
      <c r="M447" s="107">
        <v>0</v>
      </c>
      <c r="N447" s="107">
        <v>0</v>
      </c>
      <c r="O447" s="107">
        <v>0</v>
      </c>
      <c r="P447" s="107">
        <v>0</v>
      </c>
      <c r="Q447" s="107">
        <v>0</v>
      </c>
      <c r="R447" s="107">
        <v>0</v>
      </c>
      <c r="S447" s="107">
        <v>0</v>
      </c>
      <c r="T447" s="107">
        <v>0</v>
      </c>
      <c r="U447" s="107">
        <v>0</v>
      </c>
      <c r="V447" s="107">
        <v>0</v>
      </c>
      <c r="W447" s="107">
        <v>0</v>
      </c>
      <c r="X447" s="107">
        <v>0</v>
      </c>
      <c r="Y447" s="107">
        <v>0</v>
      </c>
      <c r="Z447" s="107">
        <v>0</v>
      </c>
      <c r="AA447" s="107">
        <v>0</v>
      </c>
      <c r="AB447" s="107">
        <v>0</v>
      </c>
      <c r="AC447" s="107">
        <v>0</v>
      </c>
      <c r="AD447" s="107">
        <v>0</v>
      </c>
      <c r="AE447" s="107">
        <v>0</v>
      </c>
      <c r="AF447" s="107">
        <v>0</v>
      </c>
      <c r="AG447" s="107">
        <v>0</v>
      </c>
      <c r="AH447" s="107">
        <v>0</v>
      </c>
      <c r="AI447" s="107">
        <v>0</v>
      </c>
      <c r="AJ447" s="107">
        <v>0</v>
      </c>
      <c r="AK447" s="107">
        <v>0</v>
      </c>
      <c r="AL447" s="107">
        <v>0</v>
      </c>
      <c r="AM447" s="107">
        <v>0</v>
      </c>
      <c r="AN447" s="107">
        <v>0</v>
      </c>
    </row>
    <row r="448" spans="1:40" x14ac:dyDescent="0.2">
      <c r="A448" s="133" t="s">
        <v>857</v>
      </c>
      <c r="B448" s="107">
        <v>0</v>
      </c>
      <c r="C448" s="107">
        <v>0</v>
      </c>
      <c r="D448" s="107">
        <v>0</v>
      </c>
      <c r="E448" s="107">
        <v>0</v>
      </c>
      <c r="F448" s="107">
        <v>0</v>
      </c>
      <c r="G448" s="107">
        <v>0</v>
      </c>
      <c r="H448" s="107">
        <v>0</v>
      </c>
      <c r="I448" s="107">
        <v>0</v>
      </c>
      <c r="J448" s="107">
        <v>0</v>
      </c>
      <c r="K448" s="107">
        <v>0</v>
      </c>
      <c r="L448" s="107">
        <v>0</v>
      </c>
      <c r="M448" s="107">
        <v>0</v>
      </c>
      <c r="N448" s="107">
        <v>0</v>
      </c>
      <c r="O448" s="107">
        <v>0</v>
      </c>
      <c r="P448" s="107">
        <v>0</v>
      </c>
      <c r="Q448" s="107">
        <v>0</v>
      </c>
      <c r="R448" s="107">
        <v>0</v>
      </c>
      <c r="S448" s="107">
        <v>0</v>
      </c>
      <c r="T448" s="107">
        <v>0</v>
      </c>
      <c r="U448" s="107">
        <v>0</v>
      </c>
      <c r="V448" s="107">
        <v>0</v>
      </c>
      <c r="W448" s="107">
        <v>0</v>
      </c>
      <c r="X448" s="107">
        <v>0</v>
      </c>
      <c r="Y448" s="107">
        <v>0</v>
      </c>
      <c r="Z448" s="107">
        <v>0</v>
      </c>
      <c r="AA448" s="107">
        <v>0</v>
      </c>
      <c r="AB448" s="107">
        <v>0</v>
      </c>
      <c r="AC448" s="107">
        <v>0</v>
      </c>
      <c r="AD448" s="107">
        <v>0</v>
      </c>
      <c r="AE448" s="107">
        <v>0</v>
      </c>
      <c r="AF448" s="107">
        <v>0</v>
      </c>
      <c r="AG448" s="107">
        <v>0</v>
      </c>
      <c r="AH448" s="107">
        <v>0</v>
      </c>
      <c r="AI448" s="107">
        <v>0</v>
      </c>
      <c r="AJ448" s="107">
        <v>0</v>
      </c>
      <c r="AK448" s="107">
        <v>0</v>
      </c>
      <c r="AL448" s="107">
        <v>0</v>
      </c>
      <c r="AM448" s="107">
        <v>0</v>
      </c>
      <c r="AN448" s="107">
        <v>0</v>
      </c>
    </row>
    <row r="449" spans="1:40" x14ac:dyDescent="0.2">
      <c r="A449" s="133" t="s">
        <v>858</v>
      </c>
      <c r="B449" s="107">
        <v>0</v>
      </c>
      <c r="C449" s="107">
        <v>0</v>
      </c>
      <c r="D449" s="107">
        <v>0</v>
      </c>
      <c r="E449" s="107">
        <v>0</v>
      </c>
      <c r="F449" s="107">
        <v>0</v>
      </c>
      <c r="G449" s="107">
        <v>0</v>
      </c>
      <c r="H449" s="107">
        <v>0</v>
      </c>
      <c r="I449" s="107">
        <v>0</v>
      </c>
      <c r="J449" s="107">
        <v>0</v>
      </c>
      <c r="K449" s="107">
        <v>0</v>
      </c>
      <c r="L449" s="107">
        <v>0</v>
      </c>
      <c r="M449" s="107">
        <v>0</v>
      </c>
      <c r="N449" s="107">
        <v>0</v>
      </c>
      <c r="O449" s="107">
        <v>0</v>
      </c>
      <c r="P449" s="107">
        <v>0</v>
      </c>
      <c r="Q449" s="107">
        <v>0</v>
      </c>
      <c r="R449" s="107">
        <v>0</v>
      </c>
      <c r="S449" s="107">
        <v>0</v>
      </c>
      <c r="T449" s="107">
        <v>0</v>
      </c>
      <c r="U449" s="107">
        <v>0</v>
      </c>
      <c r="V449" s="107">
        <v>0</v>
      </c>
      <c r="W449" s="107">
        <v>0</v>
      </c>
      <c r="X449" s="107">
        <v>0</v>
      </c>
      <c r="Y449" s="107">
        <v>0</v>
      </c>
      <c r="Z449" s="107">
        <v>0</v>
      </c>
      <c r="AA449" s="107">
        <v>0</v>
      </c>
      <c r="AB449" s="107">
        <v>0</v>
      </c>
      <c r="AC449" s="107">
        <v>0</v>
      </c>
      <c r="AD449" s="107">
        <v>0</v>
      </c>
      <c r="AE449" s="107">
        <v>0</v>
      </c>
      <c r="AF449" s="107">
        <v>0</v>
      </c>
      <c r="AG449" s="107">
        <v>0</v>
      </c>
      <c r="AH449" s="107">
        <v>0</v>
      </c>
      <c r="AI449" s="107">
        <v>0</v>
      </c>
      <c r="AJ449" s="107">
        <v>0</v>
      </c>
      <c r="AK449" s="107">
        <v>0</v>
      </c>
      <c r="AL449" s="107">
        <v>0</v>
      </c>
      <c r="AM449" s="107">
        <v>0</v>
      </c>
      <c r="AN449" s="107">
        <v>0</v>
      </c>
    </row>
    <row r="450" spans="1:40" x14ac:dyDescent="0.2">
      <c r="A450" s="133" t="s">
        <v>859</v>
      </c>
      <c r="B450" s="107">
        <v>0</v>
      </c>
      <c r="C450" s="107">
        <v>0</v>
      </c>
      <c r="D450" s="107">
        <v>0</v>
      </c>
      <c r="E450" s="107">
        <v>0</v>
      </c>
      <c r="F450" s="107">
        <v>0</v>
      </c>
      <c r="G450" s="107">
        <v>0</v>
      </c>
      <c r="H450" s="107">
        <v>0</v>
      </c>
      <c r="I450" s="107">
        <v>0</v>
      </c>
      <c r="J450" s="107">
        <v>0</v>
      </c>
      <c r="K450" s="107">
        <v>0</v>
      </c>
      <c r="L450" s="107">
        <v>0</v>
      </c>
      <c r="M450" s="107">
        <v>0</v>
      </c>
      <c r="N450" s="107">
        <v>0</v>
      </c>
      <c r="O450" s="107">
        <v>0</v>
      </c>
      <c r="P450" s="107">
        <v>0</v>
      </c>
      <c r="Q450" s="107">
        <v>0</v>
      </c>
      <c r="R450" s="107">
        <v>0</v>
      </c>
      <c r="S450" s="107">
        <v>0</v>
      </c>
      <c r="T450" s="107">
        <v>0</v>
      </c>
      <c r="U450" s="107">
        <v>0</v>
      </c>
      <c r="V450" s="107">
        <v>0</v>
      </c>
      <c r="W450" s="107">
        <v>0</v>
      </c>
      <c r="X450" s="107">
        <v>0</v>
      </c>
      <c r="Y450" s="107">
        <v>0</v>
      </c>
      <c r="Z450" s="107">
        <v>0</v>
      </c>
      <c r="AA450" s="107">
        <v>0</v>
      </c>
      <c r="AB450" s="107">
        <v>0</v>
      </c>
      <c r="AC450" s="107">
        <v>0</v>
      </c>
      <c r="AD450" s="107">
        <v>0</v>
      </c>
      <c r="AE450" s="107">
        <v>0</v>
      </c>
      <c r="AF450" s="107">
        <v>0</v>
      </c>
      <c r="AG450" s="107">
        <v>0</v>
      </c>
      <c r="AH450" s="107">
        <v>0</v>
      </c>
      <c r="AI450" s="107">
        <v>0</v>
      </c>
      <c r="AJ450" s="107">
        <v>0</v>
      </c>
      <c r="AK450" s="107">
        <v>0</v>
      </c>
      <c r="AL450" s="107">
        <v>0</v>
      </c>
      <c r="AM450" s="107">
        <v>0</v>
      </c>
      <c r="AN450" s="107">
        <v>0</v>
      </c>
    </row>
    <row r="451" spans="1:40" x14ac:dyDescent="0.2">
      <c r="A451" s="133" t="s">
        <v>860</v>
      </c>
      <c r="B451" s="107">
        <v>0</v>
      </c>
      <c r="C451" s="107">
        <v>0</v>
      </c>
      <c r="D451" s="107">
        <v>0</v>
      </c>
      <c r="E451" s="107">
        <v>0</v>
      </c>
      <c r="F451" s="107">
        <v>0</v>
      </c>
      <c r="G451" s="107">
        <v>0</v>
      </c>
      <c r="H451" s="107">
        <v>0</v>
      </c>
      <c r="I451" s="107">
        <v>0</v>
      </c>
      <c r="J451" s="107">
        <v>0</v>
      </c>
      <c r="K451" s="107">
        <v>0</v>
      </c>
      <c r="L451" s="107">
        <v>0</v>
      </c>
      <c r="M451" s="107">
        <v>0</v>
      </c>
      <c r="N451" s="107">
        <v>0</v>
      </c>
      <c r="O451" s="107">
        <v>0</v>
      </c>
      <c r="P451" s="107">
        <v>0</v>
      </c>
      <c r="Q451" s="107">
        <v>0</v>
      </c>
      <c r="R451" s="107">
        <v>0</v>
      </c>
      <c r="S451" s="107">
        <v>0</v>
      </c>
      <c r="T451" s="107">
        <v>0</v>
      </c>
      <c r="U451" s="107">
        <v>0</v>
      </c>
      <c r="V451" s="107">
        <v>0</v>
      </c>
      <c r="W451" s="107">
        <v>0</v>
      </c>
      <c r="X451" s="107">
        <v>0</v>
      </c>
      <c r="Y451" s="107">
        <v>0</v>
      </c>
      <c r="Z451" s="107">
        <v>0</v>
      </c>
      <c r="AA451" s="107">
        <v>0</v>
      </c>
      <c r="AB451" s="107">
        <v>0</v>
      </c>
      <c r="AC451" s="107">
        <v>0</v>
      </c>
      <c r="AD451" s="107">
        <v>0</v>
      </c>
      <c r="AE451" s="107">
        <v>0</v>
      </c>
      <c r="AF451" s="107">
        <v>0</v>
      </c>
      <c r="AG451" s="107">
        <v>0</v>
      </c>
      <c r="AH451" s="107">
        <v>0</v>
      </c>
      <c r="AI451" s="107">
        <v>0</v>
      </c>
      <c r="AJ451" s="107">
        <v>0</v>
      </c>
      <c r="AK451" s="107">
        <v>0</v>
      </c>
      <c r="AL451" s="107">
        <v>0</v>
      </c>
      <c r="AM451" s="107">
        <v>0</v>
      </c>
      <c r="AN451" s="107">
        <v>0</v>
      </c>
    </row>
    <row r="452" spans="1:40" x14ac:dyDescent="0.2">
      <c r="A452" s="133" t="s">
        <v>861</v>
      </c>
      <c r="B452" s="107">
        <v>0</v>
      </c>
      <c r="C452" s="107">
        <v>0</v>
      </c>
      <c r="D452" s="107">
        <v>0</v>
      </c>
      <c r="E452" s="107">
        <v>0</v>
      </c>
      <c r="F452" s="107">
        <v>0</v>
      </c>
      <c r="G452" s="107">
        <v>0</v>
      </c>
      <c r="H452" s="107">
        <v>0</v>
      </c>
      <c r="I452" s="107">
        <v>0</v>
      </c>
      <c r="J452" s="107">
        <v>0</v>
      </c>
      <c r="K452" s="107">
        <v>0</v>
      </c>
      <c r="L452" s="107">
        <v>0</v>
      </c>
      <c r="M452" s="107">
        <v>0</v>
      </c>
      <c r="N452" s="107">
        <v>0</v>
      </c>
      <c r="O452" s="107">
        <v>0</v>
      </c>
      <c r="P452" s="107">
        <v>0</v>
      </c>
      <c r="Q452" s="107">
        <v>0</v>
      </c>
      <c r="R452" s="107">
        <v>0</v>
      </c>
      <c r="S452" s="107">
        <v>0</v>
      </c>
      <c r="T452" s="107">
        <v>0</v>
      </c>
      <c r="U452" s="107">
        <v>0</v>
      </c>
      <c r="V452" s="107">
        <v>0</v>
      </c>
      <c r="W452" s="107">
        <v>0</v>
      </c>
      <c r="X452" s="107">
        <v>0</v>
      </c>
      <c r="Y452" s="107">
        <v>0</v>
      </c>
      <c r="Z452" s="107">
        <v>0</v>
      </c>
      <c r="AA452" s="107">
        <v>0</v>
      </c>
      <c r="AB452" s="107">
        <v>0</v>
      </c>
      <c r="AC452" s="107">
        <v>0</v>
      </c>
      <c r="AD452" s="107">
        <v>0</v>
      </c>
      <c r="AE452" s="107">
        <v>0</v>
      </c>
      <c r="AF452" s="107">
        <v>0</v>
      </c>
      <c r="AG452" s="107">
        <v>0</v>
      </c>
      <c r="AH452" s="107">
        <v>0</v>
      </c>
      <c r="AI452" s="107">
        <v>0</v>
      </c>
      <c r="AJ452" s="107">
        <v>0</v>
      </c>
      <c r="AK452" s="107">
        <v>0</v>
      </c>
      <c r="AL452" s="107">
        <v>0</v>
      </c>
      <c r="AM452" s="107">
        <v>0</v>
      </c>
      <c r="AN452" s="107">
        <v>0</v>
      </c>
    </row>
    <row r="453" spans="1:40" x14ac:dyDescent="0.2">
      <c r="A453" s="133" t="s">
        <v>862</v>
      </c>
      <c r="B453" s="107">
        <v>0</v>
      </c>
      <c r="C453" s="107">
        <v>0</v>
      </c>
      <c r="D453" s="107">
        <v>0</v>
      </c>
      <c r="E453" s="107">
        <v>0</v>
      </c>
      <c r="F453" s="107">
        <v>0</v>
      </c>
      <c r="G453" s="107">
        <v>0</v>
      </c>
      <c r="H453" s="107">
        <v>0</v>
      </c>
      <c r="I453" s="107">
        <v>0</v>
      </c>
      <c r="J453" s="107">
        <v>0</v>
      </c>
      <c r="K453" s="107">
        <v>0</v>
      </c>
      <c r="L453" s="107">
        <v>0</v>
      </c>
      <c r="M453" s="107">
        <v>0</v>
      </c>
      <c r="N453" s="107">
        <v>0</v>
      </c>
      <c r="O453" s="107">
        <v>0</v>
      </c>
      <c r="P453" s="107">
        <v>0</v>
      </c>
      <c r="Q453" s="107">
        <v>0</v>
      </c>
      <c r="R453" s="107">
        <v>0</v>
      </c>
      <c r="S453" s="107">
        <v>0</v>
      </c>
      <c r="T453" s="107">
        <v>0</v>
      </c>
      <c r="U453" s="107">
        <v>0</v>
      </c>
      <c r="V453" s="107">
        <v>0</v>
      </c>
      <c r="W453" s="107">
        <v>0</v>
      </c>
      <c r="X453" s="107">
        <v>0</v>
      </c>
      <c r="Y453" s="107">
        <v>0</v>
      </c>
      <c r="Z453" s="107">
        <v>0</v>
      </c>
      <c r="AA453" s="107">
        <v>0</v>
      </c>
      <c r="AB453" s="107">
        <v>0</v>
      </c>
      <c r="AC453" s="107">
        <v>0</v>
      </c>
      <c r="AD453" s="107">
        <v>0</v>
      </c>
      <c r="AE453" s="107">
        <v>0</v>
      </c>
      <c r="AF453" s="107">
        <v>0</v>
      </c>
      <c r="AG453" s="107">
        <v>0</v>
      </c>
      <c r="AH453" s="107">
        <v>0</v>
      </c>
      <c r="AI453" s="107">
        <v>0</v>
      </c>
      <c r="AJ453" s="107">
        <v>0</v>
      </c>
      <c r="AK453" s="107">
        <v>0</v>
      </c>
      <c r="AL453" s="107">
        <v>0</v>
      </c>
      <c r="AM453" s="107">
        <v>0</v>
      </c>
      <c r="AN453" s="107">
        <v>0</v>
      </c>
    </row>
    <row r="454" spans="1:40" x14ac:dyDescent="0.2">
      <c r="A454" s="137" t="s">
        <v>863</v>
      </c>
      <c r="B454" s="107">
        <v>0</v>
      </c>
      <c r="C454" s="107">
        <v>0</v>
      </c>
      <c r="D454" s="107">
        <v>0</v>
      </c>
      <c r="E454" s="107">
        <v>0</v>
      </c>
      <c r="F454" s="107">
        <v>0</v>
      </c>
      <c r="G454" s="107">
        <v>0</v>
      </c>
      <c r="H454" s="107">
        <v>0</v>
      </c>
      <c r="I454" s="107">
        <v>0</v>
      </c>
      <c r="J454" s="107">
        <v>0</v>
      </c>
      <c r="K454" s="107">
        <v>0</v>
      </c>
      <c r="L454" s="107">
        <v>0</v>
      </c>
      <c r="M454" s="107">
        <v>0</v>
      </c>
      <c r="N454" s="107">
        <v>0</v>
      </c>
      <c r="O454" s="107">
        <v>0</v>
      </c>
      <c r="P454" s="107">
        <v>0</v>
      </c>
      <c r="Q454" s="107">
        <v>0</v>
      </c>
      <c r="R454" s="107">
        <v>0</v>
      </c>
      <c r="S454" s="107">
        <v>0</v>
      </c>
      <c r="T454" s="107">
        <v>0</v>
      </c>
      <c r="U454" s="107">
        <v>0</v>
      </c>
      <c r="V454" s="107">
        <v>0</v>
      </c>
      <c r="W454" s="107">
        <v>0</v>
      </c>
      <c r="X454" s="107">
        <v>0</v>
      </c>
      <c r="Y454" s="107">
        <v>0</v>
      </c>
      <c r="Z454" s="107">
        <v>0</v>
      </c>
      <c r="AA454" s="107">
        <v>0</v>
      </c>
      <c r="AB454" s="107">
        <v>0</v>
      </c>
      <c r="AC454" s="107">
        <v>0</v>
      </c>
      <c r="AD454" s="107">
        <v>0</v>
      </c>
      <c r="AE454" s="107">
        <v>0</v>
      </c>
      <c r="AF454" s="107">
        <v>0</v>
      </c>
      <c r="AG454" s="107">
        <v>0</v>
      </c>
      <c r="AH454" s="107">
        <v>0</v>
      </c>
      <c r="AI454" s="107">
        <v>0</v>
      </c>
      <c r="AJ454" s="107">
        <v>0</v>
      </c>
      <c r="AK454" s="107">
        <v>0</v>
      </c>
      <c r="AL454" s="107">
        <v>0</v>
      </c>
      <c r="AM454" s="107">
        <v>0</v>
      </c>
      <c r="AN454" s="107">
        <v>0</v>
      </c>
    </row>
    <row r="455" spans="1:40" x14ac:dyDescent="0.2">
      <c r="A455" s="137" t="s">
        <v>864</v>
      </c>
      <c r="B455" s="107">
        <v>0</v>
      </c>
      <c r="C455" s="107">
        <v>0</v>
      </c>
      <c r="D455" s="107">
        <v>0</v>
      </c>
      <c r="E455" s="107">
        <v>0</v>
      </c>
      <c r="F455" s="107">
        <v>0</v>
      </c>
      <c r="G455" s="107">
        <v>0</v>
      </c>
      <c r="H455" s="107">
        <v>0</v>
      </c>
      <c r="I455" s="107">
        <v>0</v>
      </c>
      <c r="J455" s="107">
        <v>0</v>
      </c>
      <c r="K455" s="107">
        <v>0</v>
      </c>
      <c r="L455" s="107">
        <v>0</v>
      </c>
      <c r="M455" s="107">
        <v>0</v>
      </c>
      <c r="N455" s="107">
        <v>0</v>
      </c>
      <c r="O455" s="107">
        <v>0</v>
      </c>
      <c r="P455" s="107">
        <v>0</v>
      </c>
      <c r="Q455" s="107">
        <v>0</v>
      </c>
      <c r="R455" s="107">
        <v>0</v>
      </c>
      <c r="S455" s="107">
        <v>0</v>
      </c>
      <c r="T455" s="107">
        <v>0</v>
      </c>
      <c r="U455" s="107">
        <v>0</v>
      </c>
      <c r="V455" s="107">
        <v>0</v>
      </c>
      <c r="W455" s="107">
        <v>0</v>
      </c>
      <c r="X455" s="107">
        <v>0</v>
      </c>
      <c r="Y455" s="107">
        <v>0</v>
      </c>
      <c r="Z455" s="107">
        <v>0</v>
      </c>
      <c r="AA455" s="107">
        <v>0</v>
      </c>
      <c r="AB455" s="107">
        <v>0</v>
      </c>
      <c r="AC455" s="107">
        <v>0</v>
      </c>
      <c r="AD455" s="107">
        <v>0</v>
      </c>
      <c r="AE455" s="107">
        <v>0</v>
      </c>
      <c r="AF455" s="107">
        <v>0</v>
      </c>
      <c r="AG455" s="107">
        <v>0</v>
      </c>
      <c r="AH455" s="107">
        <v>0</v>
      </c>
      <c r="AI455" s="107">
        <v>0</v>
      </c>
      <c r="AJ455" s="107">
        <v>0</v>
      </c>
      <c r="AK455" s="107">
        <v>0</v>
      </c>
      <c r="AL455" s="107">
        <v>0</v>
      </c>
      <c r="AM455" s="107">
        <v>0</v>
      </c>
      <c r="AN455" s="107">
        <v>0</v>
      </c>
    </row>
    <row r="456" spans="1:40" x14ac:dyDescent="0.2">
      <c r="A456" s="133" t="s">
        <v>865</v>
      </c>
      <c r="B456" s="107">
        <v>0</v>
      </c>
      <c r="C456" s="107">
        <v>0</v>
      </c>
      <c r="D456" s="107">
        <v>0</v>
      </c>
      <c r="E456" s="107">
        <v>0</v>
      </c>
      <c r="F456" s="107">
        <v>0</v>
      </c>
      <c r="G456" s="107">
        <v>0</v>
      </c>
      <c r="H456" s="107">
        <v>0</v>
      </c>
      <c r="I456" s="107">
        <v>0</v>
      </c>
      <c r="J456" s="107">
        <v>0</v>
      </c>
      <c r="K456" s="107">
        <v>0</v>
      </c>
      <c r="L456" s="107">
        <v>0</v>
      </c>
      <c r="M456" s="107">
        <v>0</v>
      </c>
      <c r="N456" s="107">
        <v>0</v>
      </c>
      <c r="O456" s="107">
        <v>0</v>
      </c>
      <c r="P456" s="107">
        <v>0</v>
      </c>
      <c r="Q456" s="107">
        <v>0</v>
      </c>
      <c r="R456" s="107">
        <v>0</v>
      </c>
      <c r="S456" s="107">
        <v>0</v>
      </c>
      <c r="T456" s="107">
        <v>0</v>
      </c>
      <c r="U456" s="107">
        <v>0</v>
      </c>
      <c r="V456" s="107">
        <v>0</v>
      </c>
      <c r="W456" s="107">
        <v>0</v>
      </c>
      <c r="X456" s="107">
        <v>0</v>
      </c>
      <c r="Y456" s="107">
        <v>0</v>
      </c>
      <c r="Z456" s="107">
        <v>0</v>
      </c>
      <c r="AA456" s="107">
        <v>0</v>
      </c>
      <c r="AB456" s="107">
        <v>0</v>
      </c>
      <c r="AC456" s="107">
        <v>0</v>
      </c>
      <c r="AD456" s="107">
        <v>0</v>
      </c>
      <c r="AE456" s="107">
        <v>0</v>
      </c>
      <c r="AF456" s="107">
        <v>0</v>
      </c>
      <c r="AG456" s="107">
        <v>0</v>
      </c>
      <c r="AH456" s="107">
        <v>0</v>
      </c>
      <c r="AI456" s="107">
        <v>0</v>
      </c>
      <c r="AJ456" s="107">
        <v>0</v>
      </c>
      <c r="AK456" s="107">
        <v>0</v>
      </c>
      <c r="AL456" s="107">
        <v>0</v>
      </c>
      <c r="AM456" s="107">
        <v>0</v>
      </c>
      <c r="AN456" s="107">
        <v>0</v>
      </c>
    </row>
    <row r="457" spans="1:40" x14ac:dyDescent="0.2">
      <c r="A457" s="133" t="s">
        <v>866</v>
      </c>
      <c r="B457" s="107">
        <v>0</v>
      </c>
      <c r="C457" s="107">
        <v>0</v>
      </c>
      <c r="D457" s="107">
        <v>0</v>
      </c>
      <c r="E457" s="107">
        <v>0</v>
      </c>
      <c r="F457" s="107">
        <v>0</v>
      </c>
      <c r="G457" s="107">
        <v>0</v>
      </c>
      <c r="H457" s="107">
        <v>0</v>
      </c>
      <c r="I457" s="107">
        <v>0</v>
      </c>
      <c r="J457" s="107">
        <v>0</v>
      </c>
      <c r="K457" s="107">
        <v>0</v>
      </c>
      <c r="L457" s="107">
        <v>0</v>
      </c>
      <c r="M457" s="107">
        <v>0</v>
      </c>
      <c r="N457" s="107">
        <v>0</v>
      </c>
      <c r="O457" s="107">
        <v>0</v>
      </c>
      <c r="P457" s="107">
        <v>0</v>
      </c>
      <c r="Q457" s="107">
        <v>0</v>
      </c>
      <c r="R457" s="107">
        <v>0</v>
      </c>
      <c r="S457" s="107">
        <v>0</v>
      </c>
      <c r="T457" s="107">
        <v>0</v>
      </c>
      <c r="U457" s="107">
        <v>0</v>
      </c>
      <c r="V457" s="107">
        <v>0</v>
      </c>
      <c r="W457" s="107">
        <v>0</v>
      </c>
      <c r="X457" s="107">
        <v>0</v>
      </c>
      <c r="Y457" s="107">
        <v>0</v>
      </c>
      <c r="Z457" s="107">
        <v>0</v>
      </c>
      <c r="AA457" s="107">
        <v>0</v>
      </c>
      <c r="AB457" s="107">
        <v>0</v>
      </c>
      <c r="AC457" s="107">
        <v>0</v>
      </c>
      <c r="AD457" s="107">
        <v>0</v>
      </c>
      <c r="AE457" s="107">
        <v>0</v>
      </c>
      <c r="AF457" s="107">
        <v>0</v>
      </c>
      <c r="AG457" s="107">
        <v>0</v>
      </c>
      <c r="AH457" s="107">
        <v>0</v>
      </c>
      <c r="AI457" s="107">
        <v>0</v>
      </c>
      <c r="AJ457" s="107">
        <v>0</v>
      </c>
      <c r="AK457" s="107">
        <v>0</v>
      </c>
      <c r="AL457" s="107">
        <v>0</v>
      </c>
      <c r="AM457" s="107">
        <v>0</v>
      </c>
      <c r="AN457" s="107">
        <v>0</v>
      </c>
    </row>
    <row r="458" spans="1:40" x14ac:dyDescent="0.2">
      <c r="A458" s="133" t="s">
        <v>867</v>
      </c>
      <c r="B458" s="107">
        <v>0</v>
      </c>
      <c r="C458" s="107">
        <v>0</v>
      </c>
      <c r="D458" s="107">
        <v>0</v>
      </c>
      <c r="E458" s="107">
        <v>0</v>
      </c>
      <c r="F458" s="107">
        <v>0</v>
      </c>
      <c r="G458" s="107">
        <v>0</v>
      </c>
      <c r="H458" s="107">
        <v>0</v>
      </c>
      <c r="I458" s="107">
        <v>0</v>
      </c>
      <c r="J458" s="107">
        <v>0</v>
      </c>
      <c r="K458" s="107">
        <v>0</v>
      </c>
      <c r="L458" s="107">
        <v>0</v>
      </c>
      <c r="M458" s="107">
        <v>0</v>
      </c>
      <c r="N458" s="107">
        <v>0</v>
      </c>
      <c r="O458" s="107">
        <v>0</v>
      </c>
      <c r="P458" s="107">
        <v>0</v>
      </c>
      <c r="Q458" s="107">
        <v>0</v>
      </c>
      <c r="R458" s="107">
        <v>0</v>
      </c>
      <c r="S458" s="107">
        <v>0</v>
      </c>
      <c r="T458" s="107">
        <v>0</v>
      </c>
      <c r="U458" s="107">
        <v>0</v>
      </c>
      <c r="V458" s="107">
        <v>0</v>
      </c>
      <c r="W458" s="107">
        <v>0</v>
      </c>
      <c r="X458" s="107">
        <v>0</v>
      </c>
      <c r="Y458" s="107">
        <v>0</v>
      </c>
      <c r="Z458" s="107">
        <v>0</v>
      </c>
      <c r="AA458" s="107">
        <v>0</v>
      </c>
      <c r="AB458" s="107">
        <v>0</v>
      </c>
      <c r="AC458" s="107">
        <v>0</v>
      </c>
      <c r="AD458" s="107">
        <v>0</v>
      </c>
      <c r="AE458" s="107">
        <v>0</v>
      </c>
      <c r="AF458" s="107">
        <v>0</v>
      </c>
      <c r="AG458" s="107">
        <v>0</v>
      </c>
      <c r="AH458" s="107">
        <v>0</v>
      </c>
      <c r="AI458" s="107">
        <v>0</v>
      </c>
      <c r="AJ458" s="107">
        <v>0</v>
      </c>
      <c r="AK458" s="107">
        <v>0</v>
      </c>
      <c r="AL458" s="107">
        <v>0</v>
      </c>
      <c r="AM458" s="107">
        <v>0</v>
      </c>
      <c r="AN458" s="107">
        <v>0</v>
      </c>
    </row>
    <row r="459" spans="1:40" x14ac:dyDescent="0.2">
      <c r="A459" s="133" t="s">
        <v>868</v>
      </c>
      <c r="B459" s="107">
        <v>0</v>
      </c>
      <c r="C459" s="107">
        <v>0</v>
      </c>
      <c r="D459" s="107">
        <v>0</v>
      </c>
      <c r="E459" s="107">
        <v>0</v>
      </c>
      <c r="F459" s="107">
        <v>0</v>
      </c>
      <c r="G459" s="107">
        <v>0</v>
      </c>
      <c r="H459" s="107">
        <v>0</v>
      </c>
      <c r="I459" s="107">
        <v>0</v>
      </c>
      <c r="J459" s="107">
        <v>0</v>
      </c>
      <c r="K459" s="107">
        <v>0</v>
      </c>
      <c r="L459" s="107">
        <v>0</v>
      </c>
      <c r="M459" s="107">
        <v>0</v>
      </c>
      <c r="N459" s="107">
        <v>0</v>
      </c>
      <c r="O459" s="107">
        <v>0</v>
      </c>
      <c r="P459" s="107">
        <v>0</v>
      </c>
      <c r="Q459" s="107">
        <v>0</v>
      </c>
      <c r="R459" s="107">
        <v>0</v>
      </c>
      <c r="S459" s="107">
        <v>0</v>
      </c>
      <c r="T459" s="107">
        <v>0</v>
      </c>
      <c r="U459" s="107">
        <v>0</v>
      </c>
      <c r="V459" s="107">
        <v>0</v>
      </c>
      <c r="W459" s="107">
        <v>0</v>
      </c>
      <c r="X459" s="107">
        <v>0</v>
      </c>
      <c r="Y459" s="107">
        <v>0</v>
      </c>
      <c r="Z459" s="107">
        <v>0</v>
      </c>
      <c r="AA459" s="107">
        <v>0</v>
      </c>
      <c r="AB459" s="107">
        <v>0</v>
      </c>
      <c r="AC459" s="107">
        <v>0</v>
      </c>
      <c r="AD459" s="107">
        <v>0</v>
      </c>
      <c r="AE459" s="107">
        <v>0</v>
      </c>
      <c r="AF459" s="107">
        <v>0</v>
      </c>
      <c r="AG459" s="107">
        <v>0</v>
      </c>
      <c r="AH459" s="107">
        <v>0</v>
      </c>
      <c r="AI459" s="107">
        <v>0</v>
      </c>
      <c r="AJ459" s="107">
        <v>0</v>
      </c>
      <c r="AK459" s="107">
        <v>0</v>
      </c>
      <c r="AL459" s="107">
        <v>0</v>
      </c>
      <c r="AM459" s="107">
        <v>0</v>
      </c>
      <c r="AN459" s="107">
        <v>0</v>
      </c>
    </row>
    <row r="460" spans="1:40" x14ac:dyDescent="0.2">
      <c r="A460" s="133" t="s">
        <v>869</v>
      </c>
      <c r="B460" s="107">
        <v>0</v>
      </c>
      <c r="C460" s="107">
        <v>0</v>
      </c>
      <c r="D460" s="107">
        <v>0</v>
      </c>
      <c r="E460" s="107">
        <v>0</v>
      </c>
      <c r="F460" s="107">
        <v>0</v>
      </c>
      <c r="G460" s="107">
        <v>0</v>
      </c>
      <c r="H460" s="107">
        <v>0</v>
      </c>
      <c r="I460" s="107">
        <v>0</v>
      </c>
      <c r="J460" s="107">
        <v>0</v>
      </c>
      <c r="K460" s="107">
        <v>0</v>
      </c>
      <c r="L460" s="107">
        <v>0</v>
      </c>
      <c r="M460" s="107">
        <v>0</v>
      </c>
      <c r="N460" s="107">
        <v>0</v>
      </c>
      <c r="O460" s="107">
        <v>0</v>
      </c>
      <c r="P460" s="107">
        <v>0</v>
      </c>
      <c r="Q460" s="107">
        <v>0</v>
      </c>
      <c r="R460" s="107">
        <v>0</v>
      </c>
      <c r="S460" s="107">
        <v>0</v>
      </c>
      <c r="T460" s="107">
        <v>0</v>
      </c>
      <c r="U460" s="107">
        <v>0</v>
      </c>
      <c r="V460" s="107">
        <v>0</v>
      </c>
      <c r="W460" s="107">
        <v>0</v>
      </c>
      <c r="X460" s="107">
        <v>0</v>
      </c>
      <c r="Y460" s="107">
        <v>0</v>
      </c>
      <c r="Z460" s="107">
        <v>0</v>
      </c>
      <c r="AA460" s="107">
        <v>0</v>
      </c>
      <c r="AB460" s="107">
        <v>0</v>
      </c>
      <c r="AC460" s="107">
        <v>0</v>
      </c>
      <c r="AD460" s="107">
        <v>0</v>
      </c>
      <c r="AE460" s="107">
        <v>0</v>
      </c>
      <c r="AF460" s="107">
        <v>0</v>
      </c>
      <c r="AG460" s="107">
        <v>0</v>
      </c>
      <c r="AH460" s="107">
        <v>0</v>
      </c>
      <c r="AI460" s="107">
        <v>0</v>
      </c>
      <c r="AJ460" s="107">
        <v>0</v>
      </c>
      <c r="AK460" s="107">
        <v>0</v>
      </c>
      <c r="AL460" s="107">
        <v>0</v>
      </c>
      <c r="AM460" s="107">
        <v>0</v>
      </c>
      <c r="AN460" s="107">
        <v>0</v>
      </c>
    </row>
    <row r="461" spans="1:40" x14ac:dyDescent="0.2">
      <c r="A461" s="137" t="s">
        <v>870</v>
      </c>
      <c r="B461" s="107">
        <v>0</v>
      </c>
      <c r="C461" s="107">
        <v>0</v>
      </c>
      <c r="D461" s="107">
        <v>0</v>
      </c>
      <c r="E461" s="107">
        <v>0</v>
      </c>
      <c r="F461" s="107">
        <v>0</v>
      </c>
      <c r="G461" s="107">
        <v>0</v>
      </c>
      <c r="H461" s="107">
        <v>0</v>
      </c>
      <c r="I461" s="107">
        <v>0</v>
      </c>
      <c r="J461" s="107">
        <v>0</v>
      </c>
      <c r="K461" s="107">
        <v>0</v>
      </c>
      <c r="L461" s="107">
        <v>0</v>
      </c>
      <c r="M461" s="107">
        <v>0</v>
      </c>
      <c r="N461" s="107">
        <v>0</v>
      </c>
      <c r="O461" s="107">
        <v>0</v>
      </c>
      <c r="P461" s="107">
        <v>0</v>
      </c>
      <c r="Q461" s="107">
        <v>0</v>
      </c>
      <c r="R461" s="107">
        <v>0</v>
      </c>
      <c r="S461" s="107">
        <v>0</v>
      </c>
      <c r="T461" s="107">
        <v>0</v>
      </c>
      <c r="U461" s="107">
        <v>0</v>
      </c>
      <c r="V461" s="107">
        <v>0</v>
      </c>
      <c r="W461" s="107">
        <v>0</v>
      </c>
      <c r="X461" s="107">
        <v>0</v>
      </c>
      <c r="Y461" s="107">
        <v>0</v>
      </c>
      <c r="Z461" s="107">
        <v>0</v>
      </c>
      <c r="AA461" s="107">
        <v>0</v>
      </c>
      <c r="AB461" s="107">
        <v>0</v>
      </c>
      <c r="AC461" s="107">
        <v>0</v>
      </c>
      <c r="AD461" s="107">
        <v>0</v>
      </c>
      <c r="AE461" s="107">
        <v>0</v>
      </c>
      <c r="AF461" s="107">
        <v>0</v>
      </c>
      <c r="AG461" s="107">
        <v>0</v>
      </c>
      <c r="AH461" s="107">
        <v>0</v>
      </c>
      <c r="AI461" s="107">
        <v>0</v>
      </c>
      <c r="AJ461" s="107">
        <v>0</v>
      </c>
      <c r="AK461" s="107">
        <v>0</v>
      </c>
      <c r="AL461" s="107">
        <v>0</v>
      </c>
      <c r="AM461" s="107">
        <v>0</v>
      </c>
      <c r="AN461" s="107">
        <v>0</v>
      </c>
    </row>
    <row r="462" spans="1:40" x14ac:dyDescent="0.2">
      <c r="A462" s="133" t="s">
        <v>871</v>
      </c>
      <c r="B462" s="107">
        <v>0</v>
      </c>
      <c r="C462" s="107">
        <v>0</v>
      </c>
      <c r="D462" s="107">
        <v>0</v>
      </c>
      <c r="E462" s="107">
        <v>0</v>
      </c>
      <c r="F462" s="107">
        <v>0</v>
      </c>
      <c r="G462" s="107">
        <v>0</v>
      </c>
      <c r="H462" s="107">
        <v>0</v>
      </c>
      <c r="I462" s="107">
        <v>0</v>
      </c>
      <c r="J462" s="107">
        <v>0</v>
      </c>
      <c r="K462" s="107">
        <v>0</v>
      </c>
      <c r="L462" s="107">
        <v>0</v>
      </c>
      <c r="M462" s="107">
        <v>0</v>
      </c>
      <c r="N462" s="107">
        <v>0</v>
      </c>
      <c r="O462" s="107">
        <v>0</v>
      </c>
      <c r="P462" s="107">
        <v>0</v>
      </c>
      <c r="Q462" s="107">
        <v>0</v>
      </c>
      <c r="R462" s="107">
        <v>0</v>
      </c>
      <c r="S462" s="107">
        <v>0</v>
      </c>
      <c r="T462" s="107">
        <v>0</v>
      </c>
      <c r="U462" s="107">
        <v>0</v>
      </c>
      <c r="V462" s="107">
        <v>0</v>
      </c>
      <c r="W462" s="107">
        <v>0</v>
      </c>
      <c r="X462" s="107">
        <v>0</v>
      </c>
      <c r="Y462" s="107">
        <v>0</v>
      </c>
      <c r="Z462" s="107">
        <v>0</v>
      </c>
      <c r="AA462" s="107">
        <v>0</v>
      </c>
      <c r="AB462" s="107">
        <v>0</v>
      </c>
      <c r="AC462" s="107">
        <v>0</v>
      </c>
      <c r="AD462" s="107">
        <v>0</v>
      </c>
      <c r="AE462" s="107">
        <v>0</v>
      </c>
      <c r="AF462" s="107">
        <v>0</v>
      </c>
      <c r="AG462" s="107">
        <v>0</v>
      </c>
      <c r="AH462" s="107">
        <v>0</v>
      </c>
      <c r="AI462" s="107">
        <v>0</v>
      </c>
      <c r="AJ462" s="107">
        <v>0</v>
      </c>
      <c r="AK462" s="107">
        <v>0</v>
      </c>
      <c r="AL462" s="107">
        <v>0</v>
      </c>
      <c r="AM462" s="107">
        <v>0</v>
      </c>
      <c r="AN462" s="107">
        <v>0</v>
      </c>
    </row>
    <row r="463" spans="1:40" x14ac:dyDescent="0.2">
      <c r="A463" s="133" t="s">
        <v>872</v>
      </c>
      <c r="B463" s="107">
        <v>0</v>
      </c>
      <c r="C463" s="107">
        <v>0</v>
      </c>
      <c r="D463" s="107">
        <v>0</v>
      </c>
      <c r="E463" s="107">
        <v>0</v>
      </c>
      <c r="F463" s="107">
        <v>0</v>
      </c>
      <c r="G463" s="107">
        <v>0</v>
      </c>
      <c r="H463" s="107">
        <v>0</v>
      </c>
      <c r="I463" s="107">
        <v>0</v>
      </c>
      <c r="J463" s="107">
        <v>0</v>
      </c>
      <c r="K463" s="107">
        <v>0</v>
      </c>
      <c r="L463" s="107">
        <v>0</v>
      </c>
      <c r="M463" s="107">
        <v>0</v>
      </c>
      <c r="N463" s="107">
        <v>0</v>
      </c>
      <c r="O463" s="107">
        <v>0</v>
      </c>
      <c r="P463" s="107">
        <v>0</v>
      </c>
      <c r="Q463" s="107">
        <v>0</v>
      </c>
      <c r="R463" s="107">
        <v>0</v>
      </c>
      <c r="S463" s="107">
        <v>0</v>
      </c>
      <c r="T463" s="107">
        <v>0</v>
      </c>
      <c r="U463" s="107">
        <v>0</v>
      </c>
      <c r="V463" s="107">
        <v>0</v>
      </c>
      <c r="W463" s="107">
        <v>0</v>
      </c>
      <c r="X463" s="107">
        <v>0</v>
      </c>
      <c r="Y463" s="107">
        <v>0</v>
      </c>
      <c r="Z463" s="107">
        <v>0</v>
      </c>
      <c r="AA463" s="107">
        <v>0</v>
      </c>
      <c r="AB463" s="107">
        <v>0</v>
      </c>
      <c r="AC463" s="107">
        <v>0</v>
      </c>
      <c r="AD463" s="107">
        <v>0</v>
      </c>
      <c r="AE463" s="107">
        <v>0</v>
      </c>
      <c r="AF463" s="107">
        <v>0</v>
      </c>
      <c r="AG463" s="107">
        <v>0</v>
      </c>
      <c r="AH463" s="107">
        <v>0</v>
      </c>
      <c r="AI463" s="107">
        <v>0</v>
      </c>
      <c r="AJ463" s="107">
        <v>0</v>
      </c>
      <c r="AK463" s="107">
        <v>0</v>
      </c>
      <c r="AL463" s="107">
        <v>0</v>
      </c>
      <c r="AM463" s="107">
        <v>0</v>
      </c>
      <c r="AN463" s="107">
        <v>0</v>
      </c>
    </row>
    <row r="464" spans="1:40" x14ac:dyDescent="0.2">
      <c r="A464" s="133" t="s">
        <v>873</v>
      </c>
      <c r="B464" s="107">
        <v>0</v>
      </c>
      <c r="C464" s="107">
        <v>0</v>
      </c>
      <c r="D464" s="107">
        <v>0</v>
      </c>
      <c r="E464" s="107">
        <v>0</v>
      </c>
      <c r="F464" s="107">
        <v>0</v>
      </c>
      <c r="G464" s="107">
        <v>0</v>
      </c>
      <c r="H464" s="107">
        <v>0</v>
      </c>
      <c r="I464" s="107">
        <v>0</v>
      </c>
      <c r="J464" s="107">
        <v>0</v>
      </c>
      <c r="K464" s="107">
        <v>0</v>
      </c>
      <c r="L464" s="107">
        <v>0</v>
      </c>
      <c r="M464" s="107">
        <v>0</v>
      </c>
      <c r="N464" s="107">
        <v>0</v>
      </c>
      <c r="O464" s="107">
        <v>0</v>
      </c>
      <c r="P464" s="107">
        <v>0</v>
      </c>
      <c r="Q464" s="107">
        <v>0</v>
      </c>
      <c r="R464" s="107">
        <v>0</v>
      </c>
      <c r="S464" s="107">
        <v>0</v>
      </c>
      <c r="T464" s="107">
        <v>0</v>
      </c>
      <c r="U464" s="107">
        <v>0</v>
      </c>
      <c r="V464" s="107">
        <v>0</v>
      </c>
      <c r="W464" s="107">
        <v>0</v>
      </c>
      <c r="X464" s="107">
        <v>0</v>
      </c>
      <c r="Y464" s="107">
        <v>0</v>
      </c>
      <c r="Z464" s="107">
        <v>0</v>
      </c>
      <c r="AA464" s="107">
        <v>0</v>
      </c>
      <c r="AB464" s="107">
        <v>0</v>
      </c>
      <c r="AC464" s="107">
        <v>0</v>
      </c>
      <c r="AD464" s="107">
        <v>0</v>
      </c>
      <c r="AE464" s="107">
        <v>0</v>
      </c>
      <c r="AF464" s="107">
        <v>0</v>
      </c>
      <c r="AG464" s="107">
        <v>0</v>
      </c>
      <c r="AH464" s="107">
        <v>0</v>
      </c>
      <c r="AI464" s="107">
        <v>0</v>
      </c>
      <c r="AJ464" s="107">
        <v>0</v>
      </c>
      <c r="AK464" s="107">
        <v>0</v>
      </c>
      <c r="AL464" s="107">
        <v>0</v>
      </c>
      <c r="AM464" s="107">
        <v>0</v>
      </c>
      <c r="AN464" s="107">
        <v>0</v>
      </c>
    </row>
    <row r="465" spans="1:40" x14ac:dyDescent="0.2">
      <c r="A465" s="133" t="s">
        <v>874</v>
      </c>
      <c r="B465" s="107">
        <v>0</v>
      </c>
      <c r="C465" s="107">
        <v>0</v>
      </c>
      <c r="D465" s="107">
        <v>0</v>
      </c>
      <c r="E465" s="107">
        <v>0</v>
      </c>
      <c r="F465" s="107">
        <v>0</v>
      </c>
      <c r="G465" s="107">
        <v>0</v>
      </c>
      <c r="H465" s="107">
        <v>0</v>
      </c>
      <c r="I465" s="107">
        <v>0</v>
      </c>
      <c r="J465" s="107">
        <v>0</v>
      </c>
      <c r="K465" s="107">
        <v>0</v>
      </c>
      <c r="L465" s="107">
        <v>0</v>
      </c>
      <c r="M465" s="107">
        <v>0</v>
      </c>
      <c r="N465" s="107">
        <v>0</v>
      </c>
      <c r="O465" s="107">
        <v>0</v>
      </c>
      <c r="P465" s="107">
        <v>0</v>
      </c>
      <c r="Q465" s="107">
        <v>0</v>
      </c>
      <c r="R465" s="107">
        <v>0</v>
      </c>
      <c r="S465" s="107">
        <v>0</v>
      </c>
      <c r="T465" s="107">
        <v>0</v>
      </c>
      <c r="U465" s="107">
        <v>0</v>
      </c>
      <c r="V465" s="107">
        <v>0</v>
      </c>
      <c r="W465" s="107">
        <v>0</v>
      </c>
      <c r="X465" s="107">
        <v>0</v>
      </c>
      <c r="Y465" s="107">
        <v>0</v>
      </c>
      <c r="Z465" s="107">
        <v>0</v>
      </c>
      <c r="AA465" s="107">
        <v>0</v>
      </c>
      <c r="AB465" s="107">
        <v>0</v>
      </c>
      <c r="AC465" s="107">
        <v>0</v>
      </c>
      <c r="AD465" s="107">
        <v>0</v>
      </c>
      <c r="AE465" s="107">
        <v>0</v>
      </c>
      <c r="AF465" s="107">
        <v>0</v>
      </c>
      <c r="AG465" s="107">
        <v>0</v>
      </c>
      <c r="AH465" s="107">
        <v>0</v>
      </c>
      <c r="AI465" s="107">
        <v>0</v>
      </c>
      <c r="AJ465" s="107">
        <v>0</v>
      </c>
      <c r="AK465" s="107">
        <v>0</v>
      </c>
      <c r="AL465" s="107">
        <v>0</v>
      </c>
      <c r="AM465" s="107">
        <v>0</v>
      </c>
      <c r="AN465" s="107">
        <v>0</v>
      </c>
    </row>
    <row r="466" spans="1:40" x14ac:dyDescent="0.2">
      <c r="A466" s="133" t="s">
        <v>875</v>
      </c>
      <c r="B466" s="107">
        <v>0</v>
      </c>
      <c r="C466" s="107">
        <v>0</v>
      </c>
      <c r="D466" s="107">
        <v>0</v>
      </c>
      <c r="E466" s="107">
        <v>0</v>
      </c>
      <c r="F466" s="107">
        <v>0</v>
      </c>
      <c r="G466" s="107">
        <v>0</v>
      </c>
      <c r="H466" s="107">
        <v>0</v>
      </c>
      <c r="I466" s="107">
        <v>0</v>
      </c>
      <c r="J466" s="107">
        <v>0</v>
      </c>
      <c r="K466" s="107">
        <v>0</v>
      </c>
      <c r="L466" s="107">
        <v>0</v>
      </c>
      <c r="M466" s="107">
        <v>0</v>
      </c>
      <c r="N466" s="107">
        <v>0</v>
      </c>
      <c r="O466" s="107">
        <v>0</v>
      </c>
      <c r="P466" s="107">
        <v>0</v>
      </c>
      <c r="Q466" s="107">
        <v>0</v>
      </c>
      <c r="R466" s="107">
        <v>0</v>
      </c>
      <c r="S466" s="107">
        <v>0</v>
      </c>
      <c r="T466" s="107">
        <v>0</v>
      </c>
      <c r="U466" s="107">
        <v>0</v>
      </c>
      <c r="V466" s="107">
        <v>0</v>
      </c>
      <c r="W466" s="107">
        <v>0</v>
      </c>
      <c r="X466" s="107">
        <v>0</v>
      </c>
      <c r="Y466" s="107">
        <v>0</v>
      </c>
      <c r="Z466" s="107">
        <v>0</v>
      </c>
      <c r="AA466" s="107">
        <v>0</v>
      </c>
      <c r="AB466" s="107">
        <v>0</v>
      </c>
      <c r="AC466" s="107">
        <v>0</v>
      </c>
      <c r="AD466" s="107">
        <v>0</v>
      </c>
      <c r="AE466" s="107">
        <v>0</v>
      </c>
      <c r="AF466" s="107">
        <v>0</v>
      </c>
      <c r="AG466" s="107">
        <v>0</v>
      </c>
      <c r="AH466" s="107">
        <v>0</v>
      </c>
      <c r="AI466" s="107">
        <v>0</v>
      </c>
      <c r="AJ466" s="107">
        <v>0</v>
      </c>
      <c r="AK466" s="107">
        <v>0</v>
      </c>
      <c r="AL466" s="107">
        <v>0</v>
      </c>
      <c r="AM466" s="107">
        <v>0</v>
      </c>
      <c r="AN466" s="107">
        <v>0</v>
      </c>
    </row>
    <row r="467" spans="1:40" x14ac:dyDescent="0.2">
      <c r="A467" s="133" t="s">
        <v>876</v>
      </c>
      <c r="B467" s="107">
        <v>0</v>
      </c>
      <c r="C467" s="107">
        <v>0</v>
      </c>
      <c r="D467" s="107">
        <v>0</v>
      </c>
      <c r="E467" s="107">
        <v>0</v>
      </c>
      <c r="F467" s="107">
        <v>0</v>
      </c>
      <c r="G467" s="107">
        <v>0</v>
      </c>
      <c r="H467" s="107">
        <v>0</v>
      </c>
      <c r="I467" s="107">
        <v>0</v>
      </c>
      <c r="J467" s="107">
        <v>0</v>
      </c>
      <c r="K467" s="107">
        <v>0</v>
      </c>
      <c r="L467" s="107">
        <v>0</v>
      </c>
      <c r="M467" s="107">
        <v>0</v>
      </c>
      <c r="N467" s="107">
        <v>0</v>
      </c>
      <c r="O467" s="107">
        <v>0</v>
      </c>
      <c r="P467" s="107">
        <v>0</v>
      </c>
      <c r="Q467" s="107">
        <v>0</v>
      </c>
      <c r="R467" s="107">
        <v>0</v>
      </c>
      <c r="S467" s="107">
        <v>0</v>
      </c>
      <c r="T467" s="107">
        <v>0</v>
      </c>
      <c r="U467" s="107">
        <v>0</v>
      </c>
      <c r="V467" s="107">
        <v>0</v>
      </c>
      <c r="W467" s="107">
        <v>0</v>
      </c>
      <c r="X467" s="107">
        <v>0</v>
      </c>
      <c r="Y467" s="107">
        <v>0</v>
      </c>
      <c r="Z467" s="107">
        <v>0</v>
      </c>
      <c r="AA467" s="107">
        <v>0</v>
      </c>
      <c r="AB467" s="107">
        <v>0</v>
      </c>
      <c r="AC467" s="107">
        <v>0</v>
      </c>
      <c r="AD467" s="107">
        <v>0</v>
      </c>
      <c r="AE467" s="107">
        <v>0</v>
      </c>
      <c r="AF467" s="107">
        <v>0</v>
      </c>
      <c r="AG467" s="107">
        <v>0</v>
      </c>
      <c r="AH467" s="107">
        <v>0</v>
      </c>
      <c r="AI467" s="107">
        <v>0</v>
      </c>
      <c r="AJ467" s="107">
        <v>0</v>
      </c>
      <c r="AK467" s="107">
        <v>0</v>
      </c>
      <c r="AL467" s="107">
        <v>0</v>
      </c>
      <c r="AM467" s="107">
        <v>0</v>
      </c>
      <c r="AN467" s="107">
        <v>0</v>
      </c>
    </row>
    <row r="468" spans="1:40" x14ac:dyDescent="0.2">
      <c r="A468" s="137" t="s">
        <v>877</v>
      </c>
      <c r="B468" s="107">
        <v>0</v>
      </c>
      <c r="C468" s="107">
        <v>0</v>
      </c>
      <c r="D468" s="107">
        <v>0</v>
      </c>
      <c r="E468" s="107">
        <v>0</v>
      </c>
      <c r="F468" s="107">
        <v>0</v>
      </c>
      <c r="G468" s="107">
        <v>0</v>
      </c>
      <c r="H468" s="107">
        <v>0</v>
      </c>
      <c r="I468" s="107">
        <v>0</v>
      </c>
      <c r="J468" s="107">
        <v>0</v>
      </c>
      <c r="K468" s="107">
        <v>0</v>
      </c>
      <c r="L468" s="107">
        <v>0</v>
      </c>
      <c r="M468" s="107">
        <v>0</v>
      </c>
      <c r="N468" s="107">
        <v>0</v>
      </c>
      <c r="O468" s="107">
        <v>0</v>
      </c>
      <c r="P468" s="107">
        <v>0</v>
      </c>
      <c r="Q468" s="107">
        <v>0</v>
      </c>
      <c r="R468" s="107">
        <v>0</v>
      </c>
      <c r="S468" s="107">
        <v>0</v>
      </c>
      <c r="T468" s="107">
        <v>0</v>
      </c>
      <c r="U468" s="107">
        <v>0</v>
      </c>
      <c r="V468" s="107">
        <v>0</v>
      </c>
      <c r="W468" s="107">
        <v>0</v>
      </c>
      <c r="X468" s="107">
        <v>0</v>
      </c>
      <c r="Y468" s="107">
        <v>0</v>
      </c>
      <c r="Z468" s="107">
        <v>0</v>
      </c>
      <c r="AA468" s="107">
        <v>0</v>
      </c>
      <c r="AB468" s="107">
        <v>0</v>
      </c>
      <c r="AC468" s="107">
        <v>0</v>
      </c>
      <c r="AD468" s="107">
        <v>0</v>
      </c>
      <c r="AE468" s="107">
        <v>0</v>
      </c>
      <c r="AF468" s="107">
        <v>0</v>
      </c>
      <c r="AG468" s="107">
        <v>0</v>
      </c>
      <c r="AH468" s="107">
        <v>0</v>
      </c>
      <c r="AI468" s="107">
        <v>0</v>
      </c>
      <c r="AJ468" s="107">
        <v>0</v>
      </c>
      <c r="AK468" s="107">
        <v>0</v>
      </c>
      <c r="AL468" s="107">
        <v>0</v>
      </c>
      <c r="AM468" s="107">
        <v>0</v>
      </c>
      <c r="AN468" s="107">
        <v>0</v>
      </c>
    </row>
    <row r="469" spans="1:40" x14ac:dyDescent="0.2">
      <c r="A469" s="133" t="s">
        <v>878</v>
      </c>
      <c r="B469" s="107">
        <v>0</v>
      </c>
      <c r="C469" s="107">
        <v>0</v>
      </c>
      <c r="D469" s="107">
        <v>0</v>
      </c>
      <c r="E469" s="107">
        <v>0</v>
      </c>
      <c r="F469" s="107">
        <v>0</v>
      </c>
      <c r="G469" s="107">
        <v>0</v>
      </c>
      <c r="H469" s="107">
        <v>0</v>
      </c>
      <c r="I469" s="107">
        <v>0</v>
      </c>
      <c r="J469" s="107">
        <v>0</v>
      </c>
      <c r="K469" s="107">
        <v>0</v>
      </c>
      <c r="L469" s="107">
        <v>0</v>
      </c>
      <c r="M469" s="107">
        <v>0</v>
      </c>
      <c r="N469" s="107">
        <v>0</v>
      </c>
      <c r="O469" s="107">
        <v>0</v>
      </c>
      <c r="P469" s="107">
        <v>0</v>
      </c>
      <c r="Q469" s="107">
        <v>0</v>
      </c>
      <c r="R469" s="107">
        <v>0</v>
      </c>
      <c r="S469" s="107">
        <v>0</v>
      </c>
      <c r="T469" s="107">
        <v>0</v>
      </c>
      <c r="U469" s="107">
        <v>0</v>
      </c>
      <c r="V469" s="107">
        <v>0</v>
      </c>
      <c r="W469" s="107">
        <v>0</v>
      </c>
      <c r="X469" s="107">
        <v>0</v>
      </c>
      <c r="Y469" s="107">
        <v>0</v>
      </c>
      <c r="Z469" s="107">
        <v>0</v>
      </c>
      <c r="AA469" s="107">
        <v>0</v>
      </c>
      <c r="AB469" s="107">
        <v>0</v>
      </c>
      <c r="AC469" s="107">
        <v>0</v>
      </c>
      <c r="AD469" s="107">
        <v>0</v>
      </c>
      <c r="AE469" s="107">
        <v>0</v>
      </c>
      <c r="AF469" s="107">
        <v>0</v>
      </c>
      <c r="AG469" s="107">
        <v>0</v>
      </c>
      <c r="AH469" s="107">
        <v>0</v>
      </c>
      <c r="AI469" s="107">
        <v>0</v>
      </c>
      <c r="AJ469" s="107">
        <v>0</v>
      </c>
      <c r="AK469" s="107">
        <v>0</v>
      </c>
      <c r="AL469" s="107">
        <v>0</v>
      </c>
      <c r="AM469" s="107">
        <v>0</v>
      </c>
      <c r="AN469" s="107">
        <v>0</v>
      </c>
    </row>
    <row r="470" spans="1:40" x14ac:dyDescent="0.2">
      <c r="A470" s="133" t="s">
        <v>879</v>
      </c>
      <c r="B470" s="107">
        <v>0</v>
      </c>
      <c r="C470" s="107">
        <v>0</v>
      </c>
      <c r="D470" s="107">
        <v>0</v>
      </c>
      <c r="E470" s="107">
        <v>0</v>
      </c>
      <c r="F470" s="107">
        <v>0</v>
      </c>
      <c r="G470" s="107">
        <v>0</v>
      </c>
      <c r="H470" s="107">
        <v>0</v>
      </c>
      <c r="I470" s="107">
        <v>0</v>
      </c>
      <c r="J470" s="107">
        <v>0</v>
      </c>
      <c r="K470" s="107">
        <v>0</v>
      </c>
      <c r="L470" s="107">
        <v>0</v>
      </c>
      <c r="M470" s="107">
        <v>0</v>
      </c>
      <c r="N470" s="107">
        <v>0</v>
      </c>
      <c r="O470" s="107">
        <v>0</v>
      </c>
      <c r="P470" s="107">
        <v>0</v>
      </c>
      <c r="Q470" s="107">
        <v>0</v>
      </c>
      <c r="R470" s="107">
        <v>0</v>
      </c>
      <c r="S470" s="107">
        <v>0</v>
      </c>
      <c r="T470" s="107">
        <v>0</v>
      </c>
      <c r="U470" s="107">
        <v>0</v>
      </c>
      <c r="V470" s="107">
        <v>0</v>
      </c>
      <c r="W470" s="107">
        <v>0</v>
      </c>
      <c r="X470" s="107">
        <v>0</v>
      </c>
      <c r="Y470" s="107">
        <v>0</v>
      </c>
      <c r="Z470" s="107">
        <v>0</v>
      </c>
      <c r="AA470" s="107">
        <v>0</v>
      </c>
      <c r="AB470" s="107">
        <v>0</v>
      </c>
      <c r="AC470" s="107">
        <v>0</v>
      </c>
      <c r="AD470" s="107">
        <v>0</v>
      </c>
      <c r="AE470" s="107">
        <v>0</v>
      </c>
      <c r="AF470" s="107">
        <v>0</v>
      </c>
      <c r="AG470" s="107">
        <v>0</v>
      </c>
      <c r="AH470" s="107">
        <v>0</v>
      </c>
      <c r="AI470" s="107">
        <v>0</v>
      </c>
      <c r="AJ470" s="107">
        <v>0</v>
      </c>
      <c r="AK470" s="107">
        <v>0</v>
      </c>
      <c r="AL470" s="107">
        <v>0</v>
      </c>
      <c r="AM470" s="107">
        <v>0</v>
      </c>
      <c r="AN470" s="107">
        <v>0</v>
      </c>
    </row>
    <row r="471" spans="1:40" x14ac:dyDescent="0.2">
      <c r="A471" s="133" t="s">
        <v>880</v>
      </c>
      <c r="B471" s="107">
        <v>0</v>
      </c>
      <c r="C471" s="107">
        <v>0</v>
      </c>
      <c r="D471" s="107">
        <v>0</v>
      </c>
      <c r="E471" s="107">
        <v>0</v>
      </c>
      <c r="F471" s="107">
        <v>0</v>
      </c>
      <c r="G471" s="107">
        <v>0</v>
      </c>
      <c r="H471" s="107">
        <v>0</v>
      </c>
      <c r="I471" s="107">
        <v>0</v>
      </c>
      <c r="J471" s="107">
        <v>0</v>
      </c>
      <c r="K471" s="107">
        <v>0</v>
      </c>
      <c r="L471" s="107">
        <v>0</v>
      </c>
      <c r="M471" s="107">
        <v>0</v>
      </c>
      <c r="N471" s="107">
        <v>0</v>
      </c>
      <c r="O471" s="107">
        <v>0</v>
      </c>
      <c r="P471" s="107">
        <v>0</v>
      </c>
      <c r="Q471" s="107">
        <v>0</v>
      </c>
      <c r="R471" s="107">
        <v>0</v>
      </c>
      <c r="S471" s="107">
        <v>0</v>
      </c>
      <c r="T471" s="107">
        <v>0</v>
      </c>
      <c r="U471" s="107">
        <v>0</v>
      </c>
      <c r="V471" s="107">
        <v>0</v>
      </c>
      <c r="W471" s="107">
        <v>0</v>
      </c>
      <c r="X471" s="107">
        <v>0</v>
      </c>
      <c r="Y471" s="107">
        <v>0</v>
      </c>
      <c r="Z471" s="107">
        <v>0</v>
      </c>
      <c r="AA471" s="107">
        <v>0</v>
      </c>
      <c r="AB471" s="107">
        <v>0</v>
      </c>
      <c r="AC471" s="107">
        <v>0</v>
      </c>
      <c r="AD471" s="107">
        <v>0</v>
      </c>
      <c r="AE471" s="107">
        <v>0</v>
      </c>
      <c r="AF471" s="107">
        <v>0</v>
      </c>
      <c r="AG471" s="107">
        <v>0</v>
      </c>
      <c r="AH471" s="107">
        <v>0</v>
      </c>
      <c r="AI471" s="107">
        <v>0</v>
      </c>
      <c r="AJ471" s="107">
        <v>0</v>
      </c>
      <c r="AK471" s="107">
        <v>0</v>
      </c>
      <c r="AL471" s="107">
        <v>0</v>
      </c>
      <c r="AM471" s="107">
        <v>0</v>
      </c>
      <c r="AN471" s="107">
        <v>0</v>
      </c>
    </row>
    <row r="472" spans="1:40" x14ac:dyDescent="0.2">
      <c r="A472" s="133" t="s">
        <v>881</v>
      </c>
      <c r="B472" s="107">
        <v>0</v>
      </c>
      <c r="C472" s="107">
        <v>0</v>
      </c>
      <c r="D472" s="107">
        <v>0</v>
      </c>
      <c r="E472" s="107">
        <v>0</v>
      </c>
      <c r="F472" s="107">
        <v>0</v>
      </c>
      <c r="G472" s="107">
        <v>0</v>
      </c>
      <c r="H472" s="107">
        <v>0</v>
      </c>
      <c r="I472" s="107">
        <v>0</v>
      </c>
      <c r="J472" s="107">
        <v>0</v>
      </c>
      <c r="K472" s="107">
        <v>0</v>
      </c>
      <c r="L472" s="107">
        <v>0</v>
      </c>
      <c r="M472" s="107">
        <v>0</v>
      </c>
      <c r="N472" s="107">
        <v>0</v>
      </c>
      <c r="O472" s="107">
        <v>0</v>
      </c>
      <c r="P472" s="107">
        <v>0</v>
      </c>
      <c r="Q472" s="107">
        <v>0</v>
      </c>
      <c r="R472" s="107">
        <v>0</v>
      </c>
      <c r="S472" s="107">
        <v>0</v>
      </c>
      <c r="T472" s="107">
        <v>0</v>
      </c>
      <c r="U472" s="107">
        <v>0</v>
      </c>
      <c r="V472" s="107">
        <v>0</v>
      </c>
      <c r="W472" s="107">
        <v>0</v>
      </c>
      <c r="X472" s="107">
        <v>0</v>
      </c>
      <c r="Y472" s="107">
        <v>0</v>
      </c>
      <c r="Z472" s="107">
        <v>0</v>
      </c>
      <c r="AA472" s="107">
        <v>0</v>
      </c>
      <c r="AB472" s="107">
        <v>0</v>
      </c>
      <c r="AC472" s="107">
        <v>0</v>
      </c>
      <c r="AD472" s="107">
        <v>0</v>
      </c>
      <c r="AE472" s="107">
        <v>0</v>
      </c>
      <c r="AF472" s="107">
        <v>0</v>
      </c>
      <c r="AG472" s="107">
        <v>0</v>
      </c>
      <c r="AH472" s="107">
        <v>0</v>
      </c>
      <c r="AI472" s="107">
        <v>0</v>
      </c>
      <c r="AJ472" s="107">
        <v>0</v>
      </c>
      <c r="AK472" s="107">
        <v>0</v>
      </c>
      <c r="AL472" s="107">
        <v>0</v>
      </c>
      <c r="AM472" s="107">
        <v>0</v>
      </c>
      <c r="AN472" s="107">
        <v>0</v>
      </c>
    </row>
    <row r="473" spans="1:40" x14ac:dyDescent="0.2">
      <c r="A473" s="137" t="s">
        <v>882</v>
      </c>
      <c r="B473" s="107">
        <v>0</v>
      </c>
      <c r="C473" s="107">
        <v>0</v>
      </c>
      <c r="D473" s="107">
        <v>0</v>
      </c>
      <c r="E473" s="107">
        <v>0</v>
      </c>
      <c r="F473" s="107">
        <v>0</v>
      </c>
      <c r="G473" s="107">
        <v>0</v>
      </c>
      <c r="H473" s="107">
        <v>0</v>
      </c>
      <c r="I473" s="107">
        <v>0</v>
      </c>
      <c r="J473" s="107">
        <v>0</v>
      </c>
      <c r="K473" s="107">
        <v>0</v>
      </c>
      <c r="L473" s="107">
        <v>0</v>
      </c>
      <c r="M473" s="107">
        <v>0</v>
      </c>
      <c r="N473" s="107">
        <v>0</v>
      </c>
      <c r="O473" s="107">
        <v>0</v>
      </c>
      <c r="P473" s="107">
        <v>0</v>
      </c>
      <c r="Q473" s="107">
        <v>0</v>
      </c>
      <c r="R473" s="107">
        <v>0</v>
      </c>
      <c r="S473" s="107">
        <v>0</v>
      </c>
      <c r="T473" s="107">
        <v>0</v>
      </c>
      <c r="U473" s="107">
        <v>0</v>
      </c>
      <c r="V473" s="107">
        <v>0</v>
      </c>
      <c r="W473" s="107">
        <v>0</v>
      </c>
      <c r="X473" s="107">
        <v>0</v>
      </c>
      <c r="Y473" s="107">
        <v>0</v>
      </c>
      <c r="Z473" s="107">
        <v>0</v>
      </c>
      <c r="AA473" s="107">
        <v>0</v>
      </c>
      <c r="AB473" s="107">
        <v>0</v>
      </c>
      <c r="AC473" s="107">
        <v>0</v>
      </c>
      <c r="AD473" s="107">
        <v>0</v>
      </c>
      <c r="AE473" s="107">
        <v>0</v>
      </c>
      <c r="AF473" s="107">
        <v>0</v>
      </c>
      <c r="AG473" s="107">
        <v>0</v>
      </c>
      <c r="AH473" s="107">
        <v>0</v>
      </c>
      <c r="AI473" s="107">
        <v>0</v>
      </c>
      <c r="AJ473" s="107">
        <v>0</v>
      </c>
      <c r="AK473" s="107">
        <v>0</v>
      </c>
      <c r="AL473" s="107">
        <v>0</v>
      </c>
      <c r="AM473" s="107">
        <v>0</v>
      </c>
      <c r="AN473" s="107">
        <v>0</v>
      </c>
    </row>
    <row r="474" spans="1:40" x14ac:dyDescent="0.2">
      <c r="A474" s="133" t="s">
        <v>883</v>
      </c>
      <c r="B474" s="107">
        <v>0</v>
      </c>
      <c r="C474" s="107">
        <v>0</v>
      </c>
      <c r="D474" s="107">
        <v>0</v>
      </c>
      <c r="E474" s="107">
        <v>0</v>
      </c>
      <c r="F474" s="107">
        <v>0</v>
      </c>
      <c r="G474" s="107">
        <v>0</v>
      </c>
      <c r="H474" s="107">
        <v>0</v>
      </c>
      <c r="I474" s="107">
        <v>0</v>
      </c>
      <c r="J474" s="107">
        <v>0</v>
      </c>
      <c r="K474" s="107">
        <v>0</v>
      </c>
      <c r="L474" s="107">
        <v>0</v>
      </c>
      <c r="M474" s="107">
        <v>0</v>
      </c>
      <c r="N474" s="107">
        <v>0</v>
      </c>
      <c r="O474" s="107">
        <v>0</v>
      </c>
      <c r="P474" s="107">
        <v>0</v>
      </c>
      <c r="Q474" s="107">
        <v>0</v>
      </c>
      <c r="R474" s="107">
        <v>0</v>
      </c>
      <c r="S474" s="107">
        <v>0</v>
      </c>
      <c r="T474" s="107">
        <v>0</v>
      </c>
      <c r="U474" s="107">
        <v>0</v>
      </c>
      <c r="V474" s="107">
        <v>0</v>
      </c>
      <c r="W474" s="107">
        <v>0</v>
      </c>
      <c r="X474" s="107">
        <v>0</v>
      </c>
      <c r="Y474" s="107">
        <v>0</v>
      </c>
      <c r="Z474" s="107">
        <v>0</v>
      </c>
      <c r="AA474" s="107">
        <v>0</v>
      </c>
      <c r="AB474" s="107">
        <v>0</v>
      </c>
      <c r="AC474" s="107">
        <v>0</v>
      </c>
      <c r="AD474" s="107">
        <v>0</v>
      </c>
      <c r="AE474" s="107">
        <v>0</v>
      </c>
      <c r="AF474" s="107">
        <v>0</v>
      </c>
      <c r="AG474" s="107">
        <v>0</v>
      </c>
      <c r="AH474" s="107">
        <v>0</v>
      </c>
      <c r="AI474" s="107">
        <v>0</v>
      </c>
      <c r="AJ474" s="107">
        <v>0</v>
      </c>
      <c r="AK474" s="107">
        <v>0</v>
      </c>
      <c r="AL474" s="107">
        <v>0</v>
      </c>
      <c r="AM474" s="107">
        <v>0</v>
      </c>
      <c r="AN474" s="107">
        <v>0</v>
      </c>
    </row>
    <row r="475" spans="1:40" x14ac:dyDescent="0.2">
      <c r="A475" s="133" t="s">
        <v>884</v>
      </c>
      <c r="B475" s="107">
        <v>0</v>
      </c>
      <c r="C475" s="107">
        <v>0</v>
      </c>
      <c r="D475" s="107">
        <v>0</v>
      </c>
      <c r="E475" s="107">
        <v>0</v>
      </c>
      <c r="F475" s="107">
        <v>0</v>
      </c>
      <c r="G475" s="107">
        <v>0</v>
      </c>
      <c r="H475" s="107">
        <v>0</v>
      </c>
      <c r="I475" s="107">
        <v>0</v>
      </c>
      <c r="J475" s="107">
        <v>0</v>
      </c>
      <c r="K475" s="107">
        <v>0</v>
      </c>
      <c r="L475" s="107">
        <v>0</v>
      </c>
      <c r="M475" s="107">
        <v>0</v>
      </c>
      <c r="N475" s="107">
        <v>0</v>
      </c>
      <c r="O475" s="107">
        <v>0</v>
      </c>
      <c r="P475" s="107">
        <v>0</v>
      </c>
      <c r="Q475" s="107">
        <v>0</v>
      </c>
      <c r="R475" s="107">
        <v>0</v>
      </c>
      <c r="S475" s="107">
        <v>0</v>
      </c>
      <c r="T475" s="107">
        <v>0</v>
      </c>
      <c r="U475" s="107">
        <v>0</v>
      </c>
      <c r="V475" s="107">
        <v>0</v>
      </c>
      <c r="W475" s="107">
        <v>0</v>
      </c>
      <c r="X475" s="107">
        <v>0</v>
      </c>
      <c r="Y475" s="107">
        <v>0</v>
      </c>
      <c r="Z475" s="107">
        <v>0</v>
      </c>
      <c r="AA475" s="107">
        <v>0</v>
      </c>
      <c r="AB475" s="107">
        <v>0</v>
      </c>
      <c r="AC475" s="107">
        <v>0</v>
      </c>
      <c r="AD475" s="107">
        <v>0</v>
      </c>
      <c r="AE475" s="107">
        <v>0</v>
      </c>
      <c r="AF475" s="107">
        <v>0</v>
      </c>
      <c r="AG475" s="107">
        <v>0</v>
      </c>
      <c r="AH475" s="107">
        <v>0</v>
      </c>
      <c r="AI475" s="107">
        <v>0</v>
      </c>
      <c r="AJ475" s="107">
        <v>0</v>
      </c>
      <c r="AK475" s="107">
        <v>0</v>
      </c>
      <c r="AL475" s="107">
        <v>0</v>
      </c>
      <c r="AM475" s="107">
        <v>0</v>
      </c>
      <c r="AN475" s="107">
        <v>0</v>
      </c>
    </row>
    <row r="476" spans="1:40" x14ac:dyDescent="0.2">
      <c r="A476" s="133" t="s">
        <v>885</v>
      </c>
      <c r="B476" s="107">
        <v>0</v>
      </c>
      <c r="C476" s="107">
        <v>0</v>
      </c>
      <c r="D476" s="107">
        <v>0</v>
      </c>
      <c r="E476" s="107">
        <v>0</v>
      </c>
      <c r="F476" s="107">
        <v>0</v>
      </c>
      <c r="G476" s="107">
        <v>0</v>
      </c>
      <c r="H476" s="107">
        <v>0</v>
      </c>
      <c r="I476" s="107">
        <v>0</v>
      </c>
      <c r="J476" s="107">
        <v>0</v>
      </c>
      <c r="K476" s="107">
        <v>0</v>
      </c>
      <c r="L476" s="107">
        <v>0</v>
      </c>
      <c r="M476" s="107">
        <v>0</v>
      </c>
      <c r="N476" s="107">
        <v>0</v>
      </c>
      <c r="O476" s="107">
        <v>0</v>
      </c>
      <c r="P476" s="107">
        <v>0</v>
      </c>
      <c r="Q476" s="107">
        <v>0</v>
      </c>
      <c r="R476" s="107">
        <v>0</v>
      </c>
      <c r="S476" s="107">
        <v>0</v>
      </c>
      <c r="T476" s="107">
        <v>0</v>
      </c>
      <c r="U476" s="107">
        <v>0</v>
      </c>
      <c r="V476" s="107">
        <v>0</v>
      </c>
      <c r="W476" s="107">
        <v>0</v>
      </c>
      <c r="X476" s="107">
        <v>0</v>
      </c>
      <c r="Y476" s="107">
        <v>0</v>
      </c>
      <c r="Z476" s="107">
        <v>0</v>
      </c>
      <c r="AA476" s="107">
        <v>0</v>
      </c>
      <c r="AB476" s="107">
        <v>0</v>
      </c>
      <c r="AC476" s="107">
        <v>0</v>
      </c>
      <c r="AD476" s="107">
        <v>0</v>
      </c>
      <c r="AE476" s="107">
        <v>0</v>
      </c>
      <c r="AF476" s="107">
        <v>0</v>
      </c>
      <c r="AG476" s="107">
        <v>0</v>
      </c>
      <c r="AH476" s="107">
        <v>0</v>
      </c>
      <c r="AI476" s="107">
        <v>0</v>
      </c>
      <c r="AJ476" s="107">
        <v>0</v>
      </c>
      <c r="AK476" s="107">
        <v>0</v>
      </c>
      <c r="AL476" s="107">
        <v>0</v>
      </c>
      <c r="AM476" s="107">
        <v>0</v>
      </c>
      <c r="AN476" s="107">
        <v>0</v>
      </c>
    </row>
    <row r="477" spans="1:40" x14ac:dyDescent="0.2">
      <c r="A477" s="133" t="s">
        <v>886</v>
      </c>
      <c r="B477" s="107">
        <v>0</v>
      </c>
      <c r="C477" s="107">
        <v>0</v>
      </c>
      <c r="D477" s="107">
        <v>0</v>
      </c>
      <c r="E477" s="107">
        <v>0</v>
      </c>
      <c r="F477" s="107">
        <v>0</v>
      </c>
      <c r="G477" s="107">
        <v>0</v>
      </c>
      <c r="H477" s="107">
        <v>0</v>
      </c>
      <c r="I477" s="107">
        <v>0</v>
      </c>
      <c r="J477" s="107">
        <v>0</v>
      </c>
      <c r="K477" s="107">
        <v>0</v>
      </c>
      <c r="L477" s="107">
        <v>0</v>
      </c>
      <c r="M477" s="107">
        <v>0</v>
      </c>
      <c r="N477" s="107">
        <v>0</v>
      </c>
      <c r="O477" s="107">
        <v>0</v>
      </c>
      <c r="P477" s="107">
        <v>0</v>
      </c>
      <c r="Q477" s="107">
        <v>0</v>
      </c>
      <c r="R477" s="107">
        <v>0</v>
      </c>
      <c r="S477" s="107">
        <v>0</v>
      </c>
      <c r="T477" s="107">
        <v>0</v>
      </c>
      <c r="U477" s="107">
        <v>0</v>
      </c>
      <c r="V477" s="107">
        <v>0</v>
      </c>
      <c r="W477" s="107">
        <v>0</v>
      </c>
      <c r="X477" s="107">
        <v>0</v>
      </c>
      <c r="Y477" s="107">
        <v>0</v>
      </c>
      <c r="Z477" s="107">
        <v>0</v>
      </c>
      <c r="AA477" s="107">
        <v>0</v>
      </c>
      <c r="AB477" s="107">
        <v>0</v>
      </c>
      <c r="AC477" s="107">
        <v>0</v>
      </c>
      <c r="AD477" s="107">
        <v>0</v>
      </c>
      <c r="AE477" s="107">
        <v>0</v>
      </c>
      <c r="AF477" s="107">
        <v>0</v>
      </c>
      <c r="AG477" s="107">
        <v>0</v>
      </c>
      <c r="AH477" s="107">
        <v>0</v>
      </c>
      <c r="AI477" s="107">
        <v>0</v>
      </c>
      <c r="AJ477" s="107">
        <v>0</v>
      </c>
      <c r="AK477" s="107">
        <v>0</v>
      </c>
      <c r="AL477" s="107">
        <v>0</v>
      </c>
      <c r="AM477" s="107">
        <v>0</v>
      </c>
      <c r="AN477" s="107">
        <v>0</v>
      </c>
    </row>
    <row r="478" spans="1:40" x14ac:dyDescent="0.2">
      <c r="A478" s="133" t="s">
        <v>887</v>
      </c>
      <c r="B478" s="107">
        <v>0</v>
      </c>
      <c r="C478" s="107">
        <v>0</v>
      </c>
      <c r="D478" s="107">
        <v>0</v>
      </c>
      <c r="E478" s="107">
        <v>0</v>
      </c>
      <c r="F478" s="107">
        <v>0</v>
      </c>
      <c r="G478" s="107">
        <v>0</v>
      </c>
      <c r="H478" s="107">
        <v>0</v>
      </c>
      <c r="I478" s="107">
        <v>0</v>
      </c>
      <c r="J478" s="107">
        <v>0</v>
      </c>
      <c r="K478" s="107">
        <v>0</v>
      </c>
      <c r="L478" s="107">
        <v>0</v>
      </c>
      <c r="M478" s="107">
        <v>0</v>
      </c>
      <c r="N478" s="107">
        <v>0</v>
      </c>
      <c r="O478" s="107">
        <v>0</v>
      </c>
      <c r="P478" s="107">
        <v>0</v>
      </c>
      <c r="Q478" s="107">
        <v>0</v>
      </c>
      <c r="R478" s="107">
        <v>0</v>
      </c>
      <c r="S478" s="107">
        <v>0</v>
      </c>
      <c r="T478" s="107">
        <v>0</v>
      </c>
      <c r="U478" s="107">
        <v>0</v>
      </c>
      <c r="V478" s="107">
        <v>0</v>
      </c>
      <c r="W478" s="107">
        <v>0</v>
      </c>
      <c r="X478" s="107">
        <v>0</v>
      </c>
      <c r="Y478" s="107">
        <v>0</v>
      </c>
      <c r="Z478" s="107">
        <v>0</v>
      </c>
      <c r="AA478" s="107">
        <v>0</v>
      </c>
      <c r="AB478" s="107">
        <v>0</v>
      </c>
      <c r="AC478" s="107">
        <v>0</v>
      </c>
      <c r="AD478" s="107">
        <v>0</v>
      </c>
      <c r="AE478" s="107">
        <v>0</v>
      </c>
      <c r="AF478" s="107">
        <v>0</v>
      </c>
      <c r="AG478" s="107">
        <v>0</v>
      </c>
      <c r="AH478" s="107">
        <v>0</v>
      </c>
      <c r="AI478" s="107">
        <v>0</v>
      </c>
      <c r="AJ478" s="107">
        <v>0</v>
      </c>
      <c r="AK478" s="107">
        <v>0</v>
      </c>
      <c r="AL478" s="107">
        <v>0</v>
      </c>
      <c r="AM478" s="107">
        <v>0</v>
      </c>
      <c r="AN478" s="107">
        <v>0</v>
      </c>
    </row>
    <row r="479" spans="1:40" x14ac:dyDescent="0.2">
      <c r="A479" s="137" t="s">
        <v>888</v>
      </c>
      <c r="B479" s="107">
        <v>0</v>
      </c>
      <c r="C479" s="107">
        <v>0</v>
      </c>
      <c r="D479" s="107">
        <v>0</v>
      </c>
      <c r="E479" s="107">
        <v>0</v>
      </c>
      <c r="F479" s="107">
        <v>0</v>
      </c>
      <c r="G479" s="107">
        <v>0</v>
      </c>
      <c r="H479" s="107">
        <v>0</v>
      </c>
      <c r="I479" s="107">
        <v>0</v>
      </c>
      <c r="J479" s="107">
        <v>0</v>
      </c>
      <c r="K479" s="107">
        <v>0</v>
      </c>
      <c r="L479" s="107">
        <v>0</v>
      </c>
      <c r="M479" s="107">
        <v>0</v>
      </c>
      <c r="N479" s="107">
        <v>0</v>
      </c>
      <c r="O479" s="107">
        <v>0</v>
      </c>
      <c r="P479" s="107">
        <v>0</v>
      </c>
      <c r="Q479" s="107">
        <v>0</v>
      </c>
      <c r="R479" s="107">
        <v>0</v>
      </c>
      <c r="S479" s="107">
        <v>0</v>
      </c>
      <c r="T479" s="107">
        <v>0</v>
      </c>
      <c r="U479" s="107">
        <v>0</v>
      </c>
      <c r="V479" s="107">
        <v>0</v>
      </c>
      <c r="W479" s="107">
        <v>0</v>
      </c>
      <c r="X479" s="107">
        <v>0</v>
      </c>
      <c r="Y479" s="107">
        <v>0</v>
      </c>
      <c r="Z479" s="107">
        <v>0</v>
      </c>
      <c r="AA479" s="107">
        <v>0</v>
      </c>
      <c r="AB479" s="107">
        <v>0</v>
      </c>
      <c r="AC479" s="107">
        <v>0</v>
      </c>
      <c r="AD479" s="107">
        <v>0</v>
      </c>
      <c r="AE479" s="107">
        <v>0</v>
      </c>
      <c r="AF479" s="107">
        <v>0</v>
      </c>
      <c r="AG479" s="107">
        <v>0</v>
      </c>
      <c r="AH479" s="107">
        <v>0</v>
      </c>
      <c r="AI479" s="107">
        <v>0</v>
      </c>
      <c r="AJ479" s="107">
        <v>0</v>
      </c>
      <c r="AK479" s="107">
        <v>0</v>
      </c>
      <c r="AL479" s="107">
        <v>0</v>
      </c>
      <c r="AM479" s="107">
        <v>0</v>
      </c>
      <c r="AN479" s="107">
        <v>0</v>
      </c>
    </row>
    <row r="480" spans="1:40" x14ac:dyDescent="0.2">
      <c r="A480" s="133" t="s">
        <v>889</v>
      </c>
      <c r="B480" s="107">
        <v>0</v>
      </c>
      <c r="C480" s="107">
        <v>0</v>
      </c>
      <c r="D480" s="107">
        <v>0</v>
      </c>
      <c r="E480" s="107">
        <v>0</v>
      </c>
      <c r="F480" s="107">
        <v>0</v>
      </c>
      <c r="G480" s="107">
        <v>0</v>
      </c>
      <c r="H480" s="107">
        <v>0</v>
      </c>
      <c r="I480" s="107">
        <v>0</v>
      </c>
      <c r="J480" s="107">
        <v>0</v>
      </c>
      <c r="K480" s="107">
        <v>0</v>
      </c>
      <c r="L480" s="107">
        <v>0</v>
      </c>
      <c r="M480" s="107">
        <v>0</v>
      </c>
      <c r="N480" s="107">
        <v>0</v>
      </c>
      <c r="O480" s="107">
        <v>0</v>
      </c>
      <c r="P480" s="107">
        <v>0</v>
      </c>
      <c r="Q480" s="107">
        <v>0</v>
      </c>
      <c r="R480" s="107">
        <v>0</v>
      </c>
      <c r="S480" s="107">
        <v>0</v>
      </c>
      <c r="T480" s="107">
        <v>0</v>
      </c>
      <c r="U480" s="107">
        <v>0</v>
      </c>
      <c r="V480" s="107">
        <v>0</v>
      </c>
      <c r="W480" s="107">
        <v>0</v>
      </c>
      <c r="X480" s="107">
        <v>0</v>
      </c>
      <c r="Y480" s="107">
        <v>0</v>
      </c>
      <c r="Z480" s="107">
        <v>0</v>
      </c>
      <c r="AA480" s="107">
        <v>0</v>
      </c>
      <c r="AB480" s="107">
        <v>0</v>
      </c>
      <c r="AC480" s="107">
        <v>0</v>
      </c>
      <c r="AD480" s="107">
        <v>0</v>
      </c>
      <c r="AE480" s="107">
        <v>0</v>
      </c>
      <c r="AF480" s="107">
        <v>0</v>
      </c>
      <c r="AG480" s="107">
        <v>0</v>
      </c>
      <c r="AH480" s="107">
        <v>0</v>
      </c>
      <c r="AI480" s="107">
        <v>0</v>
      </c>
      <c r="AJ480" s="107">
        <v>0</v>
      </c>
      <c r="AK480" s="107">
        <v>0</v>
      </c>
      <c r="AL480" s="107">
        <v>0</v>
      </c>
      <c r="AM480" s="107">
        <v>0</v>
      </c>
      <c r="AN480" s="107">
        <v>0</v>
      </c>
    </row>
    <row r="481" spans="1:40" x14ac:dyDescent="0.2">
      <c r="A481" s="133" t="s">
        <v>890</v>
      </c>
      <c r="B481" s="107">
        <v>0</v>
      </c>
      <c r="C481" s="107">
        <v>0</v>
      </c>
      <c r="D481" s="107">
        <v>0</v>
      </c>
      <c r="E481" s="107">
        <v>0</v>
      </c>
      <c r="F481" s="107">
        <v>0</v>
      </c>
      <c r="G481" s="107">
        <v>0</v>
      </c>
      <c r="H481" s="107">
        <v>0</v>
      </c>
      <c r="I481" s="107">
        <v>0</v>
      </c>
      <c r="J481" s="107">
        <v>0</v>
      </c>
      <c r="K481" s="107">
        <v>0</v>
      </c>
      <c r="L481" s="107">
        <v>0</v>
      </c>
      <c r="M481" s="107">
        <v>0</v>
      </c>
      <c r="N481" s="107">
        <v>0</v>
      </c>
      <c r="O481" s="107">
        <v>0</v>
      </c>
      <c r="P481" s="107">
        <v>0</v>
      </c>
      <c r="Q481" s="107">
        <v>0</v>
      </c>
      <c r="R481" s="107">
        <v>0</v>
      </c>
      <c r="S481" s="107">
        <v>0</v>
      </c>
      <c r="T481" s="107">
        <v>0</v>
      </c>
      <c r="U481" s="107">
        <v>0</v>
      </c>
      <c r="V481" s="107">
        <v>0</v>
      </c>
      <c r="W481" s="107">
        <v>0</v>
      </c>
      <c r="X481" s="107">
        <v>0</v>
      </c>
      <c r="Y481" s="107">
        <v>0</v>
      </c>
      <c r="Z481" s="107">
        <v>0</v>
      </c>
      <c r="AA481" s="107">
        <v>0</v>
      </c>
      <c r="AB481" s="107">
        <v>0</v>
      </c>
      <c r="AC481" s="107">
        <v>0</v>
      </c>
      <c r="AD481" s="107">
        <v>0</v>
      </c>
      <c r="AE481" s="107">
        <v>0</v>
      </c>
      <c r="AF481" s="107">
        <v>0</v>
      </c>
      <c r="AG481" s="107">
        <v>0</v>
      </c>
      <c r="AH481" s="107">
        <v>0</v>
      </c>
      <c r="AI481" s="107">
        <v>0</v>
      </c>
      <c r="AJ481" s="107">
        <v>0</v>
      </c>
      <c r="AK481" s="107">
        <v>0</v>
      </c>
      <c r="AL481" s="107">
        <v>0</v>
      </c>
      <c r="AM481" s="107">
        <v>0</v>
      </c>
      <c r="AN481" s="107">
        <v>0</v>
      </c>
    </row>
    <row r="482" spans="1:40" x14ac:dyDescent="0.2">
      <c r="A482" s="133" t="s">
        <v>891</v>
      </c>
      <c r="B482" s="107">
        <v>0</v>
      </c>
      <c r="C482" s="107">
        <v>0</v>
      </c>
      <c r="D482" s="107">
        <v>0</v>
      </c>
      <c r="E482" s="107">
        <v>0</v>
      </c>
      <c r="F482" s="107">
        <v>0</v>
      </c>
      <c r="G482" s="107">
        <v>0</v>
      </c>
      <c r="H482" s="107">
        <v>0</v>
      </c>
      <c r="I482" s="107">
        <v>0</v>
      </c>
      <c r="J482" s="107">
        <v>0</v>
      </c>
      <c r="K482" s="107">
        <v>0</v>
      </c>
      <c r="L482" s="107">
        <v>0</v>
      </c>
      <c r="M482" s="107">
        <v>0</v>
      </c>
      <c r="N482" s="107">
        <v>0</v>
      </c>
      <c r="O482" s="107">
        <v>0</v>
      </c>
      <c r="P482" s="107">
        <v>0</v>
      </c>
      <c r="Q482" s="107">
        <v>0</v>
      </c>
      <c r="R482" s="107">
        <v>0</v>
      </c>
      <c r="S482" s="107">
        <v>0</v>
      </c>
      <c r="T482" s="107">
        <v>0</v>
      </c>
      <c r="U482" s="107">
        <v>0</v>
      </c>
      <c r="V482" s="107">
        <v>0</v>
      </c>
      <c r="W482" s="107">
        <v>0</v>
      </c>
      <c r="X482" s="107">
        <v>0</v>
      </c>
      <c r="Y482" s="107">
        <v>0</v>
      </c>
      <c r="Z482" s="107">
        <v>0</v>
      </c>
      <c r="AA482" s="107">
        <v>0</v>
      </c>
      <c r="AB482" s="107">
        <v>0</v>
      </c>
      <c r="AC482" s="107">
        <v>0</v>
      </c>
      <c r="AD482" s="107">
        <v>0</v>
      </c>
      <c r="AE482" s="107">
        <v>0</v>
      </c>
      <c r="AF482" s="107">
        <v>0</v>
      </c>
      <c r="AG482" s="107">
        <v>0</v>
      </c>
      <c r="AH482" s="107">
        <v>0</v>
      </c>
      <c r="AI482" s="107">
        <v>0</v>
      </c>
      <c r="AJ482" s="107">
        <v>0</v>
      </c>
      <c r="AK482" s="107">
        <v>0</v>
      </c>
      <c r="AL482" s="107">
        <v>0</v>
      </c>
      <c r="AM482" s="107">
        <v>0</v>
      </c>
      <c r="AN482" s="107">
        <v>0</v>
      </c>
    </row>
    <row r="483" spans="1:40" x14ac:dyDescent="0.2">
      <c r="A483" s="133" t="s">
        <v>892</v>
      </c>
      <c r="B483" s="107">
        <v>0</v>
      </c>
      <c r="C483" s="107">
        <v>0</v>
      </c>
      <c r="D483" s="107">
        <v>0</v>
      </c>
      <c r="E483" s="107">
        <v>0</v>
      </c>
      <c r="F483" s="107">
        <v>0</v>
      </c>
      <c r="G483" s="107">
        <v>0</v>
      </c>
      <c r="H483" s="107">
        <v>0</v>
      </c>
      <c r="I483" s="107">
        <v>0</v>
      </c>
      <c r="J483" s="107">
        <v>0</v>
      </c>
      <c r="K483" s="107">
        <v>0</v>
      </c>
      <c r="L483" s="107">
        <v>0</v>
      </c>
      <c r="M483" s="107">
        <v>0</v>
      </c>
      <c r="N483" s="107">
        <v>0</v>
      </c>
      <c r="O483" s="107">
        <v>0</v>
      </c>
      <c r="P483" s="107">
        <v>0</v>
      </c>
      <c r="Q483" s="107">
        <v>0</v>
      </c>
      <c r="R483" s="107">
        <v>0</v>
      </c>
      <c r="S483" s="107">
        <v>0</v>
      </c>
      <c r="T483" s="107">
        <v>0</v>
      </c>
      <c r="U483" s="107">
        <v>0</v>
      </c>
      <c r="V483" s="107">
        <v>0</v>
      </c>
      <c r="W483" s="107">
        <v>0</v>
      </c>
      <c r="X483" s="107">
        <v>0</v>
      </c>
      <c r="Y483" s="107">
        <v>0</v>
      </c>
      <c r="Z483" s="107">
        <v>0</v>
      </c>
      <c r="AA483" s="107">
        <v>0</v>
      </c>
      <c r="AB483" s="107">
        <v>0</v>
      </c>
      <c r="AC483" s="107">
        <v>0</v>
      </c>
      <c r="AD483" s="107">
        <v>0</v>
      </c>
      <c r="AE483" s="107">
        <v>0</v>
      </c>
      <c r="AF483" s="107">
        <v>0</v>
      </c>
      <c r="AG483" s="107">
        <v>0</v>
      </c>
      <c r="AH483" s="107">
        <v>0</v>
      </c>
      <c r="AI483" s="107">
        <v>0</v>
      </c>
      <c r="AJ483" s="107">
        <v>0</v>
      </c>
      <c r="AK483" s="107">
        <v>0</v>
      </c>
      <c r="AL483" s="107">
        <v>0</v>
      </c>
      <c r="AM483" s="107">
        <v>0</v>
      </c>
      <c r="AN483" s="107">
        <v>0</v>
      </c>
    </row>
    <row r="484" spans="1:40" x14ac:dyDescent="0.2">
      <c r="A484" s="133" t="s">
        <v>893</v>
      </c>
      <c r="B484" s="107">
        <v>0</v>
      </c>
      <c r="C484" s="107">
        <v>0</v>
      </c>
      <c r="D484" s="107">
        <v>0</v>
      </c>
      <c r="E484" s="107">
        <v>0</v>
      </c>
      <c r="F484" s="107">
        <v>0</v>
      </c>
      <c r="G484" s="107">
        <v>0</v>
      </c>
      <c r="H484" s="107">
        <v>0</v>
      </c>
      <c r="I484" s="107">
        <v>0</v>
      </c>
      <c r="J484" s="107">
        <v>0</v>
      </c>
      <c r="K484" s="107">
        <v>0</v>
      </c>
      <c r="L484" s="107">
        <v>0</v>
      </c>
      <c r="M484" s="107">
        <v>0</v>
      </c>
      <c r="N484" s="107">
        <v>0</v>
      </c>
      <c r="O484" s="107">
        <v>0</v>
      </c>
      <c r="P484" s="107">
        <v>0</v>
      </c>
      <c r="Q484" s="107">
        <v>0</v>
      </c>
      <c r="R484" s="107">
        <v>0</v>
      </c>
      <c r="S484" s="107">
        <v>0</v>
      </c>
      <c r="T484" s="107">
        <v>0</v>
      </c>
      <c r="U484" s="107">
        <v>0</v>
      </c>
      <c r="V484" s="107">
        <v>0</v>
      </c>
      <c r="W484" s="107">
        <v>0</v>
      </c>
      <c r="X484" s="107">
        <v>0</v>
      </c>
      <c r="Y484" s="107">
        <v>0</v>
      </c>
      <c r="Z484" s="107">
        <v>0</v>
      </c>
      <c r="AA484" s="107">
        <v>0</v>
      </c>
      <c r="AB484" s="107">
        <v>0</v>
      </c>
      <c r="AC484" s="107">
        <v>0</v>
      </c>
      <c r="AD484" s="107">
        <v>0</v>
      </c>
      <c r="AE484" s="107">
        <v>0</v>
      </c>
      <c r="AF484" s="107">
        <v>0</v>
      </c>
      <c r="AG484" s="107">
        <v>0</v>
      </c>
      <c r="AH484" s="107">
        <v>0</v>
      </c>
      <c r="AI484" s="107">
        <v>0</v>
      </c>
      <c r="AJ484" s="107">
        <v>0</v>
      </c>
      <c r="AK484" s="107">
        <v>0</v>
      </c>
      <c r="AL484" s="107">
        <v>0</v>
      </c>
      <c r="AM484" s="107">
        <v>0</v>
      </c>
      <c r="AN484" s="107">
        <v>0</v>
      </c>
    </row>
    <row r="485" spans="1:40" x14ac:dyDescent="0.2">
      <c r="A485" s="133" t="s">
        <v>894</v>
      </c>
      <c r="B485" s="107">
        <v>0</v>
      </c>
      <c r="C485" s="107">
        <v>0</v>
      </c>
      <c r="D485" s="107">
        <v>0</v>
      </c>
      <c r="E485" s="107">
        <v>0</v>
      </c>
      <c r="F485" s="107">
        <v>0</v>
      </c>
      <c r="G485" s="107">
        <v>0</v>
      </c>
      <c r="H485" s="107">
        <v>0</v>
      </c>
      <c r="I485" s="107">
        <v>0</v>
      </c>
      <c r="J485" s="107">
        <v>0</v>
      </c>
      <c r="K485" s="107">
        <v>0</v>
      </c>
      <c r="L485" s="107">
        <v>0</v>
      </c>
      <c r="M485" s="107">
        <v>0</v>
      </c>
      <c r="N485" s="107">
        <v>0</v>
      </c>
      <c r="O485" s="107">
        <v>0</v>
      </c>
      <c r="P485" s="107">
        <v>0</v>
      </c>
      <c r="Q485" s="107">
        <v>0</v>
      </c>
      <c r="R485" s="107">
        <v>0</v>
      </c>
      <c r="S485" s="107">
        <v>0</v>
      </c>
      <c r="T485" s="107">
        <v>0</v>
      </c>
      <c r="U485" s="107">
        <v>0</v>
      </c>
      <c r="V485" s="107">
        <v>0</v>
      </c>
      <c r="W485" s="107">
        <v>0</v>
      </c>
      <c r="X485" s="107">
        <v>0</v>
      </c>
      <c r="Y485" s="107">
        <v>0</v>
      </c>
      <c r="Z485" s="107">
        <v>0</v>
      </c>
      <c r="AA485" s="107">
        <v>0</v>
      </c>
      <c r="AB485" s="107">
        <v>0</v>
      </c>
      <c r="AC485" s="107">
        <v>0</v>
      </c>
      <c r="AD485" s="107">
        <v>0</v>
      </c>
      <c r="AE485" s="107">
        <v>0</v>
      </c>
      <c r="AF485" s="107">
        <v>0</v>
      </c>
      <c r="AG485" s="107">
        <v>0</v>
      </c>
      <c r="AH485" s="107">
        <v>0</v>
      </c>
      <c r="AI485" s="107">
        <v>0</v>
      </c>
      <c r="AJ485" s="107">
        <v>0</v>
      </c>
      <c r="AK485" s="107">
        <v>0</v>
      </c>
      <c r="AL485" s="107">
        <v>0</v>
      </c>
      <c r="AM485" s="107">
        <v>0</v>
      </c>
      <c r="AN485" s="107">
        <v>0</v>
      </c>
    </row>
    <row r="486" spans="1:40" x14ac:dyDescent="0.2">
      <c r="A486" s="133" t="s">
        <v>895</v>
      </c>
      <c r="B486" s="107">
        <v>0</v>
      </c>
      <c r="C486" s="107">
        <v>0</v>
      </c>
      <c r="D486" s="107">
        <v>0</v>
      </c>
      <c r="E486" s="107">
        <v>0</v>
      </c>
      <c r="F486" s="107">
        <v>0</v>
      </c>
      <c r="G486" s="107">
        <v>0</v>
      </c>
      <c r="H486" s="107">
        <v>0</v>
      </c>
      <c r="I486" s="107">
        <v>0</v>
      </c>
      <c r="J486" s="107">
        <v>0</v>
      </c>
      <c r="K486" s="107">
        <v>0</v>
      </c>
      <c r="L486" s="107">
        <v>0</v>
      </c>
      <c r="M486" s="107">
        <v>0</v>
      </c>
      <c r="N486" s="107">
        <v>0</v>
      </c>
      <c r="O486" s="107">
        <v>0</v>
      </c>
      <c r="P486" s="107">
        <v>0</v>
      </c>
      <c r="Q486" s="107">
        <v>0</v>
      </c>
      <c r="R486" s="107">
        <v>0</v>
      </c>
      <c r="S486" s="107">
        <v>0</v>
      </c>
      <c r="T486" s="107">
        <v>0</v>
      </c>
      <c r="U486" s="107">
        <v>0</v>
      </c>
      <c r="V486" s="107">
        <v>0</v>
      </c>
      <c r="W486" s="107">
        <v>0</v>
      </c>
      <c r="X486" s="107">
        <v>0</v>
      </c>
      <c r="Y486" s="107">
        <v>0</v>
      </c>
      <c r="Z486" s="107">
        <v>0</v>
      </c>
      <c r="AA486" s="107">
        <v>0</v>
      </c>
      <c r="AB486" s="107">
        <v>0</v>
      </c>
      <c r="AC486" s="107">
        <v>0</v>
      </c>
      <c r="AD486" s="107">
        <v>0</v>
      </c>
      <c r="AE486" s="107">
        <v>0</v>
      </c>
      <c r="AF486" s="107">
        <v>0</v>
      </c>
      <c r="AG486" s="107">
        <v>0</v>
      </c>
      <c r="AH486" s="107">
        <v>0</v>
      </c>
      <c r="AI486" s="107">
        <v>0</v>
      </c>
      <c r="AJ486" s="107">
        <v>0</v>
      </c>
      <c r="AK486" s="107">
        <v>0</v>
      </c>
      <c r="AL486" s="107">
        <v>0</v>
      </c>
      <c r="AM486" s="107">
        <v>0</v>
      </c>
      <c r="AN486" s="107">
        <v>0</v>
      </c>
    </row>
    <row r="487" spans="1:40" x14ac:dyDescent="0.2">
      <c r="A487" s="137" t="s">
        <v>896</v>
      </c>
      <c r="B487" s="107">
        <v>0</v>
      </c>
      <c r="C487" s="107">
        <v>0</v>
      </c>
      <c r="D487" s="107">
        <v>0</v>
      </c>
      <c r="E487" s="107">
        <v>0</v>
      </c>
      <c r="F487" s="107">
        <v>0</v>
      </c>
      <c r="G487" s="107">
        <v>0</v>
      </c>
      <c r="H487" s="107">
        <v>0</v>
      </c>
      <c r="I487" s="107">
        <v>0</v>
      </c>
      <c r="J487" s="107">
        <v>0</v>
      </c>
      <c r="K487" s="107">
        <v>0</v>
      </c>
      <c r="L487" s="107">
        <v>0</v>
      </c>
      <c r="M487" s="107">
        <v>0</v>
      </c>
      <c r="N487" s="107">
        <v>0</v>
      </c>
      <c r="O487" s="107">
        <v>0</v>
      </c>
      <c r="P487" s="107">
        <v>0</v>
      </c>
      <c r="Q487" s="107">
        <v>0</v>
      </c>
      <c r="R487" s="107">
        <v>0</v>
      </c>
      <c r="S487" s="107">
        <v>0</v>
      </c>
      <c r="T487" s="107">
        <v>0</v>
      </c>
      <c r="U487" s="107">
        <v>0</v>
      </c>
      <c r="V487" s="107">
        <v>0</v>
      </c>
      <c r="W487" s="107">
        <v>0</v>
      </c>
      <c r="X487" s="107">
        <v>0</v>
      </c>
      <c r="Y487" s="107">
        <v>0</v>
      </c>
      <c r="Z487" s="107">
        <v>0</v>
      </c>
      <c r="AA487" s="107">
        <v>0</v>
      </c>
      <c r="AB487" s="107">
        <v>0</v>
      </c>
      <c r="AC487" s="107">
        <v>0</v>
      </c>
      <c r="AD487" s="107">
        <v>0</v>
      </c>
      <c r="AE487" s="107">
        <v>0</v>
      </c>
      <c r="AF487" s="107">
        <v>0</v>
      </c>
      <c r="AG487" s="107">
        <v>0</v>
      </c>
      <c r="AH487" s="107">
        <v>0</v>
      </c>
      <c r="AI487" s="107">
        <v>0</v>
      </c>
      <c r="AJ487" s="107">
        <v>0</v>
      </c>
      <c r="AK487" s="107">
        <v>0</v>
      </c>
      <c r="AL487" s="107">
        <v>0</v>
      </c>
      <c r="AM487" s="107">
        <v>0</v>
      </c>
      <c r="AN487" s="107">
        <v>0</v>
      </c>
    </row>
    <row r="488" spans="1:40" x14ac:dyDescent="0.2">
      <c r="A488" s="133" t="s">
        <v>897</v>
      </c>
      <c r="B488" s="107">
        <v>0</v>
      </c>
      <c r="C488" s="107">
        <v>0</v>
      </c>
      <c r="D488" s="107">
        <v>0</v>
      </c>
      <c r="E488" s="107">
        <v>0</v>
      </c>
      <c r="F488" s="107">
        <v>0</v>
      </c>
      <c r="G488" s="107">
        <v>0</v>
      </c>
      <c r="H488" s="107">
        <v>0</v>
      </c>
      <c r="I488" s="107">
        <v>0</v>
      </c>
      <c r="J488" s="107">
        <v>0</v>
      </c>
      <c r="K488" s="107">
        <v>0</v>
      </c>
      <c r="L488" s="107">
        <v>0</v>
      </c>
      <c r="M488" s="107">
        <v>0</v>
      </c>
      <c r="N488" s="107">
        <v>0</v>
      </c>
      <c r="O488" s="107">
        <v>0</v>
      </c>
      <c r="P488" s="107">
        <v>0</v>
      </c>
      <c r="Q488" s="107">
        <v>0</v>
      </c>
      <c r="R488" s="107">
        <v>0</v>
      </c>
      <c r="S488" s="107">
        <v>0</v>
      </c>
      <c r="T488" s="107">
        <v>0</v>
      </c>
      <c r="U488" s="107">
        <v>0</v>
      </c>
      <c r="V488" s="107">
        <v>0</v>
      </c>
      <c r="W488" s="107">
        <v>0</v>
      </c>
      <c r="X488" s="107">
        <v>0</v>
      </c>
      <c r="Y488" s="107">
        <v>0</v>
      </c>
      <c r="Z488" s="107">
        <v>0</v>
      </c>
      <c r="AA488" s="107">
        <v>0</v>
      </c>
      <c r="AB488" s="107">
        <v>0</v>
      </c>
      <c r="AC488" s="107">
        <v>0</v>
      </c>
      <c r="AD488" s="107">
        <v>0</v>
      </c>
      <c r="AE488" s="107">
        <v>0</v>
      </c>
      <c r="AF488" s="107">
        <v>0</v>
      </c>
      <c r="AG488" s="107">
        <v>0</v>
      </c>
      <c r="AH488" s="107">
        <v>0</v>
      </c>
      <c r="AI488" s="107">
        <v>0</v>
      </c>
      <c r="AJ488" s="107">
        <v>0</v>
      </c>
      <c r="AK488" s="107">
        <v>0</v>
      </c>
      <c r="AL488" s="107">
        <v>0</v>
      </c>
      <c r="AM488" s="107">
        <v>0</v>
      </c>
      <c r="AN488" s="107">
        <v>0</v>
      </c>
    </row>
    <row r="489" spans="1:40" x14ac:dyDescent="0.2">
      <c r="A489" s="133" t="s">
        <v>898</v>
      </c>
      <c r="B489" s="107">
        <v>0</v>
      </c>
      <c r="C489" s="107">
        <v>0</v>
      </c>
      <c r="D489" s="107">
        <v>0</v>
      </c>
      <c r="E489" s="107">
        <v>0</v>
      </c>
      <c r="F489" s="107">
        <v>0</v>
      </c>
      <c r="G489" s="107">
        <v>0</v>
      </c>
      <c r="H489" s="107">
        <v>0</v>
      </c>
      <c r="I489" s="107">
        <v>0</v>
      </c>
      <c r="J489" s="107">
        <v>0</v>
      </c>
      <c r="K489" s="107">
        <v>0</v>
      </c>
      <c r="L489" s="107">
        <v>0</v>
      </c>
      <c r="M489" s="107">
        <v>0</v>
      </c>
      <c r="N489" s="107">
        <v>0</v>
      </c>
      <c r="O489" s="107">
        <v>0</v>
      </c>
      <c r="P489" s="107">
        <v>0</v>
      </c>
      <c r="Q489" s="107">
        <v>0</v>
      </c>
      <c r="R489" s="107">
        <v>0</v>
      </c>
      <c r="S489" s="107">
        <v>0</v>
      </c>
      <c r="T489" s="107">
        <v>0</v>
      </c>
      <c r="U489" s="107">
        <v>0</v>
      </c>
      <c r="V489" s="107">
        <v>0</v>
      </c>
      <c r="W489" s="107">
        <v>0</v>
      </c>
      <c r="X489" s="107">
        <v>0</v>
      </c>
      <c r="Y489" s="107">
        <v>0</v>
      </c>
      <c r="Z489" s="107">
        <v>0</v>
      </c>
      <c r="AA489" s="107">
        <v>0</v>
      </c>
      <c r="AB489" s="107">
        <v>0</v>
      </c>
      <c r="AC489" s="107">
        <v>0</v>
      </c>
      <c r="AD489" s="107">
        <v>0</v>
      </c>
      <c r="AE489" s="107">
        <v>0</v>
      </c>
      <c r="AF489" s="107">
        <v>0</v>
      </c>
      <c r="AG489" s="107">
        <v>0</v>
      </c>
      <c r="AH489" s="107">
        <v>0</v>
      </c>
      <c r="AI489" s="107">
        <v>0</v>
      </c>
      <c r="AJ489" s="107">
        <v>0</v>
      </c>
      <c r="AK489" s="107">
        <v>0</v>
      </c>
      <c r="AL489" s="107">
        <v>0</v>
      </c>
      <c r="AM489" s="107">
        <v>0</v>
      </c>
      <c r="AN489" s="107">
        <v>0</v>
      </c>
    </row>
    <row r="490" spans="1:40" x14ac:dyDescent="0.2">
      <c r="A490" s="133" t="s">
        <v>665</v>
      </c>
      <c r="B490" s="107">
        <v>0</v>
      </c>
      <c r="C490" s="107">
        <v>0</v>
      </c>
      <c r="D490" s="107">
        <v>0</v>
      </c>
      <c r="E490" s="107">
        <v>0</v>
      </c>
      <c r="F490" s="107">
        <v>0</v>
      </c>
      <c r="G490" s="107">
        <v>0</v>
      </c>
      <c r="H490" s="107">
        <v>0</v>
      </c>
      <c r="I490" s="107">
        <v>0</v>
      </c>
      <c r="J490" s="107">
        <v>0</v>
      </c>
      <c r="K490" s="107">
        <v>0</v>
      </c>
      <c r="L490" s="107">
        <v>0</v>
      </c>
      <c r="M490" s="107">
        <v>0</v>
      </c>
      <c r="N490" s="107">
        <v>0</v>
      </c>
      <c r="O490" s="107">
        <v>0</v>
      </c>
      <c r="P490" s="107">
        <v>0</v>
      </c>
      <c r="Q490" s="107">
        <v>0</v>
      </c>
      <c r="R490" s="107">
        <v>0</v>
      </c>
      <c r="S490" s="107">
        <v>0</v>
      </c>
      <c r="T490" s="107">
        <v>0</v>
      </c>
      <c r="U490" s="107">
        <v>0</v>
      </c>
      <c r="V490" s="107">
        <v>0</v>
      </c>
      <c r="W490" s="107">
        <v>0</v>
      </c>
      <c r="X490" s="107">
        <v>0</v>
      </c>
      <c r="Y490" s="107">
        <v>0</v>
      </c>
      <c r="Z490" s="107">
        <v>0</v>
      </c>
      <c r="AA490" s="107">
        <v>0</v>
      </c>
      <c r="AB490" s="107">
        <v>0</v>
      </c>
      <c r="AC490" s="107">
        <v>0</v>
      </c>
      <c r="AD490" s="107">
        <v>0</v>
      </c>
      <c r="AE490" s="107">
        <v>0</v>
      </c>
      <c r="AF490" s="107">
        <v>0</v>
      </c>
      <c r="AG490" s="107">
        <v>0</v>
      </c>
      <c r="AH490" s="107">
        <v>0</v>
      </c>
      <c r="AI490" s="107">
        <v>0</v>
      </c>
      <c r="AJ490" s="107">
        <v>0</v>
      </c>
      <c r="AK490" s="107">
        <v>0</v>
      </c>
      <c r="AL490" s="107">
        <v>0</v>
      </c>
      <c r="AM490" s="107">
        <v>0</v>
      </c>
      <c r="AN490" s="107">
        <v>0</v>
      </c>
    </row>
    <row r="491" spans="1:40" x14ac:dyDescent="0.2">
      <c r="A491" s="133" t="s">
        <v>899</v>
      </c>
      <c r="B491" s="107">
        <v>0</v>
      </c>
      <c r="C491" s="107">
        <v>0</v>
      </c>
      <c r="D491" s="107">
        <v>0</v>
      </c>
      <c r="E491" s="107">
        <v>0</v>
      </c>
      <c r="F491" s="107">
        <v>0</v>
      </c>
      <c r="G491" s="107">
        <v>0</v>
      </c>
      <c r="H491" s="107">
        <v>0</v>
      </c>
      <c r="I491" s="107">
        <v>0</v>
      </c>
      <c r="J491" s="107">
        <v>0</v>
      </c>
      <c r="K491" s="107">
        <v>0</v>
      </c>
      <c r="L491" s="107">
        <v>0</v>
      </c>
      <c r="M491" s="107">
        <v>0</v>
      </c>
      <c r="N491" s="107">
        <v>0</v>
      </c>
      <c r="O491" s="107">
        <v>0</v>
      </c>
      <c r="P491" s="107">
        <v>0</v>
      </c>
      <c r="Q491" s="107">
        <v>0</v>
      </c>
      <c r="R491" s="107">
        <v>0</v>
      </c>
      <c r="S491" s="107">
        <v>0</v>
      </c>
      <c r="T491" s="107">
        <v>0</v>
      </c>
      <c r="U491" s="107">
        <v>0</v>
      </c>
      <c r="V491" s="107">
        <v>0</v>
      </c>
      <c r="W491" s="107">
        <v>0</v>
      </c>
      <c r="X491" s="107">
        <v>0</v>
      </c>
      <c r="Y491" s="107">
        <v>0</v>
      </c>
      <c r="Z491" s="107">
        <v>0</v>
      </c>
      <c r="AA491" s="107">
        <v>0</v>
      </c>
      <c r="AB491" s="107">
        <v>0</v>
      </c>
      <c r="AC491" s="107">
        <v>0</v>
      </c>
      <c r="AD491" s="107">
        <v>0</v>
      </c>
      <c r="AE491" s="107">
        <v>0</v>
      </c>
      <c r="AF491" s="107">
        <v>0</v>
      </c>
      <c r="AG491" s="107">
        <v>0</v>
      </c>
      <c r="AH491" s="107">
        <v>0</v>
      </c>
      <c r="AI491" s="107">
        <v>0</v>
      </c>
      <c r="AJ491" s="107">
        <v>0</v>
      </c>
      <c r="AK491" s="107">
        <v>0</v>
      </c>
      <c r="AL491" s="107">
        <v>0</v>
      </c>
      <c r="AM491" s="107">
        <v>0</v>
      </c>
      <c r="AN491" s="107">
        <v>0</v>
      </c>
    </row>
    <row r="492" spans="1:40" x14ac:dyDescent="0.2">
      <c r="A492" s="133" t="s">
        <v>900</v>
      </c>
      <c r="B492" s="107">
        <v>0</v>
      </c>
      <c r="C492" s="107">
        <v>0</v>
      </c>
      <c r="D492" s="107">
        <v>0</v>
      </c>
      <c r="E492" s="107">
        <v>0</v>
      </c>
      <c r="F492" s="107">
        <v>0</v>
      </c>
      <c r="G492" s="107">
        <v>0</v>
      </c>
      <c r="H492" s="107">
        <v>0</v>
      </c>
      <c r="I492" s="107">
        <v>0</v>
      </c>
      <c r="J492" s="107">
        <v>0</v>
      </c>
      <c r="K492" s="107">
        <v>0</v>
      </c>
      <c r="L492" s="107">
        <v>0</v>
      </c>
      <c r="M492" s="107">
        <v>0</v>
      </c>
      <c r="N492" s="107">
        <v>0</v>
      </c>
      <c r="O492" s="107">
        <v>0</v>
      </c>
      <c r="P492" s="107">
        <v>0</v>
      </c>
      <c r="Q492" s="107">
        <v>0</v>
      </c>
      <c r="R492" s="107">
        <v>0</v>
      </c>
      <c r="S492" s="107">
        <v>0</v>
      </c>
      <c r="T492" s="107">
        <v>0</v>
      </c>
      <c r="U492" s="107">
        <v>0</v>
      </c>
      <c r="V492" s="107">
        <v>0</v>
      </c>
      <c r="W492" s="107">
        <v>0</v>
      </c>
      <c r="X492" s="107">
        <v>0</v>
      </c>
      <c r="Y492" s="107">
        <v>0</v>
      </c>
      <c r="Z492" s="107">
        <v>0</v>
      </c>
      <c r="AA492" s="107">
        <v>0</v>
      </c>
      <c r="AB492" s="107">
        <v>0</v>
      </c>
      <c r="AC492" s="107">
        <v>0</v>
      </c>
      <c r="AD492" s="107">
        <v>0</v>
      </c>
      <c r="AE492" s="107">
        <v>0</v>
      </c>
      <c r="AF492" s="107">
        <v>0</v>
      </c>
      <c r="AG492" s="107">
        <v>0</v>
      </c>
      <c r="AH492" s="107">
        <v>0</v>
      </c>
      <c r="AI492" s="107">
        <v>0</v>
      </c>
      <c r="AJ492" s="107">
        <v>0</v>
      </c>
      <c r="AK492" s="107">
        <v>0</v>
      </c>
      <c r="AL492" s="107">
        <v>0</v>
      </c>
      <c r="AM492" s="107">
        <v>0</v>
      </c>
      <c r="AN492" s="107">
        <v>0</v>
      </c>
    </row>
    <row r="493" spans="1:40" x14ac:dyDescent="0.2">
      <c r="A493" s="133" t="s">
        <v>901</v>
      </c>
      <c r="B493" s="107">
        <v>0</v>
      </c>
      <c r="C493" s="107">
        <v>0</v>
      </c>
      <c r="D493" s="107">
        <v>0</v>
      </c>
      <c r="E493" s="107">
        <v>0</v>
      </c>
      <c r="F493" s="107">
        <v>0</v>
      </c>
      <c r="G493" s="107">
        <v>0</v>
      </c>
      <c r="H493" s="107">
        <v>0</v>
      </c>
      <c r="I493" s="107">
        <v>0</v>
      </c>
      <c r="J493" s="107">
        <v>0</v>
      </c>
      <c r="K493" s="107">
        <v>0</v>
      </c>
      <c r="L493" s="107">
        <v>0</v>
      </c>
      <c r="M493" s="107">
        <v>0</v>
      </c>
      <c r="N493" s="107">
        <v>0</v>
      </c>
      <c r="O493" s="107">
        <v>0</v>
      </c>
      <c r="P493" s="107">
        <v>0</v>
      </c>
      <c r="Q493" s="107">
        <v>0</v>
      </c>
      <c r="R493" s="107">
        <v>0</v>
      </c>
      <c r="S493" s="107">
        <v>0</v>
      </c>
      <c r="T493" s="107">
        <v>0</v>
      </c>
      <c r="U493" s="107">
        <v>0</v>
      </c>
      <c r="V493" s="107">
        <v>0</v>
      </c>
      <c r="W493" s="107">
        <v>0</v>
      </c>
      <c r="X493" s="107">
        <v>0</v>
      </c>
      <c r="Y493" s="107">
        <v>0</v>
      </c>
      <c r="Z493" s="107">
        <v>0</v>
      </c>
      <c r="AA493" s="107">
        <v>0</v>
      </c>
      <c r="AB493" s="107">
        <v>0</v>
      </c>
      <c r="AC493" s="107">
        <v>0</v>
      </c>
      <c r="AD493" s="107">
        <v>0</v>
      </c>
      <c r="AE493" s="107">
        <v>0</v>
      </c>
      <c r="AF493" s="107">
        <v>0</v>
      </c>
      <c r="AG493" s="107">
        <v>0</v>
      </c>
      <c r="AH493" s="107">
        <v>0</v>
      </c>
      <c r="AI493" s="107">
        <v>0</v>
      </c>
      <c r="AJ493" s="107">
        <v>0</v>
      </c>
      <c r="AK493" s="107">
        <v>0</v>
      </c>
      <c r="AL493" s="107">
        <v>0</v>
      </c>
      <c r="AM493" s="107">
        <v>0</v>
      </c>
      <c r="AN493" s="107">
        <v>0</v>
      </c>
    </row>
    <row r="494" spans="1:40" x14ac:dyDescent="0.2">
      <c r="A494" s="137" t="s">
        <v>902</v>
      </c>
      <c r="B494" s="107">
        <v>0</v>
      </c>
      <c r="C494" s="107">
        <v>0</v>
      </c>
      <c r="D494" s="107">
        <v>0</v>
      </c>
      <c r="E494" s="107">
        <v>0</v>
      </c>
      <c r="F494" s="107">
        <v>0</v>
      </c>
      <c r="G494" s="107">
        <v>0</v>
      </c>
      <c r="H494" s="107">
        <v>0</v>
      </c>
      <c r="I494" s="107">
        <v>0</v>
      </c>
      <c r="J494" s="107">
        <v>0</v>
      </c>
      <c r="K494" s="107">
        <v>0</v>
      </c>
      <c r="L494" s="107">
        <v>0</v>
      </c>
      <c r="M494" s="107">
        <v>0</v>
      </c>
      <c r="N494" s="107">
        <v>0</v>
      </c>
      <c r="O494" s="107">
        <v>0</v>
      </c>
      <c r="P494" s="107">
        <v>0</v>
      </c>
      <c r="Q494" s="107">
        <v>0</v>
      </c>
      <c r="R494" s="107">
        <v>0</v>
      </c>
      <c r="S494" s="107">
        <v>0</v>
      </c>
      <c r="T494" s="107">
        <v>0</v>
      </c>
      <c r="U494" s="107">
        <v>0</v>
      </c>
      <c r="V494" s="107">
        <v>0</v>
      </c>
      <c r="W494" s="107">
        <v>0</v>
      </c>
      <c r="X494" s="107">
        <v>0</v>
      </c>
      <c r="Y494" s="107">
        <v>0</v>
      </c>
      <c r="Z494" s="107">
        <v>0</v>
      </c>
      <c r="AA494" s="107">
        <v>0</v>
      </c>
      <c r="AB494" s="107">
        <v>0</v>
      </c>
      <c r="AC494" s="107">
        <v>0</v>
      </c>
      <c r="AD494" s="107">
        <v>0</v>
      </c>
      <c r="AE494" s="107">
        <v>0</v>
      </c>
      <c r="AF494" s="107">
        <v>0</v>
      </c>
      <c r="AG494" s="107">
        <v>0</v>
      </c>
      <c r="AH494" s="107">
        <v>0</v>
      </c>
      <c r="AI494" s="107">
        <v>0</v>
      </c>
      <c r="AJ494" s="107">
        <v>0</v>
      </c>
      <c r="AK494" s="107">
        <v>0</v>
      </c>
      <c r="AL494" s="107">
        <v>0</v>
      </c>
      <c r="AM494" s="107">
        <v>0</v>
      </c>
      <c r="AN494" s="107">
        <v>0</v>
      </c>
    </row>
    <row r="495" spans="1:40" x14ac:dyDescent="0.2">
      <c r="A495" s="133" t="s">
        <v>903</v>
      </c>
      <c r="B495" s="107">
        <v>0</v>
      </c>
      <c r="C495" s="107">
        <v>0</v>
      </c>
      <c r="D495" s="107">
        <v>0</v>
      </c>
      <c r="E495" s="107">
        <v>0</v>
      </c>
      <c r="F495" s="107">
        <v>0</v>
      </c>
      <c r="G495" s="107">
        <v>0</v>
      </c>
      <c r="H495" s="107">
        <v>0</v>
      </c>
      <c r="I495" s="107">
        <v>0</v>
      </c>
      <c r="J495" s="107">
        <v>0</v>
      </c>
      <c r="K495" s="107">
        <v>0</v>
      </c>
      <c r="L495" s="107">
        <v>0</v>
      </c>
      <c r="M495" s="107">
        <v>0</v>
      </c>
      <c r="N495" s="107">
        <v>0</v>
      </c>
      <c r="O495" s="107">
        <v>0</v>
      </c>
      <c r="P495" s="107">
        <v>0</v>
      </c>
      <c r="Q495" s="107">
        <v>0</v>
      </c>
      <c r="R495" s="107">
        <v>0</v>
      </c>
      <c r="S495" s="107">
        <v>0</v>
      </c>
      <c r="T495" s="107">
        <v>0</v>
      </c>
      <c r="U495" s="107">
        <v>0</v>
      </c>
      <c r="V495" s="107">
        <v>0</v>
      </c>
      <c r="W495" s="107">
        <v>0</v>
      </c>
      <c r="X495" s="107">
        <v>0</v>
      </c>
      <c r="Y495" s="107">
        <v>0</v>
      </c>
      <c r="Z495" s="107">
        <v>0</v>
      </c>
      <c r="AA495" s="107">
        <v>0</v>
      </c>
      <c r="AB495" s="107">
        <v>0</v>
      </c>
      <c r="AC495" s="107">
        <v>0</v>
      </c>
      <c r="AD495" s="107">
        <v>0</v>
      </c>
      <c r="AE495" s="107">
        <v>0</v>
      </c>
      <c r="AF495" s="107">
        <v>0</v>
      </c>
      <c r="AG495" s="107">
        <v>0</v>
      </c>
      <c r="AH495" s="107">
        <v>0</v>
      </c>
      <c r="AI495" s="107">
        <v>0</v>
      </c>
      <c r="AJ495" s="107">
        <v>0</v>
      </c>
      <c r="AK495" s="107">
        <v>0</v>
      </c>
      <c r="AL495" s="107">
        <v>0</v>
      </c>
      <c r="AM495" s="107">
        <v>0</v>
      </c>
      <c r="AN495" s="107">
        <v>0</v>
      </c>
    </row>
    <row r="496" spans="1:40" x14ac:dyDescent="0.2">
      <c r="A496" s="137" t="s">
        <v>904</v>
      </c>
      <c r="B496" s="107">
        <v>0</v>
      </c>
      <c r="C496" s="107">
        <v>0</v>
      </c>
      <c r="D496" s="107">
        <v>0</v>
      </c>
      <c r="E496" s="107">
        <v>0</v>
      </c>
      <c r="F496" s="107">
        <v>0</v>
      </c>
      <c r="G496" s="107">
        <v>0</v>
      </c>
      <c r="H496" s="107">
        <v>0</v>
      </c>
      <c r="I496" s="107">
        <v>0</v>
      </c>
      <c r="J496" s="107">
        <v>0</v>
      </c>
      <c r="K496" s="107">
        <v>0</v>
      </c>
      <c r="L496" s="107">
        <v>0</v>
      </c>
      <c r="M496" s="107">
        <v>0</v>
      </c>
      <c r="N496" s="107">
        <v>0</v>
      </c>
      <c r="O496" s="107">
        <v>0</v>
      </c>
      <c r="P496" s="107">
        <v>0</v>
      </c>
      <c r="Q496" s="107">
        <v>0</v>
      </c>
      <c r="R496" s="107">
        <v>0</v>
      </c>
      <c r="S496" s="107">
        <v>0</v>
      </c>
      <c r="T496" s="107">
        <v>0</v>
      </c>
      <c r="U496" s="107">
        <v>0</v>
      </c>
      <c r="V496" s="107">
        <v>0</v>
      </c>
      <c r="W496" s="107">
        <v>0</v>
      </c>
      <c r="X496" s="107">
        <v>0</v>
      </c>
      <c r="Y496" s="107">
        <v>0</v>
      </c>
      <c r="Z496" s="107">
        <v>0</v>
      </c>
      <c r="AA496" s="107">
        <v>0</v>
      </c>
      <c r="AB496" s="107">
        <v>0</v>
      </c>
      <c r="AC496" s="107">
        <v>0</v>
      </c>
      <c r="AD496" s="107">
        <v>0</v>
      </c>
      <c r="AE496" s="107">
        <v>0</v>
      </c>
      <c r="AF496" s="107">
        <v>0</v>
      </c>
      <c r="AG496" s="107">
        <v>0</v>
      </c>
      <c r="AH496" s="107">
        <v>0</v>
      </c>
      <c r="AI496" s="107">
        <v>0</v>
      </c>
      <c r="AJ496" s="107">
        <v>0</v>
      </c>
      <c r="AK496" s="107">
        <v>0</v>
      </c>
      <c r="AL496" s="107">
        <v>0</v>
      </c>
      <c r="AM496" s="107">
        <v>0</v>
      </c>
      <c r="AN496" s="107">
        <v>0</v>
      </c>
    </row>
    <row r="497" spans="1:40" x14ac:dyDescent="0.2">
      <c r="A497" s="133" t="s">
        <v>905</v>
      </c>
      <c r="B497" s="107">
        <v>0</v>
      </c>
      <c r="C497" s="107">
        <v>0</v>
      </c>
      <c r="D497" s="107">
        <v>0</v>
      </c>
      <c r="E497" s="107">
        <v>0</v>
      </c>
      <c r="F497" s="107">
        <v>0</v>
      </c>
      <c r="G497" s="107">
        <v>0</v>
      </c>
      <c r="H497" s="107">
        <v>0</v>
      </c>
      <c r="I497" s="107">
        <v>0</v>
      </c>
      <c r="J497" s="107">
        <v>0</v>
      </c>
      <c r="K497" s="107">
        <v>0</v>
      </c>
      <c r="L497" s="107">
        <v>0</v>
      </c>
      <c r="M497" s="107">
        <v>0</v>
      </c>
      <c r="N497" s="107">
        <v>0</v>
      </c>
      <c r="O497" s="107">
        <v>0</v>
      </c>
      <c r="P497" s="107">
        <v>0</v>
      </c>
      <c r="Q497" s="107">
        <v>0</v>
      </c>
      <c r="R497" s="107">
        <v>0</v>
      </c>
      <c r="S497" s="107">
        <v>0</v>
      </c>
      <c r="T497" s="107">
        <v>0</v>
      </c>
      <c r="U497" s="107">
        <v>0</v>
      </c>
      <c r="V497" s="107">
        <v>0</v>
      </c>
      <c r="W497" s="107">
        <v>0</v>
      </c>
      <c r="X497" s="107">
        <v>0</v>
      </c>
      <c r="Y497" s="107">
        <v>0</v>
      </c>
      <c r="Z497" s="107">
        <v>0</v>
      </c>
      <c r="AA497" s="107">
        <v>0</v>
      </c>
      <c r="AB497" s="107">
        <v>0</v>
      </c>
      <c r="AC497" s="107">
        <v>0</v>
      </c>
      <c r="AD497" s="107">
        <v>0</v>
      </c>
      <c r="AE497" s="107">
        <v>0</v>
      </c>
      <c r="AF497" s="107">
        <v>0</v>
      </c>
      <c r="AG497" s="107">
        <v>0</v>
      </c>
      <c r="AH497" s="107">
        <v>0</v>
      </c>
      <c r="AI497" s="107">
        <v>0</v>
      </c>
      <c r="AJ497" s="107">
        <v>0</v>
      </c>
      <c r="AK497" s="107">
        <v>0</v>
      </c>
      <c r="AL497" s="107">
        <v>0</v>
      </c>
      <c r="AM497" s="107">
        <v>0</v>
      </c>
      <c r="AN497" s="107">
        <v>0</v>
      </c>
    </row>
    <row r="498" spans="1:40" x14ac:dyDescent="0.2">
      <c r="A498" s="133" t="s">
        <v>906</v>
      </c>
      <c r="B498" s="107">
        <v>0</v>
      </c>
      <c r="C498" s="107">
        <v>0</v>
      </c>
      <c r="D498" s="107">
        <v>0</v>
      </c>
      <c r="E498" s="107">
        <v>0</v>
      </c>
      <c r="F498" s="107">
        <v>0</v>
      </c>
      <c r="G498" s="107">
        <v>0</v>
      </c>
      <c r="H498" s="107">
        <v>0</v>
      </c>
      <c r="I498" s="107">
        <v>0</v>
      </c>
      <c r="J498" s="107">
        <v>0</v>
      </c>
      <c r="K498" s="107">
        <v>0</v>
      </c>
      <c r="L498" s="107">
        <v>0</v>
      </c>
      <c r="M498" s="107">
        <v>0</v>
      </c>
      <c r="N498" s="107">
        <v>0</v>
      </c>
      <c r="O498" s="107">
        <v>0</v>
      </c>
      <c r="P498" s="107">
        <v>0</v>
      </c>
      <c r="Q498" s="107">
        <v>0</v>
      </c>
      <c r="R498" s="107">
        <v>0</v>
      </c>
      <c r="S498" s="107">
        <v>0</v>
      </c>
      <c r="T498" s="107">
        <v>0</v>
      </c>
      <c r="U498" s="107">
        <v>0</v>
      </c>
      <c r="V498" s="107">
        <v>0</v>
      </c>
      <c r="W498" s="107">
        <v>0</v>
      </c>
      <c r="X498" s="107">
        <v>0</v>
      </c>
      <c r="Y498" s="107">
        <v>0</v>
      </c>
      <c r="Z498" s="107">
        <v>0</v>
      </c>
      <c r="AA498" s="107">
        <v>0</v>
      </c>
      <c r="AB498" s="107">
        <v>0</v>
      </c>
      <c r="AC498" s="107">
        <v>0</v>
      </c>
      <c r="AD498" s="107">
        <v>0</v>
      </c>
      <c r="AE498" s="107">
        <v>0</v>
      </c>
      <c r="AF498" s="107">
        <v>0</v>
      </c>
      <c r="AG498" s="107">
        <v>0</v>
      </c>
      <c r="AH498" s="107">
        <v>0</v>
      </c>
      <c r="AI498" s="107">
        <v>0</v>
      </c>
      <c r="AJ498" s="107">
        <v>0</v>
      </c>
      <c r="AK498" s="107">
        <v>0</v>
      </c>
      <c r="AL498" s="107">
        <v>0</v>
      </c>
      <c r="AM498" s="107">
        <v>0</v>
      </c>
      <c r="AN498" s="107">
        <v>0</v>
      </c>
    </row>
    <row r="499" spans="1:40" x14ac:dyDescent="0.2">
      <c r="A499" s="133" t="s">
        <v>907</v>
      </c>
      <c r="B499" s="107">
        <v>0</v>
      </c>
      <c r="C499" s="107">
        <v>0</v>
      </c>
      <c r="D499" s="107">
        <v>0</v>
      </c>
      <c r="E499" s="107">
        <v>0</v>
      </c>
      <c r="F499" s="107">
        <v>0</v>
      </c>
      <c r="G499" s="107">
        <v>0</v>
      </c>
      <c r="H499" s="107">
        <v>0</v>
      </c>
      <c r="I499" s="107">
        <v>0</v>
      </c>
      <c r="J499" s="107">
        <v>0</v>
      </c>
      <c r="K499" s="107">
        <v>0</v>
      </c>
      <c r="L499" s="107">
        <v>0</v>
      </c>
      <c r="M499" s="107">
        <v>0</v>
      </c>
      <c r="N499" s="107">
        <v>0</v>
      </c>
      <c r="O499" s="107">
        <v>0</v>
      </c>
      <c r="P499" s="107">
        <v>0</v>
      </c>
      <c r="Q499" s="107">
        <v>0</v>
      </c>
      <c r="R499" s="107">
        <v>0</v>
      </c>
      <c r="S499" s="107">
        <v>0</v>
      </c>
      <c r="T499" s="107">
        <v>0</v>
      </c>
      <c r="U499" s="107">
        <v>0</v>
      </c>
      <c r="V499" s="107">
        <v>0</v>
      </c>
      <c r="W499" s="107">
        <v>0</v>
      </c>
      <c r="X499" s="107">
        <v>0</v>
      </c>
      <c r="Y499" s="107">
        <v>0</v>
      </c>
      <c r="Z499" s="107">
        <v>0</v>
      </c>
      <c r="AA499" s="107">
        <v>0</v>
      </c>
      <c r="AB499" s="107">
        <v>0</v>
      </c>
      <c r="AC499" s="107">
        <v>0</v>
      </c>
      <c r="AD499" s="107">
        <v>0</v>
      </c>
      <c r="AE499" s="107">
        <v>0</v>
      </c>
      <c r="AF499" s="107">
        <v>0</v>
      </c>
      <c r="AG499" s="107">
        <v>0</v>
      </c>
      <c r="AH499" s="107">
        <v>0</v>
      </c>
      <c r="AI499" s="107">
        <v>0</v>
      </c>
      <c r="AJ499" s="107">
        <v>0</v>
      </c>
      <c r="AK499" s="107">
        <v>0</v>
      </c>
      <c r="AL499" s="107">
        <v>0</v>
      </c>
      <c r="AM499" s="107">
        <v>0</v>
      </c>
      <c r="AN499" s="107">
        <v>0</v>
      </c>
    </row>
    <row r="500" spans="1:40" x14ac:dyDescent="0.2">
      <c r="A500" s="137" t="s">
        <v>908</v>
      </c>
      <c r="B500" s="107">
        <v>0</v>
      </c>
      <c r="C500" s="107">
        <v>0</v>
      </c>
      <c r="D500" s="107">
        <v>0</v>
      </c>
      <c r="E500" s="107">
        <v>0</v>
      </c>
      <c r="F500" s="107">
        <v>0</v>
      </c>
      <c r="G500" s="107">
        <v>0</v>
      </c>
      <c r="H500" s="107">
        <v>0</v>
      </c>
      <c r="I500" s="107">
        <v>0</v>
      </c>
      <c r="J500" s="107">
        <v>0</v>
      </c>
      <c r="K500" s="107">
        <v>0</v>
      </c>
      <c r="L500" s="107">
        <v>0</v>
      </c>
      <c r="M500" s="107">
        <v>0</v>
      </c>
      <c r="N500" s="107">
        <v>0</v>
      </c>
      <c r="O500" s="107">
        <v>0</v>
      </c>
      <c r="P500" s="107">
        <v>0</v>
      </c>
      <c r="Q500" s="107">
        <v>0</v>
      </c>
      <c r="R500" s="107">
        <v>0</v>
      </c>
      <c r="S500" s="107">
        <v>0</v>
      </c>
      <c r="T500" s="107">
        <v>0</v>
      </c>
      <c r="U500" s="107">
        <v>0</v>
      </c>
      <c r="V500" s="107">
        <v>0</v>
      </c>
      <c r="W500" s="107">
        <v>0</v>
      </c>
      <c r="X500" s="107">
        <v>0</v>
      </c>
      <c r="Y500" s="107">
        <v>0</v>
      </c>
      <c r="Z500" s="107">
        <v>0</v>
      </c>
      <c r="AA500" s="107">
        <v>0</v>
      </c>
      <c r="AB500" s="107">
        <v>0</v>
      </c>
      <c r="AC500" s="107">
        <v>0</v>
      </c>
      <c r="AD500" s="107">
        <v>0</v>
      </c>
      <c r="AE500" s="107">
        <v>0</v>
      </c>
      <c r="AF500" s="107">
        <v>0</v>
      </c>
      <c r="AG500" s="107">
        <v>0</v>
      </c>
      <c r="AH500" s="107">
        <v>0</v>
      </c>
      <c r="AI500" s="107">
        <v>0</v>
      </c>
      <c r="AJ500" s="107">
        <v>0</v>
      </c>
      <c r="AK500" s="107">
        <v>0</v>
      </c>
      <c r="AL500" s="107">
        <v>0</v>
      </c>
      <c r="AM500" s="107">
        <v>0</v>
      </c>
      <c r="AN500" s="107">
        <v>0</v>
      </c>
    </row>
    <row r="501" spans="1:40" x14ac:dyDescent="0.2">
      <c r="A501" s="133" t="s">
        <v>909</v>
      </c>
      <c r="B501" s="107">
        <v>0</v>
      </c>
      <c r="C501" s="107">
        <v>0</v>
      </c>
      <c r="D501" s="107">
        <v>0</v>
      </c>
      <c r="E501" s="107">
        <v>0</v>
      </c>
      <c r="F501" s="107">
        <v>0</v>
      </c>
      <c r="G501" s="107">
        <v>0</v>
      </c>
      <c r="H501" s="107">
        <v>0</v>
      </c>
      <c r="I501" s="107">
        <v>0</v>
      </c>
      <c r="J501" s="107">
        <v>0</v>
      </c>
      <c r="K501" s="107">
        <v>0</v>
      </c>
      <c r="L501" s="107">
        <v>0</v>
      </c>
      <c r="M501" s="107">
        <v>0</v>
      </c>
      <c r="N501" s="107">
        <v>0</v>
      </c>
      <c r="O501" s="107">
        <v>0</v>
      </c>
      <c r="P501" s="107">
        <v>0</v>
      </c>
      <c r="Q501" s="107">
        <v>0</v>
      </c>
      <c r="R501" s="107">
        <v>0</v>
      </c>
      <c r="S501" s="107">
        <v>0</v>
      </c>
      <c r="T501" s="107">
        <v>0</v>
      </c>
      <c r="U501" s="107">
        <v>0</v>
      </c>
      <c r="V501" s="107">
        <v>0</v>
      </c>
      <c r="W501" s="107">
        <v>0</v>
      </c>
      <c r="X501" s="107">
        <v>0</v>
      </c>
      <c r="Y501" s="107">
        <v>0</v>
      </c>
      <c r="Z501" s="107">
        <v>0</v>
      </c>
      <c r="AA501" s="107">
        <v>0</v>
      </c>
      <c r="AB501" s="107">
        <v>0</v>
      </c>
      <c r="AC501" s="107">
        <v>0</v>
      </c>
      <c r="AD501" s="107">
        <v>0</v>
      </c>
      <c r="AE501" s="107">
        <v>0</v>
      </c>
      <c r="AF501" s="107">
        <v>0</v>
      </c>
      <c r="AG501" s="107">
        <v>0</v>
      </c>
      <c r="AH501" s="107">
        <v>0</v>
      </c>
      <c r="AI501" s="107">
        <v>0</v>
      </c>
      <c r="AJ501" s="107">
        <v>0</v>
      </c>
      <c r="AK501" s="107">
        <v>0</v>
      </c>
      <c r="AL501" s="107">
        <v>0</v>
      </c>
      <c r="AM501" s="107">
        <v>0</v>
      </c>
      <c r="AN501" s="107">
        <v>0</v>
      </c>
    </row>
    <row r="502" spans="1:40" x14ac:dyDescent="0.2">
      <c r="A502" s="133" t="s">
        <v>910</v>
      </c>
      <c r="B502" s="107">
        <v>0</v>
      </c>
      <c r="C502" s="107">
        <v>0</v>
      </c>
      <c r="D502" s="107">
        <v>0</v>
      </c>
      <c r="E502" s="107">
        <v>0</v>
      </c>
      <c r="F502" s="107">
        <v>0</v>
      </c>
      <c r="G502" s="107">
        <v>0</v>
      </c>
      <c r="H502" s="107">
        <v>0</v>
      </c>
      <c r="I502" s="107">
        <v>0</v>
      </c>
      <c r="J502" s="107">
        <v>0</v>
      </c>
      <c r="K502" s="107">
        <v>0</v>
      </c>
      <c r="L502" s="107">
        <v>0</v>
      </c>
      <c r="M502" s="107">
        <v>0</v>
      </c>
      <c r="N502" s="107">
        <v>0</v>
      </c>
      <c r="O502" s="107">
        <v>0</v>
      </c>
      <c r="P502" s="107">
        <v>0</v>
      </c>
      <c r="Q502" s="107">
        <v>0</v>
      </c>
      <c r="R502" s="107">
        <v>0</v>
      </c>
      <c r="S502" s="107">
        <v>0</v>
      </c>
      <c r="T502" s="107">
        <v>0</v>
      </c>
      <c r="U502" s="107">
        <v>0</v>
      </c>
      <c r="V502" s="107">
        <v>0</v>
      </c>
      <c r="W502" s="107">
        <v>0</v>
      </c>
      <c r="X502" s="107">
        <v>0</v>
      </c>
      <c r="Y502" s="107">
        <v>0</v>
      </c>
      <c r="Z502" s="107">
        <v>0</v>
      </c>
      <c r="AA502" s="107">
        <v>0</v>
      </c>
      <c r="AB502" s="107">
        <v>0</v>
      </c>
      <c r="AC502" s="107">
        <v>0</v>
      </c>
      <c r="AD502" s="107">
        <v>0</v>
      </c>
      <c r="AE502" s="107">
        <v>0</v>
      </c>
      <c r="AF502" s="107">
        <v>0</v>
      </c>
      <c r="AG502" s="107">
        <v>0</v>
      </c>
      <c r="AH502" s="107">
        <v>0</v>
      </c>
      <c r="AI502" s="107">
        <v>0</v>
      </c>
      <c r="AJ502" s="107">
        <v>0</v>
      </c>
      <c r="AK502" s="107">
        <v>0</v>
      </c>
      <c r="AL502" s="107">
        <v>0</v>
      </c>
      <c r="AM502" s="107">
        <v>0</v>
      </c>
      <c r="AN502" s="107">
        <v>0</v>
      </c>
    </row>
    <row r="503" spans="1:40" x14ac:dyDescent="0.2">
      <c r="A503" s="133" t="s">
        <v>911</v>
      </c>
      <c r="B503" s="107">
        <v>0</v>
      </c>
      <c r="C503" s="107">
        <v>0</v>
      </c>
      <c r="D503" s="107">
        <v>0</v>
      </c>
      <c r="E503" s="107">
        <v>0</v>
      </c>
      <c r="F503" s="107">
        <v>0</v>
      </c>
      <c r="G503" s="107">
        <v>0</v>
      </c>
      <c r="H503" s="107">
        <v>0</v>
      </c>
      <c r="I503" s="107">
        <v>0</v>
      </c>
      <c r="J503" s="107">
        <v>0</v>
      </c>
      <c r="K503" s="107">
        <v>0</v>
      </c>
      <c r="L503" s="107">
        <v>0</v>
      </c>
      <c r="M503" s="107">
        <v>0</v>
      </c>
      <c r="N503" s="107">
        <v>0</v>
      </c>
      <c r="O503" s="107">
        <v>0</v>
      </c>
      <c r="P503" s="107">
        <v>0</v>
      </c>
      <c r="Q503" s="107">
        <v>0</v>
      </c>
      <c r="R503" s="107">
        <v>0</v>
      </c>
      <c r="S503" s="107">
        <v>0</v>
      </c>
      <c r="T503" s="107">
        <v>0</v>
      </c>
      <c r="U503" s="107">
        <v>0</v>
      </c>
      <c r="V503" s="107">
        <v>0</v>
      </c>
      <c r="W503" s="107">
        <v>0</v>
      </c>
      <c r="X503" s="107">
        <v>0</v>
      </c>
      <c r="Y503" s="107">
        <v>0</v>
      </c>
      <c r="Z503" s="107">
        <v>0</v>
      </c>
      <c r="AA503" s="107">
        <v>0</v>
      </c>
      <c r="AB503" s="107">
        <v>0</v>
      </c>
      <c r="AC503" s="107">
        <v>0</v>
      </c>
      <c r="AD503" s="107">
        <v>0</v>
      </c>
      <c r="AE503" s="107">
        <v>0</v>
      </c>
      <c r="AF503" s="107">
        <v>0</v>
      </c>
      <c r="AG503" s="107">
        <v>0</v>
      </c>
      <c r="AH503" s="107">
        <v>0</v>
      </c>
      <c r="AI503" s="107">
        <v>0</v>
      </c>
      <c r="AJ503" s="107">
        <v>0</v>
      </c>
      <c r="AK503" s="107">
        <v>0</v>
      </c>
      <c r="AL503" s="107">
        <v>0</v>
      </c>
      <c r="AM503" s="107">
        <v>0</v>
      </c>
      <c r="AN503" s="107">
        <v>0</v>
      </c>
    </row>
    <row r="504" spans="1:40" x14ac:dyDescent="0.2">
      <c r="A504" s="133" t="s">
        <v>912</v>
      </c>
      <c r="B504" s="107">
        <v>0</v>
      </c>
      <c r="C504" s="107">
        <v>0</v>
      </c>
      <c r="D504" s="107">
        <v>0</v>
      </c>
      <c r="E504" s="107">
        <v>0</v>
      </c>
      <c r="F504" s="107">
        <v>0</v>
      </c>
      <c r="G504" s="107">
        <v>0</v>
      </c>
      <c r="H504" s="107">
        <v>0</v>
      </c>
      <c r="I504" s="107">
        <v>0</v>
      </c>
      <c r="J504" s="107">
        <v>0</v>
      </c>
      <c r="K504" s="107">
        <v>0</v>
      </c>
      <c r="L504" s="107">
        <v>0</v>
      </c>
      <c r="M504" s="107">
        <v>0</v>
      </c>
      <c r="N504" s="107">
        <v>0</v>
      </c>
      <c r="O504" s="107">
        <v>0</v>
      </c>
      <c r="P504" s="107">
        <v>0</v>
      </c>
      <c r="Q504" s="107">
        <v>0</v>
      </c>
      <c r="R504" s="107">
        <v>0</v>
      </c>
      <c r="S504" s="107">
        <v>0</v>
      </c>
      <c r="T504" s="107">
        <v>0</v>
      </c>
      <c r="U504" s="107">
        <v>0</v>
      </c>
      <c r="V504" s="107">
        <v>0</v>
      </c>
      <c r="W504" s="107">
        <v>0</v>
      </c>
      <c r="X504" s="107">
        <v>0</v>
      </c>
      <c r="Y504" s="107">
        <v>0</v>
      </c>
      <c r="Z504" s="107">
        <v>0</v>
      </c>
      <c r="AA504" s="107">
        <v>0</v>
      </c>
      <c r="AB504" s="107">
        <v>0</v>
      </c>
      <c r="AC504" s="107">
        <v>0</v>
      </c>
      <c r="AD504" s="107">
        <v>0</v>
      </c>
      <c r="AE504" s="107">
        <v>0</v>
      </c>
      <c r="AF504" s="107">
        <v>0</v>
      </c>
      <c r="AG504" s="107">
        <v>0</v>
      </c>
      <c r="AH504" s="107">
        <v>0</v>
      </c>
      <c r="AI504" s="107">
        <v>0</v>
      </c>
      <c r="AJ504" s="107">
        <v>0</v>
      </c>
      <c r="AK504" s="107">
        <v>0</v>
      </c>
      <c r="AL504" s="107">
        <v>0</v>
      </c>
      <c r="AM504" s="107">
        <v>0</v>
      </c>
      <c r="AN504" s="107">
        <v>0</v>
      </c>
    </row>
    <row r="505" spans="1:40" x14ac:dyDescent="0.2">
      <c r="A505" s="133" t="s">
        <v>913</v>
      </c>
      <c r="B505" s="107">
        <v>0</v>
      </c>
      <c r="C505" s="107">
        <v>0</v>
      </c>
      <c r="D505" s="107">
        <v>0</v>
      </c>
      <c r="E505" s="107">
        <v>0</v>
      </c>
      <c r="F505" s="107">
        <v>0</v>
      </c>
      <c r="G505" s="107">
        <v>0</v>
      </c>
      <c r="H505" s="107">
        <v>0</v>
      </c>
      <c r="I505" s="107">
        <v>0</v>
      </c>
      <c r="J505" s="107">
        <v>0</v>
      </c>
      <c r="K505" s="107">
        <v>0</v>
      </c>
      <c r="L505" s="107">
        <v>0</v>
      </c>
      <c r="M505" s="107">
        <v>0</v>
      </c>
      <c r="N505" s="107">
        <v>0</v>
      </c>
      <c r="O505" s="107">
        <v>0</v>
      </c>
      <c r="P505" s="107">
        <v>0</v>
      </c>
      <c r="Q505" s="107">
        <v>0</v>
      </c>
      <c r="R505" s="107">
        <v>0</v>
      </c>
      <c r="S505" s="107">
        <v>0</v>
      </c>
      <c r="T505" s="107">
        <v>0</v>
      </c>
      <c r="U505" s="107">
        <v>0</v>
      </c>
      <c r="V505" s="107">
        <v>0</v>
      </c>
      <c r="W505" s="107">
        <v>0</v>
      </c>
      <c r="X505" s="107">
        <v>0</v>
      </c>
      <c r="Y505" s="107">
        <v>0</v>
      </c>
      <c r="Z505" s="107">
        <v>0</v>
      </c>
      <c r="AA505" s="107">
        <v>0</v>
      </c>
      <c r="AB505" s="107">
        <v>0</v>
      </c>
      <c r="AC505" s="107">
        <v>0</v>
      </c>
      <c r="AD505" s="107">
        <v>0</v>
      </c>
      <c r="AE505" s="107">
        <v>0</v>
      </c>
      <c r="AF505" s="107">
        <v>0</v>
      </c>
      <c r="AG505" s="107">
        <v>0</v>
      </c>
      <c r="AH505" s="107">
        <v>0</v>
      </c>
      <c r="AI505" s="107">
        <v>0</v>
      </c>
      <c r="AJ505" s="107">
        <v>0</v>
      </c>
      <c r="AK505" s="107">
        <v>0</v>
      </c>
      <c r="AL505" s="107">
        <v>0</v>
      </c>
      <c r="AM505" s="107">
        <v>0</v>
      </c>
      <c r="AN505" s="107">
        <v>0</v>
      </c>
    </row>
    <row r="506" spans="1:40" x14ac:dyDescent="0.2">
      <c r="A506" s="133" t="s">
        <v>914</v>
      </c>
      <c r="B506" s="107">
        <v>0</v>
      </c>
      <c r="C506" s="107">
        <v>0</v>
      </c>
      <c r="D506" s="107">
        <v>0</v>
      </c>
      <c r="E506" s="107">
        <v>0</v>
      </c>
      <c r="F506" s="107">
        <v>0</v>
      </c>
      <c r="G506" s="107">
        <v>0</v>
      </c>
      <c r="H506" s="107">
        <v>0</v>
      </c>
      <c r="I506" s="107">
        <v>0</v>
      </c>
      <c r="J506" s="107">
        <v>0</v>
      </c>
      <c r="K506" s="107">
        <v>0</v>
      </c>
      <c r="L506" s="107">
        <v>0</v>
      </c>
      <c r="M506" s="107">
        <v>0</v>
      </c>
      <c r="N506" s="107">
        <v>0</v>
      </c>
      <c r="O506" s="107">
        <v>0</v>
      </c>
      <c r="P506" s="107">
        <v>0</v>
      </c>
      <c r="Q506" s="107">
        <v>0</v>
      </c>
      <c r="R506" s="107">
        <v>0</v>
      </c>
      <c r="S506" s="107">
        <v>0</v>
      </c>
      <c r="T506" s="107">
        <v>0</v>
      </c>
      <c r="U506" s="107">
        <v>0</v>
      </c>
      <c r="V506" s="107">
        <v>0</v>
      </c>
      <c r="W506" s="107">
        <v>0</v>
      </c>
      <c r="X506" s="107">
        <v>0</v>
      </c>
      <c r="Y506" s="107">
        <v>0</v>
      </c>
      <c r="Z506" s="107">
        <v>0</v>
      </c>
      <c r="AA506" s="107">
        <v>0</v>
      </c>
      <c r="AB506" s="107">
        <v>0</v>
      </c>
      <c r="AC506" s="107">
        <v>0</v>
      </c>
      <c r="AD506" s="107">
        <v>0</v>
      </c>
      <c r="AE506" s="107">
        <v>0</v>
      </c>
      <c r="AF506" s="107">
        <v>0</v>
      </c>
      <c r="AG506" s="107">
        <v>0</v>
      </c>
      <c r="AH506" s="107">
        <v>0</v>
      </c>
      <c r="AI506" s="107">
        <v>0</v>
      </c>
      <c r="AJ506" s="107">
        <v>0</v>
      </c>
      <c r="AK506" s="107">
        <v>0</v>
      </c>
      <c r="AL506" s="107">
        <v>0</v>
      </c>
      <c r="AM506" s="107">
        <v>0</v>
      </c>
      <c r="AN506" s="107">
        <v>0</v>
      </c>
    </row>
    <row r="507" spans="1:40" x14ac:dyDescent="0.2">
      <c r="A507" s="133" t="s">
        <v>915</v>
      </c>
      <c r="B507" s="107">
        <v>0</v>
      </c>
      <c r="C507" s="107">
        <v>0</v>
      </c>
      <c r="D507" s="107">
        <v>0</v>
      </c>
      <c r="E507" s="107">
        <v>0</v>
      </c>
      <c r="F507" s="107">
        <v>0</v>
      </c>
      <c r="G507" s="107">
        <v>0</v>
      </c>
      <c r="H507" s="107">
        <v>0</v>
      </c>
      <c r="I507" s="107">
        <v>0</v>
      </c>
      <c r="J507" s="107">
        <v>0</v>
      </c>
      <c r="K507" s="107">
        <v>0</v>
      </c>
      <c r="L507" s="107">
        <v>0</v>
      </c>
      <c r="M507" s="107">
        <v>0</v>
      </c>
      <c r="N507" s="107">
        <v>0</v>
      </c>
      <c r="O507" s="107">
        <v>0</v>
      </c>
      <c r="P507" s="107">
        <v>0</v>
      </c>
      <c r="Q507" s="107">
        <v>0</v>
      </c>
      <c r="R507" s="107">
        <v>0</v>
      </c>
      <c r="S507" s="107">
        <v>0</v>
      </c>
      <c r="T507" s="107">
        <v>0</v>
      </c>
      <c r="U507" s="107">
        <v>0</v>
      </c>
      <c r="V507" s="107">
        <v>0</v>
      </c>
      <c r="W507" s="107">
        <v>0</v>
      </c>
      <c r="X507" s="107">
        <v>0</v>
      </c>
      <c r="Y507" s="107">
        <v>0</v>
      </c>
      <c r="Z507" s="107">
        <v>0</v>
      </c>
      <c r="AA507" s="107">
        <v>0</v>
      </c>
      <c r="AB507" s="107">
        <v>0</v>
      </c>
      <c r="AC507" s="107">
        <v>0</v>
      </c>
      <c r="AD507" s="107">
        <v>0</v>
      </c>
      <c r="AE507" s="107">
        <v>0</v>
      </c>
      <c r="AF507" s="107">
        <v>0</v>
      </c>
      <c r="AG507" s="107">
        <v>0</v>
      </c>
      <c r="AH507" s="107">
        <v>0</v>
      </c>
      <c r="AI507" s="107">
        <v>0</v>
      </c>
      <c r="AJ507" s="107">
        <v>0</v>
      </c>
      <c r="AK507" s="107">
        <v>0</v>
      </c>
      <c r="AL507" s="107">
        <v>0</v>
      </c>
      <c r="AM507" s="107">
        <v>0</v>
      </c>
      <c r="AN507" s="107">
        <v>0</v>
      </c>
    </row>
    <row r="508" spans="1:40" x14ac:dyDescent="0.2">
      <c r="A508" s="133" t="s">
        <v>916</v>
      </c>
      <c r="B508" s="107">
        <v>0</v>
      </c>
      <c r="C508" s="107">
        <v>0</v>
      </c>
      <c r="D508" s="107">
        <v>0</v>
      </c>
      <c r="E508" s="107">
        <v>0</v>
      </c>
      <c r="F508" s="107">
        <v>0</v>
      </c>
      <c r="G508" s="107">
        <v>0</v>
      </c>
      <c r="H508" s="107">
        <v>0</v>
      </c>
      <c r="I508" s="107">
        <v>0</v>
      </c>
      <c r="J508" s="107">
        <v>0</v>
      </c>
      <c r="K508" s="107">
        <v>0</v>
      </c>
      <c r="L508" s="107">
        <v>0</v>
      </c>
      <c r="M508" s="107">
        <v>0</v>
      </c>
      <c r="N508" s="107">
        <v>0</v>
      </c>
      <c r="O508" s="107">
        <v>0</v>
      </c>
      <c r="P508" s="107">
        <v>0</v>
      </c>
      <c r="Q508" s="107">
        <v>0</v>
      </c>
      <c r="R508" s="107">
        <v>0</v>
      </c>
      <c r="S508" s="107">
        <v>0</v>
      </c>
      <c r="T508" s="107">
        <v>0</v>
      </c>
      <c r="U508" s="107">
        <v>0</v>
      </c>
      <c r="V508" s="107">
        <v>0</v>
      </c>
      <c r="W508" s="107">
        <v>0</v>
      </c>
      <c r="X508" s="107">
        <v>0</v>
      </c>
      <c r="Y508" s="107">
        <v>0</v>
      </c>
      <c r="Z508" s="107">
        <v>0</v>
      </c>
      <c r="AA508" s="107">
        <v>0</v>
      </c>
      <c r="AB508" s="107">
        <v>0</v>
      </c>
      <c r="AC508" s="107">
        <v>0</v>
      </c>
      <c r="AD508" s="107">
        <v>0</v>
      </c>
      <c r="AE508" s="107">
        <v>0</v>
      </c>
      <c r="AF508" s="107">
        <v>0</v>
      </c>
      <c r="AG508" s="107">
        <v>0</v>
      </c>
      <c r="AH508" s="107">
        <v>0</v>
      </c>
      <c r="AI508" s="107">
        <v>0</v>
      </c>
      <c r="AJ508" s="107">
        <v>0</v>
      </c>
      <c r="AK508" s="107">
        <v>0</v>
      </c>
      <c r="AL508" s="107">
        <v>0</v>
      </c>
      <c r="AM508" s="107">
        <v>0</v>
      </c>
      <c r="AN508" s="107">
        <v>0</v>
      </c>
    </row>
    <row r="509" spans="1:40" x14ac:dyDescent="0.2">
      <c r="A509" s="133" t="s">
        <v>598</v>
      </c>
      <c r="B509" s="107">
        <v>0</v>
      </c>
      <c r="C509" s="107">
        <v>0</v>
      </c>
      <c r="D509" s="107">
        <v>0</v>
      </c>
      <c r="E509" s="107">
        <v>0</v>
      </c>
      <c r="F509" s="107">
        <v>0</v>
      </c>
      <c r="G509" s="107">
        <v>0</v>
      </c>
      <c r="H509" s="107">
        <v>0</v>
      </c>
      <c r="I509" s="107">
        <v>0</v>
      </c>
      <c r="J509" s="107">
        <v>0</v>
      </c>
      <c r="K509" s="107">
        <v>0</v>
      </c>
      <c r="L509" s="107">
        <v>0</v>
      </c>
      <c r="M509" s="107">
        <v>0</v>
      </c>
      <c r="N509" s="107">
        <v>0</v>
      </c>
      <c r="O509" s="107">
        <v>0</v>
      </c>
      <c r="P509" s="107">
        <v>0</v>
      </c>
      <c r="Q509" s="107">
        <v>0</v>
      </c>
      <c r="R509" s="107">
        <v>0</v>
      </c>
      <c r="S509" s="107">
        <v>0</v>
      </c>
      <c r="T509" s="107">
        <v>0</v>
      </c>
      <c r="U509" s="107">
        <v>0</v>
      </c>
      <c r="V509" s="107">
        <v>0</v>
      </c>
      <c r="W509" s="107">
        <v>0</v>
      </c>
      <c r="X509" s="107">
        <v>0</v>
      </c>
      <c r="Y509" s="107">
        <v>0</v>
      </c>
      <c r="Z509" s="107">
        <v>0</v>
      </c>
      <c r="AA509" s="107">
        <v>0</v>
      </c>
      <c r="AB509" s="107">
        <v>0</v>
      </c>
      <c r="AC509" s="107">
        <v>0</v>
      </c>
      <c r="AD509" s="107">
        <v>0</v>
      </c>
      <c r="AE509" s="107">
        <v>0</v>
      </c>
      <c r="AF509" s="107">
        <v>0</v>
      </c>
      <c r="AG509" s="107">
        <v>0</v>
      </c>
      <c r="AH509" s="107">
        <v>0</v>
      </c>
      <c r="AI509" s="107">
        <v>0</v>
      </c>
      <c r="AJ509" s="107">
        <v>0</v>
      </c>
      <c r="AK509" s="107">
        <v>0</v>
      </c>
      <c r="AL509" s="107">
        <v>0</v>
      </c>
      <c r="AM509" s="107">
        <v>0</v>
      </c>
      <c r="AN509" s="107">
        <v>0</v>
      </c>
    </row>
    <row r="510" spans="1:40" x14ac:dyDescent="0.2">
      <c r="A510" s="133" t="s">
        <v>599</v>
      </c>
      <c r="B510" s="107">
        <v>0</v>
      </c>
      <c r="C510" s="107">
        <v>0</v>
      </c>
      <c r="D510" s="107">
        <v>0</v>
      </c>
      <c r="E510" s="107">
        <v>0</v>
      </c>
      <c r="F510" s="107">
        <v>0</v>
      </c>
      <c r="G510" s="107">
        <v>0</v>
      </c>
      <c r="H510" s="107">
        <v>0</v>
      </c>
      <c r="I510" s="107">
        <v>0</v>
      </c>
      <c r="J510" s="107">
        <v>0</v>
      </c>
      <c r="K510" s="107">
        <v>0</v>
      </c>
      <c r="L510" s="107">
        <v>0</v>
      </c>
      <c r="M510" s="107">
        <v>0</v>
      </c>
      <c r="N510" s="107">
        <v>0</v>
      </c>
      <c r="O510" s="107">
        <v>0</v>
      </c>
      <c r="P510" s="107">
        <v>0</v>
      </c>
      <c r="Q510" s="107">
        <v>0</v>
      </c>
      <c r="R510" s="107">
        <v>0</v>
      </c>
      <c r="S510" s="107">
        <v>0</v>
      </c>
      <c r="T510" s="107">
        <v>0</v>
      </c>
      <c r="U510" s="107">
        <v>0</v>
      </c>
      <c r="V510" s="107">
        <v>0</v>
      </c>
      <c r="W510" s="107">
        <v>0</v>
      </c>
      <c r="X510" s="107">
        <v>0</v>
      </c>
      <c r="Y510" s="107">
        <v>0</v>
      </c>
      <c r="Z510" s="107">
        <v>0</v>
      </c>
      <c r="AA510" s="107">
        <v>0</v>
      </c>
      <c r="AB510" s="107">
        <v>0</v>
      </c>
      <c r="AC510" s="107">
        <v>0</v>
      </c>
      <c r="AD510" s="107">
        <v>0</v>
      </c>
      <c r="AE510" s="107">
        <v>0</v>
      </c>
      <c r="AF510" s="107">
        <v>0</v>
      </c>
      <c r="AG510" s="107">
        <v>0</v>
      </c>
      <c r="AH510" s="107">
        <v>0</v>
      </c>
      <c r="AI510" s="107">
        <v>0</v>
      </c>
      <c r="AJ510" s="107">
        <v>0</v>
      </c>
      <c r="AK510" s="107">
        <v>0</v>
      </c>
      <c r="AL510" s="107">
        <v>0</v>
      </c>
      <c r="AM510" s="107">
        <v>0</v>
      </c>
      <c r="AN510" s="107">
        <v>0</v>
      </c>
    </row>
    <row r="511" spans="1:40" x14ac:dyDescent="0.2">
      <c r="A511" s="133" t="s">
        <v>600</v>
      </c>
      <c r="B511" s="107">
        <v>0</v>
      </c>
      <c r="C511" s="107">
        <v>0</v>
      </c>
      <c r="D511" s="107">
        <v>0</v>
      </c>
      <c r="E511" s="107">
        <v>0</v>
      </c>
      <c r="F511" s="107">
        <v>0</v>
      </c>
      <c r="G511" s="107">
        <v>0</v>
      </c>
      <c r="H511" s="107">
        <v>0</v>
      </c>
      <c r="I511" s="107">
        <v>0</v>
      </c>
      <c r="J511" s="107">
        <v>0</v>
      </c>
      <c r="K511" s="107">
        <v>0</v>
      </c>
      <c r="L511" s="107">
        <v>0</v>
      </c>
      <c r="M511" s="107">
        <v>0</v>
      </c>
      <c r="N511" s="107">
        <v>0</v>
      </c>
      <c r="O511" s="107">
        <v>0</v>
      </c>
      <c r="P511" s="107">
        <v>0</v>
      </c>
      <c r="Q511" s="107">
        <v>0</v>
      </c>
      <c r="R511" s="107">
        <v>0</v>
      </c>
      <c r="S511" s="107">
        <v>0</v>
      </c>
      <c r="T511" s="107">
        <v>0</v>
      </c>
      <c r="U511" s="107">
        <v>0</v>
      </c>
      <c r="V511" s="107">
        <v>0</v>
      </c>
      <c r="W511" s="107">
        <v>0</v>
      </c>
      <c r="X511" s="107">
        <v>0</v>
      </c>
      <c r="Y511" s="107">
        <v>0</v>
      </c>
      <c r="Z511" s="107">
        <v>0</v>
      </c>
      <c r="AA511" s="107">
        <v>0</v>
      </c>
      <c r="AB511" s="107">
        <v>0</v>
      </c>
      <c r="AC511" s="107">
        <v>0</v>
      </c>
      <c r="AD511" s="107">
        <v>0</v>
      </c>
      <c r="AE511" s="107">
        <v>0</v>
      </c>
      <c r="AF511" s="107">
        <v>0</v>
      </c>
      <c r="AG511" s="107">
        <v>0</v>
      </c>
      <c r="AH511" s="107">
        <v>0</v>
      </c>
      <c r="AI511" s="107">
        <v>0</v>
      </c>
      <c r="AJ511" s="107">
        <v>0</v>
      </c>
      <c r="AK511" s="107">
        <v>0</v>
      </c>
      <c r="AL511" s="107">
        <v>0</v>
      </c>
      <c r="AM511" s="107">
        <v>0</v>
      </c>
      <c r="AN511" s="107">
        <v>0</v>
      </c>
    </row>
    <row r="512" spans="1:40" x14ac:dyDescent="0.2">
      <c r="A512" s="137" t="s">
        <v>917</v>
      </c>
      <c r="B512" s="107">
        <v>0</v>
      </c>
      <c r="C512" s="107">
        <v>0</v>
      </c>
      <c r="D512" s="107">
        <v>0</v>
      </c>
      <c r="E512" s="107">
        <v>0</v>
      </c>
      <c r="F512" s="107">
        <v>0</v>
      </c>
      <c r="G512" s="107">
        <v>0</v>
      </c>
      <c r="H512" s="107">
        <v>0</v>
      </c>
      <c r="I512" s="107">
        <v>0</v>
      </c>
      <c r="J512" s="107">
        <v>0</v>
      </c>
      <c r="K512" s="107">
        <v>0</v>
      </c>
      <c r="L512" s="107">
        <v>0</v>
      </c>
      <c r="M512" s="107">
        <v>0</v>
      </c>
      <c r="N512" s="107">
        <v>0</v>
      </c>
      <c r="O512" s="107">
        <v>0</v>
      </c>
      <c r="P512" s="107">
        <v>0</v>
      </c>
      <c r="Q512" s="107">
        <v>0</v>
      </c>
      <c r="R512" s="107">
        <v>0</v>
      </c>
      <c r="S512" s="107">
        <v>0</v>
      </c>
      <c r="T512" s="107">
        <v>0</v>
      </c>
      <c r="U512" s="107">
        <v>0</v>
      </c>
      <c r="V512" s="107">
        <v>0</v>
      </c>
      <c r="W512" s="107">
        <v>0</v>
      </c>
      <c r="X512" s="107">
        <v>0</v>
      </c>
      <c r="Y512" s="107">
        <v>0</v>
      </c>
      <c r="Z512" s="107">
        <v>0</v>
      </c>
      <c r="AA512" s="107">
        <v>0</v>
      </c>
      <c r="AB512" s="107">
        <v>0</v>
      </c>
      <c r="AC512" s="107">
        <v>0</v>
      </c>
      <c r="AD512" s="107">
        <v>0</v>
      </c>
      <c r="AE512" s="107">
        <v>0</v>
      </c>
      <c r="AF512" s="107">
        <v>0</v>
      </c>
      <c r="AG512" s="107">
        <v>0</v>
      </c>
      <c r="AH512" s="107">
        <v>0</v>
      </c>
      <c r="AI512" s="107">
        <v>0</v>
      </c>
      <c r="AJ512" s="107">
        <v>0</v>
      </c>
      <c r="AK512" s="107">
        <v>0</v>
      </c>
      <c r="AL512" s="107">
        <v>0</v>
      </c>
      <c r="AM512" s="107">
        <v>0</v>
      </c>
      <c r="AN512" s="107">
        <v>0</v>
      </c>
    </row>
    <row r="513" spans="1:40" x14ac:dyDescent="0.2">
      <c r="A513" s="133" t="s">
        <v>918</v>
      </c>
      <c r="B513" s="107">
        <v>0</v>
      </c>
      <c r="C513" s="107">
        <v>0</v>
      </c>
      <c r="D513" s="107">
        <v>0</v>
      </c>
      <c r="E513" s="107">
        <v>0</v>
      </c>
      <c r="F513" s="107">
        <v>0</v>
      </c>
      <c r="G513" s="107">
        <v>0</v>
      </c>
      <c r="H513" s="107">
        <v>0</v>
      </c>
      <c r="I513" s="107">
        <v>0</v>
      </c>
      <c r="J513" s="107">
        <v>0</v>
      </c>
      <c r="K513" s="107">
        <v>0</v>
      </c>
      <c r="L513" s="107">
        <v>0</v>
      </c>
      <c r="M513" s="107">
        <v>0</v>
      </c>
      <c r="N513" s="107">
        <v>0</v>
      </c>
      <c r="O513" s="107">
        <v>0</v>
      </c>
      <c r="P513" s="107">
        <v>0</v>
      </c>
      <c r="Q513" s="107">
        <v>0</v>
      </c>
      <c r="R513" s="107">
        <v>0</v>
      </c>
      <c r="S513" s="107">
        <v>0</v>
      </c>
      <c r="T513" s="107">
        <v>0</v>
      </c>
      <c r="U513" s="107">
        <v>0</v>
      </c>
      <c r="V513" s="107">
        <v>0</v>
      </c>
      <c r="W513" s="107">
        <v>0</v>
      </c>
      <c r="X513" s="107">
        <v>0</v>
      </c>
      <c r="Y513" s="107">
        <v>0</v>
      </c>
      <c r="Z513" s="107">
        <v>0</v>
      </c>
      <c r="AA513" s="107">
        <v>0</v>
      </c>
      <c r="AB513" s="107">
        <v>0</v>
      </c>
      <c r="AC513" s="107">
        <v>0</v>
      </c>
      <c r="AD513" s="107">
        <v>0</v>
      </c>
      <c r="AE513" s="107">
        <v>0</v>
      </c>
      <c r="AF513" s="107">
        <v>0</v>
      </c>
      <c r="AG513" s="107">
        <v>0</v>
      </c>
      <c r="AH513" s="107">
        <v>0</v>
      </c>
      <c r="AI513" s="107">
        <v>0</v>
      </c>
      <c r="AJ513" s="107">
        <v>0</v>
      </c>
      <c r="AK513" s="107">
        <v>0</v>
      </c>
      <c r="AL513" s="107">
        <v>0</v>
      </c>
      <c r="AM513" s="107">
        <v>0</v>
      </c>
      <c r="AN513" s="107">
        <v>0</v>
      </c>
    </row>
    <row r="514" spans="1:40" x14ac:dyDescent="0.2">
      <c r="A514" s="137" t="s">
        <v>919</v>
      </c>
      <c r="B514" s="107">
        <v>0</v>
      </c>
      <c r="C514" s="107">
        <v>0</v>
      </c>
      <c r="D514" s="107">
        <v>0</v>
      </c>
      <c r="E514" s="107">
        <v>0</v>
      </c>
      <c r="F514" s="107">
        <v>0</v>
      </c>
      <c r="G514" s="107">
        <v>0</v>
      </c>
      <c r="H514" s="107">
        <v>0</v>
      </c>
      <c r="I514" s="107">
        <v>0</v>
      </c>
      <c r="J514" s="107">
        <v>0</v>
      </c>
      <c r="K514" s="107">
        <v>0</v>
      </c>
      <c r="L514" s="107">
        <v>0</v>
      </c>
      <c r="M514" s="107">
        <v>0</v>
      </c>
      <c r="N514" s="107">
        <v>0</v>
      </c>
      <c r="O514" s="107">
        <v>0</v>
      </c>
      <c r="P514" s="107">
        <v>0</v>
      </c>
      <c r="Q514" s="107">
        <v>0</v>
      </c>
      <c r="R514" s="107">
        <v>0</v>
      </c>
      <c r="S514" s="107">
        <v>0</v>
      </c>
      <c r="T514" s="107">
        <v>0</v>
      </c>
      <c r="U514" s="107">
        <v>0</v>
      </c>
      <c r="V514" s="107">
        <v>0</v>
      </c>
      <c r="W514" s="107">
        <v>0</v>
      </c>
      <c r="X514" s="107">
        <v>0</v>
      </c>
      <c r="Y514" s="107">
        <v>0</v>
      </c>
      <c r="Z514" s="107">
        <v>0</v>
      </c>
      <c r="AA514" s="107">
        <v>0</v>
      </c>
      <c r="AB514" s="107">
        <v>0</v>
      </c>
      <c r="AC514" s="107">
        <v>0</v>
      </c>
      <c r="AD514" s="107">
        <v>0</v>
      </c>
      <c r="AE514" s="107">
        <v>0</v>
      </c>
      <c r="AF514" s="107">
        <v>0</v>
      </c>
      <c r="AG514" s="107">
        <v>0</v>
      </c>
      <c r="AH514" s="107">
        <v>0</v>
      </c>
      <c r="AI514" s="107">
        <v>0</v>
      </c>
      <c r="AJ514" s="107">
        <v>0</v>
      </c>
      <c r="AK514" s="107">
        <v>0</v>
      </c>
      <c r="AL514" s="107">
        <v>0</v>
      </c>
      <c r="AM514" s="107">
        <v>0</v>
      </c>
      <c r="AN514" s="107">
        <v>0</v>
      </c>
    </row>
    <row r="515" spans="1:40" x14ac:dyDescent="0.2">
      <c r="A515" s="133" t="s">
        <v>920</v>
      </c>
      <c r="B515" s="107">
        <v>0</v>
      </c>
      <c r="C515" s="107">
        <v>0</v>
      </c>
      <c r="D515" s="107">
        <v>0</v>
      </c>
      <c r="E515" s="107">
        <v>0</v>
      </c>
      <c r="F515" s="107">
        <v>0</v>
      </c>
      <c r="G515" s="107">
        <v>0</v>
      </c>
      <c r="H515" s="107">
        <v>0</v>
      </c>
      <c r="I515" s="107">
        <v>0</v>
      </c>
      <c r="J515" s="107">
        <v>0</v>
      </c>
      <c r="K515" s="107">
        <v>0</v>
      </c>
      <c r="L515" s="107">
        <v>0</v>
      </c>
      <c r="M515" s="107">
        <v>0</v>
      </c>
      <c r="N515" s="107">
        <v>0</v>
      </c>
      <c r="O515" s="107">
        <v>0</v>
      </c>
      <c r="P515" s="107">
        <v>0</v>
      </c>
      <c r="Q515" s="107">
        <v>0</v>
      </c>
      <c r="R515" s="107">
        <v>0</v>
      </c>
      <c r="S515" s="107">
        <v>0</v>
      </c>
      <c r="T515" s="107">
        <v>0</v>
      </c>
      <c r="U515" s="107">
        <v>0</v>
      </c>
      <c r="V515" s="107">
        <v>0</v>
      </c>
      <c r="W515" s="107">
        <v>0</v>
      </c>
      <c r="X515" s="107">
        <v>0</v>
      </c>
      <c r="Y515" s="107">
        <v>0</v>
      </c>
      <c r="Z515" s="107">
        <v>0</v>
      </c>
      <c r="AA515" s="107">
        <v>0</v>
      </c>
      <c r="AB515" s="107">
        <v>0</v>
      </c>
      <c r="AC515" s="107">
        <v>0</v>
      </c>
      <c r="AD515" s="107">
        <v>0</v>
      </c>
      <c r="AE515" s="107">
        <v>0</v>
      </c>
      <c r="AF515" s="107">
        <v>0</v>
      </c>
      <c r="AG515" s="107">
        <v>0</v>
      </c>
      <c r="AH515" s="107">
        <v>0</v>
      </c>
      <c r="AI515" s="107">
        <v>0</v>
      </c>
      <c r="AJ515" s="107">
        <v>0</v>
      </c>
      <c r="AK515" s="107">
        <v>0</v>
      </c>
      <c r="AL515" s="107">
        <v>0</v>
      </c>
      <c r="AM515" s="107">
        <v>0</v>
      </c>
      <c r="AN515" s="107">
        <v>0</v>
      </c>
    </row>
    <row r="516" spans="1:40" x14ac:dyDescent="0.2">
      <c r="A516" s="133" t="s">
        <v>921</v>
      </c>
    </row>
    <row r="517" spans="1:40" x14ac:dyDescent="0.2">
      <c r="A517" s="133" t="s">
        <v>922</v>
      </c>
      <c r="B517" s="107">
        <v>28397036.161927801</v>
      </c>
      <c r="C517" s="107">
        <v>28817323.888583198</v>
      </c>
      <c r="D517" s="107">
        <v>29198055.065306399</v>
      </c>
      <c r="E517" s="107">
        <v>29587816.719883699</v>
      </c>
      <c r="F517" s="107">
        <v>29932245.193524301</v>
      </c>
      <c r="G517" s="107">
        <v>30302171.567352701</v>
      </c>
      <c r="H517" s="107">
        <v>30696964.717758801</v>
      </c>
      <c r="I517" s="107">
        <v>31075668.7455828</v>
      </c>
      <c r="J517" s="107">
        <v>31519370.971052099</v>
      </c>
      <c r="K517" s="107">
        <v>31886850.029452998</v>
      </c>
      <c r="L517" s="107">
        <v>32349263.378722299</v>
      </c>
      <c r="M517" s="107">
        <v>32621816.6829031</v>
      </c>
      <c r="N517" s="107">
        <v>32621816.6829031</v>
      </c>
      <c r="O517" s="107">
        <v>32754339.2676549</v>
      </c>
      <c r="P517" s="107">
        <v>33035855.713575602</v>
      </c>
      <c r="Q517" s="107">
        <v>33271204.853424098</v>
      </c>
      <c r="R517" s="107">
        <v>33530832.568964399</v>
      </c>
      <c r="S517" s="107">
        <v>33742847.089823298</v>
      </c>
      <c r="T517" s="107">
        <v>33982750.123344697</v>
      </c>
      <c r="U517" s="107">
        <v>34238434.946957499</v>
      </c>
      <c r="V517" s="107">
        <v>34474679.702319399</v>
      </c>
      <c r="W517" s="107">
        <v>34743497.043876603</v>
      </c>
      <c r="X517" s="107">
        <v>34973831.453890398</v>
      </c>
      <c r="Y517" s="107">
        <v>35228653.746350102</v>
      </c>
      <c r="Z517" s="107">
        <v>35428297.883529</v>
      </c>
      <c r="AA517" s="107">
        <v>35428297.883529</v>
      </c>
      <c r="AB517" s="107">
        <v>35569195.619559199</v>
      </c>
      <c r="AC517" s="107">
        <v>35854639.010490797</v>
      </c>
      <c r="AD517" s="107">
        <v>36090482.424089499</v>
      </c>
      <c r="AE517" s="107">
        <v>36354704.829733998</v>
      </c>
      <c r="AF517" s="107">
        <v>36571841.203167602</v>
      </c>
      <c r="AG517" s="107">
        <v>36813140.589489199</v>
      </c>
      <c r="AH517" s="107">
        <v>37069777.297898702</v>
      </c>
      <c r="AI517" s="107">
        <v>37307451.430925503</v>
      </c>
      <c r="AJ517" s="107">
        <v>37580352.027646102</v>
      </c>
      <c r="AK517" s="107">
        <v>37813480.856077202</v>
      </c>
      <c r="AL517" s="107">
        <v>38082853.991971798</v>
      </c>
      <c r="AM517" s="107">
        <v>38287595.339261599</v>
      </c>
      <c r="AN517" s="107">
        <v>38287595.339261599</v>
      </c>
    </row>
    <row r="518" spans="1:40" x14ac:dyDescent="0.2">
      <c r="A518" s="133" t="s">
        <v>923</v>
      </c>
      <c r="B518" s="107">
        <v>2536058.05978473</v>
      </c>
      <c r="C518" s="107">
        <v>2561276.9664677801</v>
      </c>
      <c r="D518" s="107">
        <v>2583225.7245706599</v>
      </c>
      <c r="E518" s="107">
        <v>2605162.43484854</v>
      </c>
      <c r="F518" s="107">
        <v>2625168.9266118398</v>
      </c>
      <c r="G518" s="107">
        <v>2646828.0645719799</v>
      </c>
      <c r="H518" s="107">
        <v>2669051.5520855002</v>
      </c>
      <c r="I518" s="107">
        <v>2691263.3169798199</v>
      </c>
      <c r="J518" s="107">
        <v>2712752.3294776599</v>
      </c>
      <c r="K518" s="107">
        <v>2733954.6489428198</v>
      </c>
      <c r="L518" s="107">
        <v>2758617.1385161499</v>
      </c>
      <c r="M518" s="107">
        <v>2780887.9461159101</v>
      </c>
      <c r="N518" s="107">
        <v>2780887.9461159101</v>
      </c>
      <c r="O518" s="107">
        <v>2788963.39413461</v>
      </c>
      <c r="P518" s="107">
        <v>2804901.97444594</v>
      </c>
      <c r="Q518" s="107">
        <v>2817798.09202288</v>
      </c>
      <c r="R518" s="107">
        <v>2831214.0374539802</v>
      </c>
      <c r="S518" s="107">
        <v>2841556.79475206</v>
      </c>
      <c r="T518" s="107">
        <v>2854991.4017034499</v>
      </c>
      <c r="U518" s="107">
        <v>2868326.9849278498</v>
      </c>
      <c r="V518" s="107">
        <v>2881618.3234401001</v>
      </c>
      <c r="W518" s="107">
        <v>2893963.9125767299</v>
      </c>
      <c r="X518" s="107">
        <v>2906728.0671312301</v>
      </c>
      <c r="Y518" s="107">
        <v>2918744.6068183701</v>
      </c>
      <c r="Z518" s="107">
        <v>2931981.84821343</v>
      </c>
      <c r="AA518" s="107">
        <v>2931981.84821343</v>
      </c>
      <c r="AB518" s="107">
        <v>2940685.0017576599</v>
      </c>
      <c r="AC518" s="107">
        <v>2956963.8896347098</v>
      </c>
      <c r="AD518" s="107">
        <v>2969757.6534224902</v>
      </c>
      <c r="AE518" s="107">
        <v>2983963.3682703502</v>
      </c>
      <c r="AF518" s="107">
        <v>2995435.4584893598</v>
      </c>
      <c r="AG518" s="107">
        <v>3008984.8241522699</v>
      </c>
      <c r="AH518" s="107">
        <v>3022055.3887833701</v>
      </c>
      <c r="AI518" s="107">
        <v>3035188.9878964699</v>
      </c>
      <c r="AJ518" s="107">
        <v>3047045.8567323401</v>
      </c>
      <c r="AK518" s="107">
        <v>3059718.73680491</v>
      </c>
      <c r="AL518" s="107">
        <v>3071418.4780782699</v>
      </c>
      <c r="AM518" s="107">
        <v>3084689.0026407698</v>
      </c>
      <c r="AN518" s="107">
        <v>3084689.0026407698</v>
      </c>
    </row>
    <row r="519" spans="1:40" x14ac:dyDescent="0.2">
      <c r="A519" s="133" t="s">
        <v>924</v>
      </c>
      <c r="B519" s="107">
        <v>4013897.0480895299</v>
      </c>
      <c r="C519" s="107">
        <v>4096780.4249508502</v>
      </c>
      <c r="D519" s="107">
        <v>4167868.8051869501</v>
      </c>
      <c r="E519" s="107">
        <v>4244627.6094137197</v>
      </c>
      <c r="F519" s="107">
        <v>4310825.1901967004</v>
      </c>
      <c r="G519" s="107">
        <v>4389496.51440416</v>
      </c>
      <c r="H519" s="107">
        <v>4471556.73097187</v>
      </c>
      <c r="I519" s="107">
        <v>4545924.6731131496</v>
      </c>
      <c r="J519" s="107">
        <v>4623265.0860876702</v>
      </c>
      <c r="K519" s="107">
        <v>4696193.7733072201</v>
      </c>
      <c r="L519" s="107">
        <v>4788785.2707603201</v>
      </c>
      <c r="M519" s="107">
        <v>4872117.7218858404</v>
      </c>
      <c r="N519" s="107">
        <v>4872117.7218858404</v>
      </c>
      <c r="O519" s="107">
        <v>4902960.8039640198</v>
      </c>
      <c r="P519" s="107">
        <v>4959821.1838387102</v>
      </c>
      <c r="Q519" s="107">
        <v>5006697.6886975504</v>
      </c>
      <c r="R519" s="107">
        <v>5058713.5039494196</v>
      </c>
      <c r="S519" s="107">
        <v>5100682.20181699</v>
      </c>
      <c r="T519" s="107">
        <v>5152947.0815755902</v>
      </c>
      <c r="U519" s="107">
        <v>5207780.5845153304</v>
      </c>
      <c r="V519" s="107">
        <v>5256834.8821451897</v>
      </c>
      <c r="W519" s="107">
        <v>5307014.9461501297</v>
      </c>
      <c r="X519" s="107">
        <v>5354931.3284919104</v>
      </c>
      <c r="Y519" s="107">
        <v>5413984.5422491096</v>
      </c>
      <c r="Z519" s="107">
        <v>5469204.93439095</v>
      </c>
      <c r="AA519" s="107">
        <v>5469204.93439095</v>
      </c>
      <c r="AB519" s="107">
        <v>5501439.5419677002</v>
      </c>
      <c r="AC519" s="107">
        <v>5559344.2157763103</v>
      </c>
      <c r="AD519" s="107">
        <v>5607004.8905539196</v>
      </c>
      <c r="AE519" s="107">
        <v>5660116.3843685798</v>
      </c>
      <c r="AF519" s="107">
        <v>5703329.7100638598</v>
      </c>
      <c r="AG519" s="107">
        <v>5756523.6893759901</v>
      </c>
      <c r="AH519" s="107">
        <v>5812243.9294071104</v>
      </c>
      <c r="AI519" s="107">
        <v>5862192.7460559299</v>
      </c>
      <c r="AJ519" s="107">
        <v>5913585.8599755997</v>
      </c>
      <c r="AK519" s="107">
        <v>5962514.3173133899</v>
      </c>
      <c r="AL519" s="107">
        <v>6023846.2961043902</v>
      </c>
      <c r="AM519" s="107">
        <v>6080331.3461175701</v>
      </c>
      <c r="AN519" s="107">
        <v>6080331.3461175701</v>
      </c>
    </row>
    <row r="520" spans="1:40" x14ac:dyDescent="0.2">
      <c r="A520" s="133" t="s">
        <v>925</v>
      </c>
      <c r="B520" s="107">
        <v>92986099.298429802</v>
      </c>
      <c r="C520" s="107">
        <v>91600799.0198154</v>
      </c>
      <c r="D520" s="107">
        <v>86432873.599032298</v>
      </c>
      <c r="E520" s="107">
        <v>83142414.392831698</v>
      </c>
      <c r="F520" s="107">
        <v>83452346.700354993</v>
      </c>
      <c r="G520" s="107">
        <v>86129571.849379897</v>
      </c>
      <c r="H520" s="107">
        <v>90278187.921932206</v>
      </c>
      <c r="I520" s="107">
        <v>93680222.318625107</v>
      </c>
      <c r="J520" s="107">
        <v>95454236.156114593</v>
      </c>
      <c r="K520" s="107">
        <v>96087095.173780307</v>
      </c>
      <c r="L520" s="107">
        <v>98620413.844801307</v>
      </c>
      <c r="M520" s="107">
        <v>102440191.97966801</v>
      </c>
      <c r="N520" s="107">
        <v>102440191.97966801</v>
      </c>
      <c r="O520" s="107">
        <v>102376964.864279</v>
      </c>
      <c r="P520" s="107">
        <v>102314043.22503901</v>
      </c>
      <c r="Q520" s="107">
        <v>102549677.37526099</v>
      </c>
      <c r="R520" s="107">
        <v>102529720.12157901</v>
      </c>
      <c r="S520" s="107">
        <v>102456710.743572</v>
      </c>
      <c r="T520" s="107">
        <v>102391330.652095</v>
      </c>
      <c r="U520" s="107">
        <v>102323567.67448699</v>
      </c>
      <c r="V520" s="107">
        <v>102258725.782125</v>
      </c>
      <c r="W520" s="107">
        <v>102175058.141082</v>
      </c>
      <c r="X520" s="107">
        <v>102099268.687948</v>
      </c>
      <c r="Y520" s="107">
        <v>102038223.8856</v>
      </c>
      <c r="Z520" s="107">
        <v>101968182.45610701</v>
      </c>
      <c r="AA520" s="107">
        <v>101968182.45610701</v>
      </c>
      <c r="AB520" s="107">
        <v>101808039.929095</v>
      </c>
      <c r="AC520" s="107">
        <v>101649639.019417</v>
      </c>
      <c r="AD520" s="107">
        <v>102738171.85883</v>
      </c>
      <c r="AE520" s="107">
        <v>102692312.053324</v>
      </c>
      <c r="AF520" s="107">
        <v>102527719.451102</v>
      </c>
      <c r="AG520" s="107">
        <v>102366664.398486</v>
      </c>
      <c r="AH520" s="107">
        <v>102201012.988538</v>
      </c>
      <c r="AI520" s="107">
        <v>102038787.122803</v>
      </c>
      <c r="AJ520" s="107">
        <v>101860458.26904599</v>
      </c>
      <c r="AK520" s="107">
        <v>101695389.436184</v>
      </c>
      <c r="AL520" s="107">
        <v>101538365.767085</v>
      </c>
      <c r="AM520" s="107">
        <v>101371112.657028</v>
      </c>
      <c r="AN520" s="107">
        <v>101371112.657028</v>
      </c>
    </row>
    <row r="521" spans="1:40" x14ac:dyDescent="0.2">
      <c r="A521" s="133" t="s">
        <v>926</v>
      </c>
      <c r="B521" s="107">
        <v>9551564.3203801494</v>
      </c>
      <c r="C521" s="107">
        <v>9530309.4357251897</v>
      </c>
      <c r="D521" s="107">
        <v>8633922.2164569907</v>
      </c>
      <c r="E521" s="107">
        <v>8291030.2216165997</v>
      </c>
      <c r="F521" s="107">
        <v>8325207.3464464098</v>
      </c>
      <c r="G521" s="107">
        <v>8478276.4729302004</v>
      </c>
      <c r="H521" s="107">
        <v>8645644.81629139</v>
      </c>
      <c r="I521" s="107">
        <v>8782204.57180834</v>
      </c>
      <c r="J521" s="107">
        <v>8898331.5618159994</v>
      </c>
      <c r="K521" s="107">
        <v>8959781.4090510607</v>
      </c>
      <c r="L521" s="107">
        <v>9082199.2506584097</v>
      </c>
      <c r="M521" s="107">
        <v>9292931.3786100801</v>
      </c>
      <c r="N521" s="107">
        <v>9292931.3786100801</v>
      </c>
      <c r="O521" s="107">
        <v>9300438.1736088898</v>
      </c>
      <c r="P521" s="107">
        <v>9309352.3019650392</v>
      </c>
      <c r="Q521" s="107">
        <v>9081848.6656933092</v>
      </c>
      <c r="R521" s="107">
        <v>9063692.9026374109</v>
      </c>
      <c r="S521" s="107">
        <v>9079292.7523353491</v>
      </c>
      <c r="T521" s="107">
        <v>9088727.3570448998</v>
      </c>
      <c r="U521" s="107">
        <v>9095664.9900591094</v>
      </c>
      <c r="V521" s="107">
        <v>9102989.0176839195</v>
      </c>
      <c r="W521" s="107">
        <v>9110830.5974677894</v>
      </c>
      <c r="X521" s="107">
        <v>9119104.3984104097</v>
      </c>
      <c r="Y521" s="107">
        <v>9128154.6682781801</v>
      </c>
      <c r="Z521" s="107">
        <v>9135723.0412668604</v>
      </c>
      <c r="AA521" s="107">
        <v>9135723.0412668604</v>
      </c>
      <c r="AB521" s="107">
        <v>9142985.1979774293</v>
      </c>
      <c r="AC521" s="107">
        <v>9150898.9719027001</v>
      </c>
      <c r="AD521" s="107">
        <v>8147809.10400433</v>
      </c>
      <c r="AE521" s="107">
        <v>8070979.3984248098</v>
      </c>
      <c r="AF521" s="107">
        <v>8084656.4851570204</v>
      </c>
      <c r="AG521" s="107">
        <v>8093527.8811349599</v>
      </c>
      <c r="AH521" s="107">
        <v>8100948.9582061404</v>
      </c>
      <c r="AI521" s="107">
        <v>8108454.5742818704</v>
      </c>
      <c r="AJ521" s="107">
        <v>8113989.2209046297</v>
      </c>
      <c r="AK521" s="107">
        <v>8115918.5620009601</v>
      </c>
      <c r="AL521" s="107">
        <v>8124618.3215749199</v>
      </c>
      <c r="AM521" s="107">
        <v>8132215.9418067103</v>
      </c>
      <c r="AN521" s="107">
        <v>8132215.9418067103</v>
      </c>
    </row>
    <row r="522" spans="1:40" x14ac:dyDescent="0.2">
      <c r="A522" s="133" t="s">
        <v>927</v>
      </c>
      <c r="B522" s="107">
        <v>8166351.0217922404</v>
      </c>
      <c r="C522" s="107">
        <v>8169769.4737318</v>
      </c>
      <c r="D522" s="107">
        <v>8028899.9261957696</v>
      </c>
      <c r="E522" s="107">
        <v>7978157.1185077503</v>
      </c>
      <c r="F522" s="107">
        <v>7990482.3526428603</v>
      </c>
      <c r="G522" s="107">
        <v>8028675.3510889001</v>
      </c>
      <c r="H522" s="107">
        <v>8078850.46521137</v>
      </c>
      <c r="I522" s="107">
        <v>8119665.3615090996</v>
      </c>
      <c r="J522" s="107">
        <v>8177098.3388318103</v>
      </c>
      <c r="K522" s="107">
        <v>8213020.4798462996</v>
      </c>
      <c r="L522" s="107">
        <v>8241759.7091432298</v>
      </c>
      <c r="M522" s="107">
        <v>8303266.2256006896</v>
      </c>
      <c r="N522" s="107">
        <v>8303266.2256006896</v>
      </c>
      <c r="O522" s="107">
        <v>8308130.1579877399</v>
      </c>
      <c r="P522" s="107">
        <v>8313054.1177077703</v>
      </c>
      <c r="Q522" s="107">
        <v>8276073.6658301298</v>
      </c>
      <c r="R522" s="107">
        <v>8273530.5281445198</v>
      </c>
      <c r="S522" s="107">
        <v>8277883.4405593602</v>
      </c>
      <c r="T522" s="107">
        <v>8283260.0839476297</v>
      </c>
      <c r="U522" s="107">
        <v>8288232.3591518505</v>
      </c>
      <c r="V522" s="107">
        <v>8293576.7556117</v>
      </c>
      <c r="W522" s="107">
        <v>8310287.7553841397</v>
      </c>
      <c r="X522" s="107">
        <v>8322005.4318157602</v>
      </c>
      <c r="Y522" s="107">
        <v>8324556.3960102303</v>
      </c>
      <c r="Z522" s="107">
        <v>8332270.1365937302</v>
      </c>
      <c r="AA522" s="107">
        <v>8332270.1365937302</v>
      </c>
      <c r="AB522" s="107">
        <v>8337510.8763497397</v>
      </c>
      <c r="AC522" s="107">
        <v>8342823.5046165604</v>
      </c>
      <c r="AD522" s="107">
        <v>8181581.13705019</v>
      </c>
      <c r="AE522" s="107">
        <v>8170423.48196063</v>
      </c>
      <c r="AF522" s="107">
        <v>8175292.0956093399</v>
      </c>
      <c r="AG522" s="107">
        <v>8181151.1921576997</v>
      </c>
      <c r="AH522" s="107">
        <v>8186451.0439950498</v>
      </c>
      <c r="AI522" s="107">
        <v>8192275.6426926404</v>
      </c>
      <c r="AJ522" s="107">
        <v>8212189.8732767003</v>
      </c>
      <c r="AK522" s="107">
        <v>8226026.1425342597</v>
      </c>
      <c r="AL522" s="107">
        <v>8228734.5490407804</v>
      </c>
      <c r="AM522" s="107">
        <v>8237138.31808093</v>
      </c>
      <c r="AN522" s="107">
        <v>8237138.31808093</v>
      </c>
    </row>
    <row r="523" spans="1:40" x14ac:dyDescent="0.2">
      <c r="A523" s="133" t="s">
        <v>928</v>
      </c>
      <c r="B523" s="107">
        <v>145651005.910404</v>
      </c>
      <c r="C523" s="107">
        <v>144776259.20927399</v>
      </c>
      <c r="D523" s="107">
        <v>139044845.33674899</v>
      </c>
      <c r="E523" s="107">
        <v>135849208.49710199</v>
      </c>
      <c r="F523" s="107">
        <v>136636275.709777</v>
      </c>
      <c r="G523" s="107">
        <v>139975019.819727</v>
      </c>
      <c r="H523" s="107">
        <v>144840256.20425099</v>
      </c>
      <c r="I523" s="107">
        <v>148894948.987618</v>
      </c>
      <c r="J523" s="107">
        <v>151385054.44337901</v>
      </c>
      <c r="K523" s="107">
        <v>152576895.51438001</v>
      </c>
      <c r="L523" s="107">
        <v>155841038.592601</v>
      </c>
      <c r="M523" s="107">
        <v>160311211.934784</v>
      </c>
      <c r="N523" s="107">
        <v>160311211.934784</v>
      </c>
      <c r="O523" s="107">
        <v>160431796.66162899</v>
      </c>
      <c r="P523" s="107">
        <v>160737028.516572</v>
      </c>
      <c r="Q523" s="107">
        <v>161003300.340929</v>
      </c>
      <c r="R523" s="107">
        <v>161287703.662729</v>
      </c>
      <c r="S523" s="107">
        <v>161498973.02285901</v>
      </c>
      <c r="T523" s="107">
        <v>161754006.69971201</v>
      </c>
      <c r="U523" s="107">
        <v>162022007.54009801</v>
      </c>
      <c r="V523" s="107">
        <v>162268424.46332499</v>
      </c>
      <c r="W523" s="107">
        <v>162540652.39653701</v>
      </c>
      <c r="X523" s="107">
        <v>162775869.367688</v>
      </c>
      <c r="Y523" s="107">
        <v>163052317.84530601</v>
      </c>
      <c r="Z523" s="107">
        <v>163265660.30010101</v>
      </c>
      <c r="AA523" s="107">
        <v>163265660.30010101</v>
      </c>
      <c r="AB523" s="107">
        <v>163299856.16670701</v>
      </c>
      <c r="AC523" s="107">
        <v>163514308.61183801</v>
      </c>
      <c r="AD523" s="107">
        <v>163734807.06795001</v>
      </c>
      <c r="AE523" s="107">
        <v>163932499.516083</v>
      </c>
      <c r="AF523" s="107">
        <v>164058274.40358999</v>
      </c>
      <c r="AG523" s="107">
        <v>164219992.57479599</v>
      </c>
      <c r="AH523" s="107">
        <v>164392489.606828</v>
      </c>
      <c r="AI523" s="107">
        <v>164544350.504655</v>
      </c>
      <c r="AJ523" s="107">
        <v>164727621.107582</v>
      </c>
      <c r="AK523" s="107">
        <v>164873048.050915</v>
      </c>
      <c r="AL523" s="107">
        <v>165069837.40385601</v>
      </c>
      <c r="AM523" s="107">
        <v>165193082.604936</v>
      </c>
      <c r="AN523" s="107">
        <v>165193082.604936</v>
      </c>
    </row>
    <row r="524" spans="1:40" x14ac:dyDescent="0.2">
      <c r="A524" s="133" t="s">
        <v>929</v>
      </c>
      <c r="B524" s="107">
        <v>0</v>
      </c>
      <c r="C524" s="107">
        <v>0</v>
      </c>
      <c r="D524" s="107">
        <v>0</v>
      </c>
      <c r="E524" s="107">
        <v>0</v>
      </c>
      <c r="F524" s="107">
        <v>0</v>
      </c>
      <c r="G524" s="107">
        <v>0</v>
      </c>
      <c r="H524" s="107">
        <v>0</v>
      </c>
      <c r="I524" s="107">
        <v>0</v>
      </c>
      <c r="J524" s="107">
        <v>0</v>
      </c>
      <c r="K524" s="107">
        <v>0</v>
      </c>
      <c r="L524" s="107">
        <v>0</v>
      </c>
      <c r="M524" s="107">
        <v>0</v>
      </c>
      <c r="N524" s="107">
        <v>0</v>
      </c>
      <c r="O524" s="107">
        <v>0</v>
      </c>
      <c r="P524" s="107">
        <v>0</v>
      </c>
      <c r="Q524" s="107">
        <v>0</v>
      </c>
      <c r="R524" s="107">
        <v>0</v>
      </c>
      <c r="S524" s="107">
        <v>0</v>
      </c>
      <c r="T524" s="107">
        <v>0</v>
      </c>
      <c r="U524" s="107">
        <v>0</v>
      </c>
      <c r="V524" s="107">
        <v>0</v>
      </c>
      <c r="W524" s="107">
        <v>0</v>
      </c>
      <c r="X524" s="107">
        <v>0</v>
      </c>
      <c r="Y524" s="107">
        <v>0</v>
      </c>
      <c r="Z524" s="107">
        <v>0</v>
      </c>
      <c r="AA524" s="107">
        <v>0</v>
      </c>
      <c r="AB524" s="107">
        <v>0</v>
      </c>
      <c r="AC524" s="107">
        <v>0</v>
      </c>
      <c r="AD524" s="107">
        <v>0</v>
      </c>
      <c r="AE524" s="107">
        <v>0</v>
      </c>
      <c r="AF524" s="107">
        <v>0</v>
      </c>
      <c r="AG524" s="107">
        <v>0</v>
      </c>
      <c r="AH524" s="107">
        <v>0</v>
      </c>
      <c r="AI524" s="107">
        <v>0</v>
      </c>
      <c r="AJ524" s="107">
        <v>0</v>
      </c>
      <c r="AK524" s="107">
        <v>0</v>
      </c>
      <c r="AL524" s="107">
        <v>0</v>
      </c>
      <c r="AM524" s="107">
        <v>0</v>
      </c>
      <c r="AN524" s="107">
        <v>0</v>
      </c>
    </row>
    <row r="525" spans="1:40" x14ac:dyDescent="0.2">
      <c r="A525" s="133" t="s">
        <v>930</v>
      </c>
      <c r="B525" s="107">
        <v>236714.72128005201</v>
      </c>
      <c r="C525" s="107">
        <v>234407.36529112799</v>
      </c>
      <c r="D525" s="107">
        <v>232425.765465442</v>
      </c>
      <c r="E525" s="107">
        <v>230256.29935223499</v>
      </c>
      <c r="F525" s="107">
        <v>228135.537373956</v>
      </c>
      <c r="G525" s="107">
        <v>226004.338145963</v>
      </c>
      <c r="H525" s="107">
        <v>224101.53133586299</v>
      </c>
      <c r="I525" s="107">
        <v>222308.936996214</v>
      </c>
      <c r="J525" s="107">
        <v>220473.71316346101</v>
      </c>
      <c r="K525" s="107">
        <v>218381.200181402</v>
      </c>
      <c r="L525" s="107">
        <v>216547.58468749499</v>
      </c>
      <c r="M525" s="107">
        <v>214528.39195868201</v>
      </c>
      <c r="N525" s="107">
        <v>214528.39195868201</v>
      </c>
      <c r="O525" s="107">
        <v>212643.49912998799</v>
      </c>
      <c r="P525" s="107">
        <v>211212.265871615</v>
      </c>
      <c r="Q525" s="107">
        <v>210097.28776984001</v>
      </c>
      <c r="R525" s="107">
        <v>208751.73544548199</v>
      </c>
      <c r="S525" s="107">
        <v>207437.123903006</v>
      </c>
      <c r="T525" s="107">
        <v>206155.49325545301</v>
      </c>
      <c r="U525" s="107">
        <v>205153.01472000001</v>
      </c>
      <c r="V525" s="107">
        <v>204299.967018984</v>
      </c>
      <c r="W525" s="107">
        <v>203436.978955017</v>
      </c>
      <c r="X525" s="107">
        <v>202333.52580091701</v>
      </c>
      <c r="Y525" s="107">
        <v>201451.44759237699</v>
      </c>
      <c r="Z525" s="107">
        <v>200371.01892373399</v>
      </c>
      <c r="AA525" s="107">
        <v>200371.01892373399</v>
      </c>
      <c r="AB525" s="107">
        <v>198992.11539822299</v>
      </c>
      <c r="AC525" s="107">
        <v>197925.44941786001</v>
      </c>
      <c r="AD525" s="107">
        <v>197106.61359858699</v>
      </c>
      <c r="AE525" s="107">
        <v>196105.71074189499</v>
      </c>
      <c r="AF525" s="107">
        <v>195126.51276572599</v>
      </c>
      <c r="AG525" s="107">
        <v>194177.95766850401</v>
      </c>
      <c r="AH525" s="107">
        <v>193456.32965356699</v>
      </c>
      <c r="AI525" s="107">
        <v>192875.22777480501</v>
      </c>
      <c r="AJ525" s="107">
        <v>192313.15401226401</v>
      </c>
      <c r="AK525" s="107">
        <v>191599.21717438701</v>
      </c>
      <c r="AL525" s="107">
        <v>191081.451602644</v>
      </c>
      <c r="AM525" s="107">
        <v>190446.82433849701</v>
      </c>
      <c r="AN525" s="107">
        <v>190446.82433849701</v>
      </c>
    </row>
    <row r="526" spans="1:40" x14ac:dyDescent="0.2">
      <c r="A526" s="133" t="s">
        <v>931</v>
      </c>
      <c r="B526" s="107">
        <v>13909.0901403634</v>
      </c>
      <c r="C526" s="107">
        <v>13774.8078233257</v>
      </c>
      <c r="D526" s="107">
        <v>13659.459121259601</v>
      </c>
      <c r="E526" s="107">
        <v>13533.254164652</v>
      </c>
      <c r="F526" s="107">
        <v>13409.9066943291</v>
      </c>
      <c r="G526" s="107">
        <v>13285.9434213432</v>
      </c>
      <c r="H526" s="107">
        <v>13175.200933035299</v>
      </c>
      <c r="I526" s="107">
        <v>13070.829742026001</v>
      </c>
      <c r="J526" s="107">
        <v>12963.9709461412</v>
      </c>
      <c r="K526" s="107">
        <v>12842.1928017214</v>
      </c>
      <c r="L526" s="107">
        <v>12735.447741312801</v>
      </c>
      <c r="M526" s="107">
        <v>12617.966855174</v>
      </c>
      <c r="N526" s="107">
        <v>12617.966855174</v>
      </c>
      <c r="O526" s="107">
        <v>12507.4786724031</v>
      </c>
      <c r="P526" s="107">
        <v>12423.6117949202</v>
      </c>
      <c r="Q526" s="107">
        <v>12358.297253431499</v>
      </c>
      <c r="R526" s="107">
        <v>12279.465011784499</v>
      </c>
      <c r="S526" s="107">
        <v>12202.4520949247</v>
      </c>
      <c r="T526" s="107">
        <v>12127.3789040377</v>
      </c>
      <c r="U526" s="107">
        <v>12068.6771037238</v>
      </c>
      <c r="V526" s="107">
        <v>12018.7394644179</v>
      </c>
      <c r="W526" s="107">
        <v>11968.2214838011</v>
      </c>
      <c r="X526" s="107">
        <v>11903.608025511799</v>
      </c>
      <c r="Y526" s="107">
        <v>11851.9719807444</v>
      </c>
      <c r="Z526" s="107">
        <v>11788.710380622901</v>
      </c>
      <c r="AA526" s="107">
        <v>11788.710380622901</v>
      </c>
      <c r="AB526" s="107">
        <v>11707.583407309199</v>
      </c>
      <c r="AC526" s="107">
        <v>11644.8267452784</v>
      </c>
      <c r="AD526" s="107">
        <v>11596.6510241858</v>
      </c>
      <c r="AE526" s="107">
        <v>11537.763496637899</v>
      </c>
      <c r="AF526" s="107">
        <v>11480.1529628973</v>
      </c>
      <c r="AG526" s="107">
        <v>11424.345284814501</v>
      </c>
      <c r="AH526" s="107">
        <v>11381.888727392499</v>
      </c>
      <c r="AI526" s="107">
        <v>11347.699942072401</v>
      </c>
      <c r="AJ526" s="107">
        <v>11314.6306647152</v>
      </c>
      <c r="AK526" s="107">
        <v>11272.6266131462</v>
      </c>
      <c r="AL526" s="107">
        <v>11242.1641819867</v>
      </c>
      <c r="AM526" s="107">
        <v>11204.8262622773</v>
      </c>
      <c r="AN526" s="107">
        <v>11204.8262622773</v>
      </c>
    </row>
    <row r="527" spans="1:40" x14ac:dyDescent="0.2">
      <c r="A527" s="133" t="s">
        <v>932</v>
      </c>
      <c r="B527" s="107">
        <v>123455.932928305</v>
      </c>
      <c r="C527" s="107">
        <v>122251.064073249</v>
      </c>
      <c r="D527" s="107">
        <v>121216.328830919</v>
      </c>
      <c r="E527" s="107">
        <v>120083.403600251</v>
      </c>
      <c r="F527" s="107">
        <v>118975.884442059</v>
      </c>
      <c r="G527" s="107">
        <v>117862.924758657</v>
      </c>
      <c r="H527" s="107">
        <v>116869.31031054701</v>
      </c>
      <c r="I527" s="107">
        <v>115933.296585845</v>
      </c>
      <c r="J527" s="107">
        <v>114975.03003342899</v>
      </c>
      <c r="K527" s="107">
        <v>113882.348196294</v>
      </c>
      <c r="L527" s="107">
        <v>112924.898289301</v>
      </c>
      <c r="M527" s="107">
        <v>111870.468444743</v>
      </c>
      <c r="N527" s="107">
        <v>111870.468444743</v>
      </c>
      <c r="O527" s="107">
        <v>110889.129048801</v>
      </c>
      <c r="P527" s="107">
        <v>110144.101199561</v>
      </c>
      <c r="Q527" s="107">
        <v>109563.78604745099</v>
      </c>
      <c r="R527" s="107">
        <v>108863.41788493301</v>
      </c>
      <c r="S527" s="107">
        <v>108179.182251689</v>
      </c>
      <c r="T527" s="107">
        <v>107512.144719238</v>
      </c>
      <c r="U527" s="107">
        <v>106990.477380282</v>
      </c>
      <c r="V527" s="107">
        <v>106546.629233436</v>
      </c>
      <c r="W527" s="107">
        <v>106097.61562192799</v>
      </c>
      <c r="X527" s="107">
        <v>105523.407887222</v>
      </c>
      <c r="Y527" s="107">
        <v>105064.459315492</v>
      </c>
      <c r="Z527" s="107">
        <v>104502.24821031099</v>
      </c>
      <c r="AA527" s="107">
        <v>104502.24821031099</v>
      </c>
      <c r="AB527" s="107">
        <v>103799.219532979</v>
      </c>
      <c r="AC527" s="107">
        <v>103256.457327521</v>
      </c>
      <c r="AD527" s="107">
        <v>102840.90470293599</v>
      </c>
      <c r="AE527" s="107">
        <v>102332.26914220701</v>
      </c>
      <c r="AF527" s="107">
        <v>101834.94658889899</v>
      </c>
      <c r="AG527" s="107">
        <v>101353.62427769401</v>
      </c>
      <c r="AH527" s="107">
        <v>100988.655188693</v>
      </c>
      <c r="AI527" s="107">
        <v>100695.94497498999</v>
      </c>
      <c r="AJ527" s="107">
        <v>100413.37164614</v>
      </c>
      <c r="AK527" s="107">
        <v>100053.67384120901</v>
      </c>
      <c r="AL527" s="107">
        <v>99794.4621736384</v>
      </c>
      <c r="AM527" s="107">
        <v>99476.081247759605</v>
      </c>
      <c r="AN527" s="107">
        <v>99476.081247759605</v>
      </c>
    </row>
    <row r="528" spans="1:40" x14ac:dyDescent="0.2">
      <c r="A528" s="133" t="s">
        <v>933</v>
      </c>
      <c r="B528" s="107">
        <v>29542207.398403399</v>
      </c>
      <c r="C528" s="107">
        <v>28845176.979350101</v>
      </c>
      <c r="D528" s="107">
        <v>28131438.475399401</v>
      </c>
      <c r="E528" s="107">
        <v>27433405.189482201</v>
      </c>
      <c r="F528" s="107">
        <v>26735563.595630702</v>
      </c>
      <c r="G528" s="107">
        <v>26017915.1968069</v>
      </c>
      <c r="H528" s="107">
        <v>25322659.782937601</v>
      </c>
      <c r="I528" s="107">
        <v>24629169.798740499</v>
      </c>
      <c r="J528" s="107">
        <v>23916883.124899998</v>
      </c>
      <c r="K528" s="107">
        <v>23219260.503945298</v>
      </c>
      <c r="L528" s="107">
        <v>22524617.864307798</v>
      </c>
      <c r="M528" s="107">
        <v>21806557.609236799</v>
      </c>
      <c r="N528" s="107">
        <v>21806557.609236799</v>
      </c>
      <c r="O528" s="107">
        <v>21868811.668553699</v>
      </c>
      <c r="P528" s="107">
        <v>21931542.9044374</v>
      </c>
      <c r="Q528" s="107">
        <v>21991825.648523901</v>
      </c>
      <c r="R528" s="107">
        <v>22054315.404087301</v>
      </c>
      <c r="S528" s="107">
        <v>22116782.9040622</v>
      </c>
      <c r="T528" s="107">
        <v>22176885.5942735</v>
      </c>
      <c r="U528" s="107">
        <v>22239134.805408601</v>
      </c>
      <c r="V528" s="107">
        <v>22301343.177900799</v>
      </c>
      <c r="W528" s="107">
        <v>22361374.852150999</v>
      </c>
      <c r="X528" s="107">
        <v>22423494.059959099</v>
      </c>
      <c r="Y528" s="107">
        <v>22485615.027816899</v>
      </c>
      <c r="Z528" s="107">
        <v>22545333.659942102</v>
      </c>
      <c r="AA528" s="107">
        <v>22545333.659942102</v>
      </c>
      <c r="AB528" s="107">
        <v>22605965.553454801</v>
      </c>
      <c r="AC528" s="107">
        <v>22667735.401722401</v>
      </c>
      <c r="AD528" s="107">
        <v>22726654.753768399</v>
      </c>
      <c r="AE528" s="107">
        <v>22788196.923860501</v>
      </c>
      <c r="AF528" s="107">
        <v>22849743.732643101</v>
      </c>
      <c r="AG528" s="107">
        <v>22908261.6756793</v>
      </c>
      <c r="AH528" s="107">
        <v>22969805.3501659</v>
      </c>
      <c r="AI528" s="107">
        <v>23031398.542154402</v>
      </c>
      <c r="AJ528" s="107">
        <v>23090124.6851632</v>
      </c>
      <c r="AK528" s="107">
        <v>23151239.609249402</v>
      </c>
      <c r="AL528" s="107">
        <v>23212533.078681599</v>
      </c>
      <c r="AM528" s="107">
        <v>23270460.739118502</v>
      </c>
      <c r="AN528" s="107">
        <v>23270460.739118502</v>
      </c>
    </row>
    <row r="529" spans="1:40" x14ac:dyDescent="0.2">
      <c r="A529" s="133" t="s">
        <v>934</v>
      </c>
      <c r="B529" s="107">
        <v>29916287.1427522</v>
      </c>
      <c r="C529" s="107">
        <v>29215610.2165378</v>
      </c>
      <c r="D529" s="107">
        <v>28498740.028817002</v>
      </c>
      <c r="E529" s="107">
        <v>27797278.1465993</v>
      </c>
      <c r="F529" s="107">
        <v>27096084.924141102</v>
      </c>
      <c r="G529" s="107">
        <v>26375068.4031328</v>
      </c>
      <c r="H529" s="107">
        <v>25676805.825517099</v>
      </c>
      <c r="I529" s="107">
        <v>24980482.862064499</v>
      </c>
      <c r="J529" s="107">
        <v>24265295.839042999</v>
      </c>
      <c r="K529" s="107">
        <v>23564366.245124701</v>
      </c>
      <c r="L529" s="107">
        <v>22866825.7950259</v>
      </c>
      <c r="M529" s="107">
        <v>22145574.436495401</v>
      </c>
      <c r="N529" s="107">
        <v>22145574.436495401</v>
      </c>
      <c r="O529" s="107">
        <v>22204851.7754049</v>
      </c>
      <c r="P529" s="107">
        <v>22265322.883303501</v>
      </c>
      <c r="Q529" s="107">
        <v>22323845.019594599</v>
      </c>
      <c r="R529" s="107">
        <v>22384210.0224295</v>
      </c>
      <c r="S529" s="107">
        <v>22444601.6623118</v>
      </c>
      <c r="T529" s="107">
        <v>22502680.611152198</v>
      </c>
      <c r="U529" s="107">
        <v>22563346.974612601</v>
      </c>
      <c r="V529" s="107">
        <v>22624208.513617601</v>
      </c>
      <c r="W529" s="107">
        <v>22682877.668211699</v>
      </c>
      <c r="X529" s="107">
        <v>22743254.601672798</v>
      </c>
      <c r="Y529" s="107">
        <v>22803982.906705499</v>
      </c>
      <c r="Z529" s="107">
        <v>22861995.637456801</v>
      </c>
      <c r="AA529" s="107">
        <v>22861995.637456801</v>
      </c>
      <c r="AB529" s="107">
        <v>22920464.471793301</v>
      </c>
      <c r="AC529" s="107">
        <v>22980562.135213099</v>
      </c>
      <c r="AD529" s="107">
        <v>23038198.923094101</v>
      </c>
      <c r="AE529" s="107">
        <v>23098172.667241201</v>
      </c>
      <c r="AF529" s="107">
        <v>23158185.3449606</v>
      </c>
      <c r="AG529" s="107">
        <v>23215217.602910399</v>
      </c>
      <c r="AH529" s="107">
        <v>23275632.2237355</v>
      </c>
      <c r="AI529" s="107">
        <v>23336317.414846301</v>
      </c>
      <c r="AJ529" s="107">
        <v>23394165.841486301</v>
      </c>
      <c r="AK529" s="107">
        <v>23454165.126878101</v>
      </c>
      <c r="AL529" s="107">
        <v>23514651.1566399</v>
      </c>
      <c r="AM529" s="107">
        <v>23571588.470966998</v>
      </c>
      <c r="AN529" s="107">
        <v>23571588.470966998</v>
      </c>
    </row>
    <row r="530" spans="1:40" x14ac:dyDescent="0.2">
      <c r="A530" s="133" t="s">
        <v>935</v>
      </c>
      <c r="B530" s="107">
        <v>0</v>
      </c>
      <c r="C530" s="107">
        <v>0</v>
      </c>
      <c r="D530" s="107">
        <v>0</v>
      </c>
      <c r="E530" s="107">
        <v>0</v>
      </c>
      <c r="F530" s="107">
        <v>0</v>
      </c>
      <c r="G530" s="107">
        <v>0</v>
      </c>
      <c r="H530" s="107">
        <v>0</v>
      </c>
      <c r="I530" s="107">
        <v>0</v>
      </c>
      <c r="J530" s="107">
        <v>0</v>
      </c>
      <c r="K530" s="107">
        <v>0</v>
      </c>
      <c r="L530" s="107">
        <v>0</v>
      </c>
      <c r="M530" s="107">
        <v>0</v>
      </c>
      <c r="N530" s="107">
        <v>0</v>
      </c>
      <c r="O530" s="107">
        <v>0</v>
      </c>
      <c r="P530" s="107">
        <v>0</v>
      </c>
      <c r="Q530" s="107">
        <v>0</v>
      </c>
      <c r="R530" s="107">
        <v>0</v>
      </c>
      <c r="S530" s="107">
        <v>0</v>
      </c>
      <c r="T530" s="107">
        <v>0</v>
      </c>
      <c r="U530" s="107">
        <v>0</v>
      </c>
      <c r="V530" s="107">
        <v>0</v>
      </c>
      <c r="W530" s="107">
        <v>0</v>
      </c>
      <c r="X530" s="107">
        <v>0</v>
      </c>
      <c r="Y530" s="107">
        <v>0</v>
      </c>
      <c r="Z530" s="107">
        <v>0</v>
      </c>
      <c r="AA530" s="107">
        <v>0</v>
      </c>
      <c r="AB530" s="107">
        <v>0</v>
      </c>
      <c r="AC530" s="107">
        <v>0</v>
      </c>
      <c r="AD530" s="107">
        <v>0</v>
      </c>
      <c r="AE530" s="107">
        <v>0</v>
      </c>
      <c r="AF530" s="107">
        <v>0</v>
      </c>
      <c r="AG530" s="107">
        <v>0</v>
      </c>
      <c r="AH530" s="107">
        <v>0</v>
      </c>
      <c r="AI530" s="107">
        <v>0</v>
      </c>
      <c r="AJ530" s="107">
        <v>0</v>
      </c>
      <c r="AK530" s="107">
        <v>0</v>
      </c>
      <c r="AL530" s="107">
        <v>0</v>
      </c>
      <c r="AM530" s="107">
        <v>0</v>
      </c>
      <c r="AN530" s="107">
        <v>0</v>
      </c>
    </row>
    <row r="531" spans="1:40" x14ac:dyDescent="0.2">
      <c r="A531" s="133" t="s">
        <v>936</v>
      </c>
      <c r="B531" s="107">
        <v>43828778.7029792</v>
      </c>
      <c r="C531" s="107">
        <v>43840452.622973301</v>
      </c>
      <c r="D531" s="107">
        <v>43857989.046389699</v>
      </c>
      <c r="E531" s="107">
        <v>43874343.408047996</v>
      </c>
      <c r="F531" s="107">
        <v>43889164.529207498</v>
      </c>
      <c r="G531" s="107">
        <v>43859135.4872896</v>
      </c>
      <c r="H531" s="107">
        <v>43843065.643761702</v>
      </c>
      <c r="I531" s="107">
        <v>43815905.411107004</v>
      </c>
      <c r="J531" s="107">
        <v>43781123.951016299</v>
      </c>
      <c r="K531" s="107">
        <v>43729546.911597602</v>
      </c>
      <c r="L531" s="107">
        <v>43658383.268489197</v>
      </c>
      <c r="M531" s="107">
        <v>43595696.313651398</v>
      </c>
      <c r="N531" s="107">
        <v>43595696.313651398</v>
      </c>
      <c r="O531" s="107">
        <v>43571980.787353396</v>
      </c>
      <c r="P531" s="107">
        <v>43548186.561758801</v>
      </c>
      <c r="Q531" s="107">
        <v>43511650.757504702</v>
      </c>
      <c r="R531" s="107">
        <v>43464070.520153597</v>
      </c>
      <c r="S531" s="107">
        <v>43412978.416000597</v>
      </c>
      <c r="T531" s="107">
        <v>43318167.455382302</v>
      </c>
      <c r="U531" s="107">
        <v>43227178.552996799</v>
      </c>
      <c r="V531" s="107">
        <v>43132245.578588396</v>
      </c>
      <c r="W531" s="107">
        <v>43030073.882845297</v>
      </c>
      <c r="X531" s="107">
        <v>42913442.896337897</v>
      </c>
      <c r="Y531" s="107">
        <v>42815542.286200397</v>
      </c>
      <c r="Z531" s="107">
        <v>42710046.9014365</v>
      </c>
      <c r="AA531" s="107">
        <v>42710046.9014365</v>
      </c>
      <c r="AB531" s="107">
        <v>42698179.860741399</v>
      </c>
      <c r="AC531" s="107">
        <v>42709034.840726197</v>
      </c>
      <c r="AD531" s="107">
        <v>42730563.7867788</v>
      </c>
      <c r="AE531" s="107">
        <v>42765541.3662</v>
      </c>
      <c r="AF531" s="107">
        <v>42819561.232868001</v>
      </c>
      <c r="AG531" s="107">
        <v>42870383.879977196</v>
      </c>
      <c r="AH531" s="107">
        <v>42946719.019874804</v>
      </c>
      <c r="AI531" s="107">
        <v>43043165.609193198</v>
      </c>
      <c r="AJ531" s="107">
        <v>43157304.5177247</v>
      </c>
      <c r="AK531" s="107">
        <v>43284901.6748273</v>
      </c>
      <c r="AL531" s="107">
        <v>43431860.335832402</v>
      </c>
      <c r="AM531" s="107">
        <v>43597736.673980802</v>
      </c>
      <c r="AN531" s="107">
        <v>43597736.673980802</v>
      </c>
    </row>
    <row r="532" spans="1:40" x14ac:dyDescent="0.2">
      <c r="A532" s="133" t="s">
        <v>937</v>
      </c>
      <c r="B532" s="107">
        <v>19083120.051859699</v>
      </c>
      <c r="C532" s="107">
        <v>19173635.152667001</v>
      </c>
      <c r="D532" s="107">
        <v>19281544.111025002</v>
      </c>
      <c r="E532" s="107">
        <v>19399861.837086499</v>
      </c>
      <c r="F532" s="107">
        <v>19522926.695164401</v>
      </c>
      <c r="G532" s="107">
        <v>19660244.234700698</v>
      </c>
      <c r="H532" s="107">
        <v>19804210.205918901</v>
      </c>
      <c r="I532" s="107">
        <v>19948406.565044802</v>
      </c>
      <c r="J532" s="107">
        <v>20102398.5838583</v>
      </c>
      <c r="K532" s="107">
        <v>20270001.568758398</v>
      </c>
      <c r="L532" s="107">
        <v>20422454.430032302</v>
      </c>
      <c r="M532" s="107">
        <v>20618941.281759299</v>
      </c>
      <c r="N532" s="107">
        <v>20618941.281759299</v>
      </c>
      <c r="O532" s="107">
        <v>20826650.678682499</v>
      </c>
      <c r="P532" s="107">
        <v>21032120.384936798</v>
      </c>
      <c r="Q532" s="107">
        <v>21248250.108670902</v>
      </c>
      <c r="R532" s="107">
        <v>21473530.110789601</v>
      </c>
      <c r="S532" s="107">
        <v>21700051.474358398</v>
      </c>
      <c r="T532" s="107">
        <v>21969257.054371901</v>
      </c>
      <c r="U532" s="107">
        <v>22232834.616960499</v>
      </c>
      <c r="V532" s="107">
        <v>22498434.3797835</v>
      </c>
      <c r="W532" s="107">
        <v>22768645.6151371</v>
      </c>
      <c r="X532" s="107">
        <v>23048745.0674178</v>
      </c>
      <c r="Y532" s="107">
        <v>23310853.130256101</v>
      </c>
      <c r="Z532" s="107">
        <v>23578054.2597505</v>
      </c>
      <c r="AA532" s="107">
        <v>23578054.2597505</v>
      </c>
      <c r="AB532" s="107">
        <v>23850883.328200899</v>
      </c>
      <c r="AC532" s="107">
        <v>24103074.673082799</v>
      </c>
      <c r="AD532" s="107">
        <v>24345365.982319102</v>
      </c>
      <c r="AE532" s="107">
        <v>24575931.837807901</v>
      </c>
      <c r="AF532" s="107">
        <v>24788815.9530233</v>
      </c>
      <c r="AG532" s="107">
        <v>25007022.3456598</v>
      </c>
      <c r="AH532" s="107">
        <v>25202172.931040902</v>
      </c>
      <c r="AI532" s="107">
        <v>25379003.622218899</v>
      </c>
      <c r="AJ532" s="107">
        <v>25539397.670401599</v>
      </c>
      <c r="AK532" s="107">
        <v>25686533.822723601</v>
      </c>
      <c r="AL532" s="107">
        <v>25816904.7801244</v>
      </c>
      <c r="AM532" s="107">
        <v>25930491.847054899</v>
      </c>
      <c r="AN532" s="107">
        <v>25930491.847054899</v>
      </c>
    </row>
    <row r="533" spans="1:40" x14ac:dyDescent="0.2">
      <c r="A533" s="133" t="s">
        <v>938</v>
      </c>
      <c r="B533" s="107">
        <v>15421754.4438088</v>
      </c>
      <c r="C533" s="107">
        <v>15504696.492713099</v>
      </c>
      <c r="D533" s="107">
        <v>15590465.256222799</v>
      </c>
      <c r="E533" s="107">
        <v>15676948.701274199</v>
      </c>
      <c r="F533" s="107">
        <v>15765191.9682239</v>
      </c>
      <c r="G533" s="107">
        <v>15847950.684127999</v>
      </c>
      <c r="H533" s="107">
        <v>15933697.767615199</v>
      </c>
      <c r="I533" s="107">
        <v>16018870.776135599</v>
      </c>
      <c r="J533" s="107">
        <v>16104426.4323518</v>
      </c>
      <c r="K533" s="107">
        <v>16189763.868959799</v>
      </c>
      <c r="L533" s="107">
        <v>16273059.0329949</v>
      </c>
      <c r="M533" s="107">
        <v>16362395.8810234</v>
      </c>
      <c r="N533" s="107">
        <v>16362395.8810234</v>
      </c>
      <c r="O533" s="107">
        <v>16402289.1393463</v>
      </c>
      <c r="P533" s="107">
        <v>16443173.0976025</v>
      </c>
      <c r="Q533" s="107">
        <v>16484325.9869496</v>
      </c>
      <c r="R533" s="107">
        <v>16525773.0878157</v>
      </c>
      <c r="S533" s="107">
        <v>16567810.814135499</v>
      </c>
      <c r="T533" s="107">
        <v>16609201.6485465</v>
      </c>
      <c r="U533" s="107">
        <v>16651635.123842301</v>
      </c>
      <c r="V533" s="107">
        <v>16694789.403531799</v>
      </c>
      <c r="W533" s="107">
        <v>16738432.1855933</v>
      </c>
      <c r="X533" s="107">
        <v>16782160.975400701</v>
      </c>
      <c r="Y533" s="107">
        <v>16826898.718420502</v>
      </c>
      <c r="Z533" s="107">
        <v>16871773.115382101</v>
      </c>
      <c r="AA533" s="107">
        <v>16871773.115382101</v>
      </c>
      <c r="AB533" s="107">
        <v>16938554.847509298</v>
      </c>
      <c r="AC533" s="107">
        <v>17005648.249245699</v>
      </c>
      <c r="AD533" s="107">
        <v>17072277.203700501</v>
      </c>
      <c r="AE533" s="107">
        <v>17138492.566770699</v>
      </c>
      <c r="AF533" s="107">
        <v>17204375.922159001</v>
      </c>
      <c r="AG533" s="107">
        <v>17269147.0635745</v>
      </c>
      <c r="AH533" s="107">
        <v>17333715.766732499</v>
      </c>
      <c r="AI533" s="107">
        <v>17397863.9642414</v>
      </c>
      <c r="AJ533" s="107">
        <v>17461412.550350599</v>
      </c>
      <c r="AK533" s="107">
        <v>17524005.108534701</v>
      </c>
      <c r="AL533" s="107">
        <v>17586799.840027701</v>
      </c>
      <c r="AM533" s="107">
        <v>17648399.273127802</v>
      </c>
      <c r="AN533" s="107">
        <v>17648399.273127802</v>
      </c>
    </row>
    <row r="534" spans="1:40" x14ac:dyDescent="0.2">
      <c r="A534" s="133" t="s">
        <v>939</v>
      </c>
      <c r="B534" s="107">
        <v>4710433.3829964902</v>
      </c>
      <c r="C534" s="107">
        <v>4579520.6151811201</v>
      </c>
      <c r="D534" s="107">
        <v>4450217.5148994597</v>
      </c>
      <c r="E534" s="107">
        <v>4321283.9585951604</v>
      </c>
      <c r="F534" s="107">
        <v>4192878.5055978801</v>
      </c>
      <c r="G534" s="107">
        <v>4061960.4948420501</v>
      </c>
      <c r="H534" s="107">
        <v>3931948.1252940302</v>
      </c>
      <c r="I534" s="107">
        <v>3801141.2788137998</v>
      </c>
      <c r="J534" s="107">
        <v>3670701.9218473402</v>
      </c>
      <c r="K534" s="107">
        <v>3541692.4084454598</v>
      </c>
      <c r="L534" s="107">
        <v>3409986.6273045102</v>
      </c>
      <c r="M534" s="107">
        <v>3281981.0637319302</v>
      </c>
      <c r="N534" s="107">
        <v>3281981.0637319302</v>
      </c>
      <c r="O534" s="107">
        <v>3285804.0741344802</v>
      </c>
      <c r="P534" s="107">
        <v>3289243.9106469699</v>
      </c>
      <c r="Q534" s="107">
        <v>3293194.62259854</v>
      </c>
      <c r="R534" s="107">
        <v>3297341.1835862999</v>
      </c>
      <c r="S534" s="107">
        <v>3301784.75196849</v>
      </c>
      <c r="T534" s="107">
        <v>3306356.7559002899</v>
      </c>
      <c r="U534" s="107">
        <v>3310634.02096351</v>
      </c>
      <c r="V534" s="107">
        <v>3314866.8893043199</v>
      </c>
      <c r="W534" s="107">
        <v>3319513.5392808602</v>
      </c>
      <c r="X534" s="107">
        <v>3326278.7269781702</v>
      </c>
      <c r="Y534" s="107">
        <v>3331492.1967387702</v>
      </c>
      <c r="Z534" s="107">
        <v>3337522.3401314602</v>
      </c>
      <c r="AA534" s="107">
        <v>3337522.3401314602</v>
      </c>
      <c r="AB534" s="107">
        <v>3347265.4619414699</v>
      </c>
      <c r="AC534" s="107">
        <v>3355836.7182052699</v>
      </c>
      <c r="AD534" s="107">
        <v>3364563.9563794001</v>
      </c>
      <c r="AE534" s="107">
        <v>3373091.9836722901</v>
      </c>
      <c r="AF534" s="107">
        <v>3381559.7466202602</v>
      </c>
      <c r="AG534" s="107">
        <v>3389775.7057280499</v>
      </c>
      <c r="AH534" s="107">
        <v>3397363.4569699299</v>
      </c>
      <c r="AI534" s="107">
        <v>3404628.1741821999</v>
      </c>
      <c r="AJ534" s="107">
        <v>3412003.5785095901</v>
      </c>
      <c r="AK534" s="107">
        <v>3420897.17325497</v>
      </c>
      <c r="AL534" s="107">
        <v>3428315.1235760399</v>
      </c>
      <c r="AM534" s="107">
        <v>3436110.4201237801</v>
      </c>
      <c r="AN534" s="107">
        <v>3436110.4201237801</v>
      </c>
    </row>
    <row r="535" spans="1:40" x14ac:dyDescent="0.2">
      <c r="A535" s="133" t="s">
        <v>940</v>
      </c>
      <c r="B535" s="107">
        <v>13312463.575435201</v>
      </c>
      <c r="C535" s="107">
        <v>13198390.0268819</v>
      </c>
      <c r="D535" s="107">
        <v>13085503.5999087</v>
      </c>
      <c r="E535" s="107">
        <v>12973351.071893699</v>
      </c>
      <c r="F535" s="107">
        <v>13012383.800856501</v>
      </c>
      <c r="G535" s="107">
        <v>13047094.5486947</v>
      </c>
      <c r="H535" s="107">
        <v>13084541.5578296</v>
      </c>
      <c r="I535" s="107">
        <v>13120637.5248609</v>
      </c>
      <c r="J535" s="107">
        <v>13005274.578903399</v>
      </c>
      <c r="K535" s="107">
        <v>12888461.6614556</v>
      </c>
      <c r="L535" s="107">
        <v>12769018.568748901</v>
      </c>
      <c r="M535" s="107">
        <v>12655491.053198701</v>
      </c>
      <c r="N535" s="107">
        <v>12655491.053198701</v>
      </c>
      <c r="O535" s="107">
        <v>12683155.914037099</v>
      </c>
      <c r="P535" s="107">
        <v>12712506.2486527</v>
      </c>
      <c r="Q535" s="107">
        <v>12743165.9216795</v>
      </c>
      <c r="R535" s="107">
        <v>12775222.274212301</v>
      </c>
      <c r="S535" s="107">
        <v>12808658.94397</v>
      </c>
      <c r="T535" s="107">
        <v>12843652.9835549</v>
      </c>
      <c r="U535" s="107">
        <v>12879677.3540121</v>
      </c>
      <c r="V535" s="107">
        <v>12916939.723377399</v>
      </c>
      <c r="W535" s="107">
        <v>12955939.256433699</v>
      </c>
      <c r="X535" s="107">
        <v>12997296.459403399</v>
      </c>
      <c r="Y535" s="107">
        <v>13038453.1498347</v>
      </c>
      <c r="Z535" s="107">
        <v>13081171.5278225</v>
      </c>
      <c r="AA535" s="107">
        <v>13081171.5278225</v>
      </c>
      <c r="AB535" s="107">
        <v>13135882.9547517</v>
      </c>
      <c r="AC535" s="107">
        <v>13189352.752054</v>
      </c>
      <c r="AD535" s="107">
        <v>13242370.0884932</v>
      </c>
      <c r="AE535" s="107">
        <v>13294277.3506727</v>
      </c>
      <c r="AF535" s="107">
        <v>13345220.8457911</v>
      </c>
      <c r="AG535" s="107">
        <v>13395414.6767736</v>
      </c>
      <c r="AH535" s="107">
        <v>13443964.8393162</v>
      </c>
      <c r="AI535" s="107">
        <v>13491467.6669505</v>
      </c>
      <c r="AJ535" s="107">
        <v>13538224.040139901</v>
      </c>
      <c r="AK535" s="107">
        <v>13584216.766411301</v>
      </c>
      <c r="AL535" s="107">
        <v>13628890.1445699</v>
      </c>
      <c r="AM535" s="107">
        <v>13672271.4790034</v>
      </c>
      <c r="AN535" s="107">
        <v>13672271.4790034</v>
      </c>
    </row>
    <row r="536" spans="1:40" x14ac:dyDescent="0.2">
      <c r="A536" s="133" t="s">
        <v>941</v>
      </c>
      <c r="B536" s="107">
        <v>51432.945943784798</v>
      </c>
      <c r="C536" s="107">
        <v>51197.769221109003</v>
      </c>
      <c r="D536" s="107">
        <v>50983.085200637797</v>
      </c>
      <c r="E536" s="107">
        <v>50784.115587738503</v>
      </c>
      <c r="F536" s="107">
        <v>50588.824756903101</v>
      </c>
      <c r="G536" s="107">
        <v>50346.549802738402</v>
      </c>
      <c r="H536" s="107">
        <v>50158.046102842003</v>
      </c>
      <c r="I536" s="107">
        <v>49962.828808220802</v>
      </c>
      <c r="J536" s="107">
        <v>49750.952221953099</v>
      </c>
      <c r="K536" s="107">
        <v>49543.756105394998</v>
      </c>
      <c r="L536" s="107">
        <v>49303.469301323697</v>
      </c>
      <c r="M536" s="107">
        <v>49104.841301018198</v>
      </c>
      <c r="N536" s="107">
        <v>49104.841301018198</v>
      </c>
      <c r="O536" s="107">
        <v>48964.946792816401</v>
      </c>
      <c r="P536" s="107">
        <v>48850.442429892901</v>
      </c>
      <c r="Q536" s="107">
        <v>48728.354305241803</v>
      </c>
      <c r="R536" s="107">
        <v>48613.680832053302</v>
      </c>
      <c r="S536" s="107">
        <v>48501.562637565497</v>
      </c>
      <c r="T536" s="107">
        <v>48385.1709955673</v>
      </c>
      <c r="U536" s="107">
        <v>48296.505657153903</v>
      </c>
      <c r="V536" s="107">
        <v>48215.305528060802</v>
      </c>
      <c r="W536" s="107">
        <v>48121.906504127997</v>
      </c>
      <c r="X536" s="107">
        <v>48037.365937407798</v>
      </c>
      <c r="Y536" s="107">
        <v>47957.115705841999</v>
      </c>
      <c r="Z536" s="107">
        <v>47863.558314259797</v>
      </c>
      <c r="AA536" s="107">
        <v>47863.558314259797</v>
      </c>
      <c r="AB536" s="107">
        <v>47866.640049399299</v>
      </c>
      <c r="AC536" s="107">
        <v>47887.250236868204</v>
      </c>
      <c r="AD536" s="107">
        <v>47894.856236774103</v>
      </c>
      <c r="AE536" s="107">
        <v>47902.159140977798</v>
      </c>
      <c r="AF536" s="107">
        <v>47904.954159624598</v>
      </c>
      <c r="AG536" s="107">
        <v>47896.373264951799</v>
      </c>
      <c r="AH536" s="107">
        <v>47905.421400607898</v>
      </c>
      <c r="AI536" s="107">
        <v>47913.788905601097</v>
      </c>
      <c r="AJ536" s="107">
        <v>47901.858922163097</v>
      </c>
      <c r="AK536" s="107">
        <v>47891.060653516397</v>
      </c>
      <c r="AL536" s="107">
        <v>47876.772631701497</v>
      </c>
      <c r="AM536" s="107">
        <v>47838.693828299198</v>
      </c>
      <c r="AN536" s="107">
        <v>47838.693828299198</v>
      </c>
    </row>
    <row r="537" spans="1:40" x14ac:dyDescent="0.2">
      <c r="A537" s="133" t="s">
        <v>942</v>
      </c>
      <c r="B537" s="107">
        <v>96407983.103023306</v>
      </c>
      <c r="C537" s="107">
        <v>96347892.6796377</v>
      </c>
      <c r="D537" s="107">
        <v>96316702.613646403</v>
      </c>
      <c r="E537" s="107">
        <v>96296573.092485398</v>
      </c>
      <c r="F537" s="107">
        <v>96433134.323807299</v>
      </c>
      <c r="G537" s="107">
        <v>96526731.999457896</v>
      </c>
      <c r="H537" s="107">
        <v>96647621.346522301</v>
      </c>
      <c r="I537" s="107">
        <v>96754924.384770498</v>
      </c>
      <c r="J537" s="107">
        <v>96713676.420199201</v>
      </c>
      <c r="K537" s="107">
        <v>96669010.175322399</v>
      </c>
      <c r="L537" s="107">
        <v>96582205.396871299</v>
      </c>
      <c r="M537" s="107">
        <v>96563610.434665799</v>
      </c>
      <c r="N537" s="107">
        <v>96563610.434665799</v>
      </c>
      <c r="O537" s="107">
        <v>96818845.540346801</v>
      </c>
      <c r="P537" s="107">
        <v>97074080.646027803</v>
      </c>
      <c r="Q537" s="107">
        <v>97329315.751708701</v>
      </c>
      <c r="R537" s="107">
        <v>97584550.857389703</v>
      </c>
      <c r="S537" s="107">
        <v>97839785.963070706</v>
      </c>
      <c r="T537" s="107">
        <v>98095021.068751693</v>
      </c>
      <c r="U537" s="107">
        <v>98350256.174432606</v>
      </c>
      <c r="V537" s="107">
        <v>98605491.280113593</v>
      </c>
      <c r="W537" s="107">
        <v>98860726.385794505</v>
      </c>
      <c r="X537" s="107">
        <v>99115961.491475493</v>
      </c>
      <c r="Y537" s="107">
        <v>99371196.597156495</v>
      </c>
      <c r="Z537" s="107">
        <v>99626431.702837393</v>
      </c>
      <c r="AA537" s="107">
        <v>99626431.702837393</v>
      </c>
      <c r="AB537" s="107">
        <v>100018633.09319399</v>
      </c>
      <c r="AC537" s="107">
        <v>100410834.483551</v>
      </c>
      <c r="AD537" s="107">
        <v>100803035.873907</v>
      </c>
      <c r="AE537" s="107">
        <v>101195237.264264</v>
      </c>
      <c r="AF537" s="107">
        <v>101587438.65462101</v>
      </c>
      <c r="AG537" s="107">
        <v>101979640.04497799</v>
      </c>
      <c r="AH537" s="107">
        <v>102371841.435335</v>
      </c>
      <c r="AI537" s="107">
        <v>102764042.825691</v>
      </c>
      <c r="AJ537" s="107">
        <v>103156244.216048</v>
      </c>
      <c r="AK537" s="107">
        <v>103548445.606405</v>
      </c>
      <c r="AL537" s="107">
        <v>103940646.99676199</v>
      </c>
      <c r="AM537" s="107">
        <v>104332848.387119</v>
      </c>
      <c r="AN537" s="107">
        <v>104332848.387119</v>
      </c>
    </row>
    <row r="538" spans="1:40" x14ac:dyDescent="0.2">
      <c r="A538" s="133" t="s">
        <v>943</v>
      </c>
      <c r="B538" s="107">
        <v>0</v>
      </c>
      <c r="C538" s="107">
        <v>0</v>
      </c>
      <c r="D538" s="107">
        <v>0</v>
      </c>
      <c r="E538" s="107">
        <v>0</v>
      </c>
      <c r="F538" s="107">
        <v>0</v>
      </c>
      <c r="G538" s="107">
        <v>0</v>
      </c>
      <c r="H538" s="107">
        <v>0</v>
      </c>
      <c r="I538" s="107">
        <v>0</v>
      </c>
      <c r="J538" s="107">
        <v>0</v>
      </c>
      <c r="K538" s="107">
        <v>0</v>
      </c>
      <c r="L538" s="107">
        <v>0</v>
      </c>
      <c r="M538" s="107">
        <v>0</v>
      </c>
      <c r="N538" s="107">
        <v>0</v>
      </c>
      <c r="O538" s="107">
        <v>0</v>
      </c>
      <c r="P538" s="107">
        <v>0</v>
      </c>
      <c r="Q538" s="107">
        <v>0</v>
      </c>
      <c r="R538" s="107">
        <v>0</v>
      </c>
      <c r="S538" s="107">
        <v>0</v>
      </c>
      <c r="T538" s="107">
        <v>0</v>
      </c>
      <c r="U538" s="107">
        <v>0</v>
      </c>
      <c r="V538" s="107">
        <v>0</v>
      </c>
      <c r="W538" s="107">
        <v>0</v>
      </c>
      <c r="X538" s="107">
        <v>0</v>
      </c>
      <c r="Y538" s="107">
        <v>0</v>
      </c>
      <c r="Z538" s="107">
        <v>0</v>
      </c>
      <c r="AA538" s="107">
        <v>0</v>
      </c>
      <c r="AB538" s="107">
        <v>0</v>
      </c>
      <c r="AC538" s="107">
        <v>0</v>
      </c>
      <c r="AD538" s="107">
        <v>0</v>
      </c>
      <c r="AE538" s="107">
        <v>0</v>
      </c>
      <c r="AF538" s="107">
        <v>0</v>
      </c>
      <c r="AG538" s="107">
        <v>0</v>
      </c>
      <c r="AH538" s="107">
        <v>0</v>
      </c>
      <c r="AI538" s="107">
        <v>0</v>
      </c>
      <c r="AJ538" s="107">
        <v>0</v>
      </c>
      <c r="AK538" s="107">
        <v>0</v>
      </c>
      <c r="AL538" s="107">
        <v>0</v>
      </c>
      <c r="AM538" s="107">
        <v>0</v>
      </c>
      <c r="AN538" s="107">
        <v>0</v>
      </c>
    </row>
    <row r="539" spans="1:40" x14ac:dyDescent="0.2">
      <c r="A539" s="133" t="s">
        <v>944</v>
      </c>
      <c r="B539" s="107">
        <v>361739042.87364697</v>
      </c>
      <c r="C539" s="107">
        <v>327306867.94056702</v>
      </c>
      <c r="D539" s="107">
        <v>291456259.70360601</v>
      </c>
      <c r="E539" s="107">
        <v>293865351.21113801</v>
      </c>
      <c r="F539" s="107">
        <v>295937684.05936801</v>
      </c>
      <c r="G539" s="107">
        <v>298250090.272677</v>
      </c>
      <c r="H539" s="107">
        <v>298071861.89094698</v>
      </c>
      <c r="I539" s="107">
        <v>299849380.40962201</v>
      </c>
      <c r="J539" s="107">
        <v>301583537.78446001</v>
      </c>
      <c r="K539" s="107">
        <v>303936542.809102</v>
      </c>
      <c r="L539" s="107">
        <v>306225669.46514899</v>
      </c>
      <c r="M539" s="107">
        <v>306981627.98107702</v>
      </c>
      <c r="N539" s="107">
        <v>306981627.98107702</v>
      </c>
      <c r="O539" s="107">
        <v>308451877.06443399</v>
      </c>
      <c r="P539" s="107">
        <v>309923445.07641202</v>
      </c>
      <c r="Q539" s="107">
        <v>311394509.07727998</v>
      </c>
      <c r="R539" s="107">
        <v>312866006.48318899</v>
      </c>
      <c r="S539" s="107">
        <v>314337502.84233803</v>
      </c>
      <c r="T539" s="107">
        <v>315809858.56588101</v>
      </c>
      <c r="U539" s="107">
        <v>317281295.17978799</v>
      </c>
      <c r="V539" s="107">
        <v>318752853.07591301</v>
      </c>
      <c r="W539" s="107">
        <v>320223612.545349</v>
      </c>
      <c r="X539" s="107">
        <v>321694979.86172801</v>
      </c>
      <c r="Y539" s="107">
        <v>323166411.51960099</v>
      </c>
      <c r="Z539" s="107">
        <v>324638031.642883</v>
      </c>
      <c r="AA539" s="107">
        <v>324638031.642883</v>
      </c>
      <c r="AB539" s="107">
        <v>330900423.65469903</v>
      </c>
      <c r="AC539" s="107">
        <v>333120418.142313</v>
      </c>
      <c r="AD539" s="107">
        <v>335340179.063802</v>
      </c>
      <c r="AE539" s="107">
        <v>337560140.83152997</v>
      </c>
      <c r="AF539" s="107">
        <v>339780102.11417401</v>
      </c>
      <c r="AG539" s="107">
        <v>342000461.63885403</v>
      </c>
      <c r="AH539" s="107">
        <v>344220413.28406698</v>
      </c>
      <c r="AI539" s="107">
        <v>346440403.08384699</v>
      </c>
      <c r="AJ539" s="107">
        <v>348660022.88101399</v>
      </c>
      <c r="AK539" s="107">
        <v>350879924.36334902</v>
      </c>
      <c r="AL539" s="107">
        <v>353099855.66247499</v>
      </c>
      <c r="AM539" s="107">
        <v>355319874.29922903</v>
      </c>
      <c r="AN539" s="107">
        <v>355319874.29922903</v>
      </c>
    </row>
    <row r="540" spans="1:40" x14ac:dyDescent="0.2">
      <c r="A540" s="133" t="s">
        <v>945</v>
      </c>
      <c r="B540" s="107">
        <v>0</v>
      </c>
      <c r="C540" s="107">
        <v>0</v>
      </c>
      <c r="D540" s="107">
        <v>0</v>
      </c>
      <c r="E540" s="107">
        <v>0</v>
      </c>
      <c r="F540" s="107">
        <v>0</v>
      </c>
      <c r="G540" s="107">
        <v>0</v>
      </c>
      <c r="H540" s="107">
        <v>0</v>
      </c>
      <c r="I540" s="107">
        <v>0</v>
      </c>
      <c r="J540" s="107">
        <v>0</v>
      </c>
      <c r="K540" s="107">
        <v>0</v>
      </c>
      <c r="L540" s="107">
        <v>0</v>
      </c>
      <c r="M540" s="107">
        <v>0</v>
      </c>
      <c r="N540" s="107">
        <v>0</v>
      </c>
      <c r="O540" s="107">
        <v>0</v>
      </c>
      <c r="P540" s="107">
        <v>0</v>
      </c>
      <c r="Q540" s="107">
        <v>0</v>
      </c>
      <c r="R540" s="107">
        <v>0</v>
      </c>
      <c r="S540" s="107">
        <v>0</v>
      </c>
      <c r="T540" s="107">
        <v>0</v>
      </c>
      <c r="U540" s="107">
        <v>0</v>
      </c>
      <c r="V540" s="107">
        <v>0</v>
      </c>
      <c r="W540" s="107">
        <v>0</v>
      </c>
      <c r="X540" s="107">
        <v>0</v>
      </c>
      <c r="Y540" s="107">
        <v>0</v>
      </c>
      <c r="Z540" s="107">
        <v>0</v>
      </c>
      <c r="AA540" s="107">
        <v>0</v>
      </c>
      <c r="AB540" s="107">
        <v>0</v>
      </c>
      <c r="AC540" s="107">
        <v>0</v>
      </c>
      <c r="AD540" s="107">
        <v>0</v>
      </c>
      <c r="AE540" s="107">
        <v>0</v>
      </c>
      <c r="AF540" s="107">
        <v>0</v>
      </c>
      <c r="AG540" s="107">
        <v>0</v>
      </c>
      <c r="AH540" s="107">
        <v>0</v>
      </c>
      <c r="AI540" s="107">
        <v>0</v>
      </c>
      <c r="AJ540" s="107">
        <v>0</v>
      </c>
      <c r="AK540" s="107">
        <v>0</v>
      </c>
      <c r="AL540" s="107">
        <v>0</v>
      </c>
      <c r="AM540" s="107">
        <v>0</v>
      </c>
      <c r="AN540" s="107">
        <v>0</v>
      </c>
    </row>
    <row r="541" spans="1:40" x14ac:dyDescent="0.2">
      <c r="A541" s="133" t="s">
        <v>946</v>
      </c>
      <c r="B541" s="107">
        <v>633714319.029827</v>
      </c>
      <c r="C541" s="107">
        <v>597646630.04601705</v>
      </c>
      <c r="D541" s="107">
        <v>555316547.68281901</v>
      </c>
      <c r="E541" s="107">
        <v>553808410.94732499</v>
      </c>
      <c r="F541" s="107">
        <v>556103179.01709402</v>
      </c>
      <c r="G541" s="107">
        <v>561126910.494995</v>
      </c>
      <c r="H541" s="107">
        <v>565236545.26723802</v>
      </c>
      <c r="I541" s="107">
        <v>570479736.64407599</v>
      </c>
      <c r="J541" s="107">
        <v>573947564.487082</v>
      </c>
      <c r="K541" s="107">
        <v>576746814.74392998</v>
      </c>
      <c r="L541" s="107">
        <v>581515739.24964797</v>
      </c>
      <c r="M541" s="107">
        <v>586002024.78702295</v>
      </c>
      <c r="N541" s="107">
        <v>586002024.78702295</v>
      </c>
      <c r="O541" s="107">
        <v>587907371.041816</v>
      </c>
      <c r="P541" s="107">
        <v>589999877.122316</v>
      </c>
      <c r="Q541" s="107">
        <v>592050970.18951297</v>
      </c>
      <c r="R541" s="107">
        <v>594122471.025738</v>
      </c>
      <c r="S541" s="107">
        <v>596120863.49057996</v>
      </c>
      <c r="T541" s="107">
        <v>598161566.94549704</v>
      </c>
      <c r="U541" s="107">
        <v>600216905.86893201</v>
      </c>
      <c r="V541" s="107">
        <v>602250977.33297002</v>
      </c>
      <c r="W541" s="107">
        <v>604307868.995893</v>
      </c>
      <c r="X541" s="107">
        <v>606330065.32256496</v>
      </c>
      <c r="Y541" s="107">
        <v>608393908.86876905</v>
      </c>
      <c r="Z541" s="107">
        <v>610392119.28327894</v>
      </c>
      <c r="AA541" s="107">
        <v>610392119.28327894</v>
      </c>
      <c r="AB541" s="107">
        <v>617139377.38639402</v>
      </c>
      <c r="AC541" s="107">
        <v>620026123.37291503</v>
      </c>
      <c r="AD541" s="107">
        <v>622916220.92875504</v>
      </c>
      <c r="AE541" s="107">
        <v>625786050.27911901</v>
      </c>
      <c r="AF541" s="107">
        <v>628584000.51734602</v>
      </c>
      <c r="AG541" s="107">
        <v>631415311.86153901</v>
      </c>
      <c r="AH541" s="107">
        <v>634260376.54996705</v>
      </c>
      <c r="AI541" s="107">
        <v>637085113.829041</v>
      </c>
      <c r="AJ541" s="107">
        <v>639938054.04613101</v>
      </c>
      <c r="AK541" s="107">
        <v>642755583.14754796</v>
      </c>
      <c r="AL541" s="107">
        <v>645624991.219733</v>
      </c>
      <c r="AM541" s="107">
        <v>648417393.76225197</v>
      </c>
      <c r="AN541" s="107">
        <v>648417393.76225197</v>
      </c>
    </row>
    <row r="542" spans="1:40" x14ac:dyDescent="0.2">
      <c r="A542" s="133" t="s">
        <v>947</v>
      </c>
      <c r="B542" s="107">
        <v>654305933.290609</v>
      </c>
      <c r="C542" s="107">
        <v>618368852.22878003</v>
      </c>
      <c r="D542" s="107">
        <v>576254728.44303501</v>
      </c>
      <c r="E542" s="107">
        <v>574920472.04081595</v>
      </c>
      <c r="F542" s="107">
        <v>577513581.40705001</v>
      </c>
      <c r="G542" s="107">
        <v>582745907.16775596</v>
      </c>
      <c r="H542" s="107">
        <v>587038930.15371895</v>
      </c>
      <c r="I542" s="107">
        <v>592501470.10561097</v>
      </c>
      <c r="J542" s="107">
        <v>596124911.23513496</v>
      </c>
      <c r="K542" s="107">
        <v>599145550.14759398</v>
      </c>
      <c r="L542" s="107">
        <v>604060921.66433406</v>
      </c>
      <c r="M542" s="107">
        <v>608805194.69077301</v>
      </c>
      <c r="N542" s="107">
        <v>608805194.69077301</v>
      </c>
      <c r="O542" s="107">
        <v>610985458.94422698</v>
      </c>
      <c r="P542" s="107">
        <v>613166939.339836</v>
      </c>
      <c r="Q542" s="107">
        <v>615360097.33215106</v>
      </c>
      <c r="R542" s="107">
        <v>617544920.13800299</v>
      </c>
      <c r="S542" s="107">
        <v>619725929.23213601</v>
      </c>
      <c r="T542" s="107">
        <v>621906110.95413005</v>
      </c>
      <c r="U542" s="107">
        <v>624089617.38523996</v>
      </c>
      <c r="V542" s="107">
        <v>626272997.25572598</v>
      </c>
      <c r="W542" s="107">
        <v>628441272.79282999</v>
      </c>
      <c r="X542" s="107">
        <v>630613377.98794603</v>
      </c>
      <c r="Y542" s="107">
        <v>632797124.22869694</v>
      </c>
      <c r="Z542" s="107">
        <v>634976331.175776</v>
      </c>
      <c r="AA542" s="107">
        <v>634976331.175776</v>
      </c>
      <c r="AB542" s="107">
        <v>641991463.09554696</v>
      </c>
      <c r="AC542" s="107">
        <v>644964984.19242096</v>
      </c>
      <c r="AD542" s="107">
        <v>647998936.95952201</v>
      </c>
      <c r="AE542" s="107">
        <v>650978606.63505304</v>
      </c>
      <c r="AF542" s="107">
        <v>653954863.23095095</v>
      </c>
      <c r="AG542" s="107">
        <v>656926400.10691202</v>
      </c>
      <c r="AH542" s="107">
        <v>659901294.36118805</v>
      </c>
      <c r="AI542" s="107">
        <v>662876301.38288701</v>
      </c>
      <c r="AJ542" s="107">
        <v>665838952.254614</v>
      </c>
      <c r="AK542" s="107">
        <v>668805817.73669803</v>
      </c>
      <c r="AL542" s="107">
        <v>671781955.69683397</v>
      </c>
      <c r="AM542" s="107">
        <v>674752333.15766799</v>
      </c>
      <c r="AN542" s="107">
        <v>674752333.15766799</v>
      </c>
    </row>
    <row r="543" spans="1:40" x14ac:dyDescent="0.2">
      <c r="A543" s="133" t="s">
        <v>948</v>
      </c>
      <c r="B543" s="107">
        <v>-20591614.260781899</v>
      </c>
      <c r="C543" s="107">
        <v>-20722222.1827626</v>
      </c>
      <c r="D543" s="107">
        <v>-20938180.760215901</v>
      </c>
      <c r="E543" s="107">
        <v>-21112061.093490601</v>
      </c>
      <c r="F543" s="107">
        <v>-21410402.3899558</v>
      </c>
      <c r="G543" s="107">
        <v>-21618996.672761101</v>
      </c>
      <c r="H543" s="107">
        <v>-21802384.8864807</v>
      </c>
      <c r="I543" s="107">
        <v>-22021733.4615351</v>
      </c>
      <c r="J543" s="107">
        <v>-22177346.748052899</v>
      </c>
      <c r="K543" s="107">
        <v>-22398735.4036645</v>
      </c>
      <c r="L543" s="107">
        <v>-22545182.414686002</v>
      </c>
      <c r="M543" s="107">
        <v>-22803169.9037503</v>
      </c>
      <c r="N543" s="107">
        <v>-22803169.9037503</v>
      </c>
      <c r="O543" s="107">
        <v>-23078087.902410999</v>
      </c>
      <c r="P543" s="107">
        <v>-23167062.217519701</v>
      </c>
      <c r="Q543" s="107">
        <v>-23309127.142638501</v>
      </c>
      <c r="R543" s="107">
        <v>-23422449.1122647</v>
      </c>
      <c r="S543" s="107">
        <v>-23605065.741555098</v>
      </c>
      <c r="T543" s="107">
        <v>-23744544.008633301</v>
      </c>
      <c r="U543" s="107">
        <v>-23872711.5163082</v>
      </c>
      <c r="V543" s="107">
        <v>-24022019.922756098</v>
      </c>
      <c r="W543" s="107">
        <v>-24133403.796936501</v>
      </c>
      <c r="X543" s="107">
        <v>-24283312.665381402</v>
      </c>
      <c r="Y543" s="107">
        <v>-24403215.3599272</v>
      </c>
      <c r="Z543" s="107">
        <v>-24584211.892496701</v>
      </c>
      <c r="AA543" s="107">
        <v>-24584211.892496701</v>
      </c>
      <c r="AB543" s="107">
        <v>-24852085.709152799</v>
      </c>
      <c r="AC543" s="107">
        <v>-24938860.819505502</v>
      </c>
      <c r="AD543" s="107">
        <v>-25082716.030766901</v>
      </c>
      <c r="AE543" s="107">
        <v>-25192556.355934199</v>
      </c>
      <c r="AF543" s="107">
        <v>-25370862.713604201</v>
      </c>
      <c r="AG543" s="107">
        <v>-25511088.245373301</v>
      </c>
      <c r="AH543" s="107">
        <v>-25640917.811220899</v>
      </c>
      <c r="AI543" s="107">
        <v>-25791187.553846002</v>
      </c>
      <c r="AJ543" s="107">
        <v>-25900898.208482798</v>
      </c>
      <c r="AK543" s="107">
        <v>-26050234.589149699</v>
      </c>
      <c r="AL543" s="107">
        <v>-26156964.477100901</v>
      </c>
      <c r="AM543" s="107">
        <v>-26334939.395416401</v>
      </c>
      <c r="AN543" s="107">
        <v>-26334939.395416401</v>
      </c>
    </row>
    <row r="544" spans="1:40" x14ac:dyDescent="0.2">
      <c r="A544" s="133" t="s">
        <v>949</v>
      </c>
      <c r="B544" s="107">
        <v>0</v>
      </c>
      <c r="C544" s="107">
        <v>0</v>
      </c>
      <c r="D544" s="107">
        <v>0</v>
      </c>
      <c r="E544" s="107">
        <v>0</v>
      </c>
      <c r="F544" s="107">
        <v>0</v>
      </c>
      <c r="G544" s="107">
        <v>0</v>
      </c>
      <c r="H544" s="107">
        <v>0</v>
      </c>
      <c r="I544" s="107">
        <v>0</v>
      </c>
      <c r="J544" s="107">
        <v>0</v>
      </c>
      <c r="K544" s="107">
        <v>0</v>
      </c>
      <c r="L544" s="107">
        <v>0</v>
      </c>
      <c r="M544" s="107">
        <v>0</v>
      </c>
      <c r="N544" s="107">
        <v>0</v>
      </c>
      <c r="O544" s="107">
        <v>0</v>
      </c>
      <c r="P544" s="107">
        <v>0</v>
      </c>
      <c r="Q544" s="107">
        <v>0</v>
      </c>
      <c r="R544" s="107">
        <v>0</v>
      </c>
      <c r="S544" s="107">
        <v>0</v>
      </c>
      <c r="T544" s="107">
        <v>0</v>
      </c>
      <c r="U544" s="107">
        <v>0</v>
      </c>
      <c r="V544" s="107">
        <v>0</v>
      </c>
      <c r="W544" s="107">
        <v>0</v>
      </c>
      <c r="X544" s="107">
        <v>0</v>
      </c>
      <c r="Y544" s="107">
        <v>0</v>
      </c>
      <c r="Z544" s="107">
        <v>0</v>
      </c>
      <c r="AA544" s="107">
        <v>0</v>
      </c>
      <c r="AB544" s="107">
        <v>0</v>
      </c>
      <c r="AC544" s="107">
        <v>0</v>
      </c>
      <c r="AD544" s="107">
        <v>0</v>
      </c>
      <c r="AE544" s="107">
        <v>0</v>
      </c>
      <c r="AF544" s="107">
        <v>0</v>
      </c>
      <c r="AG544" s="107">
        <v>0</v>
      </c>
      <c r="AH544" s="107">
        <v>0</v>
      </c>
      <c r="AI544" s="107">
        <v>0</v>
      </c>
      <c r="AJ544" s="107">
        <v>0</v>
      </c>
      <c r="AK544" s="107">
        <v>0</v>
      </c>
      <c r="AL544" s="107">
        <v>0</v>
      </c>
      <c r="AM544" s="107">
        <v>0</v>
      </c>
      <c r="AN544" s="107">
        <v>0</v>
      </c>
    </row>
    <row r="545" spans="1:40" x14ac:dyDescent="0.2">
      <c r="A545" s="133" t="s">
        <v>950</v>
      </c>
      <c r="B545" s="107">
        <v>0</v>
      </c>
      <c r="C545" s="107">
        <v>0</v>
      </c>
      <c r="D545" s="107">
        <v>0</v>
      </c>
      <c r="E545" s="107">
        <v>0</v>
      </c>
      <c r="F545" s="107">
        <v>0</v>
      </c>
      <c r="G545" s="107">
        <v>0</v>
      </c>
      <c r="H545" s="107">
        <v>0</v>
      </c>
      <c r="I545" s="107">
        <v>0</v>
      </c>
      <c r="J545" s="107">
        <v>0</v>
      </c>
      <c r="K545" s="107">
        <v>0</v>
      </c>
      <c r="L545" s="107">
        <v>0</v>
      </c>
      <c r="M545" s="107">
        <v>0</v>
      </c>
      <c r="N545" s="107">
        <v>0</v>
      </c>
      <c r="O545" s="107">
        <v>0</v>
      </c>
      <c r="P545" s="107">
        <v>0</v>
      </c>
      <c r="Q545" s="107">
        <v>0</v>
      </c>
      <c r="R545" s="107">
        <v>0</v>
      </c>
      <c r="S545" s="107">
        <v>0</v>
      </c>
      <c r="T545" s="107">
        <v>0</v>
      </c>
      <c r="U545" s="107">
        <v>0</v>
      </c>
      <c r="V545" s="107">
        <v>0</v>
      </c>
      <c r="W545" s="107">
        <v>0</v>
      </c>
      <c r="X545" s="107">
        <v>0</v>
      </c>
      <c r="Y545" s="107">
        <v>0</v>
      </c>
      <c r="Z545" s="107">
        <v>0</v>
      </c>
      <c r="AA545" s="107">
        <v>0</v>
      </c>
      <c r="AB545" s="107">
        <v>0</v>
      </c>
      <c r="AC545" s="107">
        <v>0</v>
      </c>
      <c r="AD545" s="107">
        <v>0</v>
      </c>
      <c r="AE545" s="107">
        <v>0</v>
      </c>
      <c r="AF545" s="107">
        <v>0</v>
      </c>
      <c r="AG545" s="107">
        <v>0</v>
      </c>
      <c r="AH545" s="107">
        <v>0</v>
      </c>
      <c r="AI545" s="107">
        <v>0</v>
      </c>
      <c r="AJ545" s="107">
        <v>0</v>
      </c>
      <c r="AK545" s="107">
        <v>0</v>
      </c>
      <c r="AL545" s="107">
        <v>0</v>
      </c>
      <c r="AM545" s="107">
        <v>0</v>
      </c>
      <c r="AN545" s="107">
        <v>0</v>
      </c>
    </row>
    <row r="546" spans="1:40" x14ac:dyDescent="0.2">
      <c r="A546" s="133" t="s">
        <v>951</v>
      </c>
      <c r="B546" s="107">
        <v>332663.75354801601</v>
      </c>
      <c r="C546" s="107">
        <v>351008.53043551301</v>
      </c>
      <c r="D546" s="107">
        <v>369470.06957852998</v>
      </c>
      <c r="E546" s="107">
        <v>387931.65182842698</v>
      </c>
      <c r="F546" s="107">
        <v>396835.04495376401</v>
      </c>
      <c r="G546" s="107">
        <v>415296.57682574098</v>
      </c>
      <c r="H546" s="107">
        <v>433758.12583659799</v>
      </c>
      <c r="I546" s="107">
        <v>452219.71665593598</v>
      </c>
      <c r="J546" s="107">
        <v>460886.27876479301</v>
      </c>
      <c r="K546" s="107">
        <v>479357.19910749001</v>
      </c>
      <c r="L546" s="107">
        <v>428071.728607147</v>
      </c>
      <c r="M546" s="107">
        <v>322700.86053832399</v>
      </c>
      <c r="N546" s="107">
        <v>322700.86053832399</v>
      </c>
      <c r="O546" s="107">
        <v>322700.86053832399</v>
      </c>
      <c r="P546" s="107">
        <v>322700.86053832399</v>
      </c>
      <c r="Q546" s="107">
        <v>322700.86053832399</v>
      </c>
      <c r="R546" s="107">
        <v>322700.86053832399</v>
      </c>
      <c r="S546" s="107">
        <v>322700.86053832399</v>
      </c>
      <c r="T546" s="107">
        <v>322700.86053832399</v>
      </c>
      <c r="U546" s="107">
        <v>322700.86053832399</v>
      </c>
      <c r="V546" s="107">
        <v>322700.86053832399</v>
      </c>
      <c r="W546" s="107">
        <v>322700.86053832399</v>
      </c>
      <c r="X546" s="107">
        <v>322700.86053832399</v>
      </c>
      <c r="Y546" s="107">
        <v>322700.86053832399</v>
      </c>
      <c r="Z546" s="107">
        <v>322700.86053832399</v>
      </c>
      <c r="AA546" s="107">
        <v>322700.86053832399</v>
      </c>
      <c r="AB546" s="107">
        <v>321523.07073213003</v>
      </c>
      <c r="AC546" s="107">
        <v>320345.28092593601</v>
      </c>
      <c r="AD546" s="107">
        <v>319167.49111974298</v>
      </c>
      <c r="AE546" s="107">
        <v>317989.70131354901</v>
      </c>
      <c r="AF546" s="107">
        <v>316811.91150735499</v>
      </c>
      <c r="AG546" s="107">
        <v>315634.12170116202</v>
      </c>
      <c r="AH546" s="107">
        <v>314456.331894968</v>
      </c>
      <c r="AI546" s="107">
        <v>313278.54208877397</v>
      </c>
      <c r="AJ546" s="107">
        <v>312100.752282581</v>
      </c>
      <c r="AK546" s="107">
        <v>310922.96247638698</v>
      </c>
      <c r="AL546" s="107">
        <v>309745.17267019302</v>
      </c>
      <c r="AM546" s="107">
        <v>308567.38286399998</v>
      </c>
      <c r="AN546" s="107">
        <v>308567.38286399998</v>
      </c>
    </row>
    <row r="547" spans="1:40" x14ac:dyDescent="0.2">
      <c r="A547" s="133" t="s">
        <v>952</v>
      </c>
      <c r="B547" s="107">
        <v>4439462.8562135603</v>
      </c>
      <c r="C547" s="107">
        <v>4618317.11645009</v>
      </c>
      <c r="D547" s="107">
        <v>4831507.7504018098</v>
      </c>
      <c r="E547" s="107">
        <v>5006518.5249238601</v>
      </c>
      <c r="F547" s="107">
        <v>5161065.2798022004</v>
      </c>
      <c r="G547" s="107">
        <v>5161397.8958862796</v>
      </c>
      <c r="H547" s="107">
        <v>5181394.79564925</v>
      </c>
      <c r="I547" s="107">
        <v>5186908.4162098505</v>
      </c>
      <c r="J547" s="107">
        <v>5242475.3933072202</v>
      </c>
      <c r="K547" s="107">
        <v>5361299.8311840603</v>
      </c>
      <c r="L547" s="107">
        <v>5577214.9160795799</v>
      </c>
      <c r="M547" s="107">
        <v>5759251.3235994</v>
      </c>
      <c r="N547" s="107">
        <v>5759251.3235994</v>
      </c>
      <c r="O547" s="107">
        <v>5768850.2756043896</v>
      </c>
      <c r="P547" s="107">
        <v>5778449.2276093904</v>
      </c>
      <c r="Q547" s="107">
        <v>5788048.1796143996</v>
      </c>
      <c r="R547" s="107">
        <v>5797647.1316194003</v>
      </c>
      <c r="S547" s="107">
        <v>5807246.0836244002</v>
      </c>
      <c r="T547" s="107">
        <v>5816845.0356294001</v>
      </c>
      <c r="U547" s="107">
        <v>5826443.9876343999</v>
      </c>
      <c r="V547" s="107">
        <v>5836042.9396393904</v>
      </c>
      <c r="W547" s="107">
        <v>5845641.8916443903</v>
      </c>
      <c r="X547" s="107">
        <v>5855240.8436493902</v>
      </c>
      <c r="Y547" s="107">
        <v>5864839.79565439</v>
      </c>
      <c r="Z547" s="107">
        <v>5874438.7476593899</v>
      </c>
      <c r="AA547" s="107">
        <v>5874438.7476593899</v>
      </c>
      <c r="AB547" s="107">
        <v>5884229.6987043899</v>
      </c>
      <c r="AC547" s="107">
        <v>5894020.6497493898</v>
      </c>
      <c r="AD547" s="107">
        <v>5903811.6007943898</v>
      </c>
      <c r="AE547" s="107">
        <v>5913602.5518393898</v>
      </c>
      <c r="AF547" s="107">
        <v>5923393.5028843898</v>
      </c>
      <c r="AG547" s="107">
        <v>5933184.4539294001</v>
      </c>
      <c r="AH547" s="107">
        <v>5942975.4049743898</v>
      </c>
      <c r="AI547" s="107">
        <v>5952766.3560193898</v>
      </c>
      <c r="AJ547" s="107">
        <v>5962557.3070643898</v>
      </c>
      <c r="AK547" s="107">
        <v>5972348.2581093898</v>
      </c>
      <c r="AL547" s="107">
        <v>5982139.2091543898</v>
      </c>
      <c r="AM547" s="107">
        <v>5991930.1601993898</v>
      </c>
      <c r="AN547" s="107">
        <v>5991930.1601993898</v>
      </c>
    </row>
    <row r="548" spans="1:40" x14ac:dyDescent="0.2">
      <c r="A548" s="133" t="s">
        <v>953</v>
      </c>
      <c r="B548" s="107">
        <v>0</v>
      </c>
      <c r="C548" s="107">
        <v>0</v>
      </c>
      <c r="D548" s="107">
        <v>0</v>
      </c>
      <c r="E548" s="107">
        <v>0</v>
      </c>
      <c r="F548" s="107">
        <v>0</v>
      </c>
      <c r="G548" s="107">
        <v>0</v>
      </c>
      <c r="H548" s="107">
        <v>0</v>
      </c>
      <c r="I548" s="107">
        <v>0</v>
      </c>
      <c r="J548" s="107">
        <v>0</v>
      </c>
      <c r="K548" s="107">
        <v>0</v>
      </c>
      <c r="L548" s="107">
        <v>0</v>
      </c>
      <c r="M548" s="107">
        <v>0</v>
      </c>
      <c r="N548" s="107">
        <v>0</v>
      </c>
      <c r="O548" s="107">
        <v>0</v>
      </c>
      <c r="P548" s="107">
        <v>0</v>
      </c>
      <c r="Q548" s="107">
        <v>0</v>
      </c>
      <c r="R548" s="107">
        <v>0</v>
      </c>
      <c r="S548" s="107">
        <v>0</v>
      </c>
      <c r="T548" s="107">
        <v>0</v>
      </c>
      <c r="U548" s="107">
        <v>0</v>
      </c>
      <c r="V548" s="107">
        <v>0</v>
      </c>
      <c r="W548" s="107">
        <v>0</v>
      </c>
      <c r="X548" s="107">
        <v>0</v>
      </c>
      <c r="Y548" s="107">
        <v>0</v>
      </c>
      <c r="Z548" s="107">
        <v>0</v>
      </c>
      <c r="AA548" s="107">
        <v>0</v>
      </c>
      <c r="AB548" s="107">
        <v>0</v>
      </c>
      <c r="AC548" s="107">
        <v>0</v>
      </c>
      <c r="AD548" s="107">
        <v>0</v>
      </c>
      <c r="AE548" s="107">
        <v>0</v>
      </c>
      <c r="AF548" s="107">
        <v>0</v>
      </c>
      <c r="AG548" s="107">
        <v>0</v>
      </c>
      <c r="AH548" s="107">
        <v>0</v>
      </c>
      <c r="AI548" s="107">
        <v>0</v>
      </c>
      <c r="AJ548" s="107">
        <v>0</v>
      </c>
      <c r="AK548" s="107">
        <v>0</v>
      </c>
      <c r="AL548" s="107">
        <v>0</v>
      </c>
      <c r="AM548" s="107">
        <v>0</v>
      </c>
      <c r="AN548" s="107">
        <v>0</v>
      </c>
    </row>
    <row r="549" spans="1:40" x14ac:dyDescent="0.2">
      <c r="A549" s="133" t="s">
        <v>954</v>
      </c>
      <c r="B549" s="107">
        <v>0</v>
      </c>
      <c r="C549" s="107">
        <v>0</v>
      </c>
      <c r="D549" s="107">
        <v>0</v>
      </c>
      <c r="E549" s="107">
        <v>0</v>
      </c>
      <c r="F549" s="107">
        <v>0</v>
      </c>
      <c r="G549" s="107">
        <v>0</v>
      </c>
      <c r="H549" s="107">
        <v>0</v>
      </c>
      <c r="I549" s="107">
        <v>0</v>
      </c>
      <c r="J549" s="107">
        <v>0</v>
      </c>
      <c r="K549" s="107">
        <v>0</v>
      </c>
      <c r="L549" s="107">
        <v>0</v>
      </c>
      <c r="M549" s="107">
        <v>0</v>
      </c>
      <c r="N549" s="107">
        <v>0</v>
      </c>
      <c r="O549" s="107">
        <v>0</v>
      </c>
      <c r="P549" s="107">
        <v>0</v>
      </c>
      <c r="Q549" s="107">
        <v>0</v>
      </c>
      <c r="R549" s="107">
        <v>0</v>
      </c>
      <c r="S549" s="107">
        <v>0</v>
      </c>
      <c r="T549" s="107">
        <v>0</v>
      </c>
      <c r="U549" s="107">
        <v>0</v>
      </c>
      <c r="V549" s="107">
        <v>0</v>
      </c>
      <c r="W549" s="107">
        <v>0</v>
      </c>
      <c r="X549" s="107">
        <v>0</v>
      </c>
      <c r="Y549" s="107">
        <v>0</v>
      </c>
      <c r="Z549" s="107">
        <v>0</v>
      </c>
      <c r="AA549" s="107">
        <v>0</v>
      </c>
      <c r="AB549" s="107">
        <v>0</v>
      </c>
      <c r="AC549" s="107">
        <v>0</v>
      </c>
      <c r="AD549" s="107">
        <v>0</v>
      </c>
      <c r="AE549" s="107">
        <v>0</v>
      </c>
      <c r="AF549" s="107">
        <v>0</v>
      </c>
      <c r="AG549" s="107">
        <v>0</v>
      </c>
      <c r="AH549" s="107">
        <v>0</v>
      </c>
      <c r="AI549" s="107">
        <v>0</v>
      </c>
      <c r="AJ549" s="107">
        <v>0</v>
      </c>
      <c r="AK549" s="107">
        <v>0</v>
      </c>
      <c r="AL549" s="107">
        <v>0</v>
      </c>
      <c r="AM549" s="107">
        <v>0</v>
      </c>
      <c r="AN549" s="107">
        <v>0</v>
      </c>
    </row>
    <row r="550" spans="1:40" x14ac:dyDescent="0.2">
      <c r="A550" s="133" t="s">
        <v>955</v>
      </c>
      <c r="B550" s="107">
        <v>292679789.02016801</v>
      </c>
      <c r="C550" s="107">
        <v>272482875.00279301</v>
      </c>
      <c r="D550" s="107">
        <v>252838564.66732299</v>
      </c>
      <c r="E550" s="107">
        <v>233235256.285707</v>
      </c>
      <c r="F550" s="107">
        <v>214955199.22641301</v>
      </c>
      <c r="G550" s="107">
        <v>196656654.25534499</v>
      </c>
      <c r="H550" s="107">
        <v>178358217.03649601</v>
      </c>
      <c r="I550" s="107">
        <v>160060067.15739399</v>
      </c>
      <c r="J550" s="107">
        <v>151340941.59874901</v>
      </c>
      <c r="K550" s="107">
        <v>142626291.35513899</v>
      </c>
      <c r="L550" s="107">
        <v>133911353.771781</v>
      </c>
      <c r="M550" s="107">
        <v>125191205.762979</v>
      </c>
      <c r="N550" s="107">
        <v>125191205.762979</v>
      </c>
      <c r="O550" s="107">
        <v>117850974.024287</v>
      </c>
      <c r="P550" s="107">
        <v>110510326.275038</v>
      </c>
      <c r="Q550" s="107">
        <v>103190786.13832299</v>
      </c>
      <c r="R550" s="107">
        <v>95871840.302403703</v>
      </c>
      <c r="S550" s="107">
        <v>88533688.619596303</v>
      </c>
      <c r="T550" s="107">
        <v>81119060.223324493</v>
      </c>
      <c r="U550" s="107">
        <v>73704877.552649707</v>
      </c>
      <c r="V550" s="107">
        <v>66291883.485632397</v>
      </c>
      <c r="W550" s="107">
        <v>58955465.182556503</v>
      </c>
      <c r="X550" s="107">
        <v>51637559.375095598</v>
      </c>
      <c r="Y550" s="107">
        <v>44318464.963977098</v>
      </c>
      <c r="Z550" s="107">
        <v>36977817.214728199</v>
      </c>
      <c r="AA550" s="107">
        <v>36977817.214728199</v>
      </c>
      <c r="AB550" s="107">
        <v>36882739.104601301</v>
      </c>
      <c r="AC550" s="107">
        <v>36787488.183475502</v>
      </c>
      <c r="AD550" s="107">
        <v>36701005.454590097</v>
      </c>
      <c r="AE550" s="107">
        <v>36614769.5778367</v>
      </c>
      <c r="AF550" s="107">
        <v>36520555.526339203</v>
      </c>
      <c r="AG550" s="107">
        <v>31134511.961169399</v>
      </c>
      <c r="AH550" s="107">
        <v>25764641.5567328</v>
      </c>
      <c r="AI550" s="107">
        <v>20437899.655874599</v>
      </c>
      <c r="AJ550" s="107">
        <v>17889710.629246902</v>
      </c>
      <c r="AK550" s="107">
        <v>16013247.815362601</v>
      </c>
      <c r="AL550" s="107">
        <v>14093656.497899899</v>
      </c>
      <c r="AM550" s="107">
        <v>11392001.946208199</v>
      </c>
      <c r="AN550" s="107">
        <v>11392001.946208199</v>
      </c>
    </row>
    <row r="551" spans="1:40" x14ac:dyDescent="0.2">
      <c r="A551" s="133" t="s">
        <v>956</v>
      </c>
      <c r="B551" s="107">
        <v>2602411713.6350398</v>
      </c>
      <c r="C551" s="107">
        <v>2547502087.0693002</v>
      </c>
      <c r="D551" s="107">
        <v>2492953926.4573998</v>
      </c>
      <c r="E551" s="107">
        <v>2432833693.3547702</v>
      </c>
      <c r="F551" s="107">
        <v>2360910658.3366199</v>
      </c>
      <c r="G551" s="107">
        <v>2284567635.11764</v>
      </c>
      <c r="H551" s="107">
        <v>2205075848.9158502</v>
      </c>
      <c r="I551" s="107">
        <v>2105650650.52507</v>
      </c>
      <c r="J551" s="107">
        <v>2031788880.64447</v>
      </c>
      <c r="K551" s="107">
        <v>1966831685.3509901</v>
      </c>
      <c r="L551" s="107">
        <v>1915581390.6990399</v>
      </c>
      <c r="M551" s="107">
        <v>1861098235.43398</v>
      </c>
      <c r="N551" s="107">
        <v>1861098235.43398</v>
      </c>
      <c r="O551" s="107">
        <v>1855081400.53655</v>
      </c>
      <c r="P551" s="107">
        <v>1851562233.4551599</v>
      </c>
      <c r="Q551" s="107">
        <v>1847015580.84022</v>
      </c>
      <c r="R551" s="107">
        <v>1842110715.5385001</v>
      </c>
      <c r="S551" s="107">
        <v>1836475272.9151599</v>
      </c>
      <c r="T551" s="107">
        <v>1831442710.69578</v>
      </c>
      <c r="U551" s="107">
        <v>1826094162.20822</v>
      </c>
      <c r="V551" s="107">
        <v>1819372946.99505</v>
      </c>
      <c r="W551" s="107">
        <v>1814415207.0655999</v>
      </c>
      <c r="X551" s="107">
        <v>1810458517.7576001</v>
      </c>
      <c r="Y551" s="107">
        <v>1806518171.9776499</v>
      </c>
      <c r="Z551" s="107">
        <v>1802720108.7753799</v>
      </c>
      <c r="AA551" s="107">
        <v>1802720108.7753799</v>
      </c>
      <c r="AB551" s="107">
        <v>1795351864.23593</v>
      </c>
      <c r="AC551" s="107">
        <v>1790596573.0417399</v>
      </c>
      <c r="AD551" s="107">
        <v>1785114302.44383</v>
      </c>
      <c r="AE551" s="107">
        <v>1779139434.7505701</v>
      </c>
      <c r="AF551" s="107">
        <v>1772592081.6896999</v>
      </c>
      <c r="AG551" s="107">
        <v>1766094359.8904099</v>
      </c>
      <c r="AH551" s="107">
        <v>1759367567.9456799</v>
      </c>
      <c r="AI551" s="107">
        <v>1750946517.0074501</v>
      </c>
      <c r="AJ551" s="107">
        <v>1744901755.1463499</v>
      </c>
      <c r="AK551" s="107">
        <v>1739692410.03175</v>
      </c>
      <c r="AL551" s="107">
        <v>1735685851.01085</v>
      </c>
      <c r="AM551" s="107">
        <v>1731564907.0681601</v>
      </c>
      <c r="AN551" s="107">
        <v>1731564907.0681601</v>
      </c>
    </row>
    <row r="552" spans="1:40" x14ac:dyDescent="0.2">
      <c r="A552" s="133" t="s">
        <v>957</v>
      </c>
      <c r="B552" s="107">
        <v>2899863629.2649698</v>
      </c>
      <c r="C552" s="107">
        <v>2824954287.7189798</v>
      </c>
      <c r="D552" s="107">
        <v>2750993468.9447098</v>
      </c>
      <c r="E552" s="107">
        <v>2671463399.8172302</v>
      </c>
      <c r="F552" s="107">
        <v>2581423757.8877902</v>
      </c>
      <c r="G552" s="107">
        <v>2486800983.8456898</v>
      </c>
      <c r="H552" s="107">
        <v>2389049218.8738399</v>
      </c>
      <c r="I552" s="107">
        <v>2271349845.81533</v>
      </c>
      <c r="J552" s="107">
        <v>2188833183.9152999</v>
      </c>
      <c r="K552" s="107">
        <v>2115298633.7364199</v>
      </c>
      <c r="L552" s="107">
        <v>2055498031.11551</v>
      </c>
      <c r="M552" s="107">
        <v>1992371393.3810899</v>
      </c>
      <c r="N552" s="107">
        <v>1992371393.3810899</v>
      </c>
      <c r="O552" s="107">
        <v>1979023925.69698</v>
      </c>
      <c r="P552" s="107">
        <v>1968173709.8183401</v>
      </c>
      <c r="Q552" s="107">
        <v>1956317116.0186901</v>
      </c>
      <c r="R552" s="107">
        <v>1944102903.83306</v>
      </c>
      <c r="S552" s="107">
        <v>1931138908.47892</v>
      </c>
      <c r="T552" s="107">
        <v>1918701316.81528</v>
      </c>
      <c r="U552" s="107">
        <v>1905948184.60904</v>
      </c>
      <c r="V552" s="107">
        <v>1891823574.2808599</v>
      </c>
      <c r="W552" s="107">
        <v>1879539015.00034</v>
      </c>
      <c r="X552" s="107">
        <v>1868274018.83688</v>
      </c>
      <c r="Y552" s="107">
        <v>1857024177.59782</v>
      </c>
      <c r="Z552" s="107">
        <v>1845895065.59831</v>
      </c>
      <c r="AA552" s="107">
        <v>1845895065.59831</v>
      </c>
      <c r="AB552" s="107">
        <v>1838440356.1099701</v>
      </c>
      <c r="AC552" s="107">
        <v>1833598427.15589</v>
      </c>
      <c r="AD552" s="107">
        <v>1828038286.99033</v>
      </c>
      <c r="AE552" s="107">
        <v>1821985796.5815599</v>
      </c>
      <c r="AF552" s="107">
        <v>1815352842.63043</v>
      </c>
      <c r="AG552" s="107">
        <v>1803477690.4272101</v>
      </c>
      <c r="AH552" s="107">
        <v>1791389641.23929</v>
      </c>
      <c r="AI552" s="107">
        <v>1777650461.56143</v>
      </c>
      <c r="AJ552" s="107">
        <v>1769066123.83494</v>
      </c>
      <c r="AK552" s="107">
        <v>1761988929.0676999</v>
      </c>
      <c r="AL552" s="107">
        <v>1756071391.8905799</v>
      </c>
      <c r="AM552" s="107">
        <v>1749257406.55743</v>
      </c>
      <c r="AN552" s="107">
        <v>1749257406.55743</v>
      </c>
    </row>
    <row r="553" spans="1:40" x14ac:dyDescent="0.2">
      <c r="A553" s="133" t="s">
        <v>958</v>
      </c>
      <c r="B553" s="107">
        <v>0</v>
      </c>
      <c r="C553" s="107">
        <v>0</v>
      </c>
      <c r="D553" s="107">
        <v>0</v>
      </c>
      <c r="E553" s="107">
        <v>0</v>
      </c>
      <c r="F553" s="107">
        <v>0</v>
      </c>
      <c r="G553" s="107">
        <v>0</v>
      </c>
      <c r="H553" s="107">
        <v>0</v>
      </c>
      <c r="I553" s="107">
        <v>0</v>
      </c>
      <c r="J553" s="107">
        <v>0</v>
      </c>
      <c r="K553" s="107">
        <v>0</v>
      </c>
      <c r="L553" s="107">
        <v>0</v>
      </c>
      <c r="M553" s="107">
        <v>0</v>
      </c>
      <c r="N553" s="107">
        <v>0</v>
      </c>
      <c r="O553" s="107">
        <v>0</v>
      </c>
      <c r="P553" s="107">
        <v>0</v>
      </c>
      <c r="Q553" s="107">
        <v>0</v>
      </c>
      <c r="R553" s="107">
        <v>0</v>
      </c>
      <c r="S553" s="107">
        <v>0</v>
      </c>
      <c r="T553" s="107">
        <v>0</v>
      </c>
      <c r="U553" s="107">
        <v>0</v>
      </c>
      <c r="V553" s="107">
        <v>0</v>
      </c>
      <c r="W553" s="107">
        <v>0</v>
      </c>
      <c r="X553" s="107">
        <v>0</v>
      </c>
      <c r="Y553" s="107">
        <v>0</v>
      </c>
      <c r="Z553" s="107">
        <v>0</v>
      </c>
      <c r="AA553" s="107">
        <v>0</v>
      </c>
      <c r="AB553" s="107">
        <v>0</v>
      </c>
      <c r="AC553" s="107">
        <v>0</v>
      </c>
      <c r="AD553" s="107">
        <v>0</v>
      </c>
      <c r="AE553" s="107">
        <v>0</v>
      </c>
      <c r="AF553" s="107">
        <v>0</v>
      </c>
      <c r="AG553" s="107">
        <v>0</v>
      </c>
      <c r="AH553" s="107">
        <v>0</v>
      </c>
      <c r="AI553" s="107">
        <v>0</v>
      </c>
      <c r="AJ553" s="107">
        <v>0</v>
      </c>
      <c r="AK553" s="107">
        <v>0</v>
      </c>
      <c r="AL553" s="107">
        <v>0</v>
      </c>
      <c r="AM553" s="107">
        <v>0</v>
      </c>
      <c r="AN553" s="107">
        <v>0</v>
      </c>
    </row>
    <row r="554" spans="1:40" x14ac:dyDescent="0.2">
      <c r="A554" s="133" t="s">
        <v>959</v>
      </c>
    </row>
    <row r="555" spans="1:40" ht="10.8" thickBot="1" x14ac:dyDescent="0.25">
      <c r="A555" s="138" t="s">
        <v>960</v>
      </c>
      <c r="B555" s="107">
        <v>0</v>
      </c>
      <c r="C555" s="107">
        <v>0</v>
      </c>
      <c r="D555" s="107">
        <v>0</v>
      </c>
      <c r="E555" s="107">
        <v>0</v>
      </c>
      <c r="F555" s="107">
        <v>0</v>
      </c>
      <c r="G555" s="107">
        <v>0</v>
      </c>
      <c r="H555" s="107">
        <v>0</v>
      </c>
      <c r="I555" s="107">
        <v>0</v>
      </c>
      <c r="J555" s="107">
        <v>0</v>
      </c>
      <c r="K555" s="107">
        <v>0</v>
      </c>
      <c r="L555" s="107">
        <v>0</v>
      </c>
      <c r="M555" s="107">
        <v>0</v>
      </c>
      <c r="N555" s="107">
        <v>0</v>
      </c>
      <c r="O555" s="107">
        <v>0</v>
      </c>
      <c r="P555" s="107">
        <v>0</v>
      </c>
      <c r="Q555" s="107">
        <v>0</v>
      </c>
      <c r="R555" s="107">
        <v>0</v>
      </c>
      <c r="S555" s="107">
        <v>0</v>
      </c>
      <c r="T555" s="107">
        <v>0</v>
      </c>
      <c r="U555" s="107">
        <v>0</v>
      </c>
      <c r="V555" s="107">
        <v>0</v>
      </c>
      <c r="W555" s="107">
        <v>0</v>
      </c>
      <c r="X555" s="107">
        <v>0</v>
      </c>
      <c r="Y555" s="107">
        <v>0</v>
      </c>
      <c r="Z555" s="107">
        <v>0</v>
      </c>
      <c r="AA555" s="107">
        <v>0</v>
      </c>
      <c r="AB555" s="107">
        <v>0</v>
      </c>
      <c r="AC555" s="107">
        <v>0</v>
      </c>
      <c r="AD555" s="107">
        <v>0</v>
      </c>
      <c r="AE555" s="107">
        <v>0</v>
      </c>
      <c r="AF555" s="107">
        <v>0</v>
      </c>
      <c r="AG555" s="107">
        <v>0</v>
      </c>
      <c r="AH555" s="107">
        <v>0</v>
      </c>
      <c r="AI555" s="107">
        <v>0</v>
      </c>
      <c r="AJ555" s="107">
        <v>0</v>
      </c>
      <c r="AK555" s="107">
        <v>0</v>
      </c>
      <c r="AL555" s="107">
        <v>0</v>
      </c>
      <c r="AM555" s="107">
        <v>0</v>
      </c>
      <c r="AN555" s="107">
        <v>0</v>
      </c>
    </row>
    <row r="556" spans="1:40" x14ac:dyDescent="0.2">
      <c r="A556" s="133" t="s">
        <v>961</v>
      </c>
      <c r="B556" s="107">
        <v>0</v>
      </c>
      <c r="C556" s="107">
        <v>0</v>
      </c>
      <c r="D556" s="107">
        <v>0</v>
      </c>
      <c r="E556" s="107">
        <v>0</v>
      </c>
      <c r="F556" s="107">
        <v>0</v>
      </c>
      <c r="G556" s="107">
        <v>0</v>
      </c>
      <c r="H556" s="107">
        <v>0</v>
      </c>
      <c r="I556" s="107">
        <v>0</v>
      </c>
      <c r="J556" s="107">
        <v>0</v>
      </c>
      <c r="K556" s="107">
        <v>0</v>
      </c>
      <c r="L556" s="107">
        <v>0</v>
      </c>
      <c r="M556" s="107">
        <v>0</v>
      </c>
      <c r="N556" s="107">
        <v>0</v>
      </c>
      <c r="O556" s="107">
        <v>0</v>
      </c>
      <c r="P556" s="107">
        <v>0</v>
      </c>
      <c r="Q556" s="107">
        <v>0</v>
      </c>
      <c r="R556" s="107">
        <v>0</v>
      </c>
      <c r="S556" s="107">
        <v>0</v>
      </c>
      <c r="T556" s="107">
        <v>0</v>
      </c>
      <c r="U556" s="107">
        <v>0</v>
      </c>
      <c r="V556" s="107">
        <v>0</v>
      </c>
      <c r="W556" s="107">
        <v>0</v>
      </c>
      <c r="X556" s="107">
        <v>0</v>
      </c>
      <c r="Y556" s="107">
        <v>0</v>
      </c>
      <c r="Z556" s="107">
        <v>0</v>
      </c>
      <c r="AA556" s="107">
        <v>0</v>
      </c>
      <c r="AB556" s="107">
        <v>0</v>
      </c>
      <c r="AC556" s="107">
        <v>0</v>
      </c>
      <c r="AD556" s="107">
        <v>0</v>
      </c>
      <c r="AE556" s="107">
        <v>0</v>
      </c>
      <c r="AF556" s="107">
        <v>0</v>
      </c>
      <c r="AG556" s="107">
        <v>0</v>
      </c>
      <c r="AH556" s="107">
        <v>0</v>
      </c>
      <c r="AI556" s="107">
        <v>0</v>
      </c>
      <c r="AJ556" s="107">
        <v>0</v>
      </c>
      <c r="AK556" s="107">
        <v>0</v>
      </c>
      <c r="AL556" s="107">
        <v>0</v>
      </c>
      <c r="AM556" s="107">
        <v>0</v>
      </c>
      <c r="AN556" s="107">
        <v>0</v>
      </c>
    </row>
    <row r="557" spans="1:40" x14ac:dyDescent="0.2">
      <c r="A557" s="133" t="s">
        <v>962</v>
      </c>
      <c r="B557" s="107">
        <v>0</v>
      </c>
      <c r="C557" s="107">
        <v>0</v>
      </c>
      <c r="D557" s="107">
        <v>0</v>
      </c>
      <c r="E557" s="107">
        <v>0</v>
      </c>
      <c r="F557" s="107">
        <v>0</v>
      </c>
      <c r="G557" s="107">
        <v>0</v>
      </c>
      <c r="H557" s="107">
        <v>0</v>
      </c>
      <c r="I557" s="107">
        <v>0</v>
      </c>
      <c r="J557" s="107">
        <v>0</v>
      </c>
      <c r="K557" s="107">
        <v>0</v>
      </c>
      <c r="L557" s="107">
        <v>0</v>
      </c>
      <c r="M557" s="107">
        <v>0</v>
      </c>
      <c r="N557" s="107">
        <v>0</v>
      </c>
      <c r="O557" s="107">
        <v>0</v>
      </c>
      <c r="P557" s="107">
        <v>0</v>
      </c>
      <c r="Q557" s="107">
        <v>0</v>
      </c>
      <c r="R557" s="107">
        <v>0</v>
      </c>
      <c r="S557" s="107">
        <v>0</v>
      </c>
      <c r="T557" s="107">
        <v>0</v>
      </c>
      <c r="U557" s="107">
        <v>0</v>
      </c>
      <c r="V557" s="107">
        <v>0</v>
      </c>
      <c r="W557" s="107">
        <v>0</v>
      </c>
      <c r="X557" s="107">
        <v>0</v>
      </c>
      <c r="Y557" s="107">
        <v>0</v>
      </c>
      <c r="Z557" s="107">
        <v>0</v>
      </c>
      <c r="AA557" s="107">
        <v>0</v>
      </c>
      <c r="AB557" s="107">
        <v>0</v>
      </c>
      <c r="AC557" s="107">
        <v>0</v>
      </c>
      <c r="AD557" s="107">
        <v>0</v>
      </c>
      <c r="AE557" s="107">
        <v>0</v>
      </c>
      <c r="AF557" s="107">
        <v>0</v>
      </c>
      <c r="AG557" s="107">
        <v>0</v>
      </c>
      <c r="AH557" s="107">
        <v>0</v>
      </c>
      <c r="AI557" s="107">
        <v>0</v>
      </c>
      <c r="AJ557" s="107">
        <v>0</v>
      </c>
      <c r="AK557" s="107">
        <v>0</v>
      </c>
      <c r="AL557" s="107">
        <v>0</v>
      </c>
      <c r="AM557" s="107">
        <v>0</v>
      </c>
      <c r="AN557" s="107">
        <v>0</v>
      </c>
    </row>
    <row r="558" spans="1:40" x14ac:dyDescent="0.2">
      <c r="A558" s="133" t="s">
        <v>963</v>
      </c>
      <c r="B558" s="107">
        <v>0</v>
      </c>
      <c r="C558" s="107">
        <v>0</v>
      </c>
      <c r="D558" s="107">
        <v>0</v>
      </c>
      <c r="E558" s="107">
        <v>0</v>
      </c>
      <c r="F558" s="107">
        <v>0</v>
      </c>
      <c r="G558" s="107">
        <v>0</v>
      </c>
      <c r="H558" s="107">
        <v>0</v>
      </c>
      <c r="I558" s="107">
        <v>0</v>
      </c>
      <c r="J558" s="107">
        <v>0</v>
      </c>
      <c r="K558" s="107">
        <v>0</v>
      </c>
      <c r="L558" s="107">
        <v>0</v>
      </c>
      <c r="M558" s="107">
        <v>0</v>
      </c>
      <c r="N558" s="107">
        <v>0</v>
      </c>
      <c r="O558" s="107">
        <v>0</v>
      </c>
      <c r="P558" s="107">
        <v>0</v>
      </c>
      <c r="Q558" s="107">
        <v>0</v>
      </c>
      <c r="R558" s="107">
        <v>0</v>
      </c>
      <c r="S558" s="107">
        <v>0</v>
      </c>
      <c r="T558" s="107">
        <v>0</v>
      </c>
      <c r="U558" s="107">
        <v>0</v>
      </c>
      <c r="V558" s="107">
        <v>0</v>
      </c>
      <c r="W558" s="107">
        <v>0</v>
      </c>
      <c r="X558" s="107">
        <v>0</v>
      </c>
      <c r="Y558" s="107">
        <v>0</v>
      </c>
      <c r="Z558" s="107">
        <v>0</v>
      </c>
      <c r="AA558" s="107">
        <v>0</v>
      </c>
      <c r="AB558" s="107">
        <v>0</v>
      </c>
      <c r="AC558" s="107">
        <v>0</v>
      </c>
      <c r="AD558" s="107">
        <v>0</v>
      </c>
      <c r="AE558" s="107">
        <v>0</v>
      </c>
      <c r="AF558" s="107">
        <v>0</v>
      </c>
      <c r="AG558" s="107">
        <v>0</v>
      </c>
      <c r="AH558" s="107">
        <v>0</v>
      </c>
      <c r="AI558" s="107">
        <v>0</v>
      </c>
      <c r="AJ558" s="107">
        <v>0</v>
      </c>
      <c r="AK558" s="107">
        <v>0</v>
      </c>
      <c r="AL558" s="107">
        <v>0</v>
      </c>
      <c r="AM558" s="107">
        <v>0</v>
      </c>
      <c r="AN558" s="107">
        <v>0</v>
      </c>
    </row>
    <row r="559" spans="1:40" x14ac:dyDescent="0.2">
      <c r="A559" s="133" t="s">
        <v>964</v>
      </c>
      <c r="B559" s="107">
        <v>0</v>
      </c>
      <c r="C559" s="107">
        <v>0</v>
      </c>
      <c r="D559" s="107">
        <v>0</v>
      </c>
      <c r="E559" s="107">
        <v>0</v>
      </c>
      <c r="F559" s="107">
        <v>0</v>
      </c>
      <c r="G559" s="107">
        <v>0</v>
      </c>
      <c r="H559" s="107">
        <v>0</v>
      </c>
      <c r="I559" s="107">
        <v>0</v>
      </c>
      <c r="J559" s="107">
        <v>0</v>
      </c>
      <c r="K559" s="107">
        <v>0</v>
      </c>
      <c r="L559" s="107">
        <v>0</v>
      </c>
      <c r="M559" s="107">
        <v>0</v>
      </c>
      <c r="N559" s="107">
        <v>0</v>
      </c>
      <c r="O559" s="107">
        <v>0</v>
      </c>
      <c r="P559" s="107">
        <v>0</v>
      </c>
      <c r="Q559" s="107">
        <v>0</v>
      </c>
      <c r="R559" s="107">
        <v>0</v>
      </c>
      <c r="S559" s="107">
        <v>0</v>
      </c>
      <c r="T559" s="107">
        <v>0</v>
      </c>
      <c r="U559" s="107">
        <v>0</v>
      </c>
      <c r="V559" s="107">
        <v>0</v>
      </c>
      <c r="W559" s="107">
        <v>0</v>
      </c>
      <c r="X559" s="107">
        <v>0</v>
      </c>
      <c r="Y559" s="107">
        <v>0</v>
      </c>
      <c r="Z559" s="107">
        <v>0</v>
      </c>
      <c r="AA559" s="107">
        <v>0</v>
      </c>
      <c r="AB559" s="107">
        <v>0</v>
      </c>
      <c r="AC559" s="107">
        <v>0</v>
      </c>
      <c r="AD559" s="107">
        <v>0</v>
      </c>
      <c r="AE559" s="107">
        <v>0</v>
      </c>
      <c r="AF559" s="107">
        <v>0</v>
      </c>
      <c r="AG559" s="107">
        <v>0</v>
      </c>
      <c r="AH559" s="107">
        <v>0</v>
      </c>
      <c r="AI559" s="107">
        <v>0</v>
      </c>
      <c r="AJ559" s="107">
        <v>0</v>
      </c>
      <c r="AK559" s="107">
        <v>0</v>
      </c>
      <c r="AL559" s="107">
        <v>0</v>
      </c>
      <c r="AM559" s="107">
        <v>0</v>
      </c>
      <c r="AN559" s="107">
        <v>0</v>
      </c>
    </row>
    <row r="560" spans="1:40" x14ac:dyDescent="0.2">
      <c r="A560" s="133" t="s">
        <v>649</v>
      </c>
      <c r="B560" s="107">
        <v>0</v>
      </c>
      <c r="C560" s="107">
        <v>0</v>
      </c>
      <c r="D560" s="107">
        <v>0</v>
      </c>
      <c r="E560" s="107">
        <v>0</v>
      </c>
      <c r="F560" s="107">
        <v>0</v>
      </c>
      <c r="G560" s="107">
        <v>0</v>
      </c>
      <c r="H560" s="107">
        <v>0</v>
      </c>
      <c r="I560" s="107">
        <v>0</v>
      </c>
      <c r="J560" s="107">
        <v>0</v>
      </c>
      <c r="K560" s="107">
        <v>0</v>
      </c>
      <c r="L560" s="107">
        <v>0</v>
      </c>
      <c r="M560" s="107">
        <v>0</v>
      </c>
      <c r="N560" s="107">
        <v>0</v>
      </c>
      <c r="O560" s="107">
        <v>0</v>
      </c>
      <c r="P560" s="107">
        <v>0</v>
      </c>
      <c r="Q560" s="107">
        <v>0</v>
      </c>
      <c r="R560" s="107">
        <v>0</v>
      </c>
      <c r="S560" s="107">
        <v>0</v>
      </c>
      <c r="T560" s="107">
        <v>0</v>
      </c>
      <c r="U560" s="107">
        <v>0</v>
      </c>
      <c r="V560" s="107">
        <v>0</v>
      </c>
      <c r="W560" s="107">
        <v>0</v>
      </c>
      <c r="X560" s="107">
        <v>0</v>
      </c>
      <c r="Y560" s="107">
        <v>0</v>
      </c>
      <c r="Z560" s="107">
        <v>0</v>
      </c>
      <c r="AA560" s="107">
        <v>0</v>
      </c>
      <c r="AB560" s="107">
        <v>0</v>
      </c>
      <c r="AC560" s="107">
        <v>0</v>
      </c>
      <c r="AD560" s="107">
        <v>0</v>
      </c>
      <c r="AE560" s="107">
        <v>0</v>
      </c>
      <c r="AF560" s="107">
        <v>0</v>
      </c>
      <c r="AG560" s="107">
        <v>0</v>
      </c>
      <c r="AH560" s="107">
        <v>0</v>
      </c>
      <c r="AI560" s="107">
        <v>0</v>
      </c>
      <c r="AJ560" s="107">
        <v>0</v>
      </c>
      <c r="AK560" s="107">
        <v>0</v>
      </c>
      <c r="AL560" s="107">
        <v>0</v>
      </c>
      <c r="AM560" s="107">
        <v>0</v>
      </c>
      <c r="AN560" s="107">
        <v>0</v>
      </c>
    </row>
    <row r="561" spans="1:1" x14ac:dyDescent="0.2">
      <c r="A561" s="133" t="s">
        <v>650</v>
      </c>
    </row>
    <row r="562" spans="1:1" x14ac:dyDescent="0.2">
      <c r="A562" s="133" t="s">
        <v>651</v>
      </c>
    </row>
    <row r="563" spans="1:1" x14ac:dyDescent="0.2">
      <c r="A563" s="133" t="s">
        <v>652</v>
      </c>
    </row>
  </sheetData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42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EAEA9C-DA0F-4AE1-9956-C639F9E2BD2E}">
  <sheetPr>
    <tabColor rgb="FF002060"/>
  </sheetPr>
  <dimension ref="A1:O564"/>
  <sheetViews>
    <sheetView tabSelected="1" workbookViewId="0">
      <selection activeCell="F30" sqref="F30"/>
    </sheetView>
  </sheetViews>
  <sheetFormatPr defaultColWidth="9.33203125" defaultRowHeight="10.199999999999999" x14ac:dyDescent="0.2"/>
  <cols>
    <col min="1" max="1" width="70.33203125" style="133" bestFit="1" customWidth="1"/>
    <col min="2" max="13" width="13.33203125" style="134" hidden="1" customWidth="1"/>
    <col min="14" max="14" width="13.33203125" style="134" bestFit="1" customWidth="1"/>
    <col min="15" max="15" width="17.77734375" style="134" customWidth="1"/>
    <col min="16" max="16384" width="9.33203125" style="134"/>
  </cols>
  <sheetData>
    <row r="1" spans="1:14" s="132" customFormat="1" x14ac:dyDescent="0.2">
      <c r="A1" s="131"/>
    </row>
    <row r="2" spans="1:14" s="132" customFormat="1" x14ac:dyDescent="0.2">
      <c r="A2" s="131" t="s">
        <v>690</v>
      </c>
      <c r="B2" s="132" t="s">
        <v>691</v>
      </c>
      <c r="C2" s="132" t="s">
        <v>692</v>
      </c>
      <c r="D2" s="132" t="s">
        <v>693</v>
      </c>
      <c r="E2" s="132" t="s">
        <v>694</v>
      </c>
      <c r="F2" s="132" t="s">
        <v>695</v>
      </c>
      <c r="G2" s="132" t="s">
        <v>696</v>
      </c>
      <c r="H2" s="132" t="s">
        <v>697</v>
      </c>
      <c r="I2" s="132" t="s">
        <v>698</v>
      </c>
      <c r="J2" s="132" t="s">
        <v>699</v>
      </c>
      <c r="K2" s="132" t="s">
        <v>700</v>
      </c>
      <c r="L2" s="132" t="s">
        <v>701</v>
      </c>
      <c r="M2" s="132" t="s">
        <v>702</v>
      </c>
      <c r="N2" s="132" t="s">
        <v>14</v>
      </c>
    </row>
    <row r="3" spans="1:14" s="132" customFormat="1" x14ac:dyDescent="0.2">
      <c r="A3" s="131"/>
    </row>
    <row r="4" spans="1:14" x14ac:dyDescent="0.2">
      <c r="A4" s="133" t="s">
        <v>96</v>
      </c>
    </row>
    <row r="5" spans="1:14" x14ac:dyDescent="0.2">
      <c r="A5" s="133" t="s">
        <v>97</v>
      </c>
      <c r="B5" s="134">
        <v>0</v>
      </c>
      <c r="C5" s="134">
        <v>0</v>
      </c>
      <c r="D5" s="134">
        <v>0</v>
      </c>
      <c r="E5" s="134">
        <v>0</v>
      </c>
      <c r="F5" s="134">
        <v>0</v>
      </c>
      <c r="G5" s="134">
        <v>0</v>
      </c>
      <c r="H5" s="134">
        <v>0</v>
      </c>
      <c r="I5" s="134">
        <v>0</v>
      </c>
      <c r="J5" s="134">
        <v>0</v>
      </c>
      <c r="K5" s="134">
        <v>0</v>
      </c>
      <c r="L5" s="134">
        <v>0</v>
      </c>
      <c r="M5" s="134">
        <v>0</v>
      </c>
      <c r="N5" s="134">
        <v>0</v>
      </c>
    </row>
    <row r="6" spans="1:14" x14ac:dyDescent="0.2">
      <c r="A6" s="133" t="s">
        <v>98</v>
      </c>
      <c r="B6" s="134">
        <v>0</v>
      </c>
      <c r="C6" s="134">
        <v>0</v>
      </c>
      <c r="D6" s="134">
        <v>0</v>
      </c>
      <c r="E6" s="134">
        <v>0</v>
      </c>
      <c r="F6" s="134">
        <v>0</v>
      </c>
      <c r="G6" s="134">
        <v>0</v>
      </c>
      <c r="H6" s="134">
        <v>0</v>
      </c>
      <c r="I6" s="134">
        <v>0</v>
      </c>
      <c r="J6" s="134">
        <v>0</v>
      </c>
      <c r="K6" s="134">
        <v>0</v>
      </c>
      <c r="L6" s="134">
        <v>0</v>
      </c>
      <c r="M6" s="134">
        <v>0</v>
      </c>
      <c r="N6" s="134">
        <v>0</v>
      </c>
    </row>
    <row r="7" spans="1:14" x14ac:dyDescent="0.2">
      <c r="A7" s="133" t="s">
        <v>99</v>
      </c>
      <c r="B7" s="134">
        <v>0</v>
      </c>
      <c r="C7" s="134">
        <v>0</v>
      </c>
      <c r="D7" s="134">
        <v>0</v>
      </c>
      <c r="E7" s="134">
        <v>0</v>
      </c>
      <c r="F7" s="134">
        <v>0</v>
      </c>
      <c r="G7" s="134">
        <v>0</v>
      </c>
      <c r="H7" s="134">
        <v>0</v>
      </c>
      <c r="I7" s="134">
        <v>0</v>
      </c>
      <c r="J7" s="134">
        <v>0</v>
      </c>
      <c r="K7" s="134">
        <v>0</v>
      </c>
      <c r="L7" s="134">
        <v>0</v>
      </c>
      <c r="M7" s="134">
        <v>0</v>
      </c>
      <c r="N7" s="134">
        <v>0</v>
      </c>
    </row>
    <row r="8" spans="1:14" x14ac:dyDescent="0.2">
      <c r="A8" s="133" t="s">
        <v>100</v>
      </c>
      <c r="B8" s="134">
        <v>0</v>
      </c>
      <c r="C8" s="134">
        <v>0</v>
      </c>
      <c r="D8" s="134">
        <v>0</v>
      </c>
      <c r="E8" s="134">
        <v>0</v>
      </c>
      <c r="F8" s="134">
        <v>0</v>
      </c>
      <c r="G8" s="134">
        <v>0</v>
      </c>
      <c r="H8" s="134">
        <v>0</v>
      </c>
      <c r="I8" s="134">
        <v>0</v>
      </c>
      <c r="J8" s="134">
        <v>0</v>
      </c>
      <c r="K8" s="134">
        <v>0</v>
      </c>
      <c r="L8" s="134">
        <v>0</v>
      </c>
      <c r="M8" s="134">
        <v>0</v>
      </c>
      <c r="N8" s="134">
        <v>0</v>
      </c>
    </row>
    <row r="9" spans="1:14" x14ac:dyDescent="0.2">
      <c r="A9" s="133" t="s">
        <v>101</v>
      </c>
      <c r="B9" s="134">
        <v>0</v>
      </c>
      <c r="C9" s="134">
        <v>0</v>
      </c>
      <c r="D9" s="134">
        <v>0</v>
      </c>
      <c r="E9" s="134">
        <v>0</v>
      </c>
      <c r="F9" s="134">
        <v>0</v>
      </c>
      <c r="G9" s="134">
        <v>0</v>
      </c>
      <c r="H9" s="134">
        <v>0</v>
      </c>
      <c r="I9" s="134">
        <v>0</v>
      </c>
      <c r="J9" s="134">
        <v>0</v>
      </c>
      <c r="K9" s="134">
        <v>0</v>
      </c>
      <c r="L9" s="134">
        <v>0</v>
      </c>
      <c r="M9" s="134">
        <v>0</v>
      </c>
      <c r="N9" s="134">
        <v>0</v>
      </c>
    </row>
    <row r="10" spans="1:14" x14ac:dyDescent="0.2">
      <c r="A10" s="133" t="s">
        <v>102</v>
      </c>
      <c r="B10" s="134">
        <v>0</v>
      </c>
      <c r="C10" s="134">
        <v>0</v>
      </c>
      <c r="D10" s="134">
        <v>0</v>
      </c>
      <c r="E10" s="134">
        <v>0</v>
      </c>
      <c r="F10" s="134">
        <v>0</v>
      </c>
      <c r="G10" s="134">
        <v>0</v>
      </c>
      <c r="H10" s="134">
        <v>0</v>
      </c>
      <c r="I10" s="134">
        <v>0</v>
      </c>
      <c r="J10" s="134">
        <v>0</v>
      </c>
      <c r="K10" s="134">
        <v>0</v>
      </c>
      <c r="L10" s="134">
        <v>0</v>
      </c>
      <c r="M10" s="134">
        <v>0</v>
      </c>
      <c r="N10" s="134">
        <v>0</v>
      </c>
    </row>
    <row r="11" spans="1:14" x14ac:dyDescent="0.2">
      <c r="A11" s="133" t="s">
        <v>103</v>
      </c>
      <c r="B11" s="134">
        <v>0</v>
      </c>
      <c r="C11" s="134">
        <v>0</v>
      </c>
      <c r="D11" s="134">
        <v>0</v>
      </c>
      <c r="E11" s="134">
        <v>0</v>
      </c>
      <c r="F11" s="134">
        <v>0</v>
      </c>
      <c r="G11" s="134">
        <v>0</v>
      </c>
      <c r="H11" s="134">
        <v>0</v>
      </c>
      <c r="I11" s="134">
        <v>0</v>
      </c>
      <c r="J11" s="134">
        <v>0</v>
      </c>
      <c r="K11" s="134">
        <v>0</v>
      </c>
      <c r="L11" s="134">
        <v>0</v>
      </c>
      <c r="M11" s="134">
        <v>0</v>
      </c>
      <c r="N11" s="134">
        <v>0</v>
      </c>
    </row>
    <row r="12" spans="1:14" x14ac:dyDescent="0.2">
      <c r="A12" s="133" t="s">
        <v>104</v>
      </c>
      <c r="B12" s="134">
        <v>0</v>
      </c>
      <c r="C12" s="134">
        <v>0</v>
      </c>
      <c r="D12" s="134">
        <v>0</v>
      </c>
      <c r="E12" s="134">
        <v>0</v>
      </c>
      <c r="F12" s="134">
        <v>0</v>
      </c>
      <c r="G12" s="134">
        <v>0</v>
      </c>
      <c r="H12" s="134">
        <v>0</v>
      </c>
      <c r="I12" s="134">
        <v>0</v>
      </c>
      <c r="J12" s="134">
        <v>0</v>
      </c>
      <c r="K12" s="134">
        <v>0</v>
      </c>
      <c r="L12" s="134">
        <v>0</v>
      </c>
      <c r="M12" s="134">
        <v>0</v>
      </c>
      <c r="N12" s="134">
        <v>0</v>
      </c>
    </row>
    <row r="13" spans="1:14" x14ac:dyDescent="0.2">
      <c r="A13" s="133" t="s">
        <v>105</v>
      </c>
      <c r="B13" s="134">
        <v>0</v>
      </c>
      <c r="C13" s="134">
        <v>0</v>
      </c>
      <c r="D13" s="134">
        <v>0</v>
      </c>
      <c r="E13" s="134">
        <v>0</v>
      </c>
      <c r="F13" s="134">
        <v>0</v>
      </c>
      <c r="G13" s="134">
        <v>0</v>
      </c>
      <c r="H13" s="134">
        <v>0</v>
      </c>
      <c r="I13" s="134">
        <v>0</v>
      </c>
      <c r="J13" s="134">
        <v>0</v>
      </c>
      <c r="K13" s="134">
        <v>0</v>
      </c>
      <c r="L13" s="134">
        <v>0</v>
      </c>
      <c r="M13" s="134">
        <v>0</v>
      </c>
      <c r="N13" s="134">
        <v>0</v>
      </c>
    </row>
    <row r="14" spans="1:14" x14ac:dyDescent="0.2">
      <c r="A14" s="133" t="s">
        <v>106</v>
      </c>
      <c r="B14" s="134">
        <v>0</v>
      </c>
      <c r="C14" s="134">
        <v>0</v>
      </c>
      <c r="D14" s="134">
        <v>0</v>
      </c>
      <c r="E14" s="134">
        <v>0</v>
      </c>
      <c r="F14" s="134">
        <v>0</v>
      </c>
      <c r="G14" s="134">
        <v>0</v>
      </c>
      <c r="H14" s="134">
        <v>0</v>
      </c>
      <c r="I14" s="134">
        <v>0</v>
      </c>
      <c r="J14" s="134">
        <v>0</v>
      </c>
      <c r="K14" s="134">
        <v>0</v>
      </c>
      <c r="L14" s="134">
        <v>0</v>
      </c>
      <c r="M14" s="134">
        <v>0</v>
      </c>
      <c r="N14" s="134">
        <v>0</v>
      </c>
    </row>
    <row r="15" spans="1:14" x14ac:dyDescent="0.2">
      <c r="A15" s="133" t="s">
        <v>107</v>
      </c>
      <c r="B15" s="134">
        <v>0</v>
      </c>
      <c r="C15" s="134">
        <v>0</v>
      </c>
      <c r="D15" s="134">
        <v>0</v>
      </c>
      <c r="E15" s="134">
        <v>0</v>
      </c>
      <c r="F15" s="134">
        <v>0</v>
      </c>
      <c r="G15" s="134">
        <v>0</v>
      </c>
      <c r="H15" s="134">
        <v>0</v>
      </c>
      <c r="I15" s="134">
        <v>0</v>
      </c>
      <c r="J15" s="134">
        <v>0</v>
      </c>
      <c r="K15" s="134">
        <v>0</v>
      </c>
      <c r="L15" s="134">
        <v>0</v>
      </c>
      <c r="M15" s="134">
        <v>0</v>
      </c>
      <c r="N15" s="134">
        <v>0</v>
      </c>
    </row>
    <row r="16" spans="1:14" x14ac:dyDescent="0.2">
      <c r="A16" s="133" t="s">
        <v>108</v>
      </c>
      <c r="B16" s="134">
        <v>0</v>
      </c>
      <c r="C16" s="134">
        <v>0</v>
      </c>
      <c r="D16" s="134">
        <v>0</v>
      </c>
      <c r="E16" s="134">
        <v>0</v>
      </c>
      <c r="F16" s="134">
        <v>0</v>
      </c>
      <c r="G16" s="134">
        <v>0</v>
      </c>
      <c r="H16" s="134">
        <v>0</v>
      </c>
      <c r="I16" s="134">
        <v>0</v>
      </c>
      <c r="J16" s="134">
        <v>0</v>
      </c>
      <c r="K16" s="134">
        <v>0</v>
      </c>
      <c r="L16" s="134">
        <v>0</v>
      </c>
      <c r="M16" s="134">
        <v>0</v>
      </c>
      <c r="N16" s="134">
        <v>0</v>
      </c>
    </row>
    <row r="17" spans="1:14" x14ac:dyDescent="0.2">
      <c r="A17" s="133" t="s">
        <v>109</v>
      </c>
      <c r="B17" s="134">
        <v>0</v>
      </c>
      <c r="C17" s="134">
        <v>0</v>
      </c>
      <c r="D17" s="134">
        <v>0</v>
      </c>
      <c r="E17" s="134">
        <v>0</v>
      </c>
      <c r="F17" s="134">
        <v>0</v>
      </c>
      <c r="G17" s="134">
        <v>0</v>
      </c>
      <c r="H17" s="134">
        <v>0</v>
      </c>
      <c r="I17" s="134">
        <v>0</v>
      </c>
      <c r="J17" s="134">
        <v>0</v>
      </c>
      <c r="K17" s="134">
        <v>0</v>
      </c>
      <c r="L17" s="134">
        <v>0</v>
      </c>
      <c r="M17" s="134">
        <v>0</v>
      </c>
      <c r="N17" s="134">
        <v>0</v>
      </c>
    </row>
    <row r="18" spans="1:14" x14ac:dyDescent="0.2">
      <c r="A18" s="133" t="s">
        <v>110</v>
      </c>
    </row>
    <row r="19" spans="1:14" x14ac:dyDescent="0.2">
      <c r="A19" s="133" t="s">
        <v>111</v>
      </c>
    </row>
    <row r="20" spans="1:14" x14ac:dyDescent="0.2">
      <c r="A20" s="133" t="s">
        <v>112</v>
      </c>
    </row>
    <row r="21" spans="1:14" x14ac:dyDescent="0.2">
      <c r="A21" s="133" t="s">
        <v>113</v>
      </c>
    </row>
    <row r="22" spans="1:14" x14ac:dyDescent="0.2">
      <c r="A22" s="133" t="s">
        <v>114</v>
      </c>
      <c r="B22" s="134">
        <v>0</v>
      </c>
      <c r="C22" s="134">
        <v>0</v>
      </c>
      <c r="D22" s="134">
        <v>0</v>
      </c>
      <c r="E22" s="134">
        <v>0</v>
      </c>
      <c r="F22" s="134">
        <v>0</v>
      </c>
      <c r="G22" s="134">
        <v>0</v>
      </c>
      <c r="H22" s="134">
        <v>0</v>
      </c>
      <c r="I22" s="134">
        <v>0</v>
      </c>
      <c r="J22" s="134">
        <v>0</v>
      </c>
      <c r="K22" s="134">
        <v>0</v>
      </c>
      <c r="L22" s="134">
        <v>0</v>
      </c>
      <c r="M22" s="134">
        <v>0</v>
      </c>
      <c r="N22" s="134">
        <v>0</v>
      </c>
    </row>
    <row r="23" spans="1:14" x14ac:dyDescent="0.2">
      <c r="A23" s="133" t="s">
        <v>115</v>
      </c>
      <c r="B23" s="134">
        <v>0</v>
      </c>
      <c r="C23" s="134">
        <v>0</v>
      </c>
      <c r="D23" s="134">
        <v>0</v>
      </c>
      <c r="E23" s="134">
        <v>0</v>
      </c>
      <c r="F23" s="134">
        <v>0</v>
      </c>
      <c r="G23" s="134">
        <v>0</v>
      </c>
      <c r="H23" s="134">
        <v>0</v>
      </c>
      <c r="I23" s="134">
        <v>0</v>
      </c>
      <c r="J23" s="134">
        <v>0</v>
      </c>
      <c r="K23" s="134">
        <v>0</v>
      </c>
      <c r="L23" s="134">
        <v>0</v>
      </c>
      <c r="M23" s="134">
        <v>0</v>
      </c>
      <c r="N23" s="134">
        <v>0</v>
      </c>
    </row>
    <row r="24" spans="1:14" x14ac:dyDescent="0.2">
      <c r="A24" s="133" t="s">
        <v>116</v>
      </c>
      <c r="B24" s="134">
        <v>0</v>
      </c>
      <c r="C24" s="134">
        <v>0</v>
      </c>
      <c r="D24" s="134">
        <v>0</v>
      </c>
      <c r="E24" s="134">
        <v>0</v>
      </c>
      <c r="F24" s="134">
        <v>0</v>
      </c>
      <c r="G24" s="134">
        <v>0</v>
      </c>
      <c r="H24" s="134">
        <v>0</v>
      </c>
      <c r="I24" s="134">
        <v>0</v>
      </c>
      <c r="J24" s="134">
        <v>0</v>
      </c>
      <c r="K24" s="134">
        <v>0</v>
      </c>
      <c r="L24" s="134">
        <v>0</v>
      </c>
      <c r="M24" s="134">
        <v>0</v>
      </c>
      <c r="N24" s="134">
        <v>0</v>
      </c>
    </row>
    <row r="25" spans="1:14" x14ac:dyDescent="0.2">
      <c r="A25" s="133" t="s">
        <v>117</v>
      </c>
      <c r="B25" s="134">
        <v>0</v>
      </c>
      <c r="C25" s="134">
        <v>0</v>
      </c>
      <c r="D25" s="134">
        <v>0</v>
      </c>
      <c r="E25" s="134">
        <v>0</v>
      </c>
      <c r="F25" s="134">
        <v>0</v>
      </c>
      <c r="G25" s="134">
        <v>0</v>
      </c>
      <c r="H25" s="134">
        <v>0</v>
      </c>
      <c r="I25" s="134">
        <v>0</v>
      </c>
      <c r="J25" s="134">
        <v>0</v>
      </c>
      <c r="K25" s="134">
        <v>0</v>
      </c>
      <c r="L25" s="134">
        <v>0</v>
      </c>
      <c r="M25" s="134">
        <v>0</v>
      </c>
      <c r="N25" s="134">
        <v>0</v>
      </c>
    </row>
    <row r="26" spans="1:14" x14ac:dyDescent="0.2">
      <c r="A26" s="133" t="s">
        <v>118</v>
      </c>
      <c r="B26" s="134">
        <v>0</v>
      </c>
      <c r="C26" s="134">
        <v>0</v>
      </c>
      <c r="D26" s="134">
        <v>0</v>
      </c>
      <c r="E26" s="134">
        <v>0</v>
      </c>
      <c r="F26" s="134">
        <v>0</v>
      </c>
      <c r="G26" s="134">
        <v>0</v>
      </c>
      <c r="H26" s="134">
        <v>0</v>
      </c>
      <c r="I26" s="134">
        <v>0</v>
      </c>
      <c r="J26" s="134">
        <v>0</v>
      </c>
      <c r="K26" s="134">
        <v>0</v>
      </c>
      <c r="L26" s="134">
        <v>0</v>
      </c>
      <c r="M26" s="134">
        <v>0</v>
      </c>
      <c r="N26" s="134">
        <v>0</v>
      </c>
    </row>
    <row r="27" spans="1:14" x14ac:dyDescent="0.2">
      <c r="A27" s="133" t="s">
        <v>119</v>
      </c>
      <c r="B27" s="134">
        <v>0</v>
      </c>
      <c r="C27" s="134">
        <v>0</v>
      </c>
      <c r="D27" s="134">
        <v>0</v>
      </c>
      <c r="E27" s="134">
        <v>0</v>
      </c>
      <c r="F27" s="134">
        <v>0</v>
      </c>
      <c r="G27" s="134">
        <v>0</v>
      </c>
      <c r="H27" s="134">
        <v>0</v>
      </c>
      <c r="I27" s="134">
        <v>0</v>
      </c>
      <c r="J27" s="134">
        <v>0</v>
      </c>
      <c r="K27" s="134">
        <v>0</v>
      </c>
      <c r="L27" s="134">
        <v>0</v>
      </c>
      <c r="M27" s="134">
        <v>0</v>
      </c>
      <c r="N27" s="134">
        <v>0</v>
      </c>
    </row>
    <row r="28" spans="1:14" x14ac:dyDescent="0.2">
      <c r="A28" s="133" t="s">
        <v>120</v>
      </c>
      <c r="B28" s="134">
        <v>0</v>
      </c>
      <c r="C28" s="134">
        <v>0</v>
      </c>
      <c r="D28" s="134">
        <v>0</v>
      </c>
      <c r="E28" s="134">
        <v>0</v>
      </c>
      <c r="F28" s="134">
        <v>0</v>
      </c>
      <c r="G28" s="134">
        <v>0</v>
      </c>
      <c r="H28" s="134">
        <v>0</v>
      </c>
      <c r="I28" s="134">
        <v>0</v>
      </c>
      <c r="J28" s="134">
        <v>0</v>
      </c>
      <c r="K28" s="134">
        <v>0</v>
      </c>
      <c r="L28" s="134">
        <v>0</v>
      </c>
      <c r="M28" s="134">
        <v>0</v>
      </c>
      <c r="N28" s="134">
        <v>0</v>
      </c>
    </row>
    <row r="29" spans="1:14" x14ac:dyDescent="0.2">
      <c r="A29" s="133" t="s">
        <v>121</v>
      </c>
      <c r="B29" s="134">
        <v>0</v>
      </c>
      <c r="C29" s="134">
        <v>0</v>
      </c>
      <c r="D29" s="134">
        <v>0</v>
      </c>
      <c r="E29" s="134">
        <v>0</v>
      </c>
      <c r="F29" s="134">
        <v>0</v>
      </c>
      <c r="G29" s="134">
        <v>0</v>
      </c>
      <c r="H29" s="134">
        <v>0</v>
      </c>
      <c r="I29" s="134">
        <v>0</v>
      </c>
      <c r="J29" s="134">
        <v>0</v>
      </c>
      <c r="K29" s="134">
        <v>0</v>
      </c>
      <c r="L29" s="134">
        <v>0</v>
      </c>
      <c r="M29" s="134">
        <v>0</v>
      </c>
      <c r="N29" s="134">
        <v>0</v>
      </c>
    </row>
    <row r="30" spans="1:14" x14ac:dyDescent="0.2">
      <c r="A30" s="133" t="s">
        <v>122</v>
      </c>
      <c r="B30" s="134">
        <v>0</v>
      </c>
      <c r="C30" s="134">
        <v>0</v>
      </c>
      <c r="D30" s="134">
        <v>0</v>
      </c>
      <c r="E30" s="134">
        <v>0</v>
      </c>
      <c r="F30" s="134">
        <v>0</v>
      </c>
      <c r="G30" s="134">
        <v>0</v>
      </c>
      <c r="H30" s="134">
        <v>0</v>
      </c>
      <c r="I30" s="134">
        <v>0</v>
      </c>
      <c r="J30" s="134">
        <v>0</v>
      </c>
      <c r="K30" s="134">
        <v>0</v>
      </c>
      <c r="L30" s="134">
        <v>0</v>
      </c>
      <c r="M30" s="134">
        <v>0</v>
      </c>
      <c r="N30" s="134">
        <v>0</v>
      </c>
    </row>
    <row r="31" spans="1:14" x14ac:dyDescent="0.2">
      <c r="A31" s="133" t="s">
        <v>123</v>
      </c>
      <c r="B31" s="134">
        <v>0</v>
      </c>
      <c r="C31" s="134">
        <v>0</v>
      </c>
      <c r="D31" s="134">
        <v>0</v>
      </c>
      <c r="E31" s="134">
        <v>0</v>
      </c>
      <c r="F31" s="134">
        <v>0</v>
      </c>
      <c r="G31" s="134">
        <v>0</v>
      </c>
      <c r="H31" s="134">
        <v>0</v>
      </c>
      <c r="I31" s="134">
        <v>0</v>
      </c>
      <c r="J31" s="134">
        <v>0</v>
      </c>
      <c r="K31" s="134">
        <v>0</v>
      </c>
      <c r="L31" s="134">
        <v>0</v>
      </c>
      <c r="M31" s="134">
        <v>0</v>
      </c>
      <c r="N31" s="134">
        <v>0</v>
      </c>
    </row>
    <row r="32" spans="1:14" x14ac:dyDescent="0.2">
      <c r="A32" s="133" t="s">
        <v>124</v>
      </c>
      <c r="B32" s="134">
        <v>0</v>
      </c>
      <c r="C32" s="134">
        <v>0</v>
      </c>
      <c r="D32" s="134">
        <v>0</v>
      </c>
      <c r="E32" s="134">
        <v>0</v>
      </c>
      <c r="F32" s="134">
        <v>0</v>
      </c>
      <c r="G32" s="134">
        <v>0</v>
      </c>
      <c r="H32" s="134">
        <v>0</v>
      </c>
      <c r="I32" s="134">
        <v>0</v>
      </c>
      <c r="J32" s="134">
        <v>0</v>
      </c>
      <c r="K32" s="134">
        <v>0</v>
      </c>
      <c r="L32" s="134">
        <v>0</v>
      </c>
      <c r="M32" s="134">
        <v>0</v>
      </c>
      <c r="N32" s="134">
        <v>0</v>
      </c>
    </row>
    <row r="33" spans="1:14" x14ac:dyDescent="0.2">
      <c r="A33" s="133" t="s">
        <v>125</v>
      </c>
      <c r="B33" s="134">
        <v>0</v>
      </c>
      <c r="C33" s="134">
        <v>0</v>
      </c>
      <c r="D33" s="134">
        <v>0</v>
      </c>
      <c r="E33" s="134">
        <v>0</v>
      </c>
      <c r="F33" s="134">
        <v>0</v>
      </c>
      <c r="G33" s="134">
        <v>0</v>
      </c>
      <c r="H33" s="134">
        <v>0</v>
      </c>
      <c r="I33" s="134">
        <v>0</v>
      </c>
      <c r="J33" s="134">
        <v>0</v>
      </c>
      <c r="K33" s="134">
        <v>0</v>
      </c>
      <c r="L33" s="134">
        <v>0</v>
      </c>
      <c r="M33" s="134">
        <v>0</v>
      </c>
      <c r="N33" s="134">
        <v>0</v>
      </c>
    </row>
    <row r="34" spans="1:14" x14ac:dyDescent="0.2">
      <c r="A34" s="133" t="s">
        <v>126</v>
      </c>
      <c r="B34" s="134">
        <v>0</v>
      </c>
      <c r="C34" s="134">
        <v>0</v>
      </c>
      <c r="D34" s="134">
        <v>0</v>
      </c>
      <c r="E34" s="134">
        <v>0</v>
      </c>
      <c r="F34" s="134">
        <v>0</v>
      </c>
      <c r="G34" s="134">
        <v>0</v>
      </c>
      <c r="H34" s="134">
        <v>0</v>
      </c>
      <c r="I34" s="134">
        <v>0</v>
      </c>
      <c r="J34" s="134">
        <v>0</v>
      </c>
      <c r="K34" s="134">
        <v>0</v>
      </c>
      <c r="L34" s="134">
        <v>0</v>
      </c>
      <c r="M34" s="134">
        <v>0</v>
      </c>
      <c r="N34" s="134">
        <v>0</v>
      </c>
    </row>
    <row r="35" spans="1:14" x14ac:dyDescent="0.2">
      <c r="A35" s="133" t="s">
        <v>127</v>
      </c>
      <c r="B35" s="134">
        <v>0</v>
      </c>
      <c r="C35" s="134">
        <v>0</v>
      </c>
      <c r="D35" s="134">
        <v>0</v>
      </c>
      <c r="E35" s="134">
        <v>0</v>
      </c>
      <c r="F35" s="134">
        <v>0</v>
      </c>
      <c r="G35" s="134">
        <v>0</v>
      </c>
      <c r="H35" s="134">
        <v>0</v>
      </c>
      <c r="I35" s="134">
        <v>0</v>
      </c>
      <c r="J35" s="134">
        <v>0</v>
      </c>
      <c r="K35" s="134">
        <v>0</v>
      </c>
      <c r="L35" s="134">
        <v>0</v>
      </c>
      <c r="M35" s="134">
        <v>0</v>
      </c>
      <c r="N35" s="134">
        <v>0</v>
      </c>
    </row>
    <row r="36" spans="1:14" x14ac:dyDescent="0.2">
      <c r="A36" s="133" t="s">
        <v>128</v>
      </c>
      <c r="B36" s="134">
        <v>0</v>
      </c>
      <c r="C36" s="134">
        <v>0</v>
      </c>
      <c r="D36" s="134">
        <v>0</v>
      </c>
      <c r="E36" s="134">
        <v>0</v>
      </c>
      <c r="F36" s="134">
        <v>0</v>
      </c>
      <c r="G36" s="134">
        <v>0</v>
      </c>
      <c r="H36" s="134">
        <v>0</v>
      </c>
      <c r="I36" s="134">
        <v>0</v>
      </c>
      <c r="J36" s="134">
        <v>0</v>
      </c>
      <c r="K36" s="134">
        <v>0</v>
      </c>
      <c r="L36" s="134">
        <v>0</v>
      </c>
      <c r="M36" s="134">
        <v>0</v>
      </c>
      <c r="N36" s="134">
        <v>0</v>
      </c>
    </row>
    <row r="37" spans="1:14" x14ac:dyDescent="0.2">
      <c r="A37" s="133" t="s">
        <v>129</v>
      </c>
    </row>
    <row r="38" spans="1:14" x14ac:dyDescent="0.2">
      <c r="A38" s="133" t="s">
        <v>130</v>
      </c>
    </row>
    <row r="39" spans="1:14" ht="10.8" thickBot="1" x14ac:dyDescent="0.25">
      <c r="A39" s="135" t="s">
        <v>131</v>
      </c>
    </row>
    <row r="40" spans="1:14" x14ac:dyDescent="0.2">
      <c r="A40" s="136" t="s">
        <v>132</v>
      </c>
    </row>
    <row r="41" spans="1:14" x14ac:dyDescent="0.2">
      <c r="A41" s="133" t="s">
        <v>133</v>
      </c>
      <c r="B41" s="134">
        <v>3982072.01446955</v>
      </c>
      <c r="C41" s="134">
        <v>4107253.78675402</v>
      </c>
      <c r="D41" s="134">
        <v>4056545.5142935002</v>
      </c>
      <c r="E41" s="134">
        <v>3825409.3665659302</v>
      </c>
      <c r="F41" s="134">
        <v>3395109.40915913</v>
      </c>
      <c r="G41" s="134">
        <v>3372264.1176537401</v>
      </c>
      <c r="H41" s="134">
        <v>2823251.4254844901</v>
      </c>
      <c r="I41" s="134">
        <v>2541323.6432595798</v>
      </c>
      <c r="J41" s="134">
        <v>2017637.67779603</v>
      </c>
      <c r="K41" s="134">
        <v>1942426.0377799999</v>
      </c>
      <c r="L41" s="134">
        <v>1782423.68040167</v>
      </c>
      <c r="M41" s="134">
        <v>1870288.94211345</v>
      </c>
      <c r="N41" s="134">
        <v>1870288.94211345</v>
      </c>
    </row>
    <row r="42" spans="1:14" x14ac:dyDescent="0.2">
      <c r="A42" s="133" t="s">
        <v>134</v>
      </c>
      <c r="B42" s="134">
        <v>2898304.3690429502</v>
      </c>
      <c r="C42" s="134">
        <v>2876428.77542269</v>
      </c>
      <c r="D42" s="134">
        <v>2852113.5106980801</v>
      </c>
      <c r="E42" s="134">
        <v>2801352.6517762998</v>
      </c>
      <c r="F42" s="134">
        <v>2850529.0862117899</v>
      </c>
      <c r="G42" s="134">
        <v>2860325.8746627099</v>
      </c>
      <c r="H42" s="134">
        <v>2845236.8381600101</v>
      </c>
      <c r="I42" s="134">
        <v>2721485.8938086298</v>
      </c>
      <c r="J42" s="134">
        <v>2721482.5767246699</v>
      </c>
      <c r="K42" s="134">
        <v>2718500.3846064298</v>
      </c>
      <c r="L42" s="134">
        <v>2754885.62849632</v>
      </c>
      <c r="M42" s="134">
        <v>2875479.14327625</v>
      </c>
      <c r="N42" s="134">
        <v>2875479.14327625</v>
      </c>
    </row>
    <row r="43" spans="1:14" x14ac:dyDescent="0.2">
      <c r="A43" s="133" t="s">
        <v>135</v>
      </c>
      <c r="B43" s="134">
        <v>31367.798733780499</v>
      </c>
      <c r="C43" s="134">
        <v>33378.038237491899</v>
      </c>
      <c r="D43" s="134">
        <v>31758.9472143067</v>
      </c>
      <c r="E43" s="134">
        <v>31403.472785502399</v>
      </c>
      <c r="F43" s="134">
        <v>30970.292159683901</v>
      </c>
      <c r="G43" s="134">
        <v>32859.527689205803</v>
      </c>
      <c r="H43" s="134">
        <v>34250.2607485806</v>
      </c>
      <c r="I43" s="134">
        <v>44748.005445957402</v>
      </c>
      <c r="J43" s="134">
        <v>39533.574398444398</v>
      </c>
      <c r="K43" s="134">
        <v>39621.910016437199</v>
      </c>
      <c r="L43" s="134">
        <v>39931.538113829498</v>
      </c>
      <c r="M43" s="134">
        <v>39090.064297554403</v>
      </c>
      <c r="N43" s="134">
        <v>39090.064297554403</v>
      </c>
    </row>
    <row r="44" spans="1:14" x14ac:dyDescent="0.2">
      <c r="A44" s="133" t="s">
        <v>136</v>
      </c>
      <c r="B44" s="134">
        <v>6911744.1822462799</v>
      </c>
      <c r="C44" s="134">
        <v>7017060.6004141998</v>
      </c>
      <c r="D44" s="134">
        <v>6940417.9722058903</v>
      </c>
      <c r="E44" s="134">
        <v>6658165.4911277397</v>
      </c>
      <c r="F44" s="134">
        <v>6276608.7875306103</v>
      </c>
      <c r="G44" s="134">
        <v>6265449.5200056499</v>
      </c>
      <c r="H44" s="134">
        <v>5702738.52439309</v>
      </c>
      <c r="I44" s="134">
        <v>5307557.5425141696</v>
      </c>
      <c r="J44" s="134">
        <v>4778653.8289191499</v>
      </c>
      <c r="K44" s="134">
        <v>4700548.3324028701</v>
      </c>
      <c r="L44" s="134">
        <v>4577240.8470118204</v>
      </c>
      <c r="M44" s="134">
        <v>4784858.1496872604</v>
      </c>
      <c r="N44" s="134">
        <v>4784858.1496872604</v>
      </c>
    </row>
    <row r="45" spans="1:14" x14ac:dyDescent="0.2">
      <c r="A45" s="133" t="s">
        <v>137</v>
      </c>
    </row>
    <row r="46" spans="1:14" x14ac:dyDescent="0.2">
      <c r="A46" s="133" t="s">
        <v>138</v>
      </c>
      <c r="B46" s="134">
        <v>36159982.304748401</v>
      </c>
      <c r="C46" s="134">
        <v>33969990.336844698</v>
      </c>
      <c r="D46" s="134">
        <v>30618800.311641201</v>
      </c>
      <c r="E46" s="134">
        <v>29641438.715496201</v>
      </c>
      <c r="F46" s="134">
        <v>30193012.8292564</v>
      </c>
      <c r="G46" s="134">
        <v>30096172.5091759</v>
      </c>
      <c r="H46" s="134">
        <v>29930920.317190699</v>
      </c>
      <c r="I46" s="134">
        <v>30451623.0234138</v>
      </c>
      <c r="J46" s="134">
        <v>30535533.8825689</v>
      </c>
      <c r="K46" s="134">
        <v>30468338.221026301</v>
      </c>
      <c r="L46" s="134">
        <v>30807862.851948</v>
      </c>
      <c r="M46" s="134">
        <v>32925320.199280001</v>
      </c>
      <c r="N46" s="134">
        <v>32925320.199280001</v>
      </c>
    </row>
    <row r="47" spans="1:14" x14ac:dyDescent="0.2">
      <c r="A47" s="133" t="s">
        <v>139</v>
      </c>
      <c r="B47" s="134">
        <v>10545127.887462299</v>
      </c>
      <c r="C47" s="134">
        <v>10713542.599634301</v>
      </c>
      <c r="D47" s="134">
        <v>10771233.763894901</v>
      </c>
      <c r="E47" s="134">
        <v>11466153.7633233</v>
      </c>
      <c r="F47" s="134">
        <v>11143762.967311401</v>
      </c>
      <c r="G47" s="134">
        <v>11292298.932599399</v>
      </c>
      <c r="H47" s="134">
        <v>10618013.9187463</v>
      </c>
      <c r="I47" s="134">
        <v>11098382.7535438</v>
      </c>
      <c r="J47" s="134">
        <v>11163755.9896056</v>
      </c>
      <c r="K47" s="134">
        <v>11480421.2970959</v>
      </c>
      <c r="L47" s="134">
        <v>11473581.2567345</v>
      </c>
      <c r="M47" s="134">
        <v>12041680.536911299</v>
      </c>
      <c r="N47" s="134">
        <v>12041680.536911299</v>
      </c>
    </row>
    <row r="48" spans="1:14" x14ac:dyDescent="0.2">
      <c r="A48" s="133" t="s">
        <v>140</v>
      </c>
      <c r="B48" s="134">
        <v>110.15115966454</v>
      </c>
      <c r="C48" s="134">
        <v>110.14154956454</v>
      </c>
      <c r="D48" s="134">
        <v>9.6294464540283106E-2</v>
      </c>
      <c r="E48" s="134">
        <v>8.6684364540283096E-2</v>
      </c>
      <c r="F48" s="134">
        <v>7.7074264540283099E-2</v>
      </c>
      <c r="G48" s="134">
        <v>6.7459029464194395E-2</v>
      </c>
      <c r="H48" s="134">
        <v>5.7848929464194399E-2</v>
      </c>
      <c r="I48" s="134">
        <v>4.8229162627365499E-2</v>
      </c>
      <c r="J48" s="134">
        <v>3.8618317493179399E-2</v>
      </c>
      <c r="K48" s="134">
        <v>2.9008217493179399E-2</v>
      </c>
      <c r="L48" s="134">
        <v>1.9397698711394001E-2</v>
      </c>
      <c r="M48" s="134">
        <v>9.7876128996601496E-3</v>
      </c>
      <c r="N48" s="134">
        <v>9.7876128996601496E-3</v>
      </c>
    </row>
    <row r="49" spans="1:14" x14ac:dyDescent="0.2">
      <c r="A49" s="133" t="s">
        <v>141</v>
      </c>
      <c r="B49" s="134">
        <v>46705220.3433704</v>
      </c>
      <c r="C49" s="134">
        <v>44683643.078028597</v>
      </c>
      <c r="D49" s="134">
        <v>41390034.171830699</v>
      </c>
      <c r="E49" s="134">
        <v>41107592.565503903</v>
      </c>
      <c r="F49" s="134">
        <v>41336775.873642102</v>
      </c>
      <c r="G49" s="134">
        <v>41388471.509234399</v>
      </c>
      <c r="H49" s="134">
        <v>40548934.293785997</v>
      </c>
      <c r="I49" s="134">
        <v>41550005.825186796</v>
      </c>
      <c r="J49" s="134">
        <v>41699289.910792902</v>
      </c>
      <c r="K49" s="134">
        <v>41948759.547130503</v>
      </c>
      <c r="L49" s="134">
        <v>42281444.128080301</v>
      </c>
      <c r="M49" s="134">
        <v>44967000.745979004</v>
      </c>
      <c r="N49" s="134">
        <v>44967000.745979004</v>
      </c>
    </row>
    <row r="50" spans="1:14" x14ac:dyDescent="0.2">
      <c r="A50" s="136" t="s">
        <v>142</v>
      </c>
      <c r="B50" s="134">
        <v>53616964.525616698</v>
      </c>
      <c r="C50" s="134">
        <v>51700703.678442799</v>
      </c>
      <c r="D50" s="134">
        <v>48330452.144036502</v>
      </c>
      <c r="E50" s="134">
        <v>47765758.056631602</v>
      </c>
      <c r="F50" s="134">
        <v>47613384.661172703</v>
      </c>
      <c r="G50" s="134">
        <v>47653921.029239997</v>
      </c>
      <c r="H50" s="134">
        <v>46251672.818179101</v>
      </c>
      <c r="I50" s="134">
        <v>46857563.367701001</v>
      </c>
      <c r="J50" s="134">
        <v>46477943.739712</v>
      </c>
      <c r="K50" s="134">
        <v>46649307.879533403</v>
      </c>
      <c r="L50" s="134">
        <v>46858684.975092098</v>
      </c>
      <c r="M50" s="134">
        <v>49751858.895666301</v>
      </c>
      <c r="N50" s="134">
        <v>49751858.895666301</v>
      </c>
    </row>
    <row r="51" spans="1:14" x14ac:dyDescent="0.2">
      <c r="A51" s="133" t="s">
        <v>143</v>
      </c>
    </row>
    <row r="52" spans="1:14" x14ac:dyDescent="0.2">
      <c r="A52" s="136" t="s">
        <v>144</v>
      </c>
    </row>
    <row r="53" spans="1:14" x14ac:dyDescent="0.2">
      <c r="A53" s="133" t="s">
        <v>145</v>
      </c>
      <c r="B53" s="134">
        <v>-1453915.0095974901</v>
      </c>
      <c r="C53" s="134">
        <v>-1453915.0095974901</v>
      </c>
      <c r="D53" s="134">
        <v>-1557246.68855289</v>
      </c>
      <c r="E53" s="134">
        <v>-1557246.68855289</v>
      </c>
      <c r="F53" s="134">
        <v>-1557246.68855289</v>
      </c>
      <c r="G53" s="134">
        <v>-1557222.09429539</v>
      </c>
      <c r="H53" s="134">
        <v>-1716127.92825809</v>
      </c>
      <c r="I53" s="134">
        <v>-1716127.92825809</v>
      </c>
      <c r="J53" s="134">
        <v>-1219474.6676409</v>
      </c>
      <c r="K53" s="134">
        <v>-1218380.0662948999</v>
      </c>
      <c r="L53" s="134">
        <v>-1218380.0662948999</v>
      </c>
      <c r="M53" s="134">
        <v>-17339.117122600001</v>
      </c>
      <c r="N53" s="134">
        <v>-17339.117122600001</v>
      </c>
    </row>
    <row r="54" spans="1:14" x14ac:dyDescent="0.2">
      <c r="A54" s="133" t="s">
        <v>146</v>
      </c>
      <c r="B54" s="134">
        <v>0</v>
      </c>
      <c r="C54" s="134">
        <v>0</v>
      </c>
      <c r="D54" s="134">
        <v>0</v>
      </c>
      <c r="E54" s="134">
        <v>0</v>
      </c>
      <c r="F54" s="134">
        <v>0</v>
      </c>
      <c r="G54" s="134">
        <v>0</v>
      </c>
      <c r="H54" s="134">
        <v>0</v>
      </c>
      <c r="I54" s="134">
        <v>0</v>
      </c>
      <c r="J54" s="134">
        <v>0</v>
      </c>
      <c r="K54" s="134">
        <v>0</v>
      </c>
      <c r="L54" s="134">
        <v>0</v>
      </c>
      <c r="M54" s="134">
        <v>0</v>
      </c>
      <c r="N54" s="134">
        <v>0</v>
      </c>
    </row>
    <row r="55" spans="1:14" x14ac:dyDescent="0.2">
      <c r="A55" s="136" t="s">
        <v>147</v>
      </c>
      <c r="B55" s="134">
        <v>-1453915.0095974901</v>
      </c>
      <c r="C55" s="134">
        <v>-1453915.0095974901</v>
      </c>
      <c r="D55" s="134">
        <v>-1557246.68855289</v>
      </c>
      <c r="E55" s="134">
        <v>-1557246.68855289</v>
      </c>
      <c r="F55" s="134">
        <v>-1557246.68855289</v>
      </c>
      <c r="G55" s="134">
        <v>-1557222.09429539</v>
      </c>
      <c r="H55" s="134">
        <v>-1716127.92825809</v>
      </c>
      <c r="I55" s="134">
        <v>-1716127.92825809</v>
      </c>
      <c r="J55" s="134">
        <v>-1219474.6676409</v>
      </c>
      <c r="K55" s="134">
        <v>-1218380.0662948999</v>
      </c>
      <c r="L55" s="134">
        <v>-1218380.0662948999</v>
      </c>
      <c r="M55" s="134">
        <v>-17339.117122600001</v>
      </c>
      <c r="N55" s="134">
        <v>-17339.117122600001</v>
      </c>
    </row>
    <row r="56" spans="1:14" x14ac:dyDescent="0.2">
      <c r="A56" s="133" t="s">
        <v>148</v>
      </c>
    </row>
    <row r="57" spans="1:14" x14ac:dyDescent="0.2">
      <c r="A57" s="136" t="s">
        <v>149</v>
      </c>
    </row>
    <row r="58" spans="1:14" x14ac:dyDescent="0.2">
      <c r="A58" s="133" t="s">
        <v>150</v>
      </c>
      <c r="B58" s="134">
        <v>24020383.788258702</v>
      </c>
      <c r="C58" s="134">
        <v>24316872.486634199</v>
      </c>
      <c r="D58" s="134">
        <v>25584194.5995804</v>
      </c>
      <c r="E58" s="134">
        <v>26006658.1437736</v>
      </c>
      <c r="F58" s="134">
        <v>26595667.3478048</v>
      </c>
      <c r="G58" s="134">
        <v>27722581.739384599</v>
      </c>
      <c r="H58" s="134">
        <v>28383833.264632799</v>
      </c>
      <c r="I58" s="134">
        <v>28825111.0709984</v>
      </c>
      <c r="J58" s="134">
        <v>30736881.768486999</v>
      </c>
      <c r="K58" s="134">
        <v>32588205.368947901</v>
      </c>
      <c r="L58" s="134">
        <v>34677624.626230299</v>
      </c>
      <c r="M58" s="134">
        <v>36878948.049600199</v>
      </c>
      <c r="N58" s="134">
        <v>36878948.049600199</v>
      </c>
    </row>
    <row r="59" spans="1:14" x14ac:dyDescent="0.2">
      <c r="A59" s="133" t="s">
        <v>151</v>
      </c>
      <c r="B59" s="134">
        <v>1609564.4667874801</v>
      </c>
      <c r="C59" s="134">
        <v>1555237.40798467</v>
      </c>
      <c r="D59" s="134">
        <v>1407525.8077137601</v>
      </c>
      <c r="E59" s="134">
        <v>1464927.58690694</v>
      </c>
      <c r="F59" s="134">
        <v>1420305.7481752599</v>
      </c>
      <c r="G59" s="134">
        <v>1455471.9173349901</v>
      </c>
      <c r="H59" s="134">
        <v>1434941.2467028799</v>
      </c>
      <c r="I59" s="134">
        <v>1399016.05882883</v>
      </c>
      <c r="J59" s="134">
        <v>1194094.35480327</v>
      </c>
      <c r="K59" s="134">
        <v>1161575.1843978199</v>
      </c>
      <c r="L59" s="134">
        <v>1129577.96378406</v>
      </c>
      <c r="M59" s="134">
        <v>1107273.3092265599</v>
      </c>
      <c r="N59" s="134">
        <v>1107273.3092265599</v>
      </c>
    </row>
    <row r="60" spans="1:14" x14ac:dyDescent="0.2">
      <c r="A60" s="133" t="s">
        <v>152</v>
      </c>
      <c r="B60" s="134">
        <v>5957522.4388843896</v>
      </c>
      <c r="C60" s="134">
        <v>5999588.6840557698</v>
      </c>
      <c r="D60" s="134">
        <v>6433711.5435867598</v>
      </c>
      <c r="E60" s="134">
        <v>6404546.3316940796</v>
      </c>
      <c r="F60" s="134">
        <v>6256735.6560674496</v>
      </c>
      <c r="G60" s="134">
        <v>6297238.5737153199</v>
      </c>
      <c r="H60" s="134">
        <v>6209833.3524908302</v>
      </c>
      <c r="I60" s="134">
        <v>5841607.9558281396</v>
      </c>
      <c r="J60" s="134">
        <v>5655710.7500131</v>
      </c>
      <c r="K60" s="134">
        <v>5777265.1222035699</v>
      </c>
      <c r="L60" s="134">
        <v>6065202.25010031</v>
      </c>
      <c r="M60" s="134">
        <v>5767235.1383536896</v>
      </c>
      <c r="N60" s="134">
        <v>5767235.1383536896</v>
      </c>
    </row>
    <row r="61" spans="1:14" x14ac:dyDescent="0.2">
      <c r="A61" s="133" t="s">
        <v>153</v>
      </c>
      <c r="B61" s="134">
        <v>0</v>
      </c>
      <c r="C61" s="134">
        <v>0</v>
      </c>
      <c r="D61" s="134">
        <v>0</v>
      </c>
      <c r="E61" s="134">
        <v>0</v>
      </c>
      <c r="F61" s="134">
        <v>0</v>
      </c>
      <c r="G61" s="134">
        <v>0</v>
      </c>
      <c r="H61" s="134">
        <v>0</v>
      </c>
      <c r="I61" s="134">
        <v>0</v>
      </c>
      <c r="J61" s="134">
        <v>0</v>
      </c>
      <c r="K61" s="134">
        <v>0</v>
      </c>
      <c r="L61" s="134">
        <v>0</v>
      </c>
      <c r="M61" s="134">
        <v>0</v>
      </c>
      <c r="N61" s="134">
        <v>0</v>
      </c>
    </row>
    <row r="62" spans="1:14" x14ac:dyDescent="0.2">
      <c r="A62" s="133" t="s">
        <v>154</v>
      </c>
      <c r="B62" s="134">
        <v>31587470.6939306</v>
      </c>
      <c r="C62" s="134">
        <v>31871698.5786747</v>
      </c>
      <c r="D62" s="134">
        <v>33425431.950881001</v>
      </c>
      <c r="E62" s="134">
        <v>33876132.062374704</v>
      </c>
      <c r="F62" s="134">
        <v>34272708.752047598</v>
      </c>
      <c r="G62" s="134">
        <v>35475292.230434999</v>
      </c>
      <c r="H62" s="134">
        <v>36028607.863826498</v>
      </c>
      <c r="I62" s="134">
        <v>36065735.085655399</v>
      </c>
      <c r="J62" s="134">
        <v>37586686.873303398</v>
      </c>
      <c r="K62" s="134">
        <v>39527045.675549299</v>
      </c>
      <c r="L62" s="134">
        <v>41872404.840114698</v>
      </c>
      <c r="M62" s="134">
        <v>43753456.497180499</v>
      </c>
      <c r="N62" s="134">
        <v>43753456.497180499</v>
      </c>
    </row>
    <row r="63" spans="1:14" x14ac:dyDescent="0.2">
      <c r="A63" s="133" t="s">
        <v>155</v>
      </c>
    </row>
    <row r="64" spans="1:14" x14ac:dyDescent="0.2">
      <c r="A64" s="133" t="s">
        <v>156</v>
      </c>
      <c r="B64" s="134">
        <v>64878282.7870766</v>
      </c>
      <c r="C64" s="134">
        <v>64570915.861292303</v>
      </c>
      <c r="D64" s="134">
        <v>63552965.659375504</v>
      </c>
      <c r="E64" s="134">
        <v>60051871.121835597</v>
      </c>
      <c r="F64" s="134">
        <v>49801560.008612797</v>
      </c>
      <c r="G64" s="134">
        <v>47939430.545438699</v>
      </c>
      <c r="H64" s="134">
        <v>46828214.892039999</v>
      </c>
      <c r="I64" s="134">
        <v>46193169.770101503</v>
      </c>
      <c r="J64" s="134">
        <v>46430501.983271301</v>
      </c>
      <c r="K64" s="134">
        <v>43076994.112645</v>
      </c>
      <c r="L64" s="134">
        <v>44147849.880031303</v>
      </c>
      <c r="M64" s="134">
        <v>42295849.535010099</v>
      </c>
      <c r="N64" s="134">
        <v>42295849.535010099</v>
      </c>
    </row>
    <row r="65" spans="1:14" x14ac:dyDescent="0.2">
      <c r="A65" s="133" t="s">
        <v>157</v>
      </c>
      <c r="B65" s="134">
        <v>3018393.38889687</v>
      </c>
      <c r="C65" s="134">
        <v>2132676.5175545001</v>
      </c>
      <c r="D65" s="134">
        <v>1861826.8755341601</v>
      </c>
      <c r="E65" s="134">
        <v>1676970.2248811801</v>
      </c>
      <c r="F65" s="134">
        <v>1721625.4928351101</v>
      </c>
      <c r="G65" s="134">
        <v>1859502.12385747</v>
      </c>
      <c r="H65" s="134">
        <v>1804403.4411995001</v>
      </c>
      <c r="I65" s="134">
        <v>1784402.8722850699</v>
      </c>
      <c r="J65" s="134">
        <v>1748652.82227707</v>
      </c>
      <c r="K65" s="134">
        <v>1806340.9179905599</v>
      </c>
      <c r="L65" s="134">
        <v>1796950.60899272</v>
      </c>
      <c r="M65" s="134">
        <v>1824208.3248814601</v>
      </c>
      <c r="N65" s="134">
        <v>1824208.3248814601</v>
      </c>
    </row>
    <row r="66" spans="1:14" x14ac:dyDescent="0.2">
      <c r="A66" s="133" t="s">
        <v>158</v>
      </c>
      <c r="B66" s="134">
        <v>11007961.095228299</v>
      </c>
      <c r="C66" s="134">
        <v>10996668.380736601</v>
      </c>
      <c r="D66" s="134">
        <v>10772431.5876312</v>
      </c>
      <c r="E66" s="134">
        <v>10501907.8822366</v>
      </c>
      <c r="F66" s="134">
        <v>10933089.871152701</v>
      </c>
      <c r="G66" s="134">
        <v>12547387.6722288</v>
      </c>
      <c r="H66" s="134">
        <v>12066389.6422564</v>
      </c>
      <c r="I66" s="134">
        <v>12194186.6522444</v>
      </c>
      <c r="J66" s="134">
        <v>12262519.260176901</v>
      </c>
      <c r="K66" s="134">
        <v>12725485.885852899</v>
      </c>
      <c r="L66" s="134">
        <v>12701428.9373146</v>
      </c>
      <c r="M66" s="134">
        <v>13051701.882130301</v>
      </c>
      <c r="N66" s="134">
        <v>13051701.882130301</v>
      </c>
    </row>
    <row r="67" spans="1:14" x14ac:dyDescent="0.2">
      <c r="A67" s="133" t="s">
        <v>159</v>
      </c>
      <c r="B67" s="134">
        <v>12397.815969192099</v>
      </c>
      <c r="C67" s="134">
        <v>12356.1623772455</v>
      </c>
      <c r="D67" s="134">
        <v>13484.098636790401</v>
      </c>
      <c r="E67" s="134">
        <v>14774.416495257101</v>
      </c>
      <c r="F67" s="134">
        <v>14520.333054959199</v>
      </c>
      <c r="G67" s="134">
        <v>15411.4524585242</v>
      </c>
      <c r="H67" s="134">
        <v>15887.804355483</v>
      </c>
      <c r="I67" s="134">
        <v>12485.510713273001</v>
      </c>
      <c r="J67" s="134">
        <v>14023.957078142899</v>
      </c>
      <c r="K67" s="134">
        <v>13549.8737415122</v>
      </c>
      <c r="L67" s="134">
        <v>13549.8737415122</v>
      </c>
      <c r="M67" s="134">
        <v>13359.648615321899</v>
      </c>
      <c r="N67" s="134">
        <v>13359.648615321899</v>
      </c>
    </row>
    <row r="68" spans="1:14" x14ac:dyDescent="0.2">
      <c r="A68" s="133" t="s">
        <v>160</v>
      </c>
      <c r="B68" s="134">
        <v>78917035.087171003</v>
      </c>
      <c r="C68" s="134">
        <v>77712616.921960801</v>
      </c>
      <c r="D68" s="134">
        <v>76200708.221177697</v>
      </c>
      <c r="E68" s="134">
        <v>72245523.6454487</v>
      </c>
      <c r="F68" s="134">
        <v>62470795.705655597</v>
      </c>
      <c r="G68" s="134">
        <v>62361731.793983601</v>
      </c>
      <c r="H68" s="134">
        <v>60714895.779851399</v>
      </c>
      <c r="I68" s="134">
        <v>60184244.805344298</v>
      </c>
      <c r="J68" s="134">
        <v>60455698.0228035</v>
      </c>
      <c r="K68" s="134">
        <v>57622370.790230103</v>
      </c>
      <c r="L68" s="134">
        <v>58659779.300080203</v>
      </c>
      <c r="M68" s="134">
        <v>57185119.390637197</v>
      </c>
      <c r="N68" s="134">
        <v>57185119.390637197</v>
      </c>
    </row>
    <row r="69" spans="1:14" x14ac:dyDescent="0.2">
      <c r="A69" s="136" t="s">
        <v>161</v>
      </c>
      <c r="B69" s="134">
        <v>110504505.781101</v>
      </c>
      <c r="C69" s="134">
        <v>109584315.500635</v>
      </c>
      <c r="D69" s="134">
        <v>109626140.172058</v>
      </c>
      <c r="E69" s="134">
        <v>106121655.70782299</v>
      </c>
      <c r="F69" s="134">
        <v>96743504.457703203</v>
      </c>
      <c r="G69" s="134">
        <v>97837024.024418607</v>
      </c>
      <c r="H69" s="134">
        <v>96743503.643677995</v>
      </c>
      <c r="I69" s="134">
        <v>96249979.890999794</v>
      </c>
      <c r="J69" s="134">
        <v>98042384.896106899</v>
      </c>
      <c r="K69" s="134">
        <v>97149416.465779498</v>
      </c>
      <c r="L69" s="134">
        <v>100532184.140194</v>
      </c>
      <c r="M69" s="134">
        <v>100938575.887817</v>
      </c>
      <c r="N69" s="134">
        <v>100938575.887817</v>
      </c>
    </row>
    <row r="70" spans="1:14" x14ac:dyDescent="0.2">
      <c r="A70" s="133" t="s">
        <v>162</v>
      </c>
    </row>
    <row r="71" spans="1:14" x14ac:dyDescent="0.2">
      <c r="A71" s="136" t="s">
        <v>163</v>
      </c>
    </row>
    <row r="72" spans="1:14" x14ac:dyDescent="0.2">
      <c r="A72" s="133" t="s">
        <v>164</v>
      </c>
      <c r="B72" s="134">
        <v>0</v>
      </c>
      <c r="C72" s="134">
        <v>0</v>
      </c>
      <c r="D72" s="134">
        <v>0</v>
      </c>
      <c r="E72" s="134">
        <v>0</v>
      </c>
      <c r="F72" s="134">
        <v>0</v>
      </c>
      <c r="G72" s="134">
        <v>0</v>
      </c>
      <c r="H72" s="134">
        <v>0</v>
      </c>
      <c r="I72" s="134">
        <v>0</v>
      </c>
      <c r="J72" s="134">
        <v>0</v>
      </c>
      <c r="K72" s="134">
        <v>0</v>
      </c>
      <c r="L72" s="134">
        <v>0</v>
      </c>
      <c r="M72" s="134">
        <v>0</v>
      </c>
      <c r="N72" s="134">
        <v>0</v>
      </c>
    </row>
    <row r="73" spans="1:14" x14ac:dyDescent="0.2">
      <c r="A73" s="133" t="s">
        <v>165</v>
      </c>
    </row>
    <row r="74" spans="1:14" x14ac:dyDescent="0.2">
      <c r="A74" s="133" t="s">
        <v>166</v>
      </c>
      <c r="B74" s="134">
        <v>1780553.52850794</v>
      </c>
      <c r="C74" s="134">
        <v>1844918.73844598</v>
      </c>
      <c r="D74" s="134">
        <v>1831705.35889752</v>
      </c>
      <c r="E74" s="134">
        <v>1837941.8808199901</v>
      </c>
      <c r="F74" s="134">
        <v>1838490.6299578401</v>
      </c>
      <c r="G74" s="134">
        <v>1910680.35309723</v>
      </c>
      <c r="H74" s="134">
        <v>1834597.95188034</v>
      </c>
      <c r="I74" s="134">
        <v>1835319.5564625601</v>
      </c>
      <c r="J74" s="134">
        <v>1788147.52682491</v>
      </c>
      <c r="K74" s="134">
        <v>1623899.31519538</v>
      </c>
      <c r="L74" s="134">
        <v>1643112.3180738699</v>
      </c>
      <c r="M74" s="134">
        <v>1609508.6295902701</v>
      </c>
      <c r="N74" s="134">
        <v>1609508.6295902701</v>
      </c>
    </row>
    <row r="75" spans="1:14" x14ac:dyDescent="0.2">
      <c r="A75" s="133" t="s">
        <v>167</v>
      </c>
      <c r="B75" s="134">
        <v>126629.06573138401</v>
      </c>
      <c r="C75" s="134">
        <v>134047.44022399501</v>
      </c>
      <c r="D75" s="134">
        <v>135497.22596753901</v>
      </c>
      <c r="E75" s="134">
        <v>138072.069664832</v>
      </c>
      <c r="F75" s="134">
        <v>140055.975351025</v>
      </c>
      <c r="G75" s="134">
        <v>146993.969803827</v>
      </c>
      <c r="H75" s="134">
        <v>142749.57064108801</v>
      </c>
      <c r="I75" s="134">
        <v>143879.32937553301</v>
      </c>
      <c r="J75" s="134">
        <v>140991.91892353201</v>
      </c>
      <c r="K75" s="134">
        <v>128497.304888046</v>
      </c>
      <c r="L75" s="134">
        <v>130403.998779517</v>
      </c>
      <c r="M75" s="134">
        <v>127955.317212339</v>
      </c>
      <c r="N75" s="134">
        <v>127955.317212339</v>
      </c>
    </row>
    <row r="76" spans="1:14" x14ac:dyDescent="0.2">
      <c r="A76" s="133" t="s">
        <v>168</v>
      </c>
      <c r="B76" s="134">
        <v>156182.624211505</v>
      </c>
      <c r="C76" s="134">
        <v>162080.64654535</v>
      </c>
      <c r="D76" s="134">
        <v>161154.40787489299</v>
      </c>
      <c r="E76" s="134">
        <v>161949.64989362899</v>
      </c>
      <c r="F76" s="134">
        <v>162261.519613043</v>
      </c>
      <c r="G76" s="134">
        <v>168881.40484831599</v>
      </c>
      <c r="H76" s="134">
        <v>162417.858287387</v>
      </c>
      <c r="I76" s="134">
        <v>162692.669237984</v>
      </c>
      <c r="J76" s="134">
        <v>158683.572077447</v>
      </c>
      <c r="K76" s="134">
        <v>144167.68066571301</v>
      </c>
      <c r="L76" s="134">
        <v>146064.29911684699</v>
      </c>
      <c r="M76" s="134">
        <v>143256.70471257699</v>
      </c>
      <c r="N76" s="134">
        <v>143256.70471257699</v>
      </c>
    </row>
    <row r="77" spans="1:14" x14ac:dyDescent="0.2">
      <c r="A77" s="133" t="s">
        <v>169</v>
      </c>
      <c r="B77" s="134">
        <v>219054.84582772301</v>
      </c>
      <c r="C77" s="134">
        <v>236333.55970742501</v>
      </c>
      <c r="D77" s="134">
        <v>243203.86667068501</v>
      </c>
      <c r="E77" s="134">
        <v>253583.761042097</v>
      </c>
      <c r="F77" s="134">
        <v>264541.75674209202</v>
      </c>
      <c r="G77" s="134">
        <v>286111.88840514602</v>
      </c>
      <c r="H77" s="134">
        <v>286280.89955738903</v>
      </c>
      <c r="I77" s="134">
        <v>297144.75330251001</v>
      </c>
      <c r="J77" s="134">
        <v>298325.69325082703</v>
      </c>
      <c r="K77" s="134">
        <v>273179.26875601697</v>
      </c>
      <c r="L77" s="134">
        <v>286691.13165816403</v>
      </c>
      <c r="M77" s="134">
        <v>290166.46349463903</v>
      </c>
      <c r="N77" s="134">
        <v>290166.46349463903</v>
      </c>
    </row>
    <row r="78" spans="1:14" x14ac:dyDescent="0.2">
      <c r="A78" s="136" t="s">
        <v>170</v>
      </c>
      <c r="B78" s="134">
        <v>2282420.06427855</v>
      </c>
      <c r="C78" s="134">
        <v>2377380.3849227498</v>
      </c>
      <c r="D78" s="134">
        <v>2371560.8594106399</v>
      </c>
      <c r="E78" s="134">
        <v>2391547.3614205499</v>
      </c>
      <c r="F78" s="134">
        <v>2405349.881664</v>
      </c>
      <c r="G78" s="134">
        <v>2512667.6161545198</v>
      </c>
      <c r="H78" s="134">
        <v>2426046.2803662</v>
      </c>
      <c r="I78" s="134">
        <v>2439036.3083785898</v>
      </c>
      <c r="J78" s="134">
        <v>2386148.7110767099</v>
      </c>
      <c r="K78" s="134">
        <v>2169743.56950515</v>
      </c>
      <c r="L78" s="134">
        <v>2206271.7476284001</v>
      </c>
      <c r="M78" s="134">
        <v>2170887.1150098201</v>
      </c>
      <c r="N78" s="134">
        <v>2170887.1150098201</v>
      </c>
    </row>
    <row r="79" spans="1:14" x14ac:dyDescent="0.2">
      <c r="A79" s="133" t="s">
        <v>171</v>
      </c>
    </row>
    <row r="80" spans="1:14" x14ac:dyDescent="0.2">
      <c r="A80" s="133" t="s">
        <v>172</v>
      </c>
    </row>
    <row r="81" spans="1:14" x14ac:dyDescent="0.2">
      <c r="A81" s="133" t="s">
        <v>173</v>
      </c>
      <c r="B81" s="134">
        <v>0</v>
      </c>
      <c r="C81" s="134">
        <v>0</v>
      </c>
      <c r="D81" s="134">
        <v>0</v>
      </c>
      <c r="E81" s="134">
        <v>0</v>
      </c>
      <c r="F81" s="134">
        <v>0</v>
      </c>
      <c r="G81" s="134">
        <v>0</v>
      </c>
      <c r="H81" s="134">
        <v>0</v>
      </c>
      <c r="I81" s="134">
        <v>0</v>
      </c>
      <c r="J81" s="134">
        <v>0</v>
      </c>
      <c r="K81" s="134">
        <v>0</v>
      </c>
      <c r="L81" s="134">
        <v>0</v>
      </c>
      <c r="M81" s="134">
        <v>0</v>
      </c>
      <c r="N81" s="134">
        <v>0</v>
      </c>
    </row>
    <row r="82" spans="1:14" x14ac:dyDescent="0.2">
      <c r="A82" s="133" t="s">
        <v>174</v>
      </c>
    </row>
    <row r="83" spans="1:14" x14ac:dyDescent="0.2">
      <c r="A83" s="136" t="s">
        <v>175</v>
      </c>
    </row>
    <row r="84" spans="1:14" x14ac:dyDescent="0.2">
      <c r="A84" s="133" t="s">
        <v>176</v>
      </c>
      <c r="B84" s="134">
        <v>678512.85680564202</v>
      </c>
      <c r="C84" s="134">
        <v>682743.06711415097</v>
      </c>
      <c r="D84" s="134">
        <v>690358.56440694397</v>
      </c>
      <c r="E84" s="134">
        <v>697868.70405816205</v>
      </c>
      <c r="F84" s="134">
        <v>704596.14100777195</v>
      </c>
      <c r="G84" s="134">
        <v>704262.06954678497</v>
      </c>
      <c r="H84" s="134">
        <v>707498.33921537397</v>
      </c>
      <c r="I84" s="134">
        <v>720475.25782012299</v>
      </c>
      <c r="J84" s="134">
        <v>725296.98876501794</v>
      </c>
      <c r="K84" s="134">
        <v>730427.88304299605</v>
      </c>
      <c r="L84" s="134">
        <v>729709.85714287194</v>
      </c>
      <c r="M84" s="134">
        <v>725229.69482669304</v>
      </c>
      <c r="N84" s="134">
        <v>725229.69482669304</v>
      </c>
    </row>
    <row r="85" spans="1:14" x14ac:dyDescent="0.2">
      <c r="A85" s="133" t="s">
        <v>177</v>
      </c>
      <c r="B85" s="134">
        <v>0</v>
      </c>
      <c r="C85" s="134">
        <v>0</v>
      </c>
      <c r="D85" s="134">
        <v>0</v>
      </c>
      <c r="E85" s="134">
        <v>0</v>
      </c>
      <c r="F85" s="134">
        <v>0</v>
      </c>
      <c r="G85" s="134">
        <v>0</v>
      </c>
      <c r="H85" s="134">
        <v>0</v>
      </c>
      <c r="I85" s="134">
        <v>0</v>
      </c>
      <c r="J85" s="134">
        <v>0</v>
      </c>
      <c r="K85" s="134">
        <v>0</v>
      </c>
      <c r="L85" s="134">
        <v>0</v>
      </c>
      <c r="M85" s="134">
        <v>0</v>
      </c>
      <c r="N85" s="134">
        <v>0</v>
      </c>
    </row>
    <row r="86" spans="1:14" x14ac:dyDescent="0.2">
      <c r="A86" s="133" t="s">
        <v>178</v>
      </c>
      <c r="B86" s="134">
        <v>605.25189009999997</v>
      </c>
      <c r="C86" s="134">
        <v>541.92783169999996</v>
      </c>
      <c r="D86" s="134">
        <v>154.62716940000001</v>
      </c>
      <c r="E86" s="134">
        <v>154.62716940000001</v>
      </c>
      <c r="F86" s="134">
        <v>225.62498674442801</v>
      </c>
      <c r="G86" s="134">
        <v>194.24116981821601</v>
      </c>
      <c r="H86" s="134">
        <v>155.78151678018301</v>
      </c>
      <c r="I86" s="134">
        <v>613.34719815303401</v>
      </c>
      <c r="J86" s="134">
        <v>920.915436949639</v>
      </c>
      <c r="K86" s="134">
        <v>1001.70980636707</v>
      </c>
      <c r="L86" s="134">
        <v>1001.70980636707</v>
      </c>
      <c r="M86" s="134">
        <v>1001.70980636707</v>
      </c>
      <c r="N86" s="134">
        <v>1001.70980636707</v>
      </c>
    </row>
    <row r="87" spans="1:14" x14ac:dyDescent="0.2">
      <c r="A87" s="133" t="s">
        <v>179</v>
      </c>
      <c r="B87" s="134">
        <v>24390.748421474502</v>
      </c>
      <c r="C87" s="134">
        <v>24398.649142949002</v>
      </c>
      <c r="D87" s="134">
        <v>24449.9357144235</v>
      </c>
      <c r="E87" s="134">
        <v>24501.2222858981</v>
      </c>
      <c r="F87" s="134">
        <v>24552.508857372599</v>
      </c>
      <c r="G87" s="134">
        <v>24603.795428847101</v>
      </c>
      <c r="H87" s="134">
        <v>24655.082000321599</v>
      </c>
      <c r="I87" s="134">
        <v>24706.3685717962</v>
      </c>
      <c r="J87" s="134">
        <v>24757.655143270698</v>
      </c>
      <c r="K87" s="134">
        <v>24808.9417147452</v>
      </c>
      <c r="L87" s="134">
        <v>24860.228286219801</v>
      </c>
      <c r="M87" s="134">
        <v>24911.514857694299</v>
      </c>
      <c r="N87" s="134">
        <v>24911.514857694299</v>
      </c>
    </row>
    <row r="88" spans="1:14" x14ac:dyDescent="0.2">
      <c r="A88" s="133" t="s">
        <v>180</v>
      </c>
      <c r="B88" s="134">
        <v>0</v>
      </c>
      <c r="C88" s="134">
        <v>0</v>
      </c>
      <c r="D88" s="134">
        <v>0</v>
      </c>
      <c r="E88" s="134">
        <v>0</v>
      </c>
      <c r="F88" s="134">
        <v>0</v>
      </c>
      <c r="G88" s="134">
        <v>0</v>
      </c>
      <c r="H88" s="134">
        <v>0</v>
      </c>
      <c r="I88" s="134">
        <v>0</v>
      </c>
      <c r="J88" s="134">
        <v>0</v>
      </c>
      <c r="K88" s="134">
        <v>0</v>
      </c>
      <c r="L88" s="134">
        <v>0</v>
      </c>
      <c r="M88" s="134">
        <v>0</v>
      </c>
      <c r="N88" s="134">
        <v>0</v>
      </c>
    </row>
    <row r="89" spans="1:14" x14ac:dyDescent="0.2">
      <c r="A89" s="133" t="s">
        <v>181</v>
      </c>
      <c r="B89" s="134">
        <v>0</v>
      </c>
      <c r="C89" s="134">
        <v>0</v>
      </c>
      <c r="D89" s="134">
        <v>0</v>
      </c>
      <c r="E89" s="134">
        <v>0</v>
      </c>
      <c r="F89" s="134">
        <v>0</v>
      </c>
      <c r="G89" s="134">
        <v>0</v>
      </c>
      <c r="H89" s="134">
        <v>0</v>
      </c>
      <c r="I89" s="134">
        <v>0</v>
      </c>
      <c r="J89" s="134">
        <v>0</v>
      </c>
      <c r="K89" s="134">
        <v>0</v>
      </c>
      <c r="L89" s="134">
        <v>0</v>
      </c>
      <c r="M89" s="134">
        <v>0</v>
      </c>
      <c r="N89" s="134">
        <v>0</v>
      </c>
    </row>
    <row r="90" spans="1:14" x14ac:dyDescent="0.2">
      <c r="A90" s="133" t="s">
        <v>182</v>
      </c>
      <c r="B90" s="134">
        <v>0</v>
      </c>
      <c r="C90" s="134">
        <v>0</v>
      </c>
      <c r="D90" s="134">
        <v>0</v>
      </c>
      <c r="E90" s="134">
        <v>0</v>
      </c>
      <c r="F90" s="134">
        <v>0</v>
      </c>
      <c r="G90" s="134">
        <v>0</v>
      </c>
      <c r="H90" s="134">
        <v>0</v>
      </c>
      <c r="I90" s="134">
        <v>0</v>
      </c>
      <c r="J90" s="134">
        <v>0</v>
      </c>
      <c r="K90" s="134">
        <v>0</v>
      </c>
      <c r="L90" s="134">
        <v>0</v>
      </c>
      <c r="M90" s="134">
        <v>0</v>
      </c>
      <c r="N90" s="134">
        <v>0</v>
      </c>
    </row>
    <row r="91" spans="1:14" x14ac:dyDescent="0.2">
      <c r="A91" s="136" t="s">
        <v>183</v>
      </c>
      <c r="B91" s="134">
        <v>703508.85711721599</v>
      </c>
      <c r="C91" s="134">
        <v>707683.64408879995</v>
      </c>
      <c r="D91" s="134">
        <v>714963.12729076797</v>
      </c>
      <c r="E91" s="134">
        <v>722524.55351345998</v>
      </c>
      <c r="F91" s="134">
        <v>729374.274851889</v>
      </c>
      <c r="G91" s="134">
        <v>729060.10614545003</v>
      </c>
      <c r="H91" s="134">
        <v>732309.20273247606</v>
      </c>
      <c r="I91" s="134">
        <v>745794.97359007201</v>
      </c>
      <c r="J91" s="134">
        <v>750975.55934523803</v>
      </c>
      <c r="K91" s="134">
        <v>756238.53456410905</v>
      </c>
      <c r="L91" s="134">
        <v>755571.79523545899</v>
      </c>
      <c r="M91" s="134">
        <v>751142.91949075402</v>
      </c>
      <c r="N91" s="134">
        <v>751142.91949075402</v>
      </c>
    </row>
    <row r="92" spans="1:14" x14ac:dyDescent="0.2">
      <c r="A92" s="133" t="s">
        <v>184</v>
      </c>
      <c r="B92" s="134">
        <v>0</v>
      </c>
      <c r="C92" s="134">
        <v>0</v>
      </c>
      <c r="D92" s="134">
        <v>0</v>
      </c>
      <c r="E92" s="134">
        <v>0</v>
      </c>
      <c r="F92" s="134">
        <v>0</v>
      </c>
      <c r="G92" s="134">
        <v>0</v>
      </c>
      <c r="H92" s="134">
        <v>0</v>
      </c>
      <c r="I92" s="134">
        <v>0</v>
      </c>
      <c r="J92" s="134">
        <v>0</v>
      </c>
      <c r="K92" s="134">
        <v>0</v>
      </c>
      <c r="L92" s="134">
        <v>0</v>
      </c>
      <c r="M92" s="134">
        <v>0</v>
      </c>
      <c r="N92" s="134">
        <v>0</v>
      </c>
    </row>
    <row r="93" spans="1:14" x14ac:dyDescent="0.2">
      <c r="A93" s="136" t="s">
        <v>185</v>
      </c>
      <c r="B93" s="134">
        <v>0</v>
      </c>
      <c r="C93" s="134">
        <v>0</v>
      </c>
      <c r="D93" s="134">
        <v>0</v>
      </c>
      <c r="E93" s="134">
        <v>0</v>
      </c>
      <c r="F93" s="134">
        <v>0</v>
      </c>
      <c r="G93" s="134">
        <v>0</v>
      </c>
      <c r="H93" s="134">
        <v>0</v>
      </c>
      <c r="I93" s="134">
        <v>0</v>
      </c>
      <c r="J93" s="134">
        <v>0</v>
      </c>
      <c r="K93" s="134">
        <v>0</v>
      </c>
      <c r="L93" s="134">
        <v>0</v>
      </c>
      <c r="M93" s="134">
        <v>0</v>
      </c>
      <c r="N93" s="134">
        <v>0</v>
      </c>
    </row>
    <row r="94" spans="1:14" x14ac:dyDescent="0.2">
      <c r="A94" s="136" t="s">
        <v>186</v>
      </c>
      <c r="B94" s="134">
        <v>165653484.21851599</v>
      </c>
      <c r="C94" s="134">
        <v>162916168.19849199</v>
      </c>
      <c r="D94" s="134">
        <v>159485869.614243</v>
      </c>
      <c r="E94" s="134">
        <v>155444238.99083599</v>
      </c>
      <c r="F94" s="134">
        <v>145934366.58683801</v>
      </c>
      <c r="G94" s="134">
        <v>147175450.68166301</v>
      </c>
      <c r="H94" s="134">
        <v>144437404.01669699</v>
      </c>
      <c r="I94" s="134">
        <v>144576246.61241099</v>
      </c>
      <c r="J94" s="134">
        <v>146437978.23859999</v>
      </c>
      <c r="K94" s="134">
        <v>145506326.38308701</v>
      </c>
      <c r="L94" s="134">
        <v>149134332.591856</v>
      </c>
      <c r="M94" s="134">
        <v>153595125.70086199</v>
      </c>
      <c r="N94" s="134">
        <v>153595125.70086199</v>
      </c>
    </row>
    <row r="95" spans="1:14" x14ac:dyDescent="0.2">
      <c r="A95" s="133" t="s">
        <v>187</v>
      </c>
    </row>
    <row r="96" spans="1:14" ht="10.8" thickBot="1" x14ac:dyDescent="0.25">
      <c r="A96" s="135" t="s">
        <v>188</v>
      </c>
    </row>
    <row r="97" spans="1:14" x14ac:dyDescent="0.2">
      <c r="A97" s="136" t="s">
        <v>189</v>
      </c>
      <c r="B97" s="134">
        <v>0</v>
      </c>
      <c r="C97" s="134">
        <v>0</v>
      </c>
      <c r="D97" s="134">
        <v>0</v>
      </c>
      <c r="E97" s="134">
        <v>0</v>
      </c>
      <c r="F97" s="134">
        <v>0</v>
      </c>
      <c r="G97" s="134">
        <v>0</v>
      </c>
      <c r="H97" s="134">
        <v>0</v>
      </c>
      <c r="I97" s="134">
        <v>0</v>
      </c>
      <c r="J97" s="134">
        <v>0</v>
      </c>
      <c r="K97" s="134">
        <v>0</v>
      </c>
      <c r="L97" s="134">
        <v>0</v>
      </c>
      <c r="M97" s="134">
        <v>0</v>
      </c>
      <c r="N97" s="134">
        <v>0</v>
      </c>
    </row>
    <row r="98" spans="1:14" x14ac:dyDescent="0.2">
      <c r="A98" s="133" t="s">
        <v>190</v>
      </c>
      <c r="B98" s="134">
        <v>476.50960116190498</v>
      </c>
      <c r="C98" s="134">
        <v>492.02303637183797</v>
      </c>
      <c r="D98" s="134">
        <v>477.13114633343599</v>
      </c>
      <c r="E98" s="134">
        <v>465.494678906508</v>
      </c>
      <c r="F98" s="134">
        <v>458.96553853408398</v>
      </c>
      <c r="G98" s="134">
        <v>420.94443678410499</v>
      </c>
      <c r="H98" s="134">
        <v>429.11607732499101</v>
      </c>
      <c r="I98" s="134">
        <v>368.460816651649</v>
      </c>
      <c r="J98" s="134">
        <v>364.98502009904001</v>
      </c>
      <c r="K98" s="134">
        <v>345.60406353213801</v>
      </c>
      <c r="L98" s="134">
        <v>340.45449762141197</v>
      </c>
      <c r="M98" s="134">
        <v>337.73269396536301</v>
      </c>
      <c r="N98" s="134">
        <v>337.73269396536301</v>
      </c>
    </row>
    <row r="99" spans="1:14" x14ac:dyDescent="0.2">
      <c r="A99" s="133" t="s">
        <v>191</v>
      </c>
      <c r="B99" s="134">
        <v>14.2114016121341</v>
      </c>
      <c r="C99" s="134">
        <v>14.700441063790199</v>
      </c>
      <c r="D99" s="134">
        <v>14.282552486760901</v>
      </c>
      <c r="E99" s="134">
        <v>13.962245019452</v>
      </c>
      <c r="F99" s="134">
        <v>13.7879808088265</v>
      </c>
      <c r="G99" s="134">
        <v>12.6518400075642</v>
      </c>
      <c r="H99" s="134">
        <v>12.899170536611001</v>
      </c>
      <c r="I99" s="134">
        <v>11.0779262606457</v>
      </c>
      <c r="J99" s="134">
        <v>10.973990495788</v>
      </c>
      <c r="K99" s="134">
        <v>10.391465651878301</v>
      </c>
      <c r="L99" s="134">
        <v>10.236738185988299</v>
      </c>
      <c r="M99" s="134">
        <v>10.1550573685321</v>
      </c>
      <c r="N99" s="134">
        <v>10.1550573685321</v>
      </c>
    </row>
    <row r="100" spans="1:14" x14ac:dyDescent="0.2">
      <c r="A100" s="133" t="s">
        <v>192</v>
      </c>
      <c r="B100" s="134">
        <v>105.42397695646601</v>
      </c>
      <c r="C100" s="134">
        <v>109.024492249456</v>
      </c>
      <c r="D100" s="134">
        <v>105.899581138366</v>
      </c>
      <c r="E100" s="134">
        <v>103.494907300215</v>
      </c>
      <c r="F100" s="134">
        <v>102.175225844685</v>
      </c>
      <c r="G100" s="134">
        <v>93.730687325490507</v>
      </c>
      <c r="H100" s="134">
        <v>95.554999982415595</v>
      </c>
      <c r="I100" s="134">
        <v>82.050152319272698</v>
      </c>
      <c r="J100" s="134">
        <v>81.277459035926</v>
      </c>
      <c r="K100" s="134">
        <v>76.963104851066106</v>
      </c>
      <c r="L100" s="134">
        <v>75.817156094658401</v>
      </c>
      <c r="M100" s="134">
        <v>75.212227135792901</v>
      </c>
      <c r="N100" s="134">
        <v>75.212227135792901</v>
      </c>
    </row>
    <row r="101" spans="1:14" x14ac:dyDescent="0.2">
      <c r="A101" s="133" t="s">
        <v>193</v>
      </c>
      <c r="B101" s="134">
        <v>313.06209002932701</v>
      </c>
      <c r="C101" s="134">
        <v>329.87510226785901</v>
      </c>
      <c r="D101" s="134">
        <v>326.11739590434001</v>
      </c>
      <c r="E101" s="134">
        <v>324.433601525195</v>
      </c>
      <c r="F101" s="134">
        <v>324.37126342643802</v>
      </c>
      <c r="G101" s="134">
        <v>301.23927471416101</v>
      </c>
      <c r="H101" s="134">
        <v>308.440941111038</v>
      </c>
      <c r="I101" s="134">
        <v>267.18056912546399</v>
      </c>
      <c r="J101" s="134">
        <v>265.40175286657399</v>
      </c>
      <c r="K101" s="134">
        <v>251.944095006255</v>
      </c>
      <c r="L101" s="134">
        <v>248.344424222404</v>
      </c>
      <c r="M101" s="134">
        <v>246.384588378117</v>
      </c>
      <c r="N101" s="134">
        <v>246.384588378117</v>
      </c>
    </row>
    <row r="102" spans="1:14" x14ac:dyDescent="0.2">
      <c r="A102" s="133" t="s">
        <v>194</v>
      </c>
      <c r="B102" s="134">
        <v>282.24243304908799</v>
      </c>
      <c r="C102" s="134">
        <v>294.23819021524997</v>
      </c>
      <c r="D102" s="134">
        <v>288.45590145874399</v>
      </c>
      <c r="E102" s="134">
        <v>283.14310952906999</v>
      </c>
      <c r="F102" s="134">
        <v>278.02349371985298</v>
      </c>
      <c r="G102" s="134">
        <v>253.62886427197299</v>
      </c>
      <c r="H102" s="134">
        <v>257.74335754865302</v>
      </c>
      <c r="I102" s="134">
        <v>219.826398758463</v>
      </c>
      <c r="J102" s="134">
        <v>216.96788173429499</v>
      </c>
      <c r="K102" s="134">
        <v>204.46191453127699</v>
      </c>
      <c r="L102" s="134">
        <v>200.917395548141</v>
      </c>
      <c r="M102" s="134">
        <v>198.60064830225099</v>
      </c>
      <c r="N102" s="134">
        <v>198.60064830225099</v>
      </c>
    </row>
    <row r="103" spans="1:14" x14ac:dyDescent="0.2">
      <c r="A103" s="133" t="s">
        <v>195</v>
      </c>
      <c r="B103" s="134">
        <v>21916.930859629199</v>
      </c>
      <c r="C103" s="134">
        <v>22727.251954433599</v>
      </c>
      <c r="D103" s="134">
        <v>22152.98391531</v>
      </c>
      <c r="E103" s="134">
        <v>21752.962790953501</v>
      </c>
      <c r="F103" s="134">
        <v>21596.756234146102</v>
      </c>
      <c r="G103" s="134">
        <v>19922.701684967498</v>
      </c>
      <c r="H103" s="134">
        <v>20362.611170986002</v>
      </c>
      <c r="I103" s="134">
        <v>17541.7528066087</v>
      </c>
      <c r="J103" s="134">
        <v>17416.8179030395</v>
      </c>
      <c r="K103" s="134">
        <v>16522.389648844601</v>
      </c>
      <c r="L103" s="134">
        <v>16296.149005122499</v>
      </c>
      <c r="M103" s="134">
        <v>16201.693963674999</v>
      </c>
      <c r="N103" s="134">
        <v>16201.693963674999</v>
      </c>
    </row>
    <row r="104" spans="1:14" x14ac:dyDescent="0.2">
      <c r="A104" s="133" t="s">
        <v>196</v>
      </c>
      <c r="B104" s="134">
        <v>23108.380362438202</v>
      </c>
      <c r="C104" s="134">
        <v>23967.1132166018</v>
      </c>
      <c r="D104" s="134">
        <v>23364.870492631599</v>
      </c>
      <c r="E104" s="134">
        <v>22943.491333233898</v>
      </c>
      <c r="F104" s="134">
        <v>22774.079736479998</v>
      </c>
      <c r="G104" s="134">
        <v>21004.896788070801</v>
      </c>
      <c r="H104" s="134">
        <v>21466.365717489702</v>
      </c>
      <c r="I104" s="134">
        <v>18490.348669724201</v>
      </c>
      <c r="J104" s="134">
        <v>18356.4240072711</v>
      </c>
      <c r="K104" s="134">
        <v>17411.754292417299</v>
      </c>
      <c r="L104" s="134">
        <v>17171.919216795101</v>
      </c>
      <c r="M104" s="134">
        <v>17069.779178825102</v>
      </c>
      <c r="N104" s="134">
        <v>17069.779178825102</v>
      </c>
    </row>
    <row r="105" spans="1:14" x14ac:dyDescent="0.2">
      <c r="A105" s="133" t="s">
        <v>197</v>
      </c>
    </row>
    <row r="106" spans="1:14" x14ac:dyDescent="0.2">
      <c r="A106" s="133" t="s">
        <v>198</v>
      </c>
      <c r="B106" s="134">
        <v>2.4334919514807001E-10</v>
      </c>
      <c r="C106" s="134">
        <v>2.4334919514807001E-10</v>
      </c>
      <c r="D106" s="134">
        <v>2.4334919514807001E-10</v>
      </c>
      <c r="E106" s="134">
        <v>2.4334919514807001E-10</v>
      </c>
      <c r="F106" s="134">
        <v>2.4219687168366298E-10</v>
      </c>
      <c r="G106" s="134">
        <v>2.4219687168366298E-10</v>
      </c>
      <c r="H106" s="134">
        <v>2.4219687168366298E-10</v>
      </c>
      <c r="I106" s="134">
        <v>2.4219687168366298E-10</v>
      </c>
      <c r="J106" s="134">
        <v>2.4219687168366298E-10</v>
      </c>
      <c r="K106" s="134">
        <v>-7.8010822856433099E-11</v>
      </c>
      <c r="L106" s="134">
        <v>-7.8010822856433099E-11</v>
      </c>
      <c r="M106" s="134">
        <v>-5.5630515954131497E-10</v>
      </c>
      <c r="N106" s="134">
        <v>-5.5630515954131497E-10</v>
      </c>
    </row>
    <row r="107" spans="1:14" x14ac:dyDescent="0.2">
      <c r="A107" s="133" t="s">
        <v>199</v>
      </c>
      <c r="B107" s="134">
        <v>1.81107170699064E-11</v>
      </c>
      <c r="C107" s="134">
        <v>1.81107170699064E-11</v>
      </c>
      <c r="D107" s="134">
        <v>1.81107170699064E-11</v>
      </c>
      <c r="E107" s="134">
        <v>1.81107170699064E-11</v>
      </c>
      <c r="F107" s="134">
        <v>1.9008562372628E-11</v>
      </c>
      <c r="G107" s="134">
        <v>1.9008562372628E-11</v>
      </c>
      <c r="H107" s="134">
        <v>1.9008562372628E-11</v>
      </c>
      <c r="I107" s="134">
        <v>1.9008562372628E-11</v>
      </c>
      <c r="J107" s="134">
        <v>1.9008562372628E-11</v>
      </c>
      <c r="K107" s="134">
        <v>-6.4179573863884998E-12</v>
      </c>
      <c r="L107" s="134">
        <v>-6.4179573863884998E-12</v>
      </c>
      <c r="M107" s="134">
        <v>-4.4155249867728001E-11</v>
      </c>
      <c r="N107" s="134">
        <v>-4.4155249867728001E-11</v>
      </c>
    </row>
    <row r="108" spans="1:14" x14ac:dyDescent="0.2">
      <c r="A108" s="133" t="s">
        <v>200</v>
      </c>
      <c r="B108" s="134">
        <v>2.1412257560201599E-11</v>
      </c>
      <c r="C108" s="134">
        <v>2.1412257560201599E-11</v>
      </c>
      <c r="D108" s="134">
        <v>2.1412257560201599E-11</v>
      </c>
      <c r="E108" s="134">
        <v>2.1412257560201599E-11</v>
      </c>
      <c r="F108" s="134">
        <v>2.14439053727697E-11</v>
      </c>
      <c r="G108" s="134">
        <v>2.14439053727697E-11</v>
      </c>
      <c r="H108" s="134">
        <v>2.14439053727697E-11</v>
      </c>
      <c r="I108" s="134">
        <v>2.14439053727697E-11</v>
      </c>
      <c r="J108" s="134">
        <v>2.14439053727697E-11</v>
      </c>
      <c r="K108" s="134">
        <v>-7.1857079486000797E-12</v>
      </c>
      <c r="L108" s="134">
        <v>-7.1857079486000797E-12</v>
      </c>
      <c r="M108" s="134">
        <v>-4.9873463611676999E-11</v>
      </c>
      <c r="N108" s="134">
        <v>-4.9873463611676999E-11</v>
      </c>
    </row>
    <row r="109" spans="1:14" x14ac:dyDescent="0.2">
      <c r="A109" s="133" t="s">
        <v>201</v>
      </c>
      <c r="B109" s="134">
        <v>3.2405475614106803E-11</v>
      </c>
      <c r="C109" s="134">
        <v>3.2405475614106803E-11</v>
      </c>
      <c r="D109" s="134">
        <v>3.2405475614106803E-11</v>
      </c>
      <c r="E109" s="134">
        <v>3.2405475614106803E-11</v>
      </c>
      <c r="F109" s="134">
        <v>3.77405622821323E-11</v>
      </c>
      <c r="G109" s="134">
        <v>3.77405622821323E-11</v>
      </c>
      <c r="H109" s="134">
        <v>3.77405622821323E-11</v>
      </c>
      <c r="I109" s="134">
        <v>3.77405622821323E-11</v>
      </c>
      <c r="J109" s="134">
        <v>3.77405622821323E-11</v>
      </c>
      <c r="K109" s="134">
        <v>-2.89349340165255E-11</v>
      </c>
      <c r="L109" s="134">
        <v>-2.89349340165255E-11</v>
      </c>
      <c r="M109" s="134">
        <v>-1.2133300700899801E-10</v>
      </c>
      <c r="N109" s="134">
        <v>-1.2133300700899801E-10</v>
      </c>
    </row>
    <row r="110" spans="1:14" x14ac:dyDescent="0.2">
      <c r="A110" s="133" t="s">
        <v>202</v>
      </c>
      <c r="B110" s="134">
        <v>8789141.5239968896</v>
      </c>
      <c r="C110" s="134">
        <v>8846144.9706927892</v>
      </c>
      <c r="D110" s="134">
        <v>9860661.2233113293</v>
      </c>
      <c r="E110" s="134">
        <v>10725653.3642802</v>
      </c>
      <c r="F110" s="134">
        <v>10686351.4008177</v>
      </c>
      <c r="G110" s="134">
        <v>10828476.134702099</v>
      </c>
      <c r="H110" s="134">
        <v>11335917.567895999</v>
      </c>
      <c r="I110" s="134">
        <v>11761713.4495962</v>
      </c>
      <c r="J110" s="134">
        <v>11242976.809926599</v>
      </c>
      <c r="K110" s="134">
        <v>4222683.55542266</v>
      </c>
      <c r="L110" s="134">
        <v>9766926.5865708496</v>
      </c>
      <c r="M110" s="134">
        <v>7114734.8984239697</v>
      </c>
      <c r="N110" s="134">
        <v>7114734.8984239697</v>
      </c>
    </row>
    <row r="111" spans="1:14" x14ac:dyDescent="0.2">
      <c r="A111" s="133" t="s">
        <v>203</v>
      </c>
      <c r="B111" s="134">
        <v>8789141.5239968896</v>
      </c>
      <c r="C111" s="134">
        <v>8846144.9706927892</v>
      </c>
      <c r="D111" s="134">
        <v>9860661.2233113293</v>
      </c>
      <c r="E111" s="134">
        <v>10725653.3642802</v>
      </c>
      <c r="F111" s="134">
        <v>10686351.4008177</v>
      </c>
      <c r="G111" s="134">
        <v>10828476.134702099</v>
      </c>
      <c r="H111" s="134">
        <v>11335917.567895999</v>
      </c>
      <c r="I111" s="134">
        <v>11761713.4495962</v>
      </c>
      <c r="J111" s="134">
        <v>11242976.809926599</v>
      </c>
      <c r="K111" s="134">
        <v>4222683.55542266</v>
      </c>
      <c r="L111" s="134">
        <v>9766926.5865708496</v>
      </c>
      <c r="M111" s="134">
        <v>7114734.8984239697</v>
      </c>
      <c r="N111" s="134">
        <v>7114734.8984239697</v>
      </c>
    </row>
    <row r="112" spans="1:14" x14ac:dyDescent="0.2">
      <c r="A112" s="133" t="s">
        <v>204</v>
      </c>
    </row>
    <row r="113" spans="1:14" x14ac:dyDescent="0.2">
      <c r="A113" s="133" t="s">
        <v>205</v>
      </c>
      <c r="B113" s="134">
        <v>13328.3862493669</v>
      </c>
      <c r="C113" s="134">
        <v>10079.673490306301</v>
      </c>
      <c r="D113" s="134">
        <v>9004.5892721710898</v>
      </c>
      <c r="E113" s="134">
        <v>9343.0708704504104</v>
      </c>
      <c r="F113" s="134">
        <v>5658.0974183840799</v>
      </c>
      <c r="G113" s="134">
        <v>9062.3731032120304</v>
      </c>
      <c r="H113" s="134">
        <v>9628.1296208666608</v>
      </c>
      <c r="I113" s="134">
        <v>8390.6081414387609</v>
      </c>
      <c r="J113" s="134">
        <v>8116.9488229446997</v>
      </c>
      <c r="K113" s="134">
        <v>8341.4837809191395</v>
      </c>
      <c r="L113" s="134">
        <v>8460.2652324024493</v>
      </c>
      <c r="M113" s="134">
        <v>8390.3845043684796</v>
      </c>
      <c r="N113" s="134">
        <v>8390.3845043684796</v>
      </c>
    </row>
    <row r="114" spans="1:14" x14ac:dyDescent="0.2">
      <c r="A114" s="133" t="s">
        <v>206</v>
      </c>
      <c r="B114" s="134">
        <v>393.77752241432898</v>
      </c>
      <c r="C114" s="134">
        <v>299.737469051728</v>
      </c>
      <c r="D114" s="134">
        <v>268.94528390340298</v>
      </c>
      <c r="E114" s="134">
        <v>279.09941604884199</v>
      </c>
      <c r="F114" s="134">
        <v>170.08455073453101</v>
      </c>
      <c r="G114" s="134">
        <v>272.39743984507902</v>
      </c>
      <c r="H114" s="134">
        <v>289.43337953138598</v>
      </c>
      <c r="I114" s="134">
        <v>252.279259297626</v>
      </c>
      <c r="J114" s="134">
        <v>244.06147525818699</v>
      </c>
      <c r="K114" s="134">
        <v>250.81627372506</v>
      </c>
      <c r="L114" s="134">
        <v>254.38904030324599</v>
      </c>
      <c r="M114" s="134">
        <v>252.29049230623599</v>
      </c>
      <c r="N114" s="134">
        <v>252.29049230623599</v>
      </c>
    </row>
    <row r="115" spans="1:14" x14ac:dyDescent="0.2">
      <c r="A115" s="133" t="s">
        <v>207</v>
      </c>
      <c r="B115" s="134">
        <v>2924.0716991188001</v>
      </c>
      <c r="C115" s="134">
        <v>2224.1281745041701</v>
      </c>
      <c r="D115" s="134">
        <v>1994.5370058659901</v>
      </c>
      <c r="E115" s="134">
        <v>2069.7685305883801</v>
      </c>
      <c r="F115" s="134">
        <v>1260.00800035415</v>
      </c>
      <c r="G115" s="134">
        <v>2017.9949811030899</v>
      </c>
      <c r="H115" s="134">
        <v>2144.0584624279099</v>
      </c>
      <c r="I115" s="134">
        <v>1868.5304120078299</v>
      </c>
      <c r="J115" s="134">
        <v>1807.6110639818</v>
      </c>
      <c r="K115" s="134">
        <v>1857.6402570866101</v>
      </c>
      <c r="L115" s="134">
        <v>1884.10172449064</v>
      </c>
      <c r="M115" s="134">
        <v>1868.5595878893901</v>
      </c>
      <c r="N115" s="134">
        <v>1868.5595878893901</v>
      </c>
    </row>
    <row r="116" spans="1:14" x14ac:dyDescent="0.2">
      <c r="A116" s="133" t="s">
        <v>208</v>
      </c>
      <c r="B116" s="134">
        <v>8025.9446343618902</v>
      </c>
      <c r="C116" s="134">
        <v>6538.3384863709098</v>
      </c>
      <c r="D116" s="134">
        <v>6118.6653218555703</v>
      </c>
      <c r="E116" s="134">
        <v>6360.1128824120296</v>
      </c>
      <c r="F116" s="134">
        <v>4053.0770470809698</v>
      </c>
      <c r="G116" s="134">
        <v>6503.1180021053897</v>
      </c>
      <c r="H116" s="134">
        <v>6934.2498127777599</v>
      </c>
      <c r="I116" s="134">
        <v>6096.8565077598596</v>
      </c>
      <c r="J116" s="134">
        <v>5911.6037749946299</v>
      </c>
      <c r="K116" s="134">
        <v>6083.8677950961301</v>
      </c>
      <c r="L116" s="134">
        <v>6171.9437995109702</v>
      </c>
      <c r="M116" s="134">
        <v>6121.3956820703797</v>
      </c>
      <c r="N116" s="134">
        <v>6121.3956820703797</v>
      </c>
    </row>
    <row r="117" spans="1:14" x14ac:dyDescent="0.2">
      <c r="A117" s="133" t="s">
        <v>209</v>
      </c>
      <c r="B117" s="134">
        <v>7419.4751787154501</v>
      </c>
      <c r="C117" s="134">
        <v>5970.2375789441503</v>
      </c>
      <c r="D117" s="134">
        <v>5490.6792835101296</v>
      </c>
      <c r="E117" s="134">
        <v>5688.4926766376302</v>
      </c>
      <c r="F117" s="134">
        <v>3417.59999698402</v>
      </c>
      <c r="G117" s="134">
        <v>5434.4492802089999</v>
      </c>
      <c r="H117" s="134">
        <v>5756.9229044784197</v>
      </c>
      <c r="I117" s="134">
        <v>4980.0005626342399</v>
      </c>
      <c r="J117" s="134">
        <v>4803.5663359448599</v>
      </c>
      <c r="K117" s="134">
        <v>4921.9067114310401</v>
      </c>
      <c r="L117" s="134">
        <v>4987.1333238185398</v>
      </c>
      <c r="M117" s="134">
        <v>4933.9917262024701</v>
      </c>
      <c r="N117" s="134">
        <v>4933.9917262024701</v>
      </c>
    </row>
    <row r="118" spans="1:14" x14ac:dyDescent="0.2">
      <c r="A118" s="133" t="s">
        <v>210</v>
      </c>
      <c r="B118" s="134">
        <v>597709.176234507</v>
      </c>
      <c r="C118" s="134">
        <v>459620.93694064103</v>
      </c>
      <c r="D118" s="134">
        <v>415516.35245333501</v>
      </c>
      <c r="E118" s="134">
        <v>431444.865392768</v>
      </c>
      <c r="F118" s="134">
        <v>268174.373527224</v>
      </c>
      <c r="G118" s="134">
        <v>430557.29574059101</v>
      </c>
      <c r="H118" s="134">
        <v>458558.56486858701</v>
      </c>
      <c r="I118" s="134">
        <v>401193.13299906702</v>
      </c>
      <c r="J118" s="134">
        <v>388663.27420152898</v>
      </c>
      <c r="K118" s="134">
        <v>400474.40419772902</v>
      </c>
      <c r="L118" s="134">
        <v>406637.32810500299</v>
      </c>
      <c r="M118" s="134">
        <v>403842.65098537499</v>
      </c>
      <c r="N118" s="134">
        <v>403842.65098537499</v>
      </c>
    </row>
    <row r="119" spans="1:14" x14ac:dyDescent="0.2">
      <c r="A119" s="133" t="s">
        <v>211</v>
      </c>
      <c r="B119" s="134">
        <v>629800.83151848405</v>
      </c>
      <c r="C119" s="134">
        <v>484733.05213981902</v>
      </c>
      <c r="D119" s="134">
        <v>438393.76862064103</v>
      </c>
      <c r="E119" s="134">
        <v>455185.40976890502</v>
      </c>
      <c r="F119" s="134">
        <v>282733.24054076098</v>
      </c>
      <c r="G119" s="134">
        <v>453847.62854706502</v>
      </c>
      <c r="H119" s="134">
        <v>483311.35904866899</v>
      </c>
      <c r="I119" s="134">
        <v>422781.40788220498</v>
      </c>
      <c r="J119" s="134">
        <v>409547.06567465299</v>
      </c>
      <c r="K119" s="134">
        <v>421930.11901598697</v>
      </c>
      <c r="L119" s="134">
        <v>428395.16122552898</v>
      </c>
      <c r="M119" s="134">
        <v>425409.27297821199</v>
      </c>
      <c r="N119" s="134">
        <v>425409.27297821199</v>
      </c>
    </row>
    <row r="120" spans="1:14" x14ac:dyDescent="0.2">
      <c r="A120" s="133" t="s">
        <v>212</v>
      </c>
    </row>
    <row r="121" spans="1:14" x14ac:dyDescent="0.2">
      <c r="A121" s="133" t="s">
        <v>213</v>
      </c>
      <c r="B121" s="134">
        <v>10517.323260609901</v>
      </c>
      <c r="C121" s="134">
        <v>10671.550916434</v>
      </c>
      <c r="D121" s="134">
        <v>11605.2277474197</v>
      </c>
      <c r="E121" s="134">
        <v>14179.9186096455</v>
      </c>
      <c r="F121" s="134">
        <v>16347.820258642199</v>
      </c>
      <c r="G121" s="134">
        <v>16223.360119691</v>
      </c>
      <c r="H121" s="134">
        <v>12561.642897035001</v>
      </c>
      <c r="I121" s="134">
        <v>10535.210138591399</v>
      </c>
      <c r="J121" s="134">
        <v>14597.6513865379</v>
      </c>
      <c r="K121" s="134">
        <v>11065.3578367384</v>
      </c>
      <c r="L121" s="134">
        <v>10134.8911220604</v>
      </c>
      <c r="M121" s="134">
        <v>11759.073650189201</v>
      </c>
      <c r="N121" s="134">
        <v>11759.073650189201</v>
      </c>
    </row>
    <row r="122" spans="1:14" x14ac:dyDescent="0.2">
      <c r="A122" s="133" t="s">
        <v>214</v>
      </c>
      <c r="B122" s="134">
        <v>315.59759025069502</v>
      </c>
      <c r="C122" s="134">
        <v>320.37651032540799</v>
      </c>
      <c r="D122" s="134">
        <v>348.50527901306702</v>
      </c>
      <c r="E122" s="134">
        <v>425.96789525160699</v>
      </c>
      <c r="F122" s="134">
        <v>491.19576986131102</v>
      </c>
      <c r="G122" s="134">
        <v>487.46254359989098</v>
      </c>
      <c r="H122" s="134">
        <v>377.598115169582</v>
      </c>
      <c r="I122" s="134">
        <v>316.76320500585399</v>
      </c>
      <c r="J122" s="134">
        <v>438.91926154085797</v>
      </c>
      <c r="K122" s="134">
        <v>332.73112747834898</v>
      </c>
      <c r="L122" s="134">
        <v>304.758519419001</v>
      </c>
      <c r="M122" s="134">
        <v>353.58658973434501</v>
      </c>
      <c r="N122" s="134">
        <v>353.58658973434501</v>
      </c>
    </row>
    <row r="123" spans="1:14" x14ac:dyDescent="0.2">
      <c r="A123" s="133" t="s">
        <v>215</v>
      </c>
      <c r="B123" s="134">
        <v>2339.4902437136702</v>
      </c>
      <c r="C123" s="134">
        <v>2374.7497418635498</v>
      </c>
      <c r="D123" s="134">
        <v>2583.0261343583302</v>
      </c>
      <c r="E123" s="134">
        <v>3156.6975401532</v>
      </c>
      <c r="F123" s="134">
        <v>3639.7475243128201</v>
      </c>
      <c r="G123" s="134">
        <v>3612.0591936944702</v>
      </c>
      <c r="H123" s="134">
        <v>2797.23440331449</v>
      </c>
      <c r="I123" s="134">
        <v>2346.0653904460301</v>
      </c>
      <c r="J123" s="134">
        <v>3250.7992994266301</v>
      </c>
      <c r="K123" s="134">
        <v>2464.3344109931199</v>
      </c>
      <c r="L123" s="134">
        <v>2257.1597495732999</v>
      </c>
      <c r="M123" s="134">
        <v>2618.7971110510698</v>
      </c>
      <c r="N123" s="134">
        <v>2618.7971110510698</v>
      </c>
    </row>
    <row r="124" spans="1:14" x14ac:dyDescent="0.2">
      <c r="A124" s="133" t="s">
        <v>216</v>
      </c>
      <c r="B124" s="134">
        <v>7224.57246196087</v>
      </c>
      <c r="C124" s="134">
        <v>7371.5862738493697</v>
      </c>
      <c r="D124" s="134">
        <v>8065.9848856983699</v>
      </c>
      <c r="E124" s="134">
        <v>9954.1522642430591</v>
      </c>
      <c r="F124" s="134">
        <v>11544.3992138914</v>
      </c>
      <c r="G124" s="134">
        <v>11459.556774181599</v>
      </c>
      <c r="H124" s="134">
        <v>8973.8701755708898</v>
      </c>
      <c r="I124" s="134">
        <v>7607.9879024700704</v>
      </c>
      <c r="J124" s="134">
        <v>10572.120455464799</v>
      </c>
      <c r="K124" s="134">
        <v>8066.5503037703902</v>
      </c>
      <c r="L124" s="134">
        <v>7395.8855712183104</v>
      </c>
      <c r="M124" s="134">
        <v>8579.2439223620695</v>
      </c>
      <c r="N124" s="134">
        <v>8579.2439223620695</v>
      </c>
    </row>
    <row r="125" spans="1:14" x14ac:dyDescent="0.2">
      <c r="A125" s="133" t="s">
        <v>217</v>
      </c>
      <c r="B125" s="134">
        <v>6449.5750861378401</v>
      </c>
      <c r="C125" s="134">
        <v>6558.3072370541104</v>
      </c>
      <c r="D125" s="134">
        <v>7112.8995990452704</v>
      </c>
      <c r="E125" s="134">
        <v>8629.1811229678406</v>
      </c>
      <c r="F125" s="134">
        <v>9901.7281657786007</v>
      </c>
      <c r="G125" s="134">
        <v>9825.9025253818199</v>
      </c>
      <c r="H125" s="134">
        <v>7568.9171715388402</v>
      </c>
      <c r="I125" s="134">
        <v>6292.7015247828804</v>
      </c>
      <c r="J125" s="134">
        <v>8681.5568553123903</v>
      </c>
      <c r="K125" s="134">
        <v>6488.0355833989897</v>
      </c>
      <c r="L125" s="134">
        <v>5913.9292667582004</v>
      </c>
      <c r="M125" s="134">
        <v>6915.0168434184798</v>
      </c>
      <c r="N125" s="134">
        <v>6915.0168434184798</v>
      </c>
    </row>
    <row r="126" spans="1:14" x14ac:dyDescent="0.2">
      <c r="A126" s="133" t="s">
        <v>218</v>
      </c>
      <c r="B126" s="134">
        <v>492633.869559985</v>
      </c>
      <c r="C126" s="134">
        <v>500376.77780799498</v>
      </c>
      <c r="D126" s="134">
        <v>544564.59311175405</v>
      </c>
      <c r="E126" s="134">
        <v>666876.55077276996</v>
      </c>
      <c r="F126" s="134">
        <v>770633.08410386101</v>
      </c>
      <c r="G126" s="134">
        <v>764852.37872214604</v>
      </c>
      <c r="H126" s="134">
        <v>594710.67954653897</v>
      </c>
      <c r="I126" s="134">
        <v>501001.392331157</v>
      </c>
      <c r="J126" s="134">
        <v>699761.71894865704</v>
      </c>
      <c r="K126" s="134">
        <v>532065.77681054606</v>
      </c>
      <c r="L126" s="134">
        <v>487396.73107065202</v>
      </c>
      <c r="M126" s="134">
        <v>565995.896068022</v>
      </c>
      <c r="N126" s="134">
        <v>565995.896068022</v>
      </c>
    </row>
    <row r="127" spans="1:14" x14ac:dyDescent="0.2">
      <c r="A127" s="133" t="s">
        <v>219</v>
      </c>
      <c r="B127" s="134">
        <v>519480.42820265802</v>
      </c>
      <c r="C127" s="134">
        <v>527673.34848752106</v>
      </c>
      <c r="D127" s="134">
        <v>574280.23675728904</v>
      </c>
      <c r="E127" s="134">
        <v>703222.46820503206</v>
      </c>
      <c r="F127" s="134">
        <v>812557.97503634705</v>
      </c>
      <c r="G127" s="134">
        <v>806460.71987869497</v>
      </c>
      <c r="H127" s="134">
        <v>626989.94230916805</v>
      </c>
      <c r="I127" s="134">
        <v>528100.12049245299</v>
      </c>
      <c r="J127" s="134">
        <v>737302.76620694005</v>
      </c>
      <c r="K127" s="134">
        <v>560482.78607292601</v>
      </c>
      <c r="L127" s="134">
        <v>513403.35529968201</v>
      </c>
      <c r="M127" s="134">
        <v>596221.61418477702</v>
      </c>
      <c r="N127" s="134">
        <v>596221.61418477702</v>
      </c>
    </row>
    <row r="128" spans="1:14" x14ac:dyDescent="0.2">
      <c r="A128" s="133" t="s">
        <v>220</v>
      </c>
    </row>
    <row r="129" spans="1:14" x14ac:dyDescent="0.2">
      <c r="A129" s="133" t="s">
        <v>221</v>
      </c>
      <c r="B129" s="134">
        <v>7518736.5529893003</v>
      </c>
      <c r="C129" s="134">
        <v>7676339.4641294004</v>
      </c>
      <c r="D129" s="134">
        <v>7691111.1245199004</v>
      </c>
      <c r="E129" s="134">
        <v>7686940.6442318</v>
      </c>
      <c r="F129" s="134">
        <v>7777872.3890976002</v>
      </c>
      <c r="G129" s="134">
        <v>7809818.2873547003</v>
      </c>
      <c r="H129" s="134">
        <v>7766451.0531468997</v>
      </c>
      <c r="I129" s="134">
        <v>7581045.8862540899</v>
      </c>
      <c r="J129" s="134">
        <v>7567458.03906349</v>
      </c>
      <c r="K129" s="134">
        <v>7635978.5140733002</v>
      </c>
      <c r="L129" s="134">
        <v>7627140.6686052997</v>
      </c>
      <c r="M129" s="134">
        <v>6841572.5770843998</v>
      </c>
      <c r="N129" s="134">
        <v>6841572.5770843998</v>
      </c>
    </row>
    <row r="130" spans="1:14" x14ac:dyDescent="0.2">
      <c r="A130" s="133" t="s">
        <v>222</v>
      </c>
    </row>
    <row r="131" spans="1:14" x14ac:dyDescent="0.2">
      <c r="A131" s="133" t="s">
        <v>223</v>
      </c>
      <c r="B131" s="134">
        <v>68665.114078914994</v>
      </c>
      <c r="C131" s="134">
        <v>66468.139728611597</v>
      </c>
      <c r="D131" s="134">
        <v>66520.008206454106</v>
      </c>
      <c r="E131" s="134">
        <v>70191.679079184905</v>
      </c>
      <c r="F131" s="134">
        <v>70464.9691373432</v>
      </c>
      <c r="G131" s="134">
        <v>69958.459318743699</v>
      </c>
      <c r="H131" s="134">
        <v>69581.161151514098</v>
      </c>
      <c r="I131" s="134">
        <v>68825.576874884006</v>
      </c>
      <c r="J131" s="134">
        <v>70562.562162343296</v>
      </c>
      <c r="K131" s="134">
        <v>73014.239317376603</v>
      </c>
      <c r="L131" s="134">
        <v>74122.032772345498</v>
      </c>
      <c r="M131" s="134">
        <v>73824.632658480899</v>
      </c>
      <c r="N131" s="134">
        <v>73824.632658480899</v>
      </c>
    </row>
    <row r="132" spans="1:14" x14ac:dyDescent="0.2">
      <c r="A132" s="133" t="s">
        <v>224</v>
      </c>
      <c r="B132" s="134">
        <v>2040.77896788148</v>
      </c>
      <c r="C132" s="134">
        <v>1988.28967429115</v>
      </c>
      <c r="D132" s="134">
        <v>1994.63098845686</v>
      </c>
      <c r="E132" s="134">
        <v>2106.8403322788499</v>
      </c>
      <c r="F132" s="134">
        <v>2117.29948616806</v>
      </c>
      <c r="G132" s="134">
        <v>2102.68653905784</v>
      </c>
      <c r="H132" s="134">
        <v>2091.7966632631501</v>
      </c>
      <c r="I132" s="134">
        <v>2069.3127220686301</v>
      </c>
      <c r="J132" s="134">
        <v>2121.5962908321098</v>
      </c>
      <c r="K132" s="134">
        <v>2195.3454996526102</v>
      </c>
      <c r="L132" s="134">
        <v>2228.69013314113</v>
      </c>
      <c r="M132" s="134">
        <v>2219.7703556614902</v>
      </c>
      <c r="N132" s="134">
        <v>2219.7703556614902</v>
      </c>
    </row>
    <row r="133" spans="1:14" x14ac:dyDescent="0.2">
      <c r="A133" s="133" t="s">
        <v>225</v>
      </c>
      <c r="B133" s="134">
        <v>15143.7545432959</v>
      </c>
      <c r="C133" s="134">
        <v>14742.1217026667</v>
      </c>
      <c r="D133" s="134">
        <v>14784.305409774601</v>
      </c>
      <c r="E133" s="134">
        <v>15613.3995216204</v>
      </c>
      <c r="F133" s="134">
        <v>15687.916564887701</v>
      </c>
      <c r="G133" s="134">
        <v>15577.1052531972</v>
      </c>
      <c r="H133" s="134">
        <v>15494.329732432399</v>
      </c>
      <c r="I133" s="134">
        <v>15326.3693842785</v>
      </c>
      <c r="J133" s="134">
        <v>15713.3353505994</v>
      </c>
      <c r="K133" s="134">
        <v>16259.555362052801</v>
      </c>
      <c r="L133" s="134">
        <v>16506.524684919001</v>
      </c>
      <c r="M133" s="134">
        <v>16440.4656833015</v>
      </c>
      <c r="N133" s="134">
        <v>16440.4656833015</v>
      </c>
    </row>
    <row r="134" spans="1:14" x14ac:dyDescent="0.2">
      <c r="A134" s="133" t="s">
        <v>226</v>
      </c>
      <c r="B134" s="134">
        <v>43555.9953539704</v>
      </c>
      <c r="C134" s="134">
        <v>45247.578299842397</v>
      </c>
      <c r="D134" s="134">
        <v>46423.0843943707</v>
      </c>
      <c r="E134" s="134">
        <v>49516.473040711797</v>
      </c>
      <c r="F134" s="134">
        <v>50193.468232749503</v>
      </c>
      <c r="G134" s="134">
        <v>50222.654524193502</v>
      </c>
      <c r="H134" s="134">
        <v>50297.356932638897</v>
      </c>
      <c r="I134" s="134">
        <v>50014.483785452103</v>
      </c>
      <c r="J134" s="134">
        <v>51351.159956911499</v>
      </c>
      <c r="K134" s="134">
        <v>53216.332270172803</v>
      </c>
      <c r="L134" s="134">
        <v>54069.663364207103</v>
      </c>
      <c r="M134" s="134">
        <v>53856.343353674201</v>
      </c>
      <c r="N134" s="134">
        <v>53856.343353674201</v>
      </c>
    </row>
    <row r="135" spans="1:14" x14ac:dyDescent="0.2">
      <c r="A135" s="133" t="s">
        <v>227</v>
      </c>
      <c r="B135" s="134">
        <v>39235.986689846497</v>
      </c>
      <c r="C135" s="134">
        <v>39666.017264052498</v>
      </c>
      <c r="D135" s="134">
        <v>40172.759888129498</v>
      </c>
      <c r="E135" s="134">
        <v>42425.175875963003</v>
      </c>
      <c r="F135" s="134">
        <v>42455.851394409801</v>
      </c>
      <c r="G135" s="134">
        <v>41981.858844827599</v>
      </c>
      <c r="H135" s="134">
        <v>41564.887300933398</v>
      </c>
      <c r="I135" s="134">
        <v>40919.084915062303</v>
      </c>
      <c r="J135" s="134">
        <v>41865.947023005501</v>
      </c>
      <c r="K135" s="134">
        <v>43183.6838053908</v>
      </c>
      <c r="L135" s="134">
        <v>43687.449513851898</v>
      </c>
      <c r="M135" s="134">
        <v>43411.668226225302</v>
      </c>
      <c r="N135" s="134">
        <v>43411.668226225302</v>
      </c>
    </row>
    <row r="136" spans="1:14" x14ac:dyDescent="0.2">
      <c r="A136" s="133" t="s">
        <v>228</v>
      </c>
      <c r="B136" s="134">
        <v>3133397.6720213098</v>
      </c>
      <c r="C136" s="134">
        <v>3081943.4999708398</v>
      </c>
      <c r="D136" s="134">
        <v>3104675.9177424801</v>
      </c>
      <c r="E136" s="134">
        <v>3288038.34215366</v>
      </c>
      <c r="F136" s="134">
        <v>3316872.41113143</v>
      </c>
      <c r="G136" s="134">
        <v>3305695.2051670202</v>
      </c>
      <c r="H136" s="134">
        <v>3300204.0839551999</v>
      </c>
      <c r="I136" s="134">
        <v>3274848.2445767</v>
      </c>
      <c r="J136" s="134">
        <v>3363961.6730225501</v>
      </c>
      <c r="K136" s="134">
        <v>3491529.6894206498</v>
      </c>
      <c r="L136" s="134">
        <v>3554979.8310302398</v>
      </c>
      <c r="M136" s="134">
        <v>3545979.0474110502</v>
      </c>
      <c r="N136" s="134">
        <v>3545979.0474110502</v>
      </c>
    </row>
    <row r="137" spans="1:14" x14ac:dyDescent="0.2">
      <c r="A137" s="133" t="s">
        <v>229</v>
      </c>
      <c r="B137" s="134">
        <v>3302039.3016552199</v>
      </c>
      <c r="C137" s="134">
        <v>3250055.6466402998</v>
      </c>
      <c r="D137" s="134">
        <v>3274570.70662966</v>
      </c>
      <c r="E137" s="134">
        <v>3467891.91000342</v>
      </c>
      <c r="F137" s="134">
        <v>3497791.91594698</v>
      </c>
      <c r="G137" s="134">
        <v>3485537.9696470401</v>
      </c>
      <c r="H137" s="134">
        <v>3479233.6157359802</v>
      </c>
      <c r="I137" s="134">
        <v>3452003.0722584398</v>
      </c>
      <c r="J137" s="134">
        <v>3545576.2738062399</v>
      </c>
      <c r="K137" s="134">
        <v>3679398.8456752999</v>
      </c>
      <c r="L137" s="134">
        <v>3745594.1914987001</v>
      </c>
      <c r="M137" s="134">
        <v>3735731.92768839</v>
      </c>
      <c r="N137" s="134">
        <v>3735731.92768839</v>
      </c>
    </row>
    <row r="138" spans="1:14" x14ac:dyDescent="0.2">
      <c r="A138" s="133" t="s">
        <v>230</v>
      </c>
    </row>
    <row r="139" spans="1:14" x14ac:dyDescent="0.2">
      <c r="A139" s="133" t="s">
        <v>231</v>
      </c>
      <c r="B139" s="134">
        <v>477631.46570294898</v>
      </c>
      <c r="C139" s="134">
        <v>490079.44721264701</v>
      </c>
      <c r="D139" s="134">
        <v>275391.405782277</v>
      </c>
      <c r="E139" s="134">
        <v>289982.92655943899</v>
      </c>
      <c r="F139" s="134">
        <v>276486.56344831601</v>
      </c>
      <c r="G139" s="134">
        <v>279314.33244566998</v>
      </c>
      <c r="H139" s="134">
        <v>280274.789603649</v>
      </c>
      <c r="I139" s="134">
        <v>263914.60949877702</v>
      </c>
      <c r="J139" s="134">
        <v>261300.41743731001</v>
      </c>
      <c r="K139" s="134">
        <v>268155.086564189</v>
      </c>
      <c r="L139" s="134">
        <v>274277.606172817</v>
      </c>
      <c r="M139" s="134">
        <v>283389.24033948203</v>
      </c>
      <c r="N139" s="134">
        <v>283389.24033948203</v>
      </c>
    </row>
    <row r="140" spans="1:14" x14ac:dyDescent="0.2">
      <c r="A140" s="136" t="s">
        <v>232</v>
      </c>
      <c r="B140" s="134">
        <v>21259938.484427899</v>
      </c>
      <c r="C140" s="134">
        <v>21298993.042518999</v>
      </c>
      <c r="D140" s="134">
        <v>22137773.336113699</v>
      </c>
      <c r="E140" s="134">
        <v>23351820.214382101</v>
      </c>
      <c r="F140" s="134">
        <v>23356567.564624202</v>
      </c>
      <c r="G140" s="134">
        <v>23684459.969363298</v>
      </c>
      <c r="H140" s="134">
        <v>23993644.693457801</v>
      </c>
      <c r="I140" s="134">
        <v>24028048.894651901</v>
      </c>
      <c r="J140" s="134">
        <v>23782517.796122599</v>
      </c>
      <c r="K140" s="134">
        <v>16806040.661116701</v>
      </c>
      <c r="L140" s="134">
        <v>22372909.4885896</v>
      </c>
      <c r="M140" s="134">
        <v>19014129.309877999</v>
      </c>
      <c r="N140" s="134">
        <v>19014129.309877999</v>
      </c>
    </row>
    <row r="141" spans="1:14" x14ac:dyDescent="0.2">
      <c r="A141" s="136" t="s">
        <v>233</v>
      </c>
    </row>
    <row r="142" spans="1:14" x14ac:dyDescent="0.2">
      <c r="A142" s="133" t="s">
        <v>234</v>
      </c>
      <c r="B142" s="134">
        <v>120.31900042667</v>
      </c>
      <c r="C142" s="134">
        <v>134.38821934368801</v>
      </c>
      <c r="D142" s="134">
        <v>158.93831131210899</v>
      </c>
      <c r="E142" s="134">
        <v>151.248175249296</v>
      </c>
      <c r="F142" s="134">
        <v>168.61449514064199</v>
      </c>
      <c r="G142" s="134">
        <v>208.75588792320701</v>
      </c>
      <c r="H142" s="134">
        <v>215.08877941450501</v>
      </c>
      <c r="I142" s="134">
        <v>756.49469945154794</v>
      </c>
      <c r="J142" s="134">
        <v>755.05933125674301</v>
      </c>
      <c r="K142" s="134">
        <v>682.87168759934696</v>
      </c>
      <c r="L142" s="134">
        <v>710.84023130939102</v>
      </c>
      <c r="M142" s="134">
        <v>692.09215244858399</v>
      </c>
      <c r="N142" s="134">
        <v>692.09215244858399</v>
      </c>
    </row>
    <row r="143" spans="1:14" x14ac:dyDescent="0.2">
      <c r="A143" s="133" t="s">
        <v>235</v>
      </c>
      <c r="B143" s="134">
        <v>3.6028664793400602</v>
      </c>
      <c r="C143" s="134">
        <v>4.0296942708239696</v>
      </c>
      <c r="D143" s="134">
        <v>4.7705604076046502</v>
      </c>
      <c r="E143" s="134">
        <v>4.5441244152347702</v>
      </c>
      <c r="F143" s="134">
        <v>5.0685430450006796</v>
      </c>
      <c r="G143" s="134">
        <v>6.2763657281342802</v>
      </c>
      <c r="H143" s="134">
        <v>6.4667932237791899</v>
      </c>
      <c r="I143" s="134">
        <v>22.746715065708798</v>
      </c>
      <c r="J143" s="134">
        <v>22.703583384273099</v>
      </c>
      <c r="K143" s="134">
        <v>20.533400980589601</v>
      </c>
      <c r="L143" s="134">
        <v>21.374389308868398</v>
      </c>
      <c r="M143" s="134">
        <v>20.810764040228602</v>
      </c>
      <c r="N143" s="134">
        <v>20.810764040228602</v>
      </c>
    </row>
    <row r="144" spans="1:14" x14ac:dyDescent="0.2">
      <c r="A144" s="133" t="s">
        <v>236</v>
      </c>
      <c r="B144" s="134">
        <v>26.702467626661999</v>
      </c>
      <c r="C144" s="134">
        <v>29.860064099474599</v>
      </c>
      <c r="D144" s="134">
        <v>35.344480223520101</v>
      </c>
      <c r="E144" s="134">
        <v>33.6621570662913</v>
      </c>
      <c r="F144" s="134">
        <v>37.543281640876003</v>
      </c>
      <c r="G144" s="134">
        <v>46.485585721899902</v>
      </c>
      <c r="H144" s="134">
        <v>47.895964367295498</v>
      </c>
      <c r="I144" s="134">
        <v>168.47088449339799</v>
      </c>
      <c r="J144" s="134">
        <v>168.15128824270101</v>
      </c>
      <c r="K144" s="134">
        <v>152.078177307126</v>
      </c>
      <c r="L144" s="134">
        <v>158.30685485675099</v>
      </c>
      <c r="M144" s="134">
        <v>154.13245391535401</v>
      </c>
      <c r="N144" s="134">
        <v>154.13245391535401</v>
      </c>
    </row>
    <row r="145" spans="1:14" x14ac:dyDescent="0.2">
      <c r="A145" s="133" t="s">
        <v>237</v>
      </c>
      <c r="B145" s="134">
        <v>82.7331886370403</v>
      </c>
      <c r="C145" s="134">
        <v>93.928442449648898</v>
      </c>
      <c r="D145" s="134">
        <v>112.483992552925</v>
      </c>
      <c r="E145" s="134">
        <v>107.978193366761</v>
      </c>
      <c r="F145" s="134">
        <v>121.122050504247</v>
      </c>
      <c r="G145" s="134">
        <v>150.91807636849401</v>
      </c>
      <c r="H145" s="134">
        <v>155.53865458399201</v>
      </c>
      <c r="I145" s="134">
        <v>550.62970029627002</v>
      </c>
      <c r="J145" s="134">
        <v>549.620631303099</v>
      </c>
      <c r="K145" s="134">
        <v>498.22422115079797</v>
      </c>
      <c r="L145" s="134">
        <v>518.61112453210205</v>
      </c>
      <c r="M145" s="134">
        <v>504.95173376730497</v>
      </c>
      <c r="N145" s="134">
        <v>504.95173376730497</v>
      </c>
    </row>
    <row r="146" spans="1:14" x14ac:dyDescent="0.2">
      <c r="A146" s="133" t="s">
        <v>238</v>
      </c>
      <c r="B146" s="134">
        <v>72.735200410544095</v>
      </c>
      <c r="C146" s="134">
        <v>81.495854080816102</v>
      </c>
      <c r="D146" s="134">
        <v>96.2026455532109</v>
      </c>
      <c r="E146" s="134">
        <v>91.928714317160896</v>
      </c>
      <c r="F146" s="134">
        <v>102.01240275596901</v>
      </c>
      <c r="G146" s="134">
        <v>125.39360896422799</v>
      </c>
      <c r="H146" s="134">
        <v>129.11775318069999</v>
      </c>
      <c r="I146" s="134">
        <v>447.44441511094197</v>
      </c>
      <c r="J146" s="134">
        <v>446.55923555335397</v>
      </c>
      <c r="K146" s="134">
        <v>402.04205330327602</v>
      </c>
      <c r="L146" s="134">
        <v>418.55288412809801</v>
      </c>
      <c r="M146" s="134">
        <v>406.99128487036899</v>
      </c>
      <c r="N146" s="134">
        <v>406.99128487036899</v>
      </c>
    </row>
    <row r="147" spans="1:14" x14ac:dyDescent="0.2">
      <c r="A147" s="133" t="s">
        <v>239</v>
      </c>
      <c r="B147" s="134">
        <v>5662.0724178731898</v>
      </c>
      <c r="C147" s="134">
        <v>6333.9670469723296</v>
      </c>
      <c r="D147" s="134">
        <v>7501.1389524245396</v>
      </c>
      <c r="E147" s="134">
        <v>7161.10305006414</v>
      </c>
      <c r="F147" s="134">
        <v>8005.6485794315104</v>
      </c>
      <c r="G147" s="134">
        <v>9950.2719536008008</v>
      </c>
      <c r="H147" s="134">
        <v>10256.234696724199</v>
      </c>
      <c r="I147" s="134">
        <v>36569.748000617001</v>
      </c>
      <c r="J147" s="134">
        <v>36501.799138000497</v>
      </c>
      <c r="K147" s="134">
        <v>33057.727901659498</v>
      </c>
      <c r="L147" s="134">
        <v>34443.032648623899</v>
      </c>
      <c r="M147" s="134">
        <v>33536.103134215402</v>
      </c>
      <c r="N147" s="134">
        <v>33536.103134215402</v>
      </c>
    </row>
    <row r="148" spans="1:14" x14ac:dyDescent="0.2">
      <c r="A148" s="133" t="s">
        <v>240</v>
      </c>
      <c r="B148" s="134">
        <v>5968.1651414534499</v>
      </c>
      <c r="C148" s="134">
        <v>6677.6693212167802</v>
      </c>
      <c r="D148" s="134">
        <v>7908.8789424739098</v>
      </c>
      <c r="E148" s="134">
        <v>7550.4644144788899</v>
      </c>
      <c r="F148" s="134">
        <v>8440.0093525182492</v>
      </c>
      <c r="G148" s="134">
        <v>10488.1014783067</v>
      </c>
      <c r="H148" s="134">
        <v>10810.342641494401</v>
      </c>
      <c r="I148" s="134">
        <v>38515.534415034897</v>
      </c>
      <c r="J148" s="134">
        <v>38443.893207740599</v>
      </c>
      <c r="K148" s="134">
        <v>34813.477442000702</v>
      </c>
      <c r="L148" s="134">
        <v>36270.718132759102</v>
      </c>
      <c r="M148" s="134">
        <v>35315.081523257199</v>
      </c>
      <c r="N148" s="134">
        <v>35315.081523257199</v>
      </c>
    </row>
    <row r="149" spans="1:14" x14ac:dyDescent="0.2">
      <c r="A149" s="133" t="s">
        <v>241</v>
      </c>
    </row>
    <row r="150" spans="1:14" x14ac:dyDescent="0.2">
      <c r="A150" s="133" t="s">
        <v>242</v>
      </c>
      <c r="B150" s="134">
        <v>33875.769024225898</v>
      </c>
      <c r="C150" s="134">
        <v>32493.869371609901</v>
      </c>
      <c r="D150" s="134">
        <v>31420.189949559099</v>
      </c>
      <c r="E150" s="134">
        <v>31182.7965078708</v>
      </c>
      <c r="F150" s="134">
        <v>31545.708316895401</v>
      </c>
      <c r="G150" s="134">
        <v>30906.841462350902</v>
      </c>
      <c r="H150" s="134">
        <v>30419.272219114198</v>
      </c>
      <c r="I150" s="134">
        <v>29806.451443459599</v>
      </c>
      <c r="J150" s="134">
        <v>29490.613508021001</v>
      </c>
      <c r="K150" s="134">
        <v>28883.896338613398</v>
      </c>
      <c r="L150" s="134">
        <v>29121.722212483601</v>
      </c>
      <c r="M150" s="134">
        <v>27653.564487430602</v>
      </c>
      <c r="N150" s="134">
        <v>27653.564487430602</v>
      </c>
    </row>
    <row r="151" spans="1:14" x14ac:dyDescent="0.2">
      <c r="A151" s="133" t="s">
        <v>243</v>
      </c>
      <c r="B151" s="134">
        <v>1008.90486114107</v>
      </c>
      <c r="C151" s="134">
        <v>971.07544014963298</v>
      </c>
      <c r="D151" s="134">
        <v>942.00755423831697</v>
      </c>
      <c r="E151" s="134">
        <v>936.23522377458801</v>
      </c>
      <c r="F151" s="134">
        <v>947.95419316427297</v>
      </c>
      <c r="G151" s="134">
        <v>928.98324098466696</v>
      </c>
      <c r="H151" s="134">
        <v>914.47109057425905</v>
      </c>
      <c r="I151" s="134">
        <v>896.12312660840905</v>
      </c>
      <c r="J151" s="134">
        <v>886.66807310400998</v>
      </c>
      <c r="K151" s="134">
        <v>868.43756237958405</v>
      </c>
      <c r="L151" s="134">
        <v>875.60142219479997</v>
      </c>
      <c r="M151" s="134">
        <v>831.46948761535805</v>
      </c>
      <c r="N151" s="134">
        <v>831.46948761535805</v>
      </c>
    </row>
    <row r="152" spans="1:14" x14ac:dyDescent="0.2">
      <c r="A152" s="133" t="s">
        <v>244</v>
      </c>
      <c r="B152" s="134">
        <v>7484.0115566046697</v>
      </c>
      <c r="C152" s="134">
        <v>7200.3035071337699</v>
      </c>
      <c r="D152" s="134">
        <v>6981.8008504511499</v>
      </c>
      <c r="E152" s="134">
        <v>6937.5555217374304</v>
      </c>
      <c r="F152" s="134">
        <v>7023.2903334767198</v>
      </c>
      <c r="G152" s="134">
        <v>6881.7827804970702</v>
      </c>
      <c r="H152" s="134">
        <v>6773.60685982834</v>
      </c>
      <c r="I152" s="134">
        <v>6637.2327153967299</v>
      </c>
      <c r="J152" s="134">
        <v>6566.9942774982101</v>
      </c>
      <c r="K152" s="134">
        <v>6431.9746206421696</v>
      </c>
      <c r="L152" s="134">
        <v>6485.0352210347301</v>
      </c>
      <c r="M152" s="134">
        <v>6158.1800761453196</v>
      </c>
      <c r="N152" s="134">
        <v>6158.1800761453196</v>
      </c>
    </row>
    <row r="153" spans="1:14" x14ac:dyDescent="0.2">
      <c r="A153" s="133" t="s">
        <v>245</v>
      </c>
      <c r="B153" s="134">
        <v>22088.673020968701</v>
      </c>
      <c r="C153" s="134">
        <v>21983.508486680301</v>
      </c>
      <c r="D153" s="134">
        <v>21965.051508030501</v>
      </c>
      <c r="E153" s="134">
        <v>22105.964737983399</v>
      </c>
      <c r="F153" s="134">
        <v>22542.567495168601</v>
      </c>
      <c r="G153" s="134">
        <v>22231.0806084748</v>
      </c>
      <c r="H153" s="134">
        <v>21989.762898638401</v>
      </c>
      <c r="I153" s="134">
        <v>21632.775404230099</v>
      </c>
      <c r="J153" s="134">
        <v>21457.247917407101</v>
      </c>
      <c r="K153" s="134">
        <v>21050.334069192399</v>
      </c>
      <c r="L153" s="134">
        <v>21240.5990503426</v>
      </c>
      <c r="M153" s="134">
        <v>20171.804112029298</v>
      </c>
      <c r="N153" s="134">
        <v>20171.804112029298</v>
      </c>
    </row>
    <row r="154" spans="1:14" x14ac:dyDescent="0.2">
      <c r="A154" s="133" t="s">
        <v>246</v>
      </c>
      <c r="B154" s="134">
        <v>19541.630227166799</v>
      </c>
      <c r="C154" s="134">
        <v>19200.967220976599</v>
      </c>
      <c r="D154" s="134">
        <v>18889.7601772649</v>
      </c>
      <c r="E154" s="134">
        <v>18820.781313473999</v>
      </c>
      <c r="F154" s="134">
        <v>18987.415852289199</v>
      </c>
      <c r="G154" s="134">
        <v>18543.413843469902</v>
      </c>
      <c r="H154" s="134">
        <v>18192.909287986698</v>
      </c>
      <c r="I154" s="134">
        <v>17764.8753794535</v>
      </c>
      <c r="J154" s="134">
        <v>17520.070681571498</v>
      </c>
      <c r="K154" s="134">
        <v>17105.2374294646</v>
      </c>
      <c r="L154" s="134">
        <v>17190.2253238827</v>
      </c>
      <c r="M154" s="134">
        <v>16260.9411759424</v>
      </c>
      <c r="N154" s="134">
        <v>16260.9411759424</v>
      </c>
    </row>
    <row r="155" spans="1:14" x14ac:dyDescent="0.2">
      <c r="A155" s="133" t="s">
        <v>247</v>
      </c>
      <c r="B155" s="134">
        <v>1553010.3173066601</v>
      </c>
      <c r="C155" s="134">
        <v>1502472.8236555799</v>
      </c>
      <c r="D155" s="134">
        <v>1465571.95820814</v>
      </c>
      <c r="E155" s="134">
        <v>1461320.1624485501</v>
      </c>
      <c r="F155" s="134">
        <v>1484322.5341143</v>
      </c>
      <c r="G155" s="134">
        <v>1458739.1581257</v>
      </c>
      <c r="H155" s="134">
        <v>1439347.32164501</v>
      </c>
      <c r="I155" s="134">
        <v>1413382.1734869401</v>
      </c>
      <c r="J155" s="134">
        <v>1401201.94133648</v>
      </c>
      <c r="K155" s="134">
        <v>1374475.75012674</v>
      </c>
      <c r="L155" s="134">
        <v>1389420.6392678299</v>
      </c>
      <c r="M155" s="134">
        <v>1319792.4638397801</v>
      </c>
      <c r="N155" s="134">
        <v>1319792.4638397801</v>
      </c>
    </row>
    <row r="156" spans="1:14" x14ac:dyDescent="0.2">
      <c r="A156" s="133" t="s">
        <v>248</v>
      </c>
      <c r="B156" s="134">
        <v>1637009.30599676</v>
      </c>
      <c r="C156" s="134">
        <v>1584322.54768213</v>
      </c>
      <c r="D156" s="134">
        <v>1545770.76824768</v>
      </c>
      <c r="E156" s="134">
        <v>1541303.49575339</v>
      </c>
      <c r="F156" s="134">
        <v>1565369.4703052901</v>
      </c>
      <c r="G156" s="134">
        <v>1538231.2600614701</v>
      </c>
      <c r="H156" s="134">
        <v>1517637.34400115</v>
      </c>
      <c r="I156" s="134">
        <v>1490119.63155608</v>
      </c>
      <c r="J156" s="134">
        <v>1477123.53579408</v>
      </c>
      <c r="K156" s="134">
        <v>1448815.6301470399</v>
      </c>
      <c r="L156" s="134">
        <v>1464333.82249777</v>
      </c>
      <c r="M156" s="134">
        <v>1390868.4231789401</v>
      </c>
      <c r="N156" s="134">
        <v>1390868.4231789401</v>
      </c>
    </row>
    <row r="157" spans="1:14" x14ac:dyDescent="0.2">
      <c r="A157" s="133" t="s">
        <v>249</v>
      </c>
    </row>
    <row r="158" spans="1:14" x14ac:dyDescent="0.2">
      <c r="A158" s="133" t="s">
        <v>250</v>
      </c>
      <c r="B158" s="134">
        <v>45865.9856342641</v>
      </c>
      <c r="C158" s="134">
        <v>45528.112910080599</v>
      </c>
      <c r="D158" s="134">
        <v>42463.4400197824</v>
      </c>
      <c r="E158" s="134">
        <v>38062.5580056201</v>
      </c>
      <c r="F158" s="134">
        <v>37520.786713564798</v>
      </c>
      <c r="G158" s="134">
        <v>38689.715601725897</v>
      </c>
      <c r="H158" s="134">
        <v>38232.481077414297</v>
      </c>
      <c r="I158" s="134">
        <v>38385.041827029898</v>
      </c>
      <c r="J158" s="134">
        <v>38483.6915396451</v>
      </c>
      <c r="K158" s="134">
        <v>39345.6127256256</v>
      </c>
      <c r="L158" s="134">
        <v>40136.266593560402</v>
      </c>
      <c r="M158" s="134">
        <v>39734.211282095697</v>
      </c>
      <c r="N158" s="134">
        <v>39734.211282095697</v>
      </c>
    </row>
    <row r="159" spans="1:14" x14ac:dyDescent="0.2">
      <c r="A159" s="133" t="s">
        <v>251</v>
      </c>
      <c r="B159" s="134">
        <v>1360.9814192286899</v>
      </c>
      <c r="C159" s="134">
        <v>1355.2225005763</v>
      </c>
      <c r="D159" s="134">
        <v>1268.87083328363</v>
      </c>
      <c r="E159" s="134">
        <v>1141.8513453683299</v>
      </c>
      <c r="F159" s="134">
        <v>1127.4268566819701</v>
      </c>
      <c r="G159" s="134">
        <v>1162.9337103872101</v>
      </c>
      <c r="H159" s="134">
        <v>1149.4005214137201</v>
      </c>
      <c r="I159" s="134">
        <v>1154.08562539524</v>
      </c>
      <c r="J159" s="134">
        <v>1157.0979501224399</v>
      </c>
      <c r="K159" s="134">
        <v>1183.0341905631101</v>
      </c>
      <c r="L159" s="134">
        <v>1206.8217188226899</v>
      </c>
      <c r="M159" s="134">
        <v>1194.75032464326</v>
      </c>
      <c r="N159" s="134">
        <v>1194.75032464326</v>
      </c>
    </row>
    <row r="160" spans="1:14" x14ac:dyDescent="0.2">
      <c r="A160" s="133" t="s">
        <v>252</v>
      </c>
      <c r="B160" s="134">
        <v>10101.4964977048</v>
      </c>
      <c r="C160" s="134">
        <v>10054.6666562223</v>
      </c>
      <c r="D160" s="134">
        <v>9409.3188455644595</v>
      </c>
      <c r="E160" s="134">
        <v>8462.7552975046292</v>
      </c>
      <c r="F160" s="134">
        <v>8353.4678131066703</v>
      </c>
      <c r="G160" s="134">
        <v>8614.9498058978206</v>
      </c>
      <c r="H160" s="134">
        <v>8513.7132477851101</v>
      </c>
      <c r="I160" s="134">
        <v>8547.8192137890692</v>
      </c>
      <c r="J160" s="134">
        <v>8569.8993898886893</v>
      </c>
      <c r="K160" s="134">
        <v>8761.9965341364805</v>
      </c>
      <c r="L160" s="134">
        <v>8938.1784273707399</v>
      </c>
      <c r="M160" s="134">
        <v>8848.7764792036396</v>
      </c>
      <c r="N160" s="134">
        <v>8848.7764792036396</v>
      </c>
    </row>
    <row r="161" spans="1:14" x14ac:dyDescent="0.2">
      <c r="A161" s="133" t="s">
        <v>253</v>
      </c>
      <c r="B161" s="134">
        <v>28756.372719035298</v>
      </c>
      <c r="C161" s="134">
        <v>29578.4255183817</v>
      </c>
      <c r="D161" s="134">
        <v>28721.269781390602</v>
      </c>
      <c r="E161" s="134">
        <v>26732.3866982072</v>
      </c>
      <c r="F161" s="134">
        <v>26734.779941975601</v>
      </c>
      <c r="G161" s="134">
        <v>27818.549593449501</v>
      </c>
      <c r="H161" s="134">
        <v>27650.716644461201</v>
      </c>
      <c r="I161" s="134">
        <v>27873.022964891599</v>
      </c>
      <c r="J161" s="134">
        <v>28005.0054612973</v>
      </c>
      <c r="K161" s="134">
        <v>28684.194191471601</v>
      </c>
      <c r="L161" s="134">
        <v>29278.2834278316</v>
      </c>
      <c r="M161" s="134">
        <v>28987.856996033501</v>
      </c>
      <c r="N161" s="134">
        <v>28987.856996033501</v>
      </c>
    </row>
    <row r="162" spans="1:14" x14ac:dyDescent="0.2">
      <c r="A162" s="133" t="s">
        <v>254</v>
      </c>
      <c r="B162" s="134">
        <v>26229.906283644599</v>
      </c>
      <c r="C162" s="134">
        <v>26589.760718314999</v>
      </c>
      <c r="D162" s="134">
        <v>25364.699745090598</v>
      </c>
      <c r="E162" s="134">
        <v>23051.414112525399</v>
      </c>
      <c r="F162" s="134">
        <v>22624.541567903099</v>
      </c>
      <c r="G162" s="134">
        <v>23209.9533303155</v>
      </c>
      <c r="H162" s="134">
        <v>22848.661764508</v>
      </c>
      <c r="I162" s="134">
        <v>22855.064054587401</v>
      </c>
      <c r="J162" s="134">
        <v>22848.525578567602</v>
      </c>
      <c r="K162" s="134">
        <v>23273.708526614599</v>
      </c>
      <c r="L162" s="134">
        <v>23682.247230682799</v>
      </c>
      <c r="M162" s="134">
        <v>23365.506213604302</v>
      </c>
      <c r="N162" s="134">
        <v>23365.506213604302</v>
      </c>
    </row>
    <row r="163" spans="1:14" x14ac:dyDescent="0.2">
      <c r="A163" s="133" t="s">
        <v>255</v>
      </c>
      <c r="B163" s="134">
        <v>2082521.57781683</v>
      </c>
      <c r="C163" s="134">
        <v>2083342.2653747899</v>
      </c>
      <c r="D163" s="134">
        <v>1963665.59969374</v>
      </c>
      <c r="E163" s="134">
        <v>1782222.9050429999</v>
      </c>
      <c r="F163" s="134">
        <v>1769511.4209656301</v>
      </c>
      <c r="G163" s="134">
        <v>1833265.4880865701</v>
      </c>
      <c r="H163" s="134">
        <v>1817208.1329326399</v>
      </c>
      <c r="I163" s="134">
        <v>1829320.9037283</v>
      </c>
      <c r="J163" s="134">
        <v>1837722.8399273001</v>
      </c>
      <c r="K163" s="134">
        <v>1884649.9004057299</v>
      </c>
      <c r="L163" s="134">
        <v>1927136.9458147001</v>
      </c>
      <c r="M163" s="134">
        <v>1911698.83426086</v>
      </c>
      <c r="N163" s="134">
        <v>1911698.83426086</v>
      </c>
    </row>
    <row r="164" spans="1:14" x14ac:dyDescent="0.2">
      <c r="A164" s="133" t="s">
        <v>256</v>
      </c>
      <c r="B164" s="134">
        <v>2194836.32037071</v>
      </c>
      <c r="C164" s="134">
        <v>2196448.4536783602</v>
      </c>
      <c r="D164" s="134">
        <v>2070893.1989188499</v>
      </c>
      <c r="E164" s="134">
        <v>1879673.87050223</v>
      </c>
      <c r="F164" s="134">
        <v>1865872.42385886</v>
      </c>
      <c r="G164" s="134">
        <v>1932761.5901283501</v>
      </c>
      <c r="H164" s="134">
        <v>1915603.10618823</v>
      </c>
      <c r="I164" s="134">
        <v>1928135.93741399</v>
      </c>
      <c r="J164" s="134">
        <v>1936787.0598468201</v>
      </c>
      <c r="K164" s="134">
        <v>1985898.4465741499</v>
      </c>
      <c r="L164" s="134">
        <v>2030378.74321296</v>
      </c>
      <c r="M164" s="134">
        <v>2013829.9355564399</v>
      </c>
      <c r="N164" s="134">
        <v>2013829.9355564399</v>
      </c>
    </row>
    <row r="165" spans="1:14" x14ac:dyDescent="0.2">
      <c r="A165" s="133" t="s">
        <v>257</v>
      </c>
    </row>
    <row r="166" spans="1:14" x14ac:dyDescent="0.2">
      <c r="A166" s="133" t="s">
        <v>258</v>
      </c>
      <c r="B166" s="134">
        <v>29344.457809579999</v>
      </c>
      <c r="C166" s="134">
        <v>34455.427778748097</v>
      </c>
      <c r="D166" s="134">
        <v>36166.149557826102</v>
      </c>
      <c r="E166" s="134">
        <v>37589.549161456998</v>
      </c>
      <c r="F166" s="134">
        <v>38303.221393405402</v>
      </c>
      <c r="G166" s="134">
        <v>37854.4966915556</v>
      </c>
      <c r="H166" s="134">
        <v>44223.798208312699</v>
      </c>
      <c r="I166" s="134">
        <v>39867.511988770697</v>
      </c>
      <c r="J166" s="134">
        <v>28076.5462873859</v>
      </c>
      <c r="K166" s="134">
        <v>15143.3669764844</v>
      </c>
      <c r="L166" s="134">
        <v>20721.460478489498</v>
      </c>
      <c r="M166" s="134">
        <v>10057.9380202374</v>
      </c>
      <c r="N166" s="134">
        <v>10057.9380202374</v>
      </c>
    </row>
    <row r="167" spans="1:14" x14ac:dyDescent="0.2">
      <c r="A167" s="133" t="s">
        <v>259</v>
      </c>
      <c r="B167" s="134">
        <v>877.90961105196402</v>
      </c>
      <c r="C167" s="134">
        <v>1032.3977834186901</v>
      </c>
      <c r="D167" s="134">
        <v>1085.5201341818199</v>
      </c>
      <c r="E167" s="134">
        <v>1128.73881631427</v>
      </c>
      <c r="F167" s="134">
        <v>1151.07469167822</v>
      </c>
      <c r="G167" s="134">
        <v>1137.7855124319799</v>
      </c>
      <c r="H167" s="134">
        <v>1329.4021925045199</v>
      </c>
      <c r="I167" s="134">
        <v>1198.453588829</v>
      </c>
      <c r="J167" s="134">
        <v>844.16851390456395</v>
      </c>
      <c r="K167" s="134">
        <v>455.35269773318498</v>
      </c>
      <c r="L167" s="134">
        <v>623.054372884131</v>
      </c>
      <c r="M167" s="134">
        <v>302.48258389478201</v>
      </c>
      <c r="N167" s="134">
        <v>302.48258389478201</v>
      </c>
    </row>
    <row r="168" spans="1:14" x14ac:dyDescent="0.2">
      <c r="A168" s="133" t="s">
        <v>260</v>
      </c>
      <c r="B168" s="134">
        <v>6509.0721480653001</v>
      </c>
      <c r="C168" s="134">
        <v>7652.4817816760697</v>
      </c>
      <c r="D168" s="134">
        <v>8044.2396994458404</v>
      </c>
      <c r="E168" s="134">
        <v>8363.8774413190094</v>
      </c>
      <c r="F168" s="134">
        <v>8528.1534774455395</v>
      </c>
      <c r="G168" s="134">
        <v>8428.8766716758892</v>
      </c>
      <c r="H168" s="134">
        <v>9847.6233836026004</v>
      </c>
      <c r="I168" s="134">
        <v>8877.5056738310705</v>
      </c>
      <c r="J168" s="134">
        <v>6252.2103818915102</v>
      </c>
      <c r="K168" s="134">
        <v>3372.5069838055501</v>
      </c>
      <c r="L168" s="134">
        <v>4614.5640966620404</v>
      </c>
      <c r="M168" s="134">
        <v>2240.3013571359302</v>
      </c>
      <c r="N168" s="134">
        <v>2240.3013571359302</v>
      </c>
    </row>
    <row r="169" spans="1:14" x14ac:dyDescent="0.2">
      <c r="A169" s="133" t="s">
        <v>261</v>
      </c>
      <c r="B169" s="134">
        <v>19744.165801799099</v>
      </c>
      <c r="C169" s="134">
        <v>23673.402389502098</v>
      </c>
      <c r="D169" s="134">
        <v>25322.484649431499</v>
      </c>
      <c r="E169" s="134">
        <v>26456.947887226001</v>
      </c>
      <c r="F169" s="134">
        <v>27164.318544569</v>
      </c>
      <c r="G169" s="134">
        <v>26968.497069172299</v>
      </c>
      <c r="H169" s="134">
        <v>31688.161884455501</v>
      </c>
      <c r="I169" s="134">
        <v>28558.806831458602</v>
      </c>
      <c r="J169" s="134">
        <v>20301.226346469801</v>
      </c>
      <c r="K169" s="134">
        <v>11080.3084696929</v>
      </c>
      <c r="L169" s="134">
        <v>15110.9608828783</v>
      </c>
      <c r="M169" s="134">
        <v>7342.8510593662404</v>
      </c>
      <c r="N169" s="134">
        <v>7342.8510593662404</v>
      </c>
    </row>
    <row r="170" spans="1:14" x14ac:dyDescent="0.2">
      <c r="A170" s="133" t="s">
        <v>262</v>
      </c>
      <c r="B170" s="134">
        <v>18076.146031398701</v>
      </c>
      <c r="C170" s="134">
        <v>21186.6782585248</v>
      </c>
      <c r="D170" s="134">
        <v>22360.548832119399</v>
      </c>
      <c r="E170" s="134">
        <v>23219.185609190099</v>
      </c>
      <c r="F170" s="134">
        <v>23588.047095395901</v>
      </c>
      <c r="G170" s="134">
        <v>23266.049177376</v>
      </c>
      <c r="H170" s="134">
        <v>26971.1784670138</v>
      </c>
      <c r="I170" s="134">
        <v>24372.579444358598</v>
      </c>
      <c r="J170" s="134">
        <v>17067.292273783201</v>
      </c>
      <c r="K170" s="134">
        <v>9112.1975211865592</v>
      </c>
      <c r="L170" s="134">
        <v>12520.975474873299</v>
      </c>
      <c r="M170" s="134">
        <v>5915.5071955253798</v>
      </c>
      <c r="N170" s="134">
        <v>5915.5071955253798</v>
      </c>
    </row>
    <row r="171" spans="1:14" x14ac:dyDescent="0.2">
      <c r="A171" s="133" t="s">
        <v>263</v>
      </c>
      <c r="B171" s="134">
        <v>1391770.7320647701</v>
      </c>
      <c r="C171" s="134">
        <v>1633711.7434086299</v>
      </c>
      <c r="D171" s="134">
        <v>1721394.47679184</v>
      </c>
      <c r="E171" s="134">
        <v>1791034.52622268</v>
      </c>
      <c r="F171" s="134">
        <v>1831269.75664335</v>
      </c>
      <c r="G171" s="134">
        <v>1814057.71195742</v>
      </c>
      <c r="H171" s="134">
        <v>2124418.88804108</v>
      </c>
      <c r="I171" s="134">
        <v>1914795.51181052</v>
      </c>
      <c r="J171" s="134">
        <v>1358500.85314816</v>
      </c>
      <c r="K171" s="134">
        <v>740333.14580114698</v>
      </c>
      <c r="L171" s="134">
        <v>1010004.01933581</v>
      </c>
      <c r="M171" s="134">
        <v>495879.12178652902</v>
      </c>
      <c r="N171" s="134">
        <v>495879.12178652902</v>
      </c>
    </row>
    <row r="172" spans="1:14" x14ac:dyDescent="0.2">
      <c r="A172" s="133" t="s">
        <v>264</v>
      </c>
      <c r="B172" s="134">
        <v>1466322.4834666699</v>
      </c>
      <c r="C172" s="134">
        <v>1721712.1314005</v>
      </c>
      <c r="D172" s="134">
        <v>1814373.41966485</v>
      </c>
      <c r="E172" s="134">
        <v>1887792.8251381901</v>
      </c>
      <c r="F172" s="134">
        <v>1930004.57184585</v>
      </c>
      <c r="G172" s="134">
        <v>1911713.4170796301</v>
      </c>
      <c r="H172" s="134">
        <v>2238479.0521769701</v>
      </c>
      <c r="I172" s="134">
        <v>2017670.3693377699</v>
      </c>
      <c r="J172" s="134">
        <v>1431042.2969515901</v>
      </c>
      <c r="K172" s="134">
        <v>779496.87845005002</v>
      </c>
      <c r="L172" s="134">
        <v>1063595.0346416</v>
      </c>
      <c r="M172" s="134">
        <v>521738.20200268901</v>
      </c>
      <c r="N172" s="134">
        <v>521738.20200268901</v>
      </c>
    </row>
    <row r="173" spans="1:14" x14ac:dyDescent="0.2">
      <c r="A173" s="133" t="s">
        <v>265</v>
      </c>
    </row>
    <row r="174" spans="1:14" x14ac:dyDescent="0.2">
      <c r="A174" s="133" t="s">
        <v>266</v>
      </c>
      <c r="B174" s="134">
        <v>-7.2865423673682204E-13</v>
      </c>
      <c r="C174" s="134">
        <v>-7.2865423673682204E-13</v>
      </c>
      <c r="D174" s="134">
        <v>-7.2865423673682204E-13</v>
      </c>
      <c r="E174" s="134">
        <v>-7.2865423673682204E-13</v>
      </c>
      <c r="F174" s="134">
        <v>2.5155411905275701E-11</v>
      </c>
      <c r="G174" s="134">
        <v>2.5155411905275701E-11</v>
      </c>
      <c r="H174" s="134">
        <v>2.5155411905275701E-11</v>
      </c>
      <c r="I174" s="134">
        <v>2.5155411905275701E-11</v>
      </c>
      <c r="J174" s="134">
        <v>2.5155411905275701E-11</v>
      </c>
      <c r="K174" s="134">
        <v>2.7657034518870199E-11</v>
      </c>
      <c r="L174" s="134">
        <v>2.7657034518870199E-11</v>
      </c>
      <c r="M174" s="134">
        <v>1.01052307459964E-11</v>
      </c>
      <c r="N174" s="134">
        <v>1.01052307459964E-11</v>
      </c>
    </row>
    <row r="175" spans="1:14" x14ac:dyDescent="0.2">
      <c r="A175" s="133" t="s">
        <v>267</v>
      </c>
      <c r="B175" s="134">
        <v>1.5590253431241599E-13</v>
      </c>
      <c r="C175" s="134">
        <v>1.5590253431241599E-13</v>
      </c>
      <c r="D175" s="134">
        <v>1.5590253431241599E-13</v>
      </c>
      <c r="E175" s="134">
        <v>1.5590253431241599E-13</v>
      </c>
      <c r="F175" s="134">
        <v>1.96863211525409E-12</v>
      </c>
      <c r="G175" s="134">
        <v>1.96863211525409E-12</v>
      </c>
      <c r="H175" s="134">
        <v>1.96863211525409E-12</v>
      </c>
      <c r="I175" s="134">
        <v>1.96863211525409E-12</v>
      </c>
      <c r="J175" s="134">
        <v>1.96863211525409E-12</v>
      </c>
      <c r="K175" s="134">
        <v>2.1672768008713998E-12</v>
      </c>
      <c r="L175" s="134">
        <v>2.1672768008713998E-12</v>
      </c>
      <c r="M175" s="134">
        <v>8.0333084358158701E-13</v>
      </c>
      <c r="N175" s="134">
        <v>8.0333084358158701E-13</v>
      </c>
    </row>
    <row r="176" spans="1:14" x14ac:dyDescent="0.2">
      <c r="A176" s="133" t="s">
        <v>268</v>
      </c>
      <c r="B176" s="134">
        <v>-4.4111158382525097E-14</v>
      </c>
      <c r="C176" s="134">
        <v>-4.4111158382525097E-14</v>
      </c>
      <c r="D176" s="134">
        <v>-4.4111158382525097E-14</v>
      </c>
      <c r="E176" s="134">
        <v>-4.4111158382525097E-14</v>
      </c>
      <c r="F176" s="134">
        <v>2.2250696244094198E-12</v>
      </c>
      <c r="G176" s="134">
        <v>2.2250696244094198E-12</v>
      </c>
      <c r="H176" s="134">
        <v>2.2250696244094198E-12</v>
      </c>
      <c r="I176" s="134">
        <v>2.2250696244094198E-12</v>
      </c>
      <c r="J176" s="134">
        <v>2.2250696244094198E-12</v>
      </c>
      <c r="K176" s="134">
        <v>2.4487384784826201E-12</v>
      </c>
      <c r="L176" s="134">
        <v>2.4487384784826201E-12</v>
      </c>
      <c r="M176" s="134">
        <v>9.0198230005137302E-13</v>
      </c>
      <c r="N176" s="134">
        <v>9.0198230005137302E-13</v>
      </c>
    </row>
    <row r="177" spans="1:14" x14ac:dyDescent="0.2">
      <c r="A177" s="133" t="s">
        <v>269</v>
      </c>
      <c r="B177" s="134">
        <v>6.0990576574347096E-13</v>
      </c>
      <c r="C177" s="134">
        <v>6.0990576574347096E-13</v>
      </c>
      <c r="D177" s="134">
        <v>6.0990576574347096E-13</v>
      </c>
      <c r="E177" s="134">
        <v>6.0990576574347096E-13</v>
      </c>
      <c r="F177" s="134">
        <v>3.8106642541783E-12</v>
      </c>
      <c r="G177" s="134">
        <v>3.8106642541783E-12</v>
      </c>
      <c r="H177" s="134">
        <v>3.8106642541783E-12</v>
      </c>
      <c r="I177" s="134">
        <v>3.8106642541783E-12</v>
      </c>
      <c r="J177" s="134">
        <v>3.8106642541783E-12</v>
      </c>
      <c r="K177" s="134">
        <v>4.3315665690115596E-12</v>
      </c>
      <c r="L177" s="134">
        <v>4.3315665690115596E-12</v>
      </c>
      <c r="M177" s="134">
        <v>1.9681834022320699E-12</v>
      </c>
      <c r="N177" s="134">
        <v>1.9681834022320699E-12</v>
      </c>
    </row>
    <row r="178" spans="1:14" x14ac:dyDescent="0.2">
      <c r="A178" s="133" t="s">
        <v>270</v>
      </c>
      <c r="B178" s="134">
        <v>220230.70097419401</v>
      </c>
      <c r="C178" s="134">
        <v>329551.66685073299</v>
      </c>
      <c r="D178" s="134">
        <v>349596.90836485103</v>
      </c>
      <c r="E178" s="134">
        <v>366163.75851152098</v>
      </c>
      <c r="F178" s="134">
        <v>559342.9281427</v>
      </c>
      <c r="G178" s="134">
        <v>529082.65931904502</v>
      </c>
      <c r="H178" s="134">
        <v>528818.278052454</v>
      </c>
      <c r="I178" s="134">
        <v>531135.03720391099</v>
      </c>
      <c r="J178" s="134">
        <v>515001.95597048698</v>
      </c>
      <c r="K178" s="134">
        <v>513275.362154731</v>
      </c>
      <c r="L178" s="134">
        <v>496016.99242980802</v>
      </c>
      <c r="M178" s="134">
        <v>343894.742367431</v>
      </c>
      <c r="N178" s="134">
        <v>343894.742367431</v>
      </c>
    </row>
    <row r="179" spans="1:14" x14ac:dyDescent="0.2">
      <c r="A179" s="133" t="s">
        <v>271</v>
      </c>
      <c r="B179" s="134">
        <v>220230.70097419401</v>
      </c>
      <c r="C179" s="134">
        <v>329551.66685073299</v>
      </c>
      <c r="D179" s="134">
        <v>349596.90836485103</v>
      </c>
      <c r="E179" s="134">
        <v>366163.75851152098</v>
      </c>
      <c r="F179" s="134">
        <v>559342.9281427</v>
      </c>
      <c r="G179" s="134">
        <v>529082.65931904502</v>
      </c>
      <c r="H179" s="134">
        <v>528818.278052454</v>
      </c>
      <c r="I179" s="134">
        <v>531135.03720391099</v>
      </c>
      <c r="J179" s="134">
        <v>515001.95597048698</v>
      </c>
      <c r="K179" s="134">
        <v>513275.362154731</v>
      </c>
      <c r="L179" s="134">
        <v>496016.99242980802</v>
      </c>
      <c r="M179" s="134">
        <v>343894.742367431</v>
      </c>
      <c r="N179" s="134">
        <v>343894.742367431</v>
      </c>
    </row>
    <row r="180" spans="1:14" x14ac:dyDescent="0.2">
      <c r="A180" s="133" t="s">
        <v>272</v>
      </c>
    </row>
    <row r="181" spans="1:14" x14ac:dyDescent="0.2">
      <c r="A181" s="133" t="s">
        <v>273</v>
      </c>
      <c r="B181" s="134">
        <v>-1967.2710008659001</v>
      </c>
      <c r="C181" s="134">
        <v>-2001.11932683279</v>
      </c>
      <c r="D181" s="134">
        <v>-1818.67570491676</v>
      </c>
      <c r="E181" s="134">
        <v>-2230.18429543919</v>
      </c>
      <c r="F181" s="134">
        <v>-1597.1345300948101</v>
      </c>
      <c r="G181" s="134">
        <v>-1435.2474674202999</v>
      </c>
      <c r="H181" s="134">
        <v>-1904.06490169106</v>
      </c>
      <c r="I181" s="134">
        <v>-1657.49853538461</v>
      </c>
      <c r="J181" s="134">
        <v>-1753.2749754180099</v>
      </c>
      <c r="K181" s="134">
        <v>-1892.44156490149</v>
      </c>
      <c r="L181" s="134">
        <v>-2178.2606962211498</v>
      </c>
      <c r="M181" s="134">
        <v>-1634.14425117935</v>
      </c>
      <c r="N181" s="134">
        <v>-1634.14425117935</v>
      </c>
    </row>
    <row r="182" spans="1:14" x14ac:dyDescent="0.2">
      <c r="A182" s="133" t="s">
        <v>274</v>
      </c>
      <c r="B182" s="134">
        <v>-58.726576049304498</v>
      </c>
      <c r="C182" s="134">
        <v>-59.701040335802801</v>
      </c>
      <c r="D182" s="134">
        <v>-54.371359876800398</v>
      </c>
      <c r="E182" s="134">
        <v>-66.783020285592201</v>
      </c>
      <c r="F182" s="134">
        <v>-47.987245175031802</v>
      </c>
      <c r="G182" s="134">
        <v>-43.135186327057603</v>
      </c>
      <c r="H182" s="134">
        <v>-57.242064067730098</v>
      </c>
      <c r="I182" s="134">
        <v>-49.835746059882197</v>
      </c>
      <c r="J182" s="134">
        <v>-52.716864109607101</v>
      </c>
      <c r="K182" s="134">
        <v>-56.9015194210061</v>
      </c>
      <c r="L182" s="134">
        <v>-65.495985544323304</v>
      </c>
      <c r="M182" s="134">
        <v>-49.138161375515701</v>
      </c>
      <c r="N182" s="134">
        <v>-49.138161375515701</v>
      </c>
    </row>
    <row r="183" spans="1:14" x14ac:dyDescent="0.2">
      <c r="A183" s="133" t="s">
        <v>275</v>
      </c>
      <c r="B183" s="134">
        <v>-435.58702767469703</v>
      </c>
      <c r="C183" s="134">
        <v>-442.84526574701499</v>
      </c>
      <c r="D183" s="134">
        <v>-403.21576081664</v>
      </c>
      <c r="E183" s="134">
        <v>-495.10003603669401</v>
      </c>
      <c r="F183" s="134">
        <v>-355.57605741442501</v>
      </c>
      <c r="G183" s="134">
        <v>-319.573714580971</v>
      </c>
      <c r="H183" s="134">
        <v>-424.00932417295201</v>
      </c>
      <c r="I183" s="134">
        <v>-369.10769009436802</v>
      </c>
      <c r="J183" s="134">
        <v>-390.44054317796798</v>
      </c>
      <c r="K183" s="134">
        <v>-421.43369088775199</v>
      </c>
      <c r="L183" s="134">
        <v>-485.08758418636199</v>
      </c>
      <c r="M183" s="134">
        <v>-363.93596021060398</v>
      </c>
      <c r="N183" s="134">
        <v>-363.93596021060398</v>
      </c>
    </row>
    <row r="184" spans="1:14" x14ac:dyDescent="0.2">
      <c r="A184" s="133" t="s">
        <v>276</v>
      </c>
      <c r="B184" s="134">
        <v>-1320.3837405736899</v>
      </c>
      <c r="C184" s="134">
        <v>-1334.58639305068</v>
      </c>
      <c r="D184" s="134">
        <v>-1238.57753767385</v>
      </c>
      <c r="E184" s="134">
        <v>-1547.47428952273</v>
      </c>
      <c r="F184" s="134">
        <v>-1136.68202536021</v>
      </c>
      <c r="G184" s="134">
        <v>-1028.7805446746399</v>
      </c>
      <c r="H184" s="134">
        <v>-1378.31331093119</v>
      </c>
      <c r="I184" s="134">
        <v>-1207.3171657277201</v>
      </c>
      <c r="J184" s="134">
        <v>-1278.7102476666901</v>
      </c>
      <c r="K184" s="134">
        <v>-1380.17282243009</v>
      </c>
      <c r="L184" s="134">
        <v>-1588.7110002218701</v>
      </c>
      <c r="M184" s="134">
        <v>-1192.28109401344</v>
      </c>
      <c r="N184" s="134">
        <v>-1192.28109401344</v>
      </c>
    </row>
    <row r="185" spans="1:14" x14ac:dyDescent="0.2">
      <c r="A185" s="133" t="s">
        <v>277</v>
      </c>
      <c r="B185" s="134">
        <v>-91098.266273663496</v>
      </c>
      <c r="C185" s="134">
        <v>-92516.852006270099</v>
      </c>
      <c r="D185" s="134">
        <v>-84590.095326222596</v>
      </c>
      <c r="E185" s="134">
        <v>-104297.68084759</v>
      </c>
      <c r="F185" s="134">
        <v>-75770.973433106701</v>
      </c>
      <c r="G185" s="134">
        <v>-68332.859814607596</v>
      </c>
      <c r="H185" s="134">
        <v>-91255.053115334304</v>
      </c>
      <c r="I185" s="134">
        <v>-79649.668646293896</v>
      </c>
      <c r="J185" s="134">
        <v>-84425.660154655998</v>
      </c>
      <c r="K185" s="134">
        <v>-91276.016208872505</v>
      </c>
      <c r="L185" s="134">
        <v>-105469.96459947601</v>
      </c>
      <c r="M185" s="134">
        <v>-79148.586982749999</v>
      </c>
      <c r="N185" s="134">
        <v>-79148.586982749999</v>
      </c>
    </row>
    <row r="186" spans="1:14" x14ac:dyDescent="0.2">
      <c r="A186" s="133" t="s">
        <v>278</v>
      </c>
      <c r="B186" s="134">
        <v>-94880.234618827104</v>
      </c>
      <c r="C186" s="134">
        <v>-96355.104032236399</v>
      </c>
      <c r="D186" s="134">
        <v>-88104.935689506703</v>
      </c>
      <c r="E186" s="134">
        <v>-108637.222488874</v>
      </c>
      <c r="F186" s="134">
        <v>-78908.353291151201</v>
      </c>
      <c r="G186" s="134">
        <v>-71159.596727610493</v>
      </c>
      <c r="H186" s="134">
        <v>-95018.682716197305</v>
      </c>
      <c r="I186" s="134">
        <v>-82933.427783560503</v>
      </c>
      <c r="J186" s="134">
        <v>-87900.802785028296</v>
      </c>
      <c r="K186" s="134">
        <v>-95026.965806512802</v>
      </c>
      <c r="L186" s="134">
        <v>-109787.51986565</v>
      </c>
      <c r="M186" s="134">
        <v>-82388.086449528899</v>
      </c>
      <c r="N186" s="134">
        <v>-82388.086449528899</v>
      </c>
    </row>
    <row r="187" spans="1:14" x14ac:dyDescent="0.2">
      <c r="A187" s="136" t="s">
        <v>279</v>
      </c>
      <c r="B187" s="134">
        <v>5429486.7413309701</v>
      </c>
      <c r="C187" s="134">
        <v>5742357.3649007203</v>
      </c>
      <c r="D187" s="134">
        <v>5700438.2384492001</v>
      </c>
      <c r="E187" s="134">
        <v>5573847.1918309396</v>
      </c>
      <c r="F187" s="134">
        <v>5850121.0502140801</v>
      </c>
      <c r="G187" s="134">
        <v>5851117.4313392099</v>
      </c>
      <c r="H187" s="134">
        <v>6116329.4403441101</v>
      </c>
      <c r="I187" s="134">
        <v>5922643.0821432499</v>
      </c>
      <c r="J187" s="134">
        <v>5310497.9389856998</v>
      </c>
      <c r="K187" s="134">
        <v>4667272.8289614599</v>
      </c>
      <c r="L187" s="134">
        <v>4980807.7910492597</v>
      </c>
      <c r="M187" s="134">
        <v>4223258.29817924</v>
      </c>
      <c r="N187" s="134">
        <v>4223258.29817924</v>
      </c>
    </row>
    <row r="188" spans="1:14" x14ac:dyDescent="0.2">
      <c r="A188" s="133" t="s">
        <v>280</v>
      </c>
    </row>
    <row r="189" spans="1:14" x14ac:dyDescent="0.2">
      <c r="A189" s="136" t="s">
        <v>281</v>
      </c>
      <c r="B189" s="134">
        <v>26689425.225758899</v>
      </c>
      <c r="C189" s="134">
        <v>27041350.4074197</v>
      </c>
      <c r="D189" s="134">
        <v>27838211.5745629</v>
      </c>
      <c r="E189" s="134">
        <v>28925667.406213</v>
      </c>
      <c r="F189" s="134">
        <v>29206688.614838298</v>
      </c>
      <c r="G189" s="134">
        <v>29535577.400702499</v>
      </c>
      <c r="H189" s="134">
        <v>30109974.133802</v>
      </c>
      <c r="I189" s="134">
        <v>29950691.9767952</v>
      </c>
      <c r="J189" s="134">
        <v>29093015.735108301</v>
      </c>
      <c r="K189" s="134">
        <v>21473313.4900782</v>
      </c>
      <c r="L189" s="134">
        <v>27353717.279638901</v>
      </c>
      <c r="M189" s="134">
        <v>23237387.608057301</v>
      </c>
      <c r="N189" s="134">
        <v>23237387.608057301</v>
      </c>
    </row>
    <row r="190" spans="1:14" x14ac:dyDescent="0.2">
      <c r="A190" s="133" t="s">
        <v>282</v>
      </c>
    </row>
    <row r="191" spans="1:14" ht="10.8" thickBot="1" x14ac:dyDescent="0.25">
      <c r="A191" s="135" t="s">
        <v>283</v>
      </c>
    </row>
    <row r="192" spans="1:14" x14ac:dyDescent="0.2">
      <c r="A192" s="136" t="s">
        <v>284</v>
      </c>
    </row>
    <row r="193" spans="1:14" x14ac:dyDescent="0.2">
      <c r="A193" s="133" t="s">
        <v>285</v>
      </c>
      <c r="B193" s="134">
        <v>610278.14733599895</v>
      </c>
      <c r="C193" s="134">
        <v>612254.53391700005</v>
      </c>
      <c r="D193" s="134">
        <v>621228.10659599898</v>
      </c>
      <c r="E193" s="134">
        <v>576733.61907899997</v>
      </c>
      <c r="F193" s="134">
        <v>571749.23014500004</v>
      </c>
      <c r="G193" s="134">
        <v>477049.71558299899</v>
      </c>
      <c r="H193" s="134">
        <v>444540.91098299902</v>
      </c>
      <c r="I193" s="134">
        <v>380955.45296399901</v>
      </c>
      <c r="J193" s="134">
        <v>307204.30928999902</v>
      </c>
      <c r="K193" s="134">
        <v>481048.283352</v>
      </c>
      <c r="L193" s="134">
        <v>458424.09959100001</v>
      </c>
      <c r="M193" s="134">
        <v>564417.02109299996</v>
      </c>
      <c r="N193" s="134">
        <v>564417.02109299996</v>
      </c>
    </row>
    <row r="194" spans="1:14" x14ac:dyDescent="0.2">
      <c r="A194" s="133" t="s">
        <v>286</v>
      </c>
      <c r="B194" s="134">
        <v>290810.58063199901</v>
      </c>
      <c r="C194" s="134">
        <v>291752.37107899901</v>
      </c>
      <c r="D194" s="134">
        <v>296028.47025199898</v>
      </c>
      <c r="E194" s="134">
        <v>274825.89597299899</v>
      </c>
      <c r="F194" s="134">
        <v>272450.72811499902</v>
      </c>
      <c r="G194" s="134">
        <v>227324.38542099899</v>
      </c>
      <c r="H194" s="134">
        <v>211833.245220999</v>
      </c>
      <c r="I194" s="134">
        <v>181533.415467999</v>
      </c>
      <c r="J194" s="134">
        <v>146389.41923</v>
      </c>
      <c r="K194" s="134">
        <v>229229.788424</v>
      </c>
      <c r="L194" s="134">
        <v>218448.88131699999</v>
      </c>
      <c r="M194" s="134">
        <v>268956.77379100001</v>
      </c>
      <c r="N194" s="134">
        <v>268956.77379100001</v>
      </c>
    </row>
    <row r="195" spans="1:14" x14ac:dyDescent="0.2">
      <c r="A195" s="133" t="s">
        <v>287</v>
      </c>
      <c r="B195" s="134">
        <v>205610.6624</v>
      </c>
      <c r="C195" s="134">
        <v>206276.53279999999</v>
      </c>
      <c r="D195" s="134">
        <v>209299.84640000001</v>
      </c>
      <c r="E195" s="134">
        <v>194309.07359999901</v>
      </c>
      <c r="F195" s="134">
        <v>192629.76799999899</v>
      </c>
      <c r="G195" s="134">
        <v>160724.26719999901</v>
      </c>
      <c r="H195" s="134">
        <v>149771.62719999999</v>
      </c>
      <c r="I195" s="134">
        <v>128348.857599999</v>
      </c>
      <c r="J195" s="134">
        <v>103501.136</v>
      </c>
      <c r="K195" s="134">
        <v>162071.4368</v>
      </c>
      <c r="L195" s="134">
        <v>154449.05439999999</v>
      </c>
      <c r="M195" s="134">
        <v>190159.45119999899</v>
      </c>
      <c r="N195" s="134">
        <v>190159.45119999899</v>
      </c>
    </row>
    <row r="196" spans="1:14" x14ac:dyDescent="0.2">
      <c r="A196" s="133" t="s">
        <v>288</v>
      </c>
      <c r="B196" s="134">
        <v>43401.1844120225</v>
      </c>
      <c r="C196" s="134">
        <v>43542.279030944803</v>
      </c>
      <c r="D196" s="134">
        <v>44181.074288191499</v>
      </c>
      <c r="E196" s="134">
        <v>41016.980291787702</v>
      </c>
      <c r="F196" s="134">
        <v>40663.321700869201</v>
      </c>
      <c r="G196" s="134">
        <v>33929.396183801597</v>
      </c>
      <c r="H196" s="134">
        <v>31618.208123573</v>
      </c>
      <c r="I196" s="134">
        <v>27096.584863116401</v>
      </c>
      <c r="J196" s="134">
        <v>21852.09219222</v>
      </c>
      <c r="K196" s="134">
        <v>34215.365915823</v>
      </c>
      <c r="L196" s="134">
        <v>32606.757589990299</v>
      </c>
      <c r="M196" s="134">
        <v>40146.629726863801</v>
      </c>
      <c r="N196" s="134">
        <v>40146.629726863801</v>
      </c>
    </row>
    <row r="197" spans="1:14" x14ac:dyDescent="0.2">
      <c r="A197" s="133" t="s">
        <v>289</v>
      </c>
      <c r="B197" s="134">
        <v>133646.93055999899</v>
      </c>
      <c r="C197" s="134">
        <v>134079.74631999899</v>
      </c>
      <c r="D197" s="134">
        <v>136044.900159999</v>
      </c>
      <c r="E197" s="134">
        <v>126300.897839999</v>
      </c>
      <c r="F197" s="134">
        <v>125209.34919999899</v>
      </c>
      <c r="G197" s="134">
        <v>104470.77367999899</v>
      </c>
      <c r="H197" s="134">
        <v>97351.557679999896</v>
      </c>
      <c r="I197" s="134">
        <v>83426.757439999899</v>
      </c>
      <c r="J197" s="134">
        <v>67275.738400000002</v>
      </c>
      <c r="K197" s="134">
        <v>105346.43392</v>
      </c>
      <c r="L197" s="134">
        <v>100391.88536</v>
      </c>
      <c r="M197" s="134">
        <v>123603.64328</v>
      </c>
      <c r="N197" s="134">
        <v>123603.64328</v>
      </c>
    </row>
    <row r="198" spans="1:14" x14ac:dyDescent="0.2">
      <c r="A198" s="133" t="s">
        <v>290</v>
      </c>
      <c r="B198" s="134">
        <v>771.03998399999898</v>
      </c>
      <c r="C198" s="134">
        <v>773.53699799999902</v>
      </c>
      <c r="D198" s="134">
        <v>784.87442399999895</v>
      </c>
      <c r="E198" s="134">
        <v>728.65902599999902</v>
      </c>
      <c r="F198" s="134">
        <v>722.36162999999897</v>
      </c>
      <c r="G198" s="134">
        <v>602.71600199999898</v>
      </c>
      <c r="H198" s="134">
        <v>561.64360199999896</v>
      </c>
      <c r="I198" s="134">
        <v>481.30821599999899</v>
      </c>
      <c r="J198" s="134">
        <v>388.12925999999999</v>
      </c>
      <c r="K198" s="134">
        <v>607.76788799999895</v>
      </c>
      <c r="L198" s="134">
        <v>579.18395399999895</v>
      </c>
      <c r="M198" s="134">
        <v>713.09794199999999</v>
      </c>
      <c r="N198" s="134">
        <v>713.09794199999999</v>
      </c>
    </row>
    <row r="199" spans="1:14" x14ac:dyDescent="0.2">
      <c r="A199" s="133" t="s">
        <v>291</v>
      </c>
      <c r="B199" s="134">
        <v>1284518.5453240201</v>
      </c>
      <c r="C199" s="134">
        <v>1288679.0001449401</v>
      </c>
      <c r="D199" s="134">
        <v>1307567.2721201901</v>
      </c>
      <c r="E199" s="134">
        <v>1213915.1258097801</v>
      </c>
      <c r="F199" s="134">
        <v>1203424.75879086</v>
      </c>
      <c r="G199" s="134">
        <v>1004101.2540698</v>
      </c>
      <c r="H199" s="134">
        <v>935677.19280957198</v>
      </c>
      <c r="I199" s="134">
        <v>801842.376551116</v>
      </c>
      <c r="J199" s="134">
        <v>646610.82437221997</v>
      </c>
      <c r="K199" s="134">
        <v>1012519.07629982</v>
      </c>
      <c r="L199" s="134">
        <v>964899.86221199005</v>
      </c>
      <c r="M199" s="134">
        <v>1187996.6170328599</v>
      </c>
      <c r="N199" s="134">
        <v>1187996.6170328599</v>
      </c>
    </row>
    <row r="200" spans="1:14" x14ac:dyDescent="0.2">
      <c r="A200" s="133" t="s">
        <v>292</v>
      </c>
    </row>
    <row r="201" spans="1:14" x14ac:dyDescent="0.2">
      <c r="A201" s="133" t="s">
        <v>293</v>
      </c>
      <c r="B201" s="134">
        <v>3220964.66</v>
      </c>
      <c r="C201" s="134">
        <v>3035182.23</v>
      </c>
      <c r="D201" s="134">
        <v>2868543.67</v>
      </c>
      <c r="E201" s="134">
        <v>3083511.23</v>
      </c>
      <c r="F201" s="134">
        <v>3144256.09</v>
      </c>
      <c r="G201" s="134">
        <v>3186521.6</v>
      </c>
      <c r="H201" s="134">
        <v>3162998.91</v>
      </c>
      <c r="I201" s="134">
        <v>3269140.73</v>
      </c>
      <c r="J201" s="134">
        <v>3243769.76</v>
      </c>
      <c r="K201" s="134">
        <v>3290086.67</v>
      </c>
      <c r="L201" s="134">
        <v>3398435.24</v>
      </c>
      <c r="M201" s="134">
        <v>3307861.83</v>
      </c>
      <c r="N201" s="134">
        <v>3307861.83</v>
      </c>
    </row>
    <row r="202" spans="1:14" x14ac:dyDescent="0.2">
      <c r="A202" s="133" t="s">
        <v>294</v>
      </c>
    </row>
    <row r="203" spans="1:14" x14ac:dyDescent="0.2">
      <c r="A203" s="133" t="s">
        <v>295</v>
      </c>
      <c r="B203" s="134">
        <v>246750.59</v>
      </c>
      <c r="C203" s="134">
        <v>227406.47999999899</v>
      </c>
      <c r="D203" s="134">
        <v>200337.02</v>
      </c>
      <c r="E203" s="134">
        <v>188402.23</v>
      </c>
      <c r="F203" s="134">
        <v>184166.49</v>
      </c>
      <c r="G203" s="134">
        <v>186234.82</v>
      </c>
      <c r="H203" s="134">
        <v>203030.67</v>
      </c>
      <c r="I203" s="134">
        <v>203482.00999999899</v>
      </c>
      <c r="J203" s="134">
        <v>199559.87</v>
      </c>
      <c r="K203" s="134">
        <v>211144.41999999899</v>
      </c>
      <c r="L203" s="134">
        <v>187258.33</v>
      </c>
      <c r="M203" s="134">
        <v>187702.59</v>
      </c>
      <c r="N203" s="134">
        <v>187702.59</v>
      </c>
    </row>
    <row r="204" spans="1:14" x14ac:dyDescent="0.2">
      <c r="A204" s="133" t="s">
        <v>296</v>
      </c>
    </row>
    <row r="205" spans="1:14" x14ac:dyDescent="0.2">
      <c r="A205" s="133" t="s">
        <v>297</v>
      </c>
      <c r="B205" s="134">
        <v>507213.680786999</v>
      </c>
      <c r="C205" s="134">
        <v>492973.158809999</v>
      </c>
      <c r="D205" s="134">
        <v>551187.46894199902</v>
      </c>
      <c r="E205" s="134">
        <v>645707.00911199895</v>
      </c>
      <c r="F205" s="134">
        <v>659744.20330499904</v>
      </c>
      <c r="G205" s="134">
        <v>705738.25400099903</v>
      </c>
      <c r="H205" s="134">
        <v>675124.943162999</v>
      </c>
      <c r="I205" s="134">
        <v>688334.30140199896</v>
      </c>
      <c r="J205" s="134">
        <v>585936.19312799897</v>
      </c>
      <c r="K205" s="134">
        <v>555991.27468499902</v>
      </c>
      <c r="L205" s="134">
        <v>537561.18352199998</v>
      </c>
      <c r="M205" s="134">
        <v>571466.04233399895</v>
      </c>
      <c r="N205" s="134">
        <v>571466.04233399895</v>
      </c>
    </row>
    <row r="206" spans="1:14" x14ac:dyDescent="0.2">
      <c r="A206" s="133" t="s">
        <v>298</v>
      </c>
      <c r="B206" s="134">
        <v>241692.425072999</v>
      </c>
      <c r="C206" s="134">
        <v>234906.672989999</v>
      </c>
      <c r="D206" s="134">
        <v>262646.37781799998</v>
      </c>
      <c r="E206" s="134">
        <v>307685.89024799899</v>
      </c>
      <c r="F206" s="134">
        <v>314374.75459499902</v>
      </c>
      <c r="G206" s="134">
        <v>336291.38277899899</v>
      </c>
      <c r="H206" s="134">
        <v>321703.831976999</v>
      </c>
      <c r="I206" s="134">
        <v>327998.22415799898</v>
      </c>
      <c r="J206" s="134">
        <v>279204.49471199902</v>
      </c>
      <c r="K206" s="134">
        <v>264935.43961499899</v>
      </c>
      <c r="L206" s="134">
        <v>256153.31563799901</v>
      </c>
      <c r="M206" s="134">
        <v>272309.32218599902</v>
      </c>
      <c r="N206" s="134">
        <v>272309.32218599902</v>
      </c>
    </row>
    <row r="207" spans="1:14" x14ac:dyDescent="0.2">
      <c r="A207" s="133" t="s">
        <v>299</v>
      </c>
      <c r="B207" s="134">
        <v>170928.01892699901</v>
      </c>
      <c r="C207" s="134">
        <v>166129.04700999899</v>
      </c>
      <c r="D207" s="134">
        <v>185746.92618199901</v>
      </c>
      <c r="E207" s="134">
        <v>217599.45375199901</v>
      </c>
      <c r="F207" s="134">
        <v>222329.90540499901</v>
      </c>
      <c r="G207" s="134">
        <v>237829.62922099899</v>
      </c>
      <c r="H207" s="134">
        <v>227513.12402299899</v>
      </c>
      <c r="I207" s="134">
        <v>231964.59984199901</v>
      </c>
      <c r="J207" s="134">
        <v>197457.04128799899</v>
      </c>
      <c r="K207" s="134">
        <v>187365.78038499999</v>
      </c>
      <c r="L207" s="134">
        <v>181154.948362</v>
      </c>
      <c r="M207" s="134">
        <v>192580.685814</v>
      </c>
      <c r="N207" s="134">
        <v>192580.685814</v>
      </c>
    </row>
    <row r="208" spans="1:14" x14ac:dyDescent="0.2">
      <c r="A208" s="133" t="s">
        <v>300</v>
      </c>
      <c r="B208" s="134">
        <v>111098.054546999</v>
      </c>
      <c r="C208" s="134">
        <v>107978.867609999</v>
      </c>
      <c r="D208" s="134">
        <v>120729.897101999</v>
      </c>
      <c r="E208" s="134">
        <v>141433.07887199899</v>
      </c>
      <c r="F208" s="134">
        <v>144507.72970499899</v>
      </c>
      <c r="G208" s="134">
        <v>154582.082480999</v>
      </c>
      <c r="H208" s="134">
        <v>147876.665402999</v>
      </c>
      <c r="I208" s="134">
        <v>150769.99036199899</v>
      </c>
      <c r="J208" s="134">
        <v>128341.118567999</v>
      </c>
      <c r="K208" s="134">
        <v>121782.103485</v>
      </c>
      <c r="L208" s="134">
        <v>117745.250082</v>
      </c>
      <c r="M208" s="134">
        <v>125171.63465399999</v>
      </c>
      <c r="N208" s="134">
        <v>125171.63465399999</v>
      </c>
    </row>
    <row r="209" spans="1:14" x14ac:dyDescent="0.2">
      <c r="A209" s="133" t="s">
        <v>301</v>
      </c>
      <c r="B209" s="134">
        <v>618.93066599999895</v>
      </c>
      <c r="C209" s="134">
        <v>601.55357999999899</v>
      </c>
      <c r="D209" s="134">
        <v>672.58995599999901</v>
      </c>
      <c r="E209" s="134">
        <v>787.92801599999905</v>
      </c>
      <c r="F209" s="134">
        <v>805.05698999999902</v>
      </c>
      <c r="G209" s="134">
        <v>861.18151799999896</v>
      </c>
      <c r="H209" s="134">
        <v>823.82543399999895</v>
      </c>
      <c r="I209" s="134">
        <v>839.94423599999902</v>
      </c>
      <c r="J209" s="134">
        <v>714.99230399999897</v>
      </c>
      <c r="K209" s="134">
        <v>678.45182999999997</v>
      </c>
      <c r="L209" s="134">
        <v>655.96239599999899</v>
      </c>
      <c r="M209" s="134">
        <v>697.33501199999898</v>
      </c>
      <c r="N209" s="134">
        <v>697.33501199999898</v>
      </c>
    </row>
    <row r="210" spans="1:14" x14ac:dyDescent="0.2">
      <c r="A210" s="133" t="s">
        <v>302</v>
      </c>
      <c r="B210" s="134">
        <v>1031551.10999999</v>
      </c>
      <c r="C210" s="134">
        <v>1002589.29999999</v>
      </c>
      <c r="D210" s="134">
        <v>1120983.25999999</v>
      </c>
      <c r="E210" s="134">
        <v>1313213.3599999901</v>
      </c>
      <c r="F210" s="134">
        <v>1341761.6499999899</v>
      </c>
      <c r="G210" s="134">
        <v>1435302.52999999</v>
      </c>
      <c r="H210" s="134">
        <v>1373042.3899999899</v>
      </c>
      <c r="I210" s="134">
        <v>1399907.05999999</v>
      </c>
      <c r="J210" s="134">
        <v>1191653.8399999901</v>
      </c>
      <c r="K210" s="134">
        <v>1130753.04999999</v>
      </c>
      <c r="L210" s="134">
        <v>1093270.6599999999</v>
      </c>
      <c r="M210" s="134">
        <v>1162225.01999999</v>
      </c>
      <c r="N210" s="134">
        <v>1162225.01999999</v>
      </c>
    </row>
    <row r="211" spans="1:14" x14ac:dyDescent="0.2">
      <c r="A211" s="133" t="s">
        <v>303</v>
      </c>
    </row>
    <row r="212" spans="1:14" x14ac:dyDescent="0.2">
      <c r="A212" s="133" t="s">
        <v>304</v>
      </c>
      <c r="B212" s="134">
        <v>2221897.9007339999</v>
      </c>
      <c r="C212" s="134">
        <v>2214453.9235379999</v>
      </c>
      <c r="D212" s="134">
        <v>2291758.6320480001</v>
      </c>
      <c r="E212" s="134">
        <v>2351360.3513159999</v>
      </c>
      <c r="F212" s="134">
        <v>2374663.0887719998</v>
      </c>
      <c r="G212" s="134">
        <v>2362842.8703359901</v>
      </c>
      <c r="H212" s="134">
        <v>2493302.8862279998</v>
      </c>
      <c r="I212" s="134">
        <v>2502947.6000760002</v>
      </c>
      <c r="J212" s="134">
        <v>2554021.5930179898</v>
      </c>
      <c r="K212" s="134">
        <v>2586816.3451200002</v>
      </c>
      <c r="L212" s="134">
        <v>2597659.9955580002</v>
      </c>
      <c r="M212" s="134">
        <v>2594814.418662</v>
      </c>
      <c r="N212" s="134">
        <v>2594814.418662</v>
      </c>
    </row>
    <row r="213" spans="1:14" x14ac:dyDescent="0.2">
      <c r="A213" s="133" t="s">
        <v>305</v>
      </c>
      <c r="B213" s="134">
        <v>1058967.6610679999</v>
      </c>
      <c r="C213" s="134">
        <v>1055419.824276</v>
      </c>
      <c r="D213" s="134">
        <v>1092263.6352959999</v>
      </c>
      <c r="E213" s="134">
        <v>1120670.1130319999</v>
      </c>
      <c r="F213" s="134">
        <v>1131776.3143440001</v>
      </c>
      <c r="G213" s="134">
        <v>1126142.7390719999</v>
      </c>
      <c r="H213" s="134">
        <v>1188320.6356560001</v>
      </c>
      <c r="I213" s="134">
        <v>1192917.3545520001</v>
      </c>
      <c r="J213" s="134">
        <v>1217259.475236</v>
      </c>
      <c r="K213" s="134">
        <v>1232889.61824</v>
      </c>
      <c r="L213" s="134">
        <v>1238057.7563159999</v>
      </c>
      <c r="M213" s="134">
        <v>1236701.5401240001</v>
      </c>
      <c r="N213" s="134">
        <v>1236701.5401240001</v>
      </c>
    </row>
    <row r="214" spans="1:14" x14ac:dyDescent="0.2">
      <c r="A214" s="133" t="s">
        <v>306</v>
      </c>
      <c r="B214" s="134">
        <v>748691.74819799897</v>
      </c>
      <c r="C214" s="134">
        <v>746183.42218599899</v>
      </c>
      <c r="D214" s="134">
        <v>772232.05265599897</v>
      </c>
      <c r="E214" s="134">
        <v>792315.475651999</v>
      </c>
      <c r="F214" s="134">
        <v>800167.57688399905</v>
      </c>
      <c r="G214" s="134">
        <v>796184.63059199904</v>
      </c>
      <c r="H214" s="134">
        <v>840144.49811599904</v>
      </c>
      <c r="I214" s="134">
        <v>843394.385371999</v>
      </c>
      <c r="J214" s="134">
        <v>860604.30174599995</v>
      </c>
      <c r="K214" s="134">
        <v>871654.83663999999</v>
      </c>
      <c r="L214" s="134">
        <v>875308.71812600002</v>
      </c>
      <c r="M214" s="134">
        <v>874349.87121400004</v>
      </c>
      <c r="N214" s="134">
        <v>874349.87121400004</v>
      </c>
    </row>
    <row r="215" spans="1:14" x14ac:dyDescent="0.2">
      <c r="A215" s="133" t="s">
        <v>307</v>
      </c>
      <c r="B215" s="134">
        <v>4029557.31</v>
      </c>
      <c r="C215" s="134">
        <v>4016057.17</v>
      </c>
      <c r="D215" s="134">
        <v>4156254.32</v>
      </c>
      <c r="E215" s="134">
        <v>4264345.9400000004</v>
      </c>
      <c r="F215" s="134">
        <v>4306606.9799999902</v>
      </c>
      <c r="G215" s="134">
        <v>4285170.23999999</v>
      </c>
      <c r="H215" s="134">
        <v>4521768.0199999996</v>
      </c>
      <c r="I215" s="134">
        <v>4539259.34</v>
      </c>
      <c r="J215" s="134">
        <v>4631885.37</v>
      </c>
      <c r="K215" s="134">
        <v>4691360.8</v>
      </c>
      <c r="L215" s="134">
        <v>4711026.47</v>
      </c>
      <c r="M215" s="134">
        <v>4705865.83</v>
      </c>
      <c r="N215" s="134">
        <v>4705865.83</v>
      </c>
    </row>
    <row r="216" spans="1:14" x14ac:dyDescent="0.2">
      <c r="A216" s="133" t="s">
        <v>308</v>
      </c>
    </row>
    <row r="217" spans="1:14" x14ac:dyDescent="0.2">
      <c r="A217" s="133" t="s">
        <v>309</v>
      </c>
      <c r="B217" s="134">
        <v>0</v>
      </c>
      <c r="C217" s="134">
        <v>0</v>
      </c>
      <c r="D217" s="134">
        <v>0</v>
      </c>
      <c r="E217" s="134">
        <v>0</v>
      </c>
      <c r="F217" s="134">
        <v>0</v>
      </c>
      <c r="G217" s="134">
        <v>0</v>
      </c>
      <c r="H217" s="134">
        <v>0</v>
      </c>
      <c r="I217" s="134">
        <v>0</v>
      </c>
      <c r="J217" s="134">
        <v>0</v>
      </c>
      <c r="K217" s="134">
        <v>0</v>
      </c>
      <c r="L217" s="134">
        <v>0</v>
      </c>
      <c r="M217" s="134">
        <v>0</v>
      </c>
      <c r="N217" s="134">
        <v>0</v>
      </c>
    </row>
    <row r="218" spans="1:14" x14ac:dyDescent="0.2">
      <c r="A218" s="133" t="s">
        <v>310</v>
      </c>
    </row>
    <row r="219" spans="1:14" x14ac:dyDescent="0.2">
      <c r="A219" s="133" t="s">
        <v>311</v>
      </c>
      <c r="B219" s="134">
        <v>6128345.5237309998</v>
      </c>
      <c r="C219" s="134">
        <v>6170620.1894632</v>
      </c>
      <c r="D219" s="134">
        <v>6206890.5680141998</v>
      </c>
      <c r="E219" s="134">
        <v>6244568.6289582001</v>
      </c>
      <c r="F219" s="134">
        <v>6254727.1415225901</v>
      </c>
      <c r="G219" s="134">
        <v>6464076.32618629</v>
      </c>
      <c r="H219" s="134">
        <v>6221354.6640647901</v>
      </c>
      <c r="I219" s="134">
        <v>6209416.3004275896</v>
      </c>
      <c r="J219" s="134">
        <v>6112164.6737356903</v>
      </c>
      <c r="K219" s="134">
        <v>6109140.7672910905</v>
      </c>
      <c r="L219" s="134">
        <v>6057583.35309909</v>
      </c>
      <c r="M219" s="134">
        <v>5963238.7697539898</v>
      </c>
      <c r="N219" s="134">
        <v>5963238.7697539898</v>
      </c>
    </row>
    <row r="220" spans="1:14" x14ac:dyDescent="0.2">
      <c r="A220" s="133" t="s">
        <v>312</v>
      </c>
    </row>
    <row r="221" spans="1:14" x14ac:dyDescent="0.2">
      <c r="A221" s="133" t="s">
        <v>313</v>
      </c>
      <c r="B221" s="134">
        <v>4403982.25</v>
      </c>
      <c r="C221" s="134">
        <v>4415327.03</v>
      </c>
      <c r="D221" s="134">
        <v>4481996.7699999996</v>
      </c>
      <c r="E221" s="134">
        <v>4519832.29</v>
      </c>
      <c r="F221" s="134">
        <v>4558348.1299999896</v>
      </c>
      <c r="G221" s="134">
        <v>4673221.5199999996</v>
      </c>
      <c r="H221" s="134">
        <v>4599718.41</v>
      </c>
      <c r="I221" s="134">
        <v>4655141.6499999901</v>
      </c>
      <c r="J221" s="134">
        <v>4630960.8099999996</v>
      </c>
      <c r="K221" s="134">
        <v>4681580.73999999</v>
      </c>
      <c r="L221" s="134">
        <v>4726665.78</v>
      </c>
      <c r="M221" s="134">
        <v>4700754.3600000003</v>
      </c>
      <c r="N221" s="134">
        <v>4700754.3600000003</v>
      </c>
    </row>
    <row r="222" spans="1:14" x14ac:dyDescent="0.2">
      <c r="A222" s="133" t="s">
        <v>314</v>
      </c>
    </row>
    <row r="223" spans="1:14" x14ac:dyDescent="0.2">
      <c r="A223" s="133" t="s">
        <v>315</v>
      </c>
      <c r="B223" s="134">
        <v>11521541.106891001</v>
      </c>
      <c r="C223" s="134">
        <v>12457439.558649</v>
      </c>
      <c r="D223" s="134">
        <v>12726702.910191</v>
      </c>
      <c r="E223" s="134">
        <v>12558150.433395</v>
      </c>
      <c r="F223" s="134">
        <v>12398143.839087</v>
      </c>
      <c r="G223" s="134">
        <v>13023040.120773001</v>
      </c>
      <c r="H223" s="134">
        <v>12579130.917021001</v>
      </c>
      <c r="I223" s="134">
        <v>12466527.387519</v>
      </c>
      <c r="J223" s="134">
        <v>12187674.247305</v>
      </c>
      <c r="K223" s="134">
        <v>11918573.154846</v>
      </c>
      <c r="L223" s="134">
        <v>12343603.948587</v>
      </c>
      <c r="M223" s="134">
        <v>12079793.052168</v>
      </c>
      <c r="N223" s="134">
        <v>12079793.052168</v>
      </c>
    </row>
    <row r="224" spans="1:14" x14ac:dyDescent="0.2">
      <c r="A224" s="133" t="s">
        <v>316</v>
      </c>
      <c r="B224" s="134">
        <v>5490260.5864169998</v>
      </c>
      <c r="C224" s="134">
        <v>5936236.2015629997</v>
      </c>
      <c r="D224" s="134">
        <v>6064545.9435170004</v>
      </c>
      <c r="E224" s="134">
        <v>5984227.0858650003</v>
      </c>
      <c r="F224" s="134">
        <v>5907980.5238690004</v>
      </c>
      <c r="G224" s="134">
        <v>6205756.957951</v>
      </c>
      <c r="H224" s="134">
        <v>5994224.7347269999</v>
      </c>
      <c r="I224" s="134">
        <v>5940566.7462529996</v>
      </c>
      <c r="J224" s="134">
        <v>5807687.2650349997</v>
      </c>
      <c r="K224" s="134">
        <v>5679454.8430019999</v>
      </c>
      <c r="L224" s="134">
        <v>5881991.1003689999</v>
      </c>
      <c r="M224" s="134">
        <v>5756279.5698159998</v>
      </c>
      <c r="N224" s="134">
        <v>5756279.5698159998</v>
      </c>
    </row>
    <row r="225" spans="1:14" x14ac:dyDescent="0.2">
      <c r="A225" s="133" t="s">
        <v>317</v>
      </c>
      <c r="B225" s="134">
        <v>3881757.3744000001</v>
      </c>
      <c r="C225" s="134">
        <v>4197073.7615999999</v>
      </c>
      <c r="D225" s="134">
        <v>4287792.0943999998</v>
      </c>
      <c r="E225" s="134">
        <v>4231004.568</v>
      </c>
      <c r="F225" s="134">
        <v>4177096.26079999</v>
      </c>
      <c r="G225" s="134">
        <v>4387631.9632000001</v>
      </c>
      <c r="H225" s="134">
        <v>4238073.1663999902</v>
      </c>
      <c r="I225" s="134">
        <v>4200135.5696</v>
      </c>
      <c r="J225" s="134">
        <v>4106186.3119999999</v>
      </c>
      <c r="K225" s="134">
        <v>4015522.6464</v>
      </c>
      <c r="L225" s="134">
        <v>4158721.0608000001</v>
      </c>
      <c r="M225" s="134">
        <v>4069839.7311999998</v>
      </c>
      <c r="N225" s="134">
        <v>4069839.7311999998</v>
      </c>
    </row>
    <row r="226" spans="1:14" x14ac:dyDescent="0.2">
      <c r="A226" s="133" t="s">
        <v>318</v>
      </c>
      <c r="B226" s="134">
        <v>819375.89627183694</v>
      </c>
      <c r="C226" s="134">
        <v>885949.54946298501</v>
      </c>
      <c r="D226" s="134">
        <v>905114.32897770999</v>
      </c>
      <c r="E226" s="134">
        <v>893141.84374632</v>
      </c>
      <c r="F226" s="134">
        <v>881777.04644491</v>
      </c>
      <c r="G226" s="134">
        <v>926242.69835043</v>
      </c>
      <c r="H226" s="134">
        <v>894685.74207668297</v>
      </c>
      <c r="I226" s="134">
        <v>886689.98408688698</v>
      </c>
      <c r="J226" s="134">
        <v>866870.205033493</v>
      </c>
      <c r="K226" s="134">
        <v>847744.37093023304</v>
      </c>
      <c r="L226" s="134">
        <v>877992.49747403106</v>
      </c>
      <c r="M226" s="134">
        <v>859228.12516070798</v>
      </c>
      <c r="N226" s="134">
        <v>859228.12516070798</v>
      </c>
    </row>
    <row r="227" spans="1:14" x14ac:dyDescent="0.2">
      <c r="A227" s="133" t="s">
        <v>319</v>
      </c>
      <c r="B227" s="134">
        <v>2523142.29336</v>
      </c>
      <c r="C227" s="134">
        <v>2728097.9450400001</v>
      </c>
      <c r="D227" s="134">
        <v>2787064.86136</v>
      </c>
      <c r="E227" s="134">
        <v>2750152.9692000002</v>
      </c>
      <c r="F227" s="134">
        <v>2715112.5695199999</v>
      </c>
      <c r="G227" s="134">
        <v>2851960.7760800002</v>
      </c>
      <c r="H227" s="134">
        <v>2754747.55816</v>
      </c>
      <c r="I227" s="134">
        <v>2730088.1202400001</v>
      </c>
      <c r="J227" s="134">
        <v>2669021.1028</v>
      </c>
      <c r="K227" s="134">
        <v>2610089.72016</v>
      </c>
      <c r="L227" s="134">
        <v>2703168.68952</v>
      </c>
      <c r="M227" s="134">
        <v>2645395.82528</v>
      </c>
      <c r="N227" s="134">
        <v>2645395.82528</v>
      </c>
    </row>
    <row r="228" spans="1:14" x14ac:dyDescent="0.2">
      <c r="A228" s="133" t="s">
        <v>320</v>
      </c>
      <c r="B228" s="134">
        <v>14556.590154</v>
      </c>
      <c r="C228" s="134">
        <v>15739.026605999999</v>
      </c>
      <c r="D228" s="134">
        <v>16079.220353999999</v>
      </c>
      <c r="E228" s="134">
        <v>15866.2671299999</v>
      </c>
      <c r="F228" s="134">
        <v>15664.110977999901</v>
      </c>
      <c r="G228" s="134">
        <v>16453.619862</v>
      </c>
      <c r="H228" s="134">
        <v>15892.7743739999</v>
      </c>
      <c r="I228" s="134">
        <v>15750.508385999899</v>
      </c>
      <c r="J228" s="134">
        <v>15398.1986699999</v>
      </c>
      <c r="K228" s="134">
        <v>15058.209923999901</v>
      </c>
      <c r="L228" s="134">
        <v>15595.2039779999</v>
      </c>
      <c r="M228" s="134">
        <v>15261.8989919999</v>
      </c>
      <c r="N228" s="134">
        <v>15261.8989919999</v>
      </c>
    </row>
    <row r="229" spans="1:14" x14ac:dyDescent="0.2">
      <c r="A229" s="133" t="s">
        <v>321</v>
      </c>
      <c r="B229" s="134">
        <v>24250633.847493801</v>
      </c>
      <c r="C229" s="134">
        <v>26220536.042920899</v>
      </c>
      <c r="D229" s="134">
        <v>26787299.3587997</v>
      </c>
      <c r="E229" s="134">
        <v>26432543.1673363</v>
      </c>
      <c r="F229" s="134">
        <v>26095774.350698899</v>
      </c>
      <c r="G229" s="134">
        <v>27411086.136216398</v>
      </c>
      <c r="H229" s="134">
        <v>26476754.8927586</v>
      </c>
      <c r="I229" s="134">
        <v>26239758.316084798</v>
      </c>
      <c r="J229" s="134">
        <v>25652837.3308434</v>
      </c>
      <c r="K229" s="134">
        <v>25086442.945262201</v>
      </c>
      <c r="L229" s="134">
        <v>25981072.500728</v>
      </c>
      <c r="M229" s="134">
        <v>25425798.202616699</v>
      </c>
      <c r="N229" s="134">
        <v>25425798.202616699</v>
      </c>
    </row>
    <row r="230" spans="1:14" x14ac:dyDescent="0.2">
      <c r="A230" s="133" t="s">
        <v>322</v>
      </c>
    </row>
    <row r="231" spans="1:14" x14ac:dyDescent="0.2">
      <c r="A231" s="133" t="s">
        <v>323</v>
      </c>
      <c r="B231" s="134">
        <v>1120503.5648399999</v>
      </c>
      <c r="C231" s="134">
        <v>1096023.723576</v>
      </c>
      <c r="D231" s="134">
        <v>1244523.50988</v>
      </c>
      <c r="E231" s="134">
        <v>1105526.2303770001</v>
      </c>
      <c r="F231" s="134">
        <v>1149389.7705029999</v>
      </c>
      <c r="G231" s="134">
        <v>940545.71393099998</v>
      </c>
      <c r="H231" s="134">
        <v>1088776.5073770001</v>
      </c>
      <c r="I231" s="134">
        <v>1264596.336132</v>
      </c>
      <c r="J231" s="134">
        <v>769562.89364399901</v>
      </c>
      <c r="K231" s="134">
        <v>706954.75607999996</v>
      </c>
      <c r="L231" s="134">
        <v>760984.03410000005</v>
      </c>
      <c r="M231" s="134">
        <v>535070.46161700005</v>
      </c>
      <c r="N231" s="134">
        <v>535070.46161700005</v>
      </c>
    </row>
    <row r="232" spans="1:14" x14ac:dyDescent="0.2">
      <c r="A232" s="133" t="s">
        <v>324</v>
      </c>
      <c r="B232" s="134">
        <v>533943.89707999898</v>
      </c>
      <c r="C232" s="134">
        <v>522278.729511999</v>
      </c>
      <c r="D232" s="134">
        <v>593042.05156000005</v>
      </c>
      <c r="E232" s="134">
        <v>526806.87709900003</v>
      </c>
      <c r="F232" s="134">
        <v>547708.79146099999</v>
      </c>
      <c r="G232" s="134">
        <v>448190.13489699998</v>
      </c>
      <c r="H232" s="134">
        <v>518825.27609900001</v>
      </c>
      <c r="I232" s="134">
        <v>602607.18228399998</v>
      </c>
      <c r="J232" s="134">
        <v>366713.16662799998</v>
      </c>
      <c r="K232" s="134">
        <v>336879.05095999897</v>
      </c>
      <c r="L232" s="134">
        <v>362625.156699999</v>
      </c>
      <c r="M232" s="134">
        <v>254972.51097900001</v>
      </c>
      <c r="N232" s="134">
        <v>254972.51097900001</v>
      </c>
    </row>
    <row r="233" spans="1:14" x14ac:dyDescent="0.2">
      <c r="A233" s="133" t="s">
        <v>325</v>
      </c>
      <c r="B233" s="134">
        <v>377512.25599999999</v>
      </c>
      <c r="C233" s="134">
        <v>369264.67839999998</v>
      </c>
      <c r="D233" s="134">
        <v>419296.19199999998</v>
      </c>
      <c r="E233" s="134">
        <v>372466.19679999998</v>
      </c>
      <c r="F233" s="134">
        <v>387244.39520000003</v>
      </c>
      <c r="G233" s="134">
        <v>316882.11039999902</v>
      </c>
      <c r="H233" s="134">
        <v>366822.99680000002</v>
      </c>
      <c r="I233" s="134">
        <v>426058.988799999</v>
      </c>
      <c r="J233" s="134">
        <v>259275.76959999901</v>
      </c>
      <c r="K233" s="134">
        <v>238182.27199999901</v>
      </c>
      <c r="L233" s="134">
        <v>256385.43999999901</v>
      </c>
      <c r="M233" s="134">
        <v>180272.21279999899</v>
      </c>
      <c r="N233" s="134">
        <v>180272.21279999899</v>
      </c>
    </row>
    <row r="234" spans="1:14" x14ac:dyDescent="0.2">
      <c r="A234" s="133" t="s">
        <v>326</v>
      </c>
      <c r="B234" s="134">
        <v>79687.261222476795</v>
      </c>
      <c r="C234" s="134">
        <v>77946.816541438398</v>
      </c>
      <c r="D234" s="134">
        <v>88510.688312738494</v>
      </c>
      <c r="E234" s="134">
        <v>78624.828273498395</v>
      </c>
      <c r="F234" s="134">
        <v>81747.040431242101</v>
      </c>
      <c r="G234" s="134">
        <v>66893.619462838004</v>
      </c>
      <c r="H234" s="134">
        <v>77437.747409153904</v>
      </c>
      <c r="I234" s="134">
        <v>89944.552817017</v>
      </c>
      <c r="J234" s="134">
        <v>54734.3978331502</v>
      </c>
      <c r="K234" s="134">
        <v>50282.028828597402</v>
      </c>
      <c r="L234" s="134">
        <v>54127.256713067698</v>
      </c>
      <c r="M234" s="134">
        <v>38059.227304522203</v>
      </c>
      <c r="N234" s="134">
        <v>38059.227304522203</v>
      </c>
    </row>
    <row r="235" spans="1:14" x14ac:dyDescent="0.2">
      <c r="A235" s="133" t="s">
        <v>327</v>
      </c>
      <c r="B235" s="134">
        <v>245382.9664</v>
      </c>
      <c r="C235" s="134">
        <v>240022.04096000001</v>
      </c>
      <c r="D235" s="134">
        <v>272542.52480000001</v>
      </c>
      <c r="E235" s="134">
        <v>242103.02791999999</v>
      </c>
      <c r="F235" s="134">
        <v>251708.85688000001</v>
      </c>
      <c r="G235" s="134">
        <v>205973.37176000001</v>
      </c>
      <c r="H235" s="134">
        <v>238434.94791999899</v>
      </c>
      <c r="I235" s="134">
        <v>276938.34271999903</v>
      </c>
      <c r="J235" s="134">
        <v>168529.250239999</v>
      </c>
      <c r="K235" s="134">
        <v>154818.47679999901</v>
      </c>
      <c r="L235" s="134">
        <v>166650.53599999999</v>
      </c>
      <c r="M235" s="134">
        <v>117176.93832</v>
      </c>
      <c r="N235" s="134">
        <v>117176.93832</v>
      </c>
    </row>
    <row r="236" spans="1:14" x14ac:dyDescent="0.2">
      <c r="A236" s="133" t="s">
        <v>328</v>
      </c>
      <c r="B236" s="134">
        <v>1415.6709599999999</v>
      </c>
      <c r="C236" s="134">
        <v>1384.742544</v>
      </c>
      <c r="D236" s="134">
        <v>1572.3607199999999</v>
      </c>
      <c r="E236" s="134">
        <v>1396.7482379999999</v>
      </c>
      <c r="F236" s="134">
        <v>1452.1664819999901</v>
      </c>
      <c r="G236" s="134">
        <v>1188.307914</v>
      </c>
      <c r="H236" s="134">
        <v>1375.5862379999901</v>
      </c>
      <c r="I236" s="134">
        <v>1597.7212079999899</v>
      </c>
      <c r="J236" s="134">
        <v>972.28413599999897</v>
      </c>
      <c r="K236" s="134">
        <v>893.18351999999902</v>
      </c>
      <c r="L236" s="134">
        <v>961.44539999999904</v>
      </c>
      <c r="M236" s="134">
        <v>676.02079800000001</v>
      </c>
      <c r="N236" s="134">
        <v>676.02079800000001</v>
      </c>
    </row>
    <row r="237" spans="1:14" x14ac:dyDescent="0.2">
      <c r="A237" s="133" t="s">
        <v>329</v>
      </c>
      <c r="B237" s="134">
        <v>2358445.6165024699</v>
      </c>
      <c r="C237" s="134">
        <v>2306920.7315334301</v>
      </c>
      <c r="D237" s="134">
        <v>2619487.3272727299</v>
      </c>
      <c r="E237" s="134">
        <v>2326923.9087074902</v>
      </c>
      <c r="F237" s="134">
        <v>2419251.0209572399</v>
      </c>
      <c r="G237" s="134">
        <v>1979673.2583648299</v>
      </c>
      <c r="H237" s="134">
        <v>2291673.0618431498</v>
      </c>
      <c r="I237" s="134">
        <v>2661743.12396101</v>
      </c>
      <c r="J237" s="134">
        <v>1619787.76208115</v>
      </c>
      <c r="K237" s="134">
        <v>1488009.76818859</v>
      </c>
      <c r="L237" s="134">
        <v>1601733.8689130601</v>
      </c>
      <c r="M237" s="134">
        <v>1126227.3718185199</v>
      </c>
      <c r="N237" s="134">
        <v>1126227.3718185199</v>
      </c>
    </row>
    <row r="238" spans="1:14" x14ac:dyDescent="0.2">
      <c r="A238" s="133" t="s">
        <v>330</v>
      </c>
    </row>
    <row r="239" spans="1:14" x14ac:dyDescent="0.2">
      <c r="A239" s="133" t="s">
        <v>331</v>
      </c>
      <c r="B239" s="134">
        <v>0</v>
      </c>
      <c r="C239" s="134">
        <v>0</v>
      </c>
      <c r="D239" s="134">
        <v>0</v>
      </c>
      <c r="E239" s="134">
        <v>0</v>
      </c>
      <c r="F239" s="134">
        <v>0</v>
      </c>
      <c r="G239" s="134">
        <v>0</v>
      </c>
      <c r="H239" s="134">
        <v>0</v>
      </c>
      <c r="I239" s="134">
        <v>0</v>
      </c>
      <c r="J239" s="134">
        <v>0</v>
      </c>
      <c r="K239" s="134">
        <v>0</v>
      </c>
      <c r="L239" s="134">
        <v>0</v>
      </c>
      <c r="M239" s="134">
        <v>0</v>
      </c>
      <c r="N239" s="134">
        <v>0</v>
      </c>
    </row>
    <row r="240" spans="1:14" x14ac:dyDescent="0.2">
      <c r="A240" s="133" t="s">
        <v>332</v>
      </c>
    </row>
    <row r="241" spans="1:14" x14ac:dyDescent="0.2">
      <c r="A241" s="136" t="s">
        <v>333</v>
      </c>
      <c r="B241" s="134">
        <v>46954749.453051299</v>
      </c>
      <c r="C241" s="134">
        <v>48683318.174062498</v>
      </c>
      <c r="D241" s="134">
        <v>49749359.566206798</v>
      </c>
      <c r="E241" s="134">
        <v>49587255.880811803</v>
      </c>
      <c r="F241" s="134">
        <v>49508316.611969598</v>
      </c>
      <c r="G241" s="134">
        <v>50625387.684837297</v>
      </c>
      <c r="H241" s="134">
        <v>49786018.211476199</v>
      </c>
      <c r="I241" s="134">
        <v>49979690.9070246</v>
      </c>
      <c r="J241" s="134">
        <v>47929230.241032504</v>
      </c>
      <c r="K241" s="134">
        <v>47701038.237041697</v>
      </c>
      <c r="L241" s="134">
        <v>48721946.064952098</v>
      </c>
      <c r="M241" s="134">
        <v>47767670.591222003</v>
      </c>
      <c r="N241" s="134">
        <v>47767670.591222003</v>
      </c>
    </row>
    <row r="242" spans="1:14" x14ac:dyDescent="0.2">
      <c r="A242" s="133" t="s">
        <v>334</v>
      </c>
    </row>
    <row r="243" spans="1:14" x14ac:dyDescent="0.2">
      <c r="A243" s="136" t="s">
        <v>335</v>
      </c>
      <c r="B243" s="134">
        <v>0</v>
      </c>
      <c r="C243" s="134">
        <v>0</v>
      </c>
      <c r="D243" s="134">
        <v>0</v>
      </c>
      <c r="E243" s="134">
        <v>0</v>
      </c>
      <c r="F243" s="134">
        <v>0</v>
      </c>
      <c r="G243" s="134">
        <v>0</v>
      </c>
      <c r="H243" s="134">
        <v>0</v>
      </c>
      <c r="I243" s="134">
        <v>0</v>
      </c>
      <c r="J243" s="134">
        <v>0</v>
      </c>
      <c r="K243" s="134">
        <v>0</v>
      </c>
      <c r="L243" s="134">
        <v>0</v>
      </c>
      <c r="M243" s="134">
        <v>0</v>
      </c>
      <c r="N243" s="134">
        <v>0</v>
      </c>
    </row>
    <row r="244" spans="1:14" x14ac:dyDescent="0.2">
      <c r="A244" s="133" t="s">
        <v>336</v>
      </c>
      <c r="B244" s="134">
        <v>467144.640539999</v>
      </c>
      <c r="C244" s="134">
        <v>472544.73166200001</v>
      </c>
      <c r="D244" s="134">
        <v>523198.84844199999</v>
      </c>
      <c r="E244" s="134">
        <v>541611.14939999895</v>
      </c>
      <c r="F244" s="134">
        <v>599429.78368199896</v>
      </c>
      <c r="G244" s="134">
        <v>633840.811083999</v>
      </c>
      <c r="H244" s="134">
        <v>661991.58356499905</v>
      </c>
      <c r="I244" s="134">
        <v>704961.40443899902</v>
      </c>
      <c r="J244" s="134">
        <v>727029.32908999897</v>
      </c>
      <c r="K244" s="134">
        <v>760571.797675999</v>
      </c>
      <c r="L244" s="134">
        <v>827889.524345999</v>
      </c>
      <c r="M244" s="134">
        <v>797621.01261900004</v>
      </c>
      <c r="N244" s="134">
        <v>797621.01261900004</v>
      </c>
    </row>
    <row r="245" spans="1:14" x14ac:dyDescent="0.2">
      <c r="A245" s="133" t="s">
        <v>337</v>
      </c>
      <c r="B245" s="134">
        <v>222707.3481</v>
      </c>
      <c r="C245" s="134">
        <v>225281.79692999899</v>
      </c>
      <c r="D245" s="134">
        <v>249430.72862999901</v>
      </c>
      <c r="E245" s="134">
        <v>258208.64099999901</v>
      </c>
      <c r="F245" s="134">
        <v>285773.197229999</v>
      </c>
      <c r="G245" s="134">
        <v>302178.37025999901</v>
      </c>
      <c r="H245" s="134">
        <v>315599.018474999</v>
      </c>
      <c r="I245" s="134">
        <v>336084.52558499901</v>
      </c>
      <c r="J245" s="134">
        <v>346605.22634999902</v>
      </c>
      <c r="K245" s="134">
        <v>362596.32113999903</v>
      </c>
      <c r="L245" s="134">
        <v>394689.49118999898</v>
      </c>
      <c r="M245" s="134">
        <v>380259.22828499897</v>
      </c>
      <c r="N245" s="134">
        <v>380259.22828499897</v>
      </c>
    </row>
    <row r="246" spans="1:14" x14ac:dyDescent="0.2">
      <c r="A246" s="133" t="s">
        <v>338</v>
      </c>
      <c r="B246" s="134">
        <v>157419.18953999999</v>
      </c>
      <c r="C246" s="134">
        <v>159238.92136199999</v>
      </c>
      <c r="D246" s="134">
        <v>176308.43114199999</v>
      </c>
      <c r="E246" s="134">
        <v>182513.03939999899</v>
      </c>
      <c r="F246" s="134">
        <v>201996.86038199899</v>
      </c>
      <c r="G246" s="134">
        <v>213592.746484</v>
      </c>
      <c r="H246" s="134">
        <v>223079.04131500001</v>
      </c>
      <c r="I246" s="134">
        <v>237559.08408900001</v>
      </c>
      <c r="J246" s="134">
        <v>244995.57058999999</v>
      </c>
      <c r="K246" s="134">
        <v>256298.76827599999</v>
      </c>
      <c r="L246" s="134">
        <v>278983.60944600002</v>
      </c>
      <c r="M246" s="134">
        <v>268783.675269</v>
      </c>
      <c r="N246" s="134">
        <v>268783.675269</v>
      </c>
    </row>
    <row r="247" spans="1:14" x14ac:dyDescent="0.2">
      <c r="A247" s="133" t="s">
        <v>339</v>
      </c>
      <c r="B247" s="134">
        <v>33208.021173117901</v>
      </c>
      <c r="C247" s="134">
        <v>33592.603677752697</v>
      </c>
      <c r="D247" s="134">
        <v>37194.744502637797</v>
      </c>
      <c r="E247" s="134">
        <v>38504.368645508097</v>
      </c>
      <c r="F247" s="134">
        <v>42615.763273785698</v>
      </c>
      <c r="G247" s="134">
        <v>45062.848374947403</v>
      </c>
      <c r="H247" s="134">
        <v>47064.898519243703</v>
      </c>
      <c r="I247" s="134">
        <v>50120.510555203</v>
      </c>
      <c r="J247" s="134">
        <v>51689.9875996603</v>
      </c>
      <c r="K247" s="134">
        <v>54075.203301339301</v>
      </c>
      <c r="L247" s="134">
        <v>58861.901324955703</v>
      </c>
      <c r="M247" s="134">
        <v>56710.400708064597</v>
      </c>
      <c r="N247" s="134">
        <v>56710.400708064597</v>
      </c>
    </row>
    <row r="248" spans="1:14" x14ac:dyDescent="0.2">
      <c r="A248" s="133" t="s">
        <v>340</v>
      </c>
      <c r="B248" s="134">
        <v>102356.887139999</v>
      </c>
      <c r="C248" s="134">
        <v>103540.110641999</v>
      </c>
      <c r="D248" s="134">
        <v>114639.02362199999</v>
      </c>
      <c r="E248" s="134">
        <v>118673.3754</v>
      </c>
      <c r="F248" s="134">
        <v>131342.11846199899</v>
      </c>
      <c r="G248" s="134">
        <v>138881.97944399901</v>
      </c>
      <c r="H248" s="134">
        <v>145050.14491499899</v>
      </c>
      <c r="I248" s="134">
        <v>154465.33824899999</v>
      </c>
      <c r="J248" s="134">
        <v>159300.680189999</v>
      </c>
      <c r="K248" s="134">
        <v>166650.22971599901</v>
      </c>
      <c r="L248" s="134">
        <v>181400.33568599899</v>
      </c>
      <c r="M248" s="134">
        <v>174768.14862899901</v>
      </c>
      <c r="N248" s="134">
        <v>174768.14862899901</v>
      </c>
    </row>
    <row r="249" spans="1:14" x14ac:dyDescent="0.2">
      <c r="A249" s="133" t="s">
        <v>341</v>
      </c>
      <c r="B249" s="134">
        <v>982836.08649311797</v>
      </c>
      <c r="C249" s="134">
        <v>994198.16427375202</v>
      </c>
      <c r="D249" s="134">
        <v>1100771.7763386299</v>
      </c>
      <c r="E249" s="134">
        <v>1139510.5738454999</v>
      </c>
      <c r="F249" s="134">
        <v>1261157.72302978</v>
      </c>
      <c r="G249" s="134">
        <v>1333556.7556469401</v>
      </c>
      <c r="H249" s="134">
        <v>1392784.68678924</v>
      </c>
      <c r="I249" s="134">
        <v>1483190.8629172</v>
      </c>
      <c r="J249" s="134">
        <v>1529620.7938196601</v>
      </c>
      <c r="K249" s="134">
        <v>1600192.3201093299</v>
      </c>
      <c r="L249" s="134">
        <v>1741824.8619929501</v>
      </c>
      <c r="M249" s="134">
        <v>1678142.4655100601</v>
      </c>
      <c r="N249" s="134">
        <v>1678142.4655100601</v>
      </c>
    </row>
    <row r="250" spans="1:14" x14ac:dyDescent="0.2">
      <c r="A250" s="133" t="s">
        <v>342</v>
      </c>
    </row>
    <row r="251" spans="1:14" x14ac:dyDescent="0.2">
      <c r="A251" s="133" t="s">
        <v>343</v>
      </c>
      <c r="B251" s="134">
        <v>0</v>
      </c>
      <c r="C251" s="134">
        <v>0</v>
      </c>
      <c r="D251" s="134">
        <v>0</v>
      </c>
      <c r="E251" s="134">
        <v>0</v>
      </c>
      <c r="F251" s="134">
        <v>0</v>
      </c>
      <c r="G251" s="134">
        <v>0</v>
      </c>
      <c r="H251" s="134">
        <v>0</v>
      </c>
      <c r="I251" s="134">
        <v>0</v>
      </c>
      <c r="J251" s="134">
        <v>0</v>
      </c>
      <c r="K251" s="134">
        <v>0</v>
      </c>
      <c r="L251" s="134">
        <v>0</v>
      </c>
      <c r="M251" s="134">
        <v>0</v>
      </c>
      <c r="N251" s="134">
        <v>0</v>
      </c>
    </row>
    <row r="252" spans="1:14" x14ac:dyDescent="0.2">
      <c r="A252" s="133" t="s">
        <v>344</v>
      </c>
    </row>
    <row r="253" spans="1:14" x14ac:dyDescent="0.2">
      <c r="A253" s="133" t="s">
        <v>345</v>
      </c>
      <c r="B253" s="134">
        <v>1556814.8767349999</v>
      </c>
      <c r="C253" s="134">
        <v>1509854.3522429999</v>
      </c>
      <c r="D253" s="134">
        <v>1475986.668783</v>
      </c>
      <c r="E253" s="134">
        <v>1467965.351337</v>
      </c>
      <c r="F253" s="134">
        <v>1486242.932115</v>
      </c>
      <c r="G253" s="134">
        <v>1516147.679553</v>
      </c>
      <c r="H253" s="134">
        <v>1495559.3873429999</v>
      </c>
      <c r="I253" s="134">
        <v>1516746.9701100001</v>
      </c>
      <c r="J253" s="134">
        <v>1541254.8067290001</v>
      </c>
      <c r="K253" s="134">
        <v>1614462.06168</v>
      </c>
      <c r="L253" s="134">
        <v>1679895.1133999999</v>
      </c>
      <c r="M253" s="134">
        <v>1742116.896069</v>
      </c>
      <c r="N253" s="134">
        <v>1742116.896069</v>
      </c>
    </row>
    <row r="254" spans="1:14" x14ac:dyDescent="0.2">
      <c r="A254" s="133" t="s">
        <v>346</v>
      </c>
      <c r="B254" s="134">
        <v>741855.562444999</v>
      </c>
      <c r="C254" s="134">
        <v>719477.86884099897</v>
      </c>
      <c r="D254" s="134">
        <v>703339.193820999</v>
      </c>
      <c r="E254" s="134">
        <v>699516.864619</v>
      </c>
      <c r="F254" s="134">
        <v>708226.522505</v>
      </c>
      <c r="G254" s="134">
        <v>722476.77381100005</v>
      </c>
      <c r="H254" s="134">
        <v>712666.01254100003</v>
      </c>
      <c r="I254" s="134">
        <v>722762.34857000003</v>
      </c>
      <c r="J254" s="134">
        <v>734440.85652300005</v>
      </c>
      <c r="K254" s="134">
        <v>769325.67815999896</v>
      </c>
      <c r="L254" s="134">
        <v>800505.92579999997</v>
      </c>
      <c r="M254" s="134">
        <v>830155.93510300003</v>
      </c>
      <c r="N254" s="134">
        <v>830155.93510300003</v>
      </c>
    </row>
    <row r="255" spans="1:14" x14ac:dyDescent="0.2">
      <c r="A255" s="133" t="s">
        <v>347</v>
      </c>
      <c r="B255" s="134">
        <v>524511.22400000005</v>
      </c>
      <c r="C255" s="134">
        <v>508689.61119999998</v>
      </c>
      <c r="D255" s="134">
        <v>497279.14720000001</v>
      </c>
      <c r="E255" s="134">
        <v>494576.66079999902</v>
      </c>
      <c r="F255" s="134">
        <v>500734.61599999998</v>
      </c>
      <c r="G255" s="134">
        <v>510809.91519999999</v>
      </c>
      <c r="H255" s="134">
        <v>503873.45119999902</v>
      </c>
      <c r="I255" s="134">
        <v>511011.82399999897</v>
      </c>
      <c r="J255" s="134">
        <v>519268.83359999902</v>
      </c>
      <c r="K255" s="134">
        <v>543933.31200000003</v>
      </c>
      <c r="L255" s="134">
        <v>565978.56000000006</v>
      </c>
      <c r="M255" s="134">
        <v>586941.88959999999</v>
      </c>
      <c r="N255" s="134">
        <v>586941.88959999999</v>
      </c>
    </row>
    <row r="256" spans="1:14" x14ac:dyDescent="0.2">
      <c r="A256" s="133" t="s">
        <v>348</v>
      </c>
      <c r="B256" s="134">
        <v>110715.698146204</v>
      </c>
      <c r="C256" s="134">
        <v>107377.91260394501</v>
      </c>
      <c r="D256" s="134">
        <v>104971.11950149199</v>
      </c>
      <c r="E256" s="134">
        <v>104402.689234069</v>
      </c>
      <c r="F256" s="134">
        <v>105704.69976168399</v>
      </c>
      <c r="G256" s="134">
        <v>107834.200782064</v>
      </c>
      <c r="H256" s="134">
        <v>106372.19217541099</v>
      </c>
      <c r="I256" s="134">
        <v>107880.94493553801</v>
      </c>
      <c r="J256" s="134">
        <v>109624.47383991</v>
      </c>
      <c r="K256" s="134">
        <v>114833.035072673</v>
      </c>
      <c r="L256" s="134">
        <v>119488.359541691</v>
      </c>
      <c r="M256" s="134">
        <v>123915.68530650499</v>
      </c>
      <c r="N256" s="134">
        <v>123915.68530650499</v>
      </c>
    </row>
    <row r="257" spans="1:14" x14ac:dyDescent="0.2">
      <c r="A257" s="133" t="s">
        <v>349</v>
      </c>
      <c r="B257" s="134">
        <v>340932.29560000001</v>
      </c>
      <c r="C257" s="134">
        <v>330648.24728000001</v>
      </c>
      <c r="D257" s="134">
        <v>323231.44568</v>
      </c>
      <c r="E257" s="134">
        <v>321474.82952000003</v>
      </c>
      <c r="F257" s="134">
        <v>325477.50040000002</v>
      </c>
      <c r="G257" s="134">
        <v>332026.44488000002</v>
      </c>
      <c r="H257" s="134">
        <v>327517.74328</v>
      </c>
      <c r="I257" s="134">
        <v>332157.68560000003</v>
      </c>
      <c r="J257" s="134">
        <v>337524.74183999997</v>
      </c>
      <c r="K257" s="134">
        <v>353556.65279999998</v>
      </c>
      <c r="L257" s="134">
        <v>367886.06400000001</v>
      </c>
      <c r="M257" s="134">
        <v>381512.22824000003</v>
      </c>
      <c r="N257" s="134">
        <v>381512.22824000003</v>
      </c>
    </row>
    <row r="258" spans="1:14" x14ac:dyDescent="0.2">
      <c r="A258" s="133" t="s">
        <v>350</v>
      </c>
      <c r="B258" s="134">
        <v>1966.9170899999899</v>
      </c>
      <c r="C258" s="134">
        <v>1907.5860419999999</v>
      </c>
      <c r="D258" s="134">
        <v>1864.7968019999901</v>
      </c>
      <c r="E258" s="134">
        <v>1854.66247799999</v>
      </c>
      <c r="F258" s="134">
        <v>1877.7548099999999</v>
      </c>
      <c r="G258" s="134">
        <v>1915.537182</v>
      </c>
      <c r="H258" s="134">
        <v>1889.5254419999901</v>
      </c>
      <c r="I258" s="134">
        <v>1916.2943399999899</v>
      </c>
      <c r="J258" s="134">
        <v>1947.2581259999899</v>
      </c>
      <c r="K258" s="134">
        <v>2039.74991999999</v>
      </c>
      <c r="L258" s="134">
        <v>2122.4195999999902</v>
      </c>
      <c r="M258" s="134">
        <v>2201.0320859999902</v>
      </c>
      <c r="N258" s="134">
        <v>2201.0320859999902</v>
      </c>
    </row>
    <row r="259" spans="1:14" x14ac:dyDescent="0.2">
      <c r="A259" s="133" t="s">
        <v>351</v>
      </c>
      <c r="B259" s="134">
        <v>3276796.5740161999</v>
      </c>
      <c r="C259" s="134">
        <v>3177955.5782099399</v>
      </c>
      <c r="D259" s="134">
        <v>3106672.3717874899</v>
      </c>
      <c r="E259" s="134">
        <v>3089791.0579880602</v>
      </c>
      <c r="F259" s="134">
        <v>3128264.0255916798</v>
      </c>
      <c r="G259" s="134">
        <v>3191210.5514080599</v>
      </c>
      <c r="H259" s="134">
        <v>3147878.3119814098</v>
      </c>
      <c r="I259" s="134">
        <v>3192476.0675555398</v>
      </c>
      <c r="J259" s="134">
        <v>3244060.9706579102</v>
      </c>
      <c r="K259" s="134">
        <v>3398150.4896326698</v>
      </c>
      <c r="L259" s="134">
        <v>3535876.44234169</v>
      </c>
      <c r="M259" s="134">
        <v>3666843.6664045001</v>
      </c>
      <c r="N259" s="134">
        <v>3666843.6664045001</v>
      </c>
    </row>
    <row r="260" spans="1:14" x14ac:dyDescent="0.2">
      <c r="A260" s="133" t="s">
        <v>352</v>
      </c>
    </row>
    <row r="261" spans="1:14" x14ac:dyDescent="0.2">
      <c r="A261" s="133" t="s">
        <v>353</v>
      </c>
      <c r="B261" s="134">
        <v>14725646.620410001</v>
      </c>
      <c r="C261" s="134">
        <v>14521435.340016</v>
      </c>
      <c r="D261" s="134">
        <v>14681954.005983001</v>
      </c>
      <c r="E261" s="134">
        <v>14430912.991407</v>
      </c>
      <c r="F261" s="134">
        <v>15017852.114859</v>
      </c>
      <c r="G261" s="134">
        <v>15143714.0930459</v>
      </c>
      <c r="H261" s="134">
        <v>14676052.2587249</v>
      </c>
      <c r="I261" s="134">
        <v>14993460.9528329</v>
      </c>
      <c r="J261" s="134">
        <v>15855237.974432901</v>
      </c>
      <c r="K261" s="134">
        <v>14624699.5581719</v>
      </c>
      <c r="L261" s="134">
        <v>10979252.289125901</v>
      </c>
      <c r="M261" s="134">
        <v>10860852.832004899</v>
      </c>
      <c r="N261" s="134">
        <v>10860852.832004899</v>
      </c>
    </row>
    <row r="262" spans="1:14" x14ac:dyDescent="0.2">
      <c r="A262" s="133" t="s">
        <v>354</v>
      </c>
      <c r="B262" s="134">
        <v>7016918.8593899999</v>
      </c>
      <c r="C262" s="134">
        <v>6919610.1284640003</v>
      </c>
      <c r="D262" s="134">
        <v>6996098.8887569997</v>
      </c>
      <c r="E262" s="134">
        <v>6876475.3180529997</v>
      </c>
      <c r="F262" s="134">
        <v>7156157.7191610001</v>
      </c>
      <c r="G262" s="134">
        <v>7216132.2188339904</v>
      </c>
      <c r="H262" s="134">
        <v>6993286.6467749896</v>
      </c>
      <c r="I262" s="134">
        <v>7144535.0849069897</v>
      </c>
      <c r="J262" s="134">
        <v>7555180.5113069899</v>
      </c>
      <c r="K262" s="134">
        <v>6968816.5679879896</v>
      </c>
      <c r="L262" s="134">
        <v>5231724.2451539896</v>
      </c>
      <c r="M262" s="134">
        <v>5175305.7118949899</v>
      </c>
      <c r="N262" s="134">
        <v>5175305.7118949899</v>
      </c>
    </row>
    <row r="263" spans="1:14" x14ac:dyDescent="0.2">
      <c r="A263" s="133" t="s">
        <v>355</v>
      </c>
      <c r="B263" s="134">
        <v>4962456.06061</v>
      </c>
      <c r="C263" s="134">
        <v>4893638.0635360004</v>
      </c>
      <c r="D263" s="134">
        <v>4947731.9072430003</v>
      </c>
      <c r="E263" s="134">
        <v>4863132.5659469999</v>
      </c>
      <c r="F263" s="134">
        <v>5060927.5888390001</v>
      </c>
      <c r="G263" s="134">
        <v>5103342.3331659902</v>
      </c>
      <c r="H263" s="134">
        <v>4945743.0532249901</v>
      </c>
      <c r="I263" s="134">
        <v>5052707.9110929901</v>
      </c>
      <c r="J263" s="134">
        <v>5343121.68469299</v>
      </c>
      <c r="K263" s="134">
        <v>4928437.4960119901</v>
      </c>
      <c r="L263" s="134">
        <v>3699943.26684599</v>
      </c>
      <c r="M263" s="134">
        <v>3660043.3481049901</v>
      </c>
      <c r="N263" s="134">
        <v>3660043.3481049901</v>
      </c>
    </row>
    <row r="264" spans="1:14" x14ac:dyDescent="0.2">
      <c r="A264" s="133" t="s">
        <v>356</v>
      </c>
      <c r="B264" s="134">
        <v>3225446.6972099999</v>
      </c>
      <c r="C264" s="134">
        <v>3180717.0756959999</v>
      </c>
      <c r="D264" s="134">
        <v>3215876.4418230001</v>
      </c>
      <c r="E264" s="134">
        <v>3160889.4227669998</v>
      </c>
      <c r="F264" s="134">
        <v>3289450.2191789998</v>
      </c>
      <c r="G264" s="134">
        <v>3317018.5231259898</v>
      </c>
      <c r="H264" s="134">
        <v>3214583.7467249902</v>
      </c>
      <c r="I264" s="134">
        <v>3284107.67667299</v>
      </c>
      <c r="J264" s="134">
        <v>3472867.8662729901</v>
      </c>
      <c r="K264" s="134">
        <v>3203335.6567319902</v>
      </c>
      <c r="L264" s="134">
        <v>2404851.4776059901</v>
      </c>
      <c r="M264" s="134">
        <v>2378917.73440499</v>
      </c>
      <c r="N264" s="134">
        <v>2378917.73440499</v>
      </c>
    </row>
    <row r="265" spans="1:14" x14ac:dyDescent="0.2">
      <c r="A265" s="133" t="s">
        <v>357</v>
      </c>
      <c r="B265" s="134">
        <v>17969.062379999999</v>
      </c>
      <c r="C265" s="134">
        <v>17719.872287999999</v>
      </c>
      <c r="D265" s="134">
        <v>17915.746193999999</v>
      </c>
      <c r="E265" s="134">
        <v>17609.411826</v>
      </c>
      <c r="F265" s="134">
        <v>18325.627961999999</v>
      </c>
      <c r="G265" s="134">
        <v>18479.211827999901</v>
      </c>
      <c r="H265" s="134">
        <v>17908.5445499999</v>
      </c>
      <c r="I265" s="134">
        <v>18295.864493999899</v>
      </c>
      <c r="J265" s="134">
        <v>19347.453293999901</v>
      </c>
      <c r="K265" s="134">
        <v>17845.881095999899</v>
      </c>
      <c r="L265" s="134">
        <v>13397.5012679999</v>
      </c>
      <c r="M265" s="134">
        <v>13253.023589999901</v>
      </c>
      <c r="N265" s="134">
        <v>13253.023589999901</v>
      </c>
    </row>
    <row r="266" spans="1:14" x14ac:dyDescent="0.2">
      <c r="A266" s="133" t="s">
        <v>358</v>
      </c>
      <c r="B266" s="134">
        <v>29948437.300000001</v>
      </c>
      <c r="C266" s="134">
        <v>29533120.48</v>
      </c>
      <c r="D266" s="134">
        <v>29859576.989999998</v>
      </c>
      <c r="E266" s="134">
        <v>29349019.710000001</v>
      </c>
      <c r="F266" s="134">
        <v>30542713.27</v>
      </c>
      <c r="G266" s="134">
        <v>30798686.379999898</v>
      </c>
      <c r="H266" s="134">
        <v>29847574.249999899</v>
      </c>
      <c r="I266" s="134">
        <v>30493107.489999902</v>
      </c>
      <c r="J266" s="134">
        <v>32245755.489999902</v>
      </c>
      <c r="K266" s="134">
        <v>29743135.1599999</v>
      </c>
      <c r="L266" s="134">
        <v>22329168.779999901</v>
      </c>
      <c r="M266" s="134">
        <v>22088372.649999902</v>
      </c>
      <c r="N266" s="134">
        <v>22088372.649999902</v>
      </c>
    </row>
    <row r="267" spans="1:14" x14ac:dyDescent="0.2">
      <c r="A267" s="133" t="s">
        <v>359</v>
      </c>
    </row>
    <row r="268" spans="1:14" x14ac:dyDescent="0.2">
      <c r="A268" s="133" t="s">
        <v>360</v>
      </c>
      <c r="B268" s="134">
        <v>4181529.0854639998</v>
      </c>
      <c r="C268" s="134">
        <v>4264336.9810199998</v>
      </c>
      <c r="D268" s="134">
        <v>4308476.7054120004</v>
      </c>
      <c r="E268" s="134">
        <v>4332576.2434379999</v>
      </c>
      <c r="F268" s="134">
        <v>4259580.279294</v>
      </c>
      <c r="G268" s="134">
        <v>4280997.1515539996</v>
      </c>
      <c r="H268" s="134">
        <v>4119518.1948299999</v>
      </c>
      <c r="I268" s="134">
        <v>4086664.5918059899</v>
      </c>
      <c r="J268" s="134">
        <v>3886853.3437139899</v>
      </c>
      <c r="K268" s="134">
        <v>3773972.17486799</v>
      </c>
      <c r="L268" s="134">
        <v>3645626.3368559899</v>
      </c>
      <c r="M268" s="134">
        <v>3510108.2350260001</v>
      </c>
      <c r="N268" s="134">
        <v>3510108.2350260001</v>
      </c>
    </row>
    <row r="269" spans="1:14" x14ac:dyDescent="0.2">
      <c r="A269" s="133" t="s">
        <v>361</v>
      </c>
      <c r="B269" s="134">
        <v>1992937.6925280001</v>
      </c>
      <c r="C269" s="134">
        <v>2032404.3500399999</v>
      </c>
      <c r="D269" s="134">
        <v>2053441.5636239999</v>
      </c>
      <c r="E269" s="134">
        <v>2064927.5240760001</v>
      </c>
      <c r="F269" s="134">
        <v>2030137.2821879999</v>
      </c>
      <c r="G269" s="134">
        <v>2040344.670708</v>
      </c>
      <c r="H269" s="134">
        <v>1963382.9916600001</v>
      </c>
      <c r="I269" s="134">
        <v>1947724.8000119999</v>
      </c>
      <c r="J269" s="134">
        <v>1852493.75902799</v>
      </c>
      <c r="K269" s="134">
        <v>1798694.0289360001</v>
      </c>
      <c r="L269" s="134">
        <v>1737523.7601119999</v>
      </c>
      <c r="M269" s="134">
        <v>1672935.154452</v>
      </c>
      <c r="N269" s="134">
        <v>1672935.154452</v>
      </c>
    </row>
    <row r="270" spans="1:14" x14ac:dyDescent="0.2">
      <c r="A270" s="133" t="s">
        <v>362</v>
      </c>
      <c r="B270" s="134">
        <v>1409009.9820079999</v>
      </c>
      <c r="C270" s="134">
        <v>1436912.96894</v>
      </c>
      <c r="D270" s="134">
        <v>1451786.3109639999</v>
      </c>
      <c r="E270" s="134">
        <v>1459906.902486</v>
      </c>
      <c r="F270" s="134">
        <v>1435310.148518</v>
      </c>
      <c r="G270" s="134">
        <v>1442526.787738</v>
      </c>
      <c r="H270" s="134">
        <v>1388114.76351</v>
      </c>
      <c r="I270" s="134">
        <v>1377044.398182</v>
      </c>
      <c r="J270" s="134">
        <v>1309715.907258</v>
      </c>
      <c r="K270" s="134">
        <v>1271679.4161960001</v>
      </c>
      <c r="L270" s="134">
        <v>1228431.943032</v>
      </c>
      <c r="M270" s="134">
        <v>1182767.70052199</v>
      </c>
      <c r="N270" s="134">
        <v>1182767.70052199</v>
      </c>
    </row>
    <row r="271" spans="1:14" x14ac:dyDescent="0.2">
      <c r="A271" s="133" t="s">
        <v>363</v>
      </c>
      <c r="B271" s="134">
        <v>7583476.7599999998</v>
      </c>
      <c r="C271" s="134">
        <v>7733654.2999999998</v>
      </c>
      <c r="D271" s="134">
        <v>7813704.5800000001</v>
      </c>
      <c r="E271" s="134">
        <v>7857410.6699999897</v>
      </c>
      <c r="F271" s="134">
        <v>7725027.71</v>
      </c>
      <c r="G271" s="134">
        <v>7763868.6100000003</v>
      </c>
      <c r="H271" s="134">
        <v>7471015.9500000002</v>
      </c>
      <c r="I271" s="134">
        <v>7411433.7899999898</v>
      </c>
      <c r="J271" s="134">
        <v>7049063.0099999998</v>
      </c>
      <c r="K271" s="134">
        <v>6844345.6200000001</v>
      </c>
      <c r="L271" s="134">
        <v>6611582.04</v>
      </c>
      <c r="M271" s="134">
        <v>6365811.0899999896</v>
      </c>
      <c r="N271" s="134">
        <v>6365811.0899999896</v>
      </c>
    </row>
    <row r="272" spans="1:14" x14ac:dyDescent="0.2">
      <c r="A272" s="133" t="s">
        <v>364</v>
      </c>
    </row>
    <row r="273" spans="1:14" x14ac:dyDescent="0.2">
      <c r="A273" s="133" t="s">
        <v>365</v>
      </c>
      <c r="B273" s="134">
        <v>112660.19</v>
      </c>
      <c r="C273" s="134">
        <v>-113958.099999999</v>
      </c>
      <c r="D273" s="134">
        <v>-246738.71999999901</v>
      </c>
      <c r="E273" s="134">
        <v>-407024.70999999897</v>
      </c>
      <c r="F273" s="134">
        <v>-513954.76</v>
      </c>
      <c r="G273" s="134">
        <v>-645297.86</v>
      </c>
      <c r="H273" s="134">
        <v>-806410.44</v>
      </c>
      <c r="I273" s="134">
        <v>-928702.01</v>
      </c>
      <c r="J273" s="134">
        <v>-1172257.8400000001</v>
      </c>
      <c r="K273" s="134">
        <v>-1300588.8</v>
      </c>
      <c r="L273" s="134">
        <v>185107.37</v>
      </c>
      <c r="M273" s="134">
        <v>181251.36</v>
      </c>
      <c r="N273" s="134">
        <v>181251.36</v>
      </c>
    </row>
    <row r="274" spans="1:14" x14ac:dyDescent="0.2">
      <c r="A274" s="133" t="s">
        <v>366</v>
      </c>
    </row>
    <row r="275" spans="1:14" x14ac:dyDescent="0.2">
      <c r="A275" s="133" t="s">
        <v>367</v>
      </c>
      <c r="B275" s="134">
        <v>10043726.92</v>
      </c>
      <c r="C275" s="134">
        <v>10483340.919999899</v>
      </c>
      <c r="D275" s="134">
        <v>10248363.9599999</v>
      </c>
      <c r="E275" s="134">
        <v>10203351.6499999</v>
      </c>
      <c r="F275" s="134">
        <v>9556842.7099999897</v>
      </c>
      <c r="G275" s="134">
        <v>8925405.3300000001</v>
      </c>
      <c r="H275" s="134">
        <v>4047181.41</v>
      </c>
      <c r="I275" s="134">
        <v>3722519.45</v>
      </c>
      <c r="J275" s="134">
        <v>2779544.35</v>
      </c>
      <c r="K275" s="134">
        <v>3212826.8</v>
      </c>
      <c r="L275" s="134">
        <v>2215746.2000000002</v>
      </c>
      <c r="M275" s="134">
        <v>1308406.3799999999</v>
      </c>
      <c r="N275" s="134">
        <v>1308406.3799999999</v>
      </c>
    </row>
    <row r="276" spans="1:14" x14ac:dyDescent="0.2">
      <c r="A276" s="133" t="s">
        <v>368</v>
      </c>
    </row>
    <row r="277" spans="1:14" x14ac:dyDescent="0.2">
      <c r="A277" s="133" t="s">
        <v>369</v>
      </c>
      <c r="B277" s="134">
        <v>2515343.5253891</v>
      </c>
      <c r="C277" s="134">
        <v>2291221.7390121901</v>
      </c>
      <c r="D277" s="134">
        <v>2295540.0829158002</v>
      </c>
      <c r="E277" s="134">
        <v>2175386.3908791002</v>
      </c>
      <c r="F277" s="134">
        <v>2324450.8014469999</v>
      </c>
      <c r="G277" s="134">
        <v>2368742.6656426</v>
      </c>
      <c r="H277" s="134">
        <v>2348980.9023607001</v>
      </c>
      <c r="I277" s="134">
        <v>2334470.2715135999</v>
      </c>
      <c r="J277" s="134">
        <v>2314711.3812865</v>
      </c>
      <c r="K277" s="134">
        <v>2310966.2817277899</v>
      </c>
      <c r="L277" s="134">
        <v>2742289.18647449</v>
      </c>
      <c r="M277" s="134">
        <v>2045773.713893</v>
      </c>
      <c r="N277" s="134">
        <v>2045773.713893</v>
      </c>
    </row>
    <row r="278" spans="1:14" x14ac:dyDescent="0.2">
      <c r="A278" s="133" t="s">
        <v>370</v>
      </c>
    </row>
    <row r="279" spans="1:14" x14ac:dyDescent="0.2">
      <c r="A279" s="133" t="s">
        <v>371</v>
      </c>
      <c r="B279" s="134">
        <v>146063.898321999</v>
      </c>
      <c r="C279" s="134">
        <v>365015.78100299899</v>
      </c>
      <c r="D279" s="134">
        <v>162532.12333699901</v>
      </c>
      <c r="E279" s="134">
        <v>173311.57696799899</v>
      </c>
      <c r="F279" s="134">
        <v>157017.062765999</v>
      </c>
      <c r="G279" s="134">
        <v>148019.400419999</v>
      </c>
      <c r="H279" s="134">
        <v>146889.70288899899</v>
      </c>
      <c r="I279" s="134">
        <v>140374.42378999901</v>
      </c>
      <c r="J279" s="134">
        <v>122567.856327999</v>
      </c>
      <c r="K279" s="134">
        <v>115215.451028999</v>
      </c>
      <c r="L279" s="134">
        <v>110681.99931899901</v>
      </c>
      <c r="M279" s="134">
        <v>171460.04100299999</v>
      </c>
      <c r="N279" s="134">
        <v>171460.04100299999</v>
      </c>
    </row>
    <row r="280" spans="1:14" x14ac:dyDescent="0.2">
      <c r="A280" s="133" t="s">
        <v>372</v>
      </c>
      <c r="B280" s="134">
        <v>69634.756829999897</v>
      </c>
      <c r="C280" s="134">
        <v>174018.25804499901</v>
      </c>
      <c r="D280" s="134">
        <v>77485.847054999904</v>
      </c>
      <c r="E280" s="134">
        <v>82624.862519999893</v>
      </c>
      <c r="F280" s="134">
        <v>74856.587489999903</v>
      </c>
      <c r="G280" s="134">
        <v>70567.026299999896</v>
      </c>
      <c r="H280" s="134">
        <v>70028.452334999907</v>
      </c>
      <c r="I280" s="134">
        <v>66922.3468499999</v>
      </c>
      <c r="J280" s="134">
        <v>58433.212919999904</v>
      </c>
      <c r="K280" s="134">
        <v>54928.014434999903</v>
      </c>
      <c r="L280" s="134">
        <v>52766.728784999897</v>
      </c>
      <c r="M280" s="134">
        <v>81742.158044999902</v>
      </c>
      <c r="N280" s="134">
        <v>81742.158044999902</v>
      </c>
    </row>
    <row r="281" spans="1:14" x14ac:dyDescent="0.2">
      <c r="A281" s="133" t="s">
        <v>373</v>
      </c>
      <c r="B281" s="134">
        <v>49220.859021999997</v>
      </c>
      <c r="C281" s="134">
        <v>123003.634052999</v>
      </c>
      <c r="D281" s="134">
        <v>54770.349286999903</v>
      </c>
      <c r="E281" s="134">
        <v>58402.827767999901</v>
      </c>
      <c r="F281" s="134">
        <v>52911.874865999896</v>
      </c>
      <c r="G281" s="134">
        <v>49879.8274199999</v>
      </c>
      <c r="H281" s="134">
        <v>49499.140038999903</v>
      </c>
      <c r="I281" s="134">
        <v>47303.610289999997</v>
      </c>
      <c r="J281" s="134">
        <v>41303.123127999897</v>
      </c>
      <c r="K281" s="134">
        <v>38825.497178999904</v>
      </c>
      <c r="L281" s="134">
        <v>37297.806968999903</v>
      </c>
      <c r="M281" s="134">
        <v>57778.894053000004</v>
      </c>
      <c r="N281" s="134">
        <v>57778.894053000004</v>
      </c>
    </row>
    <row r="282" spans="1:14" x14ac:dyDescent="0.2">
      <c r="A282" s="133" t="s">
        <v>374</v>
      </c>
      <c r="B282" s="134">
        <v>10383.376988813699</v>
      </c>
      <c r="C282" s="134">
        <v>25950.781627140001</v>
      </c>
      <c r="D282" s="134">
        <v>11554.583417747201</v>
      </c>
      <c r="E282" s="134">
        <v>12320.841388356999</v>
      </c>
      <c r="F282" s="134">
        <v>11162.5840337882</v>
      </c>
      <c r="G282" s="134">
        <v>10523.1196058736</v>
      </c>
      <c r="H282" s="134">
        <v>10442.880151989801</v>
      </c>
      <c r="I282" s="134">
        <v>9979.7554334410106</v>
      </c>
      <c r="J282" s="134">
        <v>8714.0841923176195</v>
      </c>
      <c r="K282" s="134">
        <v>8191.4407908105504</v>
      </c>
      <c r="L282" s="134">
        <v>7869.3338113590498</v>
      </c>
      <c r="M282" s="134">
        <v>12190.711474330201</v>
      </c>
      <c r="N282" s="134">
        <v>12190.711474330201</v>
      </c>
    </row>
    <row r="283" spans="1:14" x14ac:dyDescent="0.2">
      <c r="A283" s="133" t="s">
        <v>375</v>
      </c>
      <c r="B283" s="134">
        <v>32004.318701999899</v>
      </c>
      <c r="C283" s="134">
        <v>79979.252372999894</v>
      </c>
      <c r="D283" s="134">
        <v>35612.700567</v>
      </c>
      <c r="E283" s="134">
        <v>37974.605687999901</v>
      </c>
      <c r="F283" s="134">
        <v>34404.285905999997</v>
      </c>
      <c r="G283" s="134">
        <v>32432.792219999901</v>
      </c>
      <c r="H283" s="134">
        <v>32185.262198999899</v>
      </c>
      <c r="I283" s="134">
        <v>30757.687890000001</v>
      </c>
      <c r="J283" s="134">
        <v>26856.059447999902</v>
      </c>
      <c r="K283" s="134">
        <v>25245.060938999999</v>
      </c>
      <c r="L283" s="134">
        <v>24251.7283289999</v>
      </c>
      <c r="M283" s="134">
        <v>37568.912372999999</v>
      </c>
      <c r="N283" s="134">
        <v>37568.912372999999</v>
      </c>
    </row>
    <row r="284" spans="1:14" x14ac:dyDescent="0.2">
      <c r="A284" s="133" t="s">
        <v>376</v>
      </c>
      <c r="B284" s="134">
        <v>307307.20986481302</v>
      </c>
      <c r="C284" s="134">
        <v>767967.70710113901</v>
      </c>
      <c r="D284" s="134">
        <v>341955.60366374702</v>
      </c>
      <c r="E284" s="134">
        <v>364634.71433235699</v>
      </c>
      <c r="F284" s="134">
        <v>330352.39506178797</v>
      </c>
      <c r="G284" s="134">
        <v>311422.16596587299</v>
      </c>
      <c r="H284" s="134">
        <v>309045.43761398899</v>
      </c>
      <c r="I284" s="134">
        <v>295337.82425344002</v>
      </c>
      <c r="J284" s="134">
        <v>257874.33601631699</v>
      </c>
      <c r="K284" s="134">
        <v>242405.46437281001</v>
      </c>
      <c r="L284" s="134">
        <v>232867.597213359</v>
      </c>
      <c r="M284" s="134">
        <v>360740.71694832999</v>
      </c>
      <c r="N284" s="134">
        <v>360740.71694832999</v>
      </c>
    </row>
    <row r="285" spans="1:14" x14ac:dyDescent="0.2">
      <c r="A285" s="133" t="s">
        <v>377</v>
      </c>
    </row>
    <row r="286" spans="1:14" x14ac:dyDescent="0.2">
      <c r="A286" s="133" t="s">
        <v>378</v>
      </c>
      <c r="B286" s="134">
        <v>0</v>
      </c>
      <c r="C286" s="134">
        <v>0</v>
      </c>
      <c r="D286" s="134">
        <v>0</v>
      </c>
      <c r="E286" s="134">
        <v>0</v>
      </c>
      <c r="F286" s="134">
        <v>0</v>
      </c>
      <c r="G286" s="134">
        <v>0</v>
      </c>
      <c r="H286" s="134">
        <v>0</v>
      </c>
      <c r="I286" s="134">
        <v>0</v>
      </c>
      <c r="J286" s="134">
        <v>0</v>
      </c>
      <c r="K286" s="134">
        <v>0</v>
      </c>
      <c r="L286" s="134">
        <v>0</v>
      </c>
      <c r="M286" s="134">
        <v>0</v>
      </c>
      <c r="N286" s="134">
        <v>0</v>
      </c>
    </row>
    <row r="287" spans="1:14" x14ac:dyDescent="0.2">
      <c r="A287" s="136" t="s">
        <v>379</v>
      </c>
      <c r="B287" s="134">
        <v>54770584.565763198</v>
      </c>
      <c r="C287" s="134">
        <v>54867500.788597003</v>
      </c>
      <c r="D287" s="134">
        <v>54519846.644705601</v>
      </c>
      <c r="E287" s="134">
        <v>53772080.057044998</v>
      </c>
      <c r="F287" s="134">
        <v>54354853.875130199</v>
      </c>
      <c r="G287" s="134">
        <v>54047594.598663501</v>
      </c>
      <c r="H287" s="134">
        <v>47758050.508745298</v>
      </c>
      <c r="I287" s="134">
        <v>48003833.746239699</v>
      </c>
      <c r="J287" s="134">
        <v>48248372.491780303</v>
      </c>
      <c r="K287" s="134">
        <v>46051433.335842602</v>
      </c>
      <c r="L287" s="134">
        <v>39594462.478022397</v>
      </c>
      <c r="M287" s="134">
        <v>37695342.042755798</v>
      </c>
      <c r="N287" s="134">
        <v>37695342.042755798</v>
      </c>
    </row>
    <row r="288" spans="1:14" x14ac:dyDescent="0.2">
      <c r="A288" s="133" t="s">
        <v>380</v>
      </c>
    </row>
    <row r="289" spans="1:15" x14ac:dyDescent="0.2">
      <c r="A289" s="136" t="s">
        <v>381</v>
      </c>
      <c r="B289" s="134">
        <v>101725334.018814</v>
      </c>
      <c r="C289" s="134">
        <v>103550818.962659</v>
      </c>
      <c r="D289" s="134">
        <v>104269206.210912</v>
      </c>
      <c r="E289" s="134">
        <v>103359335.937856</v>
      </c>
      <c r="F289" s="134">
        <v>103863170.48709901</v>
      </c>
      <c r="G289" s="134">
        <v>104672982.2835</v>
      </c>
      <c r="H289" s="134">
        <v>97544068.720221505</v>
      </c>
      <c r="I289" s="134">
        <v>97983524.653264299</v>
      </c>
      <c r="J289" s="134">
        <v>96177602.732812896</v>
      </c>
      <c r="K289" s="134">
        <v>93752471.572884306</v>
      </c>
      <c r="L289" s="134">
        <v>88316408.542974696</v>
      </c>
      <c r="M289" s="134">
        <v>85463012.633977905</v>
      </c>
      <c r="N289" s="134">
        <v>85463012.633977905</v>
      </c>
    </row>
    <row r="290" spans="1:15" x14ac:dyDescent="0.2">
      <c r="A290" s="133" t="s">
        <v>382</v>
      </c>
    </row>
    <row r="291" spans="1:15" x14ac:dyDescent="0.2">
      <c r="A291" s="136" t="s">
        <v>383</v>
      </c>
    </row>
    <row r="292" spans="1:15" x14ac:dyDescent="0.2">
      <c r="A292" s="133" t="s">
        <v>384</v>
      </c>
      <c r="B292" s="134">
        <v>142906.773705589</v>
      </c>
      <c r="C292" s="134">
        <v>141863.28473941001</v>
      </c>
      <c r="D292" s="134">
        <v>141325.44116117299</v>
      </c>
      <c r="E292" s="134">
        <v>143690.61146809699</v>
      </c>
      <c r="F292" s="134">
        <v>147943.44203975599</v>
      </c>
      <c r="G292" s="134">
        <v>158642.92098601899</v>
      </c>
      <c r="H292" s="134">
        <v>166305.34845733701</v>
      </c>
      <c r="I292" s="134">
        <v>173383.260743227</v>
      </c>
      <c r="J292" s="134">
        <v>170369.66576445001</v>
      </c>
      <c r="K292" s="134">
        <v>159619.060984877</v>
      </c>
      <c r="L292" s="134">
        <v>172430.597141223</v>
      </c>
      <c r="M292" s="134">
        <v>169729.244268776</v>
      </c>
      <c r="N292" s="134">
        <v>169729.244268776</v>
      </c>
    </row>
    <row r="293" spans="1:15" x14ac:dyDescent="0.2">
      <c r="A293" s="133" t="s">
        <v>385</v>
      </c>
    </row>
    <row r="294" spans="1:15" x14ac:dyDescent="0.2">
      <c r="A294" s="133" t="s">
        <v>386</v>
      </c>
      <c r="B294" s="134">
        <v>998603.70818850002</v>
      </c>
      <c r="C294" s="134">
        <v>975707.83923839999</v>
      </c>
      <c r="D294" s="134">
        <v>958180.53163599898</v>
      </c>
      <c r="E294" s="134">
        <v>945110.26994989999</v>
      </c>
      <c r="F294" s="134">
        <v>915226.13891129894</v>
      </c>
      <c r="G294" s="134">
        <v>924561.44237029995</v>
      </c>
      <c r="H294" s="134">
        <v>888463.462252</v>
      </c>
      <c r="I294" s="134">
        <v>895640.79720969999</v>
      </c>
      <c r="J294" s="134">
        <v>882507.31643699994</v>
      </c>
      <c r="K294" s="134">
        <v>866576.69012159901</v>
      </c>
      <c r="L294" s="134">
        <v>855454.26303180004</v>
      </c>
      <c r="M294" s="134">
        <v>858774.06708099996</v>
      </c>
      <c r="N294" s="134">
        <v>858774.06708099996</v>
      </c>
      <c r="O294" s="161" t="s">
        <v>991</v>
      </c>
    </row>
    <row r="295" spans="1:15" x14ac:dyDescent="0.2">
      <c r="A295" s="133" t="s">
        <v>387</v>
      </c>
    </row>
    <row r="296" spans="1:15" x14ac:dyDescent="0.2">
      <c r="A296" s="133" t="s">
        <v>703</v>
      </c>
      <c r="B296" s="134">
        <v>56491805.219999999</v>
      </c>
      <c r="C296" s="134">
        <v>57528673.039999999</v>
      </c>
      <c r="D296" s="134">
        <v>58204594.140000001</v>
      </c>
      <c r="E296" s="134">
        <v>58909335.090000004</v>
      </c>
      <c r="F296" s="134">
        <v>59802505.619999997</v>
      </c>
      <c r="G296" s="134">
        <v>60306332.350000001</v>
      </c>
      <c r="H296" s="134">
        <v>60276351.149999999</v>
      </c>
      <c r="I296" s="134">
        <v>60308030.740000002</v>
      </c>
      <c r="J296" s="134">
        <v>60175089.530000001</v>
      </c>
      <c r="K296" s="134">
        <v>59503602.880000003</v>
      </c>
      <c r="L296" s="134">
        <v>59173315.869999997</v>
      </c>
      <c r="M296" s="134">
        <v>58747620.520000003</v>
      </c>
      <c r="N296" s="134">
        <v>58747620.520000003</v>
      </c>
    </row>
    <row r="297" spans="1:15" x14ac:dyDescent="0.2">
      <c r="A297" s="133" t="s">
        <v>704</v>
      </c>
      <c r="B297" s="134">
        <v>0</v>
      </c>
      <c r="C297" s="134">
        <v>0</v>
      </c>
      <c r="D297" s="134">
        <v>0</v>
      </c>
      <c r="E297" s="134">
        <v>0</v>
      </c>
      <c r="F297" s="134">
        <v>0</v>
      </c>
      <c r="G297" s="134">
        <v>0</v>
      </c>
      <c r="H297" s="134">
        <v>0</v>
      </c>
      <c r="I297" s="134">
        <v>0</v>
      </c>
      <c r="J297" s="134">
        <v>0</v>
      </c>
      <c r="K297" s="134">
        <v>0</v>
      </c>
      <c r="L297" s="134">
        <v>0</v>
      </c>
      <c r="M297" s="134">
        <v>0</v>
      </c>
      <c r="N297" s="134">
        <v>0</v>
      </c>
    </row>
    <row r="298" spans="1:15" x14ac:dyDescent="0.2">
      <c r="A298" s="133" t="s">
        <v>389</v>
      </c>
      <c r="B298" s="134">
        <v>56491805.219999999</v>
      </c>
      <c r="C298" s="134">
        <v>57528673.039999999</v>
      </c>
      <c r="D298" s="134">
        <v>58204594.140000001</v>
      </c>
      <c r="E298" s="134">
        <v>58909335.090000004</v>
      </c>
      <c r="F298" s="134">
        <v>59802505.619999997</v>
      </c>
      <c r="G298" s="134">
        <v>60306332.350000001</v>
      </c>
      <c r="H298" s="134">
        <v>60276351.149999999</v>
      </c>
      <c r="I298" s="134">
        <v>60308030.740000002</v>
      </c>
      <c r="J298" s="134">
        <v>60175089.530000001</v>
      </c>
      <c r="K298" s="134">
        <v>59503602.880000003</v>
      </c>
      <c r="L298" s="134">
        <v>59173315.869999997</v>
      </c>
      <c r="M298" s="134">
        <v>58747620.520000003</v>
      </c>
      <c r="N298" s="134">
        <v>58747620.520000003</v>
      </c>
    </row>
    <row r="299" spans="1:15" x14ac:dyDescent="0.2">
      <c r="A299" s="133" t="s">
        <v>390</v>
      </c>
    </row>
    <row r="300" spans="1:15" x14ac:dyDescent="0.2">
      <c r="A300" s="133" t="s">
        <v>391</v>
      </c>
      <c r="B300" s="134">
        <v>58639399.920000002</v>
      </c>
      <c r="C300" s="134">
        <v>60326453.310000002</v>
      </c>
      <c r="D300" s="134">
        <v>51104744.090000004</v>
      </c>
      <c r="E300" s="134">
        <v>52232655.289999999</v>
      </c>
      <c r="F300" s="134">
        <v>53873599.890000001</v>
      </c>
      <c r="G300" s="134">
        <v>53813988.82</v>
      </c>
      <c r="H300" s="134">
        <v>53920476.960000001</v>
      </c>
      <c r="I300" s="134">
        <v>52747756.409999996</v>
      </c>
      <c r="J300" s="134">
        <v>49593070.390000001</v>
      </c>
      <c r="K300" s="134">
        <v>47731423.740000002</v>
      </c>
      <c r="L300" s="134">
        <v>46269642.670000002</v>
      </c>
      <c r="M300" s="134">
        <v>33606972.839999899</v>
      </c>
      <c r="N300" s="134">
        <v>33606972.839999899</v>
      </c>
    </row>
    <row r="301" spans="1:15" x14ac:dyDescent="0.2">
      <c r="A301" s="133" t="s">
        <v>392</v>
      </c>
    </row>
    <row r="302" spans="1:15" x14ac:dyDescent="0.2">
      <c r="A302" s="133" t="s">
        <v>393</v>
      </c>
      <c r="B302" s="134">
        <v>15686.1445459267</v>
      </c>
      <c r="C302" s="134">
        <v>15194.6113372402</v>
      </c>
      <c r="D302" s="134">
        <v>14783.825417345</v>
      </c>
      <c r="E302" s="134">
        <v>14694.9344254632</v>
      </c>
      <c r="F302" s="134">
        <v>13571.8500724037</v>
      </c>
      <c r="G302" s="134">
        <v>13456.9915261145</v>
      </c>
      <c r="H302" s="134">
        <v>13738.3610253919</v>
      </c>
      <c r="I302" s="134">
        <v>14004.2325704878</v>
      </c>
      <c r="J302" s="134">
        <v>12799.8393673133</v>
      </c>
      <c r="K302" s="134">
        <v>13274.632606237201</v>
      </c>
      <c r="L302" s="134">
        <v>3150.9997033285799</v>
      </c>
      <c r="M302" s="134">
        <v>2889.15417497312</v>
      </c>
      <c r="N302" s="134">
        <v>2889.15417497312</v>
      </c>
    </row>
    <row r="303" spans="1:15" x14ac:dyDescent="0.2">
      <c r="A303" s="136" t="s">
        <v>394</v>
      </c>
      <c r="B303" s="134">
        <v>116288401.76644</v>
      </c>
      <c r="C303" s="134">
        <v>118987892.085315</v>
      </c>
      <c r="D303" s="134">
        <v>110423628.02821399</v>
      </c>
      <c r="E303" s="134">
        <v>112245486.195843</v>
      </c>
      <c r="F303" s="134">
        <v>114752846.94102301</v>
      </c>
      <c r="G303" s="134">
        <v>115216982.524882</v>
      </c>
      <c r="H303" s="134">
        <v>115265335.281734</v>
      </c>
      <c r="I303" s="134">
        <v>114138815.440523</v>
      </c>
      <c r="J303" s="134">
        <v>110833836.741568</v>
      </c>
      <c r="K303" s="134">
        <v>108274497.003712</v>
      </c>
      <c r="L303" s="134">
        <v>106473994.399876</v>
      </c>
      <c r="M303" s="134">
        <v>93385985.825524703</v>
      </c>
      <c r="N303" s="134">
        <v>93385985.825524703</v>
      </c>
    </row>
    <row r="304" spans="1:15" x14ac:dyDescent="0.2">
      <c r="A304" s="133" t="s">
        <v>395</v>
      </c>
    </row>
    <row r="305" spans="1:14" x14ac:dyDescent="0.2">
      <c r="A305" s="136" t="s">
        <v>396</v>
      </c>
    </row>
    <row r="306" spans="1:14" x14ac:dyDescent="0.2">
      <c r="A306" s="133" t="s">
        <v>397</v>
      </c>
      <c r="B306" s="134">
        <v>0</v>
      </c>
      <c r="C306" s="134">
        <v>0</v>
      </c>
      <c r="D306" s="134">
        <v>0</v>
      </c>
      <c r="E306" s="134">
        <v>0</v>
      </c>
      <c r="F306" s="134">
        <v>0</v>
      </c>
      <c r="G306" s="134">
        <v>0</v>
      </c>
      <c r="H306" s="134">
        <v>0</v>
      </c>
      <c r="I306" s="134">
        <v>0</v>
      </c>
      <c r="J306" s="134">
        <v>0</v>
      </c>
      <c r="K306" s="134">
        <v>0</v>
      </c>
      <c r="L306" s="134">
        <v>0</v>
      </c>
      <c r="M306" s="134">
        <v>0</v>
      </c>
      <c r="N306" s="134">
        <v>0</v>
      </c>
    </row>
    <row r="307" spans="1:14" x14ac:dyDescent="0.2">
      <c r="A307" s="133" t="s">
        <v>398</v>
      </c>
      <c r="B307" s="134">
        <v>1000</v>
      </c>
      <c r="C307" s="134">
        <v>1000</v>
      </c>
      <c r="D307" s="134">
        <v>1000</v>
      </c>
      <c r="E307" s="134">
        <v>1000</v>
      </c>
      <c r="F307" s="134">
        <v>0</v>
      </c>
      <c r="G307" s="134">
        <v>0</v>
      </c>
      <c r="H307" s="134">
        <v>0</v>
      </c>
      <c r="I307" s="134">
        <v>0</v>
      </c>
      <c r="J307" s="134">
        <v>0</v>
      </c>
      <c r="K307" s="134">
        <v>0</v>
      </c>
      <c r="L307" s="134">
        <v>0</v>
      </c>
      <c r="M307" s="134">
        <v>1625</v>
      </c>
      <c r="N307" s="134">
        <v>1625</v>
      </c>
    </row>
    <row r="308" spans="1:14" x14ac:dyDescent="0.2">
      <c r="A308" s="133" t="s">
        <v>399</v>
      </c>
      <c r="B308" s="134">
        <v>177179.65</v>
      </c>
      <c r="C308" s="134">
        <v>179188.19</v>
      </c>
      <c r="D308" s="134">
        <v>171731.079999999</v>
      </c>
      <c r="E308" s="134">
        <v>190039.97999999899</v>
      </c>
      <c r="F308" s="134">
        <v>190144.05999999901</v>
      </c>
      <c r="G308" s="134">
        <v>190150.19999999899</v>
      </c>
      <c r="H308" s="134">
        <v>190094.94999999899</v>
      </c>
      <c r="I308" s="134">
        <v>194153.25999999899</v>
      </c>
      <c r="J308" s="134">
        <v>200271.28</v>
      </c>
      <c r="K308" s="134">
        <v>203355.21</v>
      </c>
      <c r="L308" s="134">
        <v>201178.62</v>
      </c>
      <c r="M308" s="134">
        <v>201178.62</v>
      </c>
      <c r="N308" s="134">
        <v>201178.62</v>
      </c>
    </row>
    <row r="309" spans="1:14" x14ac:dyDescent="0.2">
      <c r="A309" s="133" t="s">
        <v>400</v>
      </c>
      <c r="B309" s="134">
        <v>3072409.9</v>
      </c>
      <c r="C309" s="134">
        <v>4119071.16</v>
      </c>
      <c r="D309" s="134">
        <v>5433002.3399999999</v>
      </c>
      <c r="E309" s="134">
        <v>6810592.3499999996</v>
      </c>
      <c r="F309" s="134">
        <v>8248690.7400000002</v>
      </c>
      <c r="G309" s="134">
        <v>9516881.8900000006</v>
      </c>
      <c r="H309" s="134">
        <v>10758519.85</v>
      </c>
      <c r="I309" s="134">
        <v>11382887.619999999</v>
      </c>
      <c r="J309" s="134">
        <v>12670102.220000001</v>
      </c>
      <c r="K309" s="134">
        <v>13747414.27</v>
      </c>
      <c r="L309" s="134">
        <v>14761909.77</v>
      </c>
      <c r="M309" s="134">
        <v>15925779.220000001</v>
      </c>
      <c r="N309" s="134">
        <v>15925779.220000001</v>
      </c>
    </row>
    <row r="310" spans="1:14" x14ac:dyDescent="0.2">
      <c r="A310" s="136" t="s">
        <v>401</v>
      </c>
      <c r="B310" s="134">
        <v>3250589.55</v>
      </c>
      <c r="C310" s="134">
        <v>4299259.3499999996</v>
      </c>
      <c r="D310" s="134">
        <v>5605733.4199999999</v>
      </c>
      <c r="E310" s="134">
        <v>7001632.3300000001</v>
      </c>
      <c r="F310" s="134">
        <v>8438834.8000000007</v>
      </c>
      <c r="G310" s="134">
        <v>9707032.0899999999</v>
      </c>
      <c r="H310" s="134">
        <v>10948614.800000001</v>
      </c>
      <c r="I310" s="134">
        <v>11577040.880000001</v>
      </c>
      <c r="J310" s="134">
        <v>12870373.5</v>
      </c>
      <c r="K310" s="134">
        <v>13950769.48</v>
      </c>
      <c r="L310" s="134">
        <v>14963088.390000001</v>
      </c>
      <c r="M310" s="134">
        <v>16128582.84</v>
      </c>
      <c r="N310" s="134">
        <v>16128582.84</v>
      </c>
    </row>
    <row r="311" spans="1:14" x14ac:dyDescent="0.2">
      <c r="A311" s="133" t="s">
        <v>402</v>
      </c>
    </row>
    <row r="312" spans="1:14" x14ac:dyDescent="0.2">
      <c r="A312" s="136" t="s">
        <v>403</v>
      </c>
    </row>
    <row r="313" spans="1:14" x14ac:dyDescent="0.2">
      <c r="A313" s="133" t="s">
        <v>404</v>
      </c>
      <c r="B313" s="134">
        <v>0</v>
      </c>
      <c r="C313" s="134">
        <v>0</v>
      </c>
      <c r="D313" s="134">
        <v>0</v>
      </c>
      <c r="E313" s="134">
        <v>0</v>
      </c>
      <c r="F313" s="134">
        <v>0</v>
      </c>
      <c r="G313" s="134">
        <v>0</v>
      </c>
      <c r="H313" s="134">
        <v>0</v>
      </c>
      <c r="I313" s="134">
        <v>0</v>
      </c>
      <c r="J313" s="134">
        <v>8.77</v>
      </c>
      <c r="K313" s="134">
        <v>8.77</v>
      </c>
      <c r="L313" s="134">
        <v>8.77</v>
      </c>
      <c r="M313" s="134">
        <v>8.77</v>
      </c>
      <c r="N313" s="134">
        <v>8.77</v>
      </c>
    </row>
    <row r="314" spans="1:14" x14ac:dyDescent="0.2">
      <c r="A314" s="133" t="s">
        <v>405</v>
      </c>
      <c r="B314" s="134">
        <v>13332021.66</v>
      </c>
      <c r="C314" s="134">
        <v>12483281.43</v>
      </c>
      <c r="D314" s="134">
        <v>11738162.050000001</v>
      </c>
      <c r="E314" s="134">
        <v>10967724.93</v>
      </c>
      <c r="F314" s="134">
        <v>10432395.029999999</v>
      </c>
      <c r="G314" s="134">
        <v>10228556.4</v>
      </c>
      <c r="H314" s="134">
        <v>9835662.6600000001</v>
      </c>
      <c r="I314" s="134">
        <v>8596070.8800000008</v>
      </c>
      <c r="J314" s="134">
        <v>7794164.2300000004</v>
      </c>
      <c r="K314" s="134">
        <v>7587944.5700000003</v>
      </c>
      <c r="L314" s="134">
        <v>7277064.7300000004</v>
      </c>
      <c r="M314" s="134">
        <v>6797750.5</v>
      </c>
      <c r="N314" s="134">
        <v>6797750.5</v>
      </c>
    </row>
    <row r="315" spans="1:14" x14ac:dyDescent="0.2">
      <c r="A315" s="133" t="s">
        <v>406</v>
      </c>
      <c r="B315" s="134">
        <v>218054.46</v>
      </c>
      <c r="C315" s="134">
        <v>225311.7</v>
      </c>
      <c r="D315" s="134">
        <v>217525.19999999899</v>
      </c>
      <c r="E315" s="134">
        <v>226492.15999999901</v>
      </c>
      <c r="F315" s="134">
        <v>243119.24999999901</v>
      </c>
      <c r="G315" s="134">
        <v>240522.31999999899</v>
      </c>
      <c r="H315" s="134">
        <v>243215.769999999</v>
      </c>
      <c r="I315" s="134">
        <v>254220.47999999899</v>
      </c>
      <c r="J315" s="134">
        <v>273171.8</v>
      </c>
      <c r="K315" s="134">
        <v>249547.11</v>
      </c>
      <c r="L315" s="134">
        <v>245113.00999999899</v>
      </c>
      <c r="M315" s="134">
        <v>232377.139999999</v>
      </c>
      <c r="N315" s="134">
        <v>232377.139999999</v>
      </c>
    </row>
    <row r="316" spans="1:14" x14ac:dyDescent="0.2">
      <c r="A316" s="133" t="s">
        <v>407</v>
      </c>
      <c r="B316" s="134">
        <v>99907.11</v>
      </c>
      <c r="C316" s="134">
        <v>102085.67</v>
      </c>
      <c r="D316" s="134">
        <v>97978.42</v>
      </c>
      <c r="E316" s="134">
        <v>116719.07</v>
      </c>
      <c r="F316" s="134">
        <v>276827.90000000002</v>
      </c>
      <c r="G316" s="134">
        <v>275809.14999999898</v>
      </c>
      <c r="H316" s="134">
        <v>288239.34999999998</v>
      </c>
      <c r="I316" s="134">
        <v>283394.94</v>
      </c>
      <c r="J316" s="134">
        <v>297578.02</v>
      </c>
      <c r="K316" s="134">
        <v>300669.27999999898</v>
      </c>
      <c r="L316" s="134">
        <v>298706.08999999898</v>
      </c>
      <c r="M316" s="134">
        <v>303841.8</v>
      </c>
      <c r="N316" s="134">
        <v>303841.8</v>
      </c>
    </row>
    <row r="317" spans="1:14" x14ac:dyDescent="0.2">
      <c r="A317" s="136" t="s">
        <v>408</v>
      </c>
      <c r="B317" s="134">
        <v>13649983.23</v>
      </c>
      <c r="C317" s="134">
        <v>12810678.800000001</v>
      </c>
      <c r="D317" s="134">
        <v>12053665.67</v>
      </c>
      <c r="E317" s="134">
        <v>11310936.16</v>
      </c>
      <c r="F317" s="134">
        <v>10952342.18</v>
      </c>
      <c r="G317" s="134">
        <v>10744887.869999999</v>
      </c>
      <c r="H317" s="134">
        <v>10367117.779999999</v>
      </c>
      <c r="I317" s="134">
        <v>9133686.3000000007</v>
      </c>
      <c r="J317" s="134">
        <v>8364922.8200000003</v>
      </c>
      <c r="K317" s="134">
        <v>8138169.7300000004</v>
      </c>
      <c r="L317" s="134">
        <v>7820892.5999999996</v>
      </c>
      <c r="M317" s="134">
        <v>7333978.21</v>
      </c>
      <c r="N317" s="134">
        <v>7333978.21</v>
      </c>
    </row>
    <row r="318" spans="1:14" x14ac:dyDescent="0.2">
      <c r="A318" s="133" t="s">
        <v>409</v>
      </c>
    </row>
    <row r="319" spans="1:14" x14ac:dyDescent="0.2">
      <c r="A319" s="136" t="s">
        <v>410</v>
      </c>
    </row>
    <row r="320" spans="1:14" x14ac:dyDescent="0.2">
      <c r="A320" s="133" t="s">
        <v>411</v>
      </c>
      <c r="B320" s="134">
        <v>73543622.179628596</v>
      </c>
      <c r="C320" s="134">
        <v>73544980.380969107</v>
      </c>
      <c r="D320" s="134">
        <v>70467534.465129301</v>
      </c>
      <c r="E320" s="134">
        <v>70861312.718216002</v>
      </c>
      <c r="F320" s="134">
        <v>70396405.6637813</v>
      </c>
      <c r="G320" s="134">
        <v>64466733.683303803</v>
      </c>
      <c r="H320" s="134">
        <v>62422103.777098998</v>
      </c>
      <c r="I320" s="134">
        <v>62426311.8918726</v>
      </c>
      <c r="J320" s="134">
        <v>65593865.718084797</v>
      </c>
      <c r="K320" s="134">
        <v>67615910.728331298</v>
      </c>
      <c r="L320" s="134">
        <v>67827310.1218476</v>
      </c>
      <c r="M320" s="134">
        <v>75009405.385337606</v>
      </c>
      <c r="N320" s="134">
        <v>75009405.385337606</v>
      </c>
    </row>
    <row r="321" spans="1:14" x14ac:dyDescent="0.2">
      <c r="A321" s="133" t="s">
        <v>412</v>
      </c>
      <c r="B321" s="134">
        <v>0</v>
      </c>
      <c r="C321" s="134">
        <v>0</v>
      </c>
      <c r="D321" s="134">
        <v>0</v>
      </c>
      <c r="E321" s="134">
        <v>0</v>
      </c>
      <c r="F321" s="134">
        <v>0</v>
      </c>
      <c r="G321" s="134">
        <v>0</v>
      </c>
      <c r="H321" s="134">
        <v>0</v>
      </c>
      <c r="I321" s="134">
        <v>0</v>
      </c>
      <c r="J321" s="134">
        <v>0</v>
      </c>
      <c r="K321" s="134">
        <v>0</v>
      </c>
      <c r="L321" s="134">
        <v>0</v>
      </c>
      <c r="M321" s="134">
        <v>0</v>
      </c>
      <c r="N321" s="134">
        <v>0</v>
      </c>
    </row>
    <row r="322" spans="1:14" x14ac:dyDescent="0.2">
      <c r="A322" s="133" t="s">
        <v>413</v>
      </c>
      <c r="B322" s="134">
        <v>73543622.179628596</v>
      </c>
      <c r="C322" s="134">
        <v>73544980.380969107</v>
      </c>
      <c r="D322" s="134">
        <v>70467534.465129301</v>
      </c>
      <c r="E322" s="134">
        <v>70861312.718216002</v>
      </c>
      <c r="F322" s="134">
        <v>70396405.6637813</v>
      </c>
      <c r="G322" s="134">
        <v>64466733.683303803</v>
      </c>
      <c r="H322" s="134">
        <v>62422103.777098998</v>
      </c>
      <c r="I322" s="134">
        <v>62426311.8918726</v>
      </c>
      <c r="J322" s="134">
        <v>65593865.718084797</v>
      </c>
      <c r="K322" s="134">
        <v>67615910.728331298</v>
      </c>
      <c r="L322" s="134">
        <v>67827310.1218476</v>
      </c>
      <c r="M322" s="134">
        <v>75009405.385337606</v>
      </c>
      <c r="N322" s="134">
        <v>75009405.385337606</v>
      </c>
    </row>
    <row r="323" spans="1:14" x14ac:dyDescent="0.2">
      <c r="A323" s="133" t="s">
        <v>414</v>
      </c>
    </row>
    <row r="324" spans="1:14" x14ac:dyDescent="0.2">
      <c r="A324" s="133" t="s">
        <v>415</v>
      </c>
      <c r="B324" s="134">
        <v>48214192.439714901</v>
      </c>
      <c r="C324" s="134">
        <v>48545033.801094398</v>
      </c>
      <c r="D324" s="134">
        <v>48502860.176732101</v>
      </c>
      <c r="E324" s="134">
        <v>49291513.598130502</v>
      </c>
      <c r="F324" s="134">
        <v>48526610.655537903</v>
      </c>
      <c r="G324" s="134">
        <v>49445383.221556202</v>
      </c>
      <c r="H324" s="134">
        <v>48851118.714915402</v>
      </c>
      <c r="I324" s="134">
        <v>49111106.256834596</v>
      </c>
      <c r="J324" s="134">
        <v>49019910.731836997</v>
      </c>
      <c r="K324" s="134">
        <v>48611532.158992901</v>
      </c>
      <c r="L324" s="134">
        <v>48939788.8449369</v>
      </c>
      <c r="M324" s="134">
        <v>48499587.583540797</v>
      </c>
      <c r="N324" s="134">
        <v>48499587.583540797</v>
      </c>
    </row>
    <row r="325" spans="1:14" x14ac:dyDescent="0.2">
      <c r="A325" s="133" t="s">
        <v>416</v>
      </c>
      <c r="B325" s="134">
        <v>0</v>
      </c>
      <c r="C325" s="134">
        <v>0</v>
      </c>
      <c r="D325" s="134">
        <v>0</v>
      </c>
      <c r="E325" s="134">
        <v>0</v>
      </c>
      <c r="F325" s="134">
        <v>0</v>
      </c>
      <c r="G325" s="134">
        <v>0</v>
      </c>
      <c r="H325" s="134">
        <v>0</v>
      </c>
      <c r="I325" s="134">
        <v>0</v>
      </c>
      <c r="J325" s="134">
        <v>0</v>
      </c>
      <c r="K325" s="134">
        <v>0</v>
      </c>
      <c r="L325" s="134">
        <v>0</v>
      </c>
      <c r="M325" s="134">
        <v>0</v>
      </c>
      <c r="N325" s="134">
        <v>0</v>
      </c>
    </row>
    <row r="326" spans="1:14" x14ac:dyDescent="0.2">
      <c r="A326" s="133" t="s">
        <v>417</v>
      </c>
      <c r="B326" s="134">
        <v>48214192.439714901</v>
      </c>
      <c r="C326" s="134">
        <v>48545033.801094398</v>
      </c>
      <c r="D326" s="134">
        <v>48502860.176732101</v>
      </c>
      <c r="E326" s="134">
        <v>49291513.598130502</v>
      </c>
      <c r="F326" s="134">
        <v>48526610.655537903</v>
      </c>
      <c r="G326" s="134">
        <v>49445383.221556202</v>
      </c>
      <c r="H326" s="134">
        <v>48851118.714915402</v>
      </c>
      <c r="I326" s="134">
        <v>49111106.256834596</v>
      </c>
      <c r="J326" s="134">
        <v>49019910.731836997</v>
      </c>
      <c r="K326" s="134">
        <v>48611532.158992901</v>
      </c>
      <c r="L326" s="134">
        <v>48939788.8449369</v>
      </c>
      <c r="M326" s="134">
        <v>48499587.583540797</v>
      </c>
      <c r="N326" s="134">
        <v>48499587.583540797</v>
      </c>
    </row>
    <row r="327" spans="1:14" x14ac:dyDescent="0.2">
      <c r="A327" s="133" t="s">
        <v>418</v>
      </c>
    </row>
    <row r="328" spans="1:14" x14ac:dyDescent="0.2">
      <c r="A328" s="133" t="s">
        <v>419</v>
      </c>
      <c r="B328" s="134">
        <v>39633.824145799997</v>
      </c>
      <c r="C328" s="134">
        <v>38724.283702499997</v>
      </c>
      <c r="D328" s="134">
        <v>42095.361000999997</v>
      </c>
      <c r="E328" s="134">
        <v>44137.9330224</v>
      </c>
      <c r="F328" s="134">
        <v>42655.462665200001</v>
      </c>
      <c r="G328" s="134">
        <v>42891.904392800003</v>
      </c>
      <c r="H328" s="134">
        <v>43048.953052099998</v>
      </c>
      <c r="I328" s="134">
        <v>43093.978811200002</v>
      </c>
      <c r="J328" s="134">
        <v>43200.581397900001</v>
      </c>
      <c r="K328" s="134">
        <v>43296.571108099997</v>
      </c>
      <c r="L328" s="134">
        <v>43287.150431100003</v>
      </c>
      <c r="M328" s="134">
        <v>43872.640189899997</v>
      </c>
      <c r="N328" s="134">
        <v>43872.640189899997</v>
      </c>
    </row>
    <row r="329" spans="1:14" x14ac:dyDescent="0.2">
      <c r="A329" s="133" t="s">
        <v>420</v>
      </c>
    </row>
    <row r="330" spans="1:14" x14ac:dyDescent="0.2">
      <c r="A330" s="133" t="s">
        <v>421</v>
      </c>
      <c r="B330" s="134">
        <v>32728729.594086099</v>
      </c>
      <c r="C330" s="134">
        <v>32387486.027373798</v>
      </c>
      <c r="D330" s="134">
        <v>31015456.232410401</v>
      </c>
      <c r="E330" s="134">
        <v>30662461.669304501</v>
      </c>
      <c r="F330" s="134">
        <v>30669099.4205865</v>
      </c>
      <c r="G330" s="134">
        <v>29412633.439960498</v>
      </c>
      <c r="H330" s="134">
        <v>27804548.117208201</v>
      </c>
      <c r="I330" s="134">
        <v>27673513.719762199</v>
      </c>
      <c r="J330" s="134">
        <v>27775054.113968302</v>
      </c>
      <c r="K330" s="134">
        <v>26838236.178848598</v>
      </c>
      <c r="L330" s="134">
        <v>26640772.4966763</v>
      </c>
      <c r="M330" s="134">
        <v>31440949.228300601</v>
      </c>
      <c r="N330" s="134">
        <v>31440949.228300601</v>
      </c>
    </row>
    <row r="331" spans="1:14" x14ac:dyDescent="0.2">
      <c r="A331" s="133" t="s">
        <v>422</v>
      </c>
      <c r="B331" s="134">
        <v>0</v>
      </c>
      <c r="C331" s="134">
        <v>0</v>
      </c>
      <c r="D331" s="134">
        <v>0</v>
      </c>
      <c r="E331" s="134">
        <v>0</v>
      </c>
      <c r="F331" s="134">
        <v>0</v>
      </c>
      <c r="G331" s="134">
        <v>0</v>
      </c>
      <c r="H331" s="134">
        <v>0</v>
      </c>
      <c r="I331" s="134">
        <v>0</v>
      </c>
      <c r="J331" s="134">
        <v>0</v>
      </c>
      <c r="K331" s="134">
        <v>0</v>
      </c>
      <c r="L331" s="134">
        <v>0</v>
      </c>
      <c r="M331" s="134">
        <v>0</v>
      </c>
      <c r="N331" s="134">
        <v>0</v>
      </c>
    </row>
    <row r="332" spans="1:14" x14ac:dyDescent="0.2">
      <c r="A332" s="133" t="s">
        <v>705</v>
      </c>
      <c r="B332" s="134">
        <v>0</v>
      </c>
      <c r="C332" s="134">
        <v>0</v>
      </c>
      <c r="D332" s="134">
        <v>0</v>
      </c>
      <c r="E332" s="134">
        <v>0</v>
      </c>
      <c r="F332" s="134">
        <v>0</v>
      </c>
      <c r="G332" s="134">
        <v>0</v>
      </c>
      <c r="H332" s="134">
        <v>0</v>
      </c>
      <c r="I332" s="134">
        <v>0</v>
      </c>
      <c r="J332" s="134">
        <v>0</v>
      </c>
      <c r="K332" s="134">
        <v>0</v>
      </c>
      <c r="L332" s="134">
        <v>0</v>
      </c>
      <c r="M332" s="134">
        <v>0</v>
      </c>
      <c r="N332" s="134">
        <v>0</v>
      </c>
    </row>
    <row r="333" spans="1:14" x14ac:dyDescent="0.2">
      <c r="A333" s="133" t="s">
        <v>423</v>
      </c>
      <c r="B333" s="134">
        <v>32728729.594086099</v>
      </c>
      <c r="C333" s="134">
        <v>32387486.027373798</v>
      </c>
      <c r="D333" s="134">
        <v>31015456.232410401</v>
      </c>
      <c r="E333" s="134">
        <v>30662461.669304501</v>
      </c>
      <c r="F333" s="134">
        <v>30669099.4205865</v>
      </c>
      <c r="G333" s="134">
        <v>29412633.439960498</v>
      </c>
      <c r="H333" s="134">
        <v>27804548.117208201</v>
      </c>
      <c r="I333" s="134">
        <v>27673513.719762199</v>
      </c>
      <c r="J333" s="134">
        <v>27775054.113968302</v>
      </c>
      <c r="K333" s="134">
        <v>26838236.178848598</v>
      </c>
      <c r="L333" s="134">
        <v>26640772.4966763</v>
      </c>
      <c r="M333" s="134">
        <v>31440949.228300601</v>
      </c>
      <c r="N333" s="134">
        <v>31440949.228300601</v>
      </c>
    </row>
    <row r="334" spans="1:14" x14ac:dyDescent="0.2">
      <c r="A334" s="133" t="s">
        <v>424</v>
      </c>
    </row>
    <row r="335" spans="1:14" x14ac:dyDescent="0.2">
      <c r="A335" s="133" t="s">
        <v>425</v>
      </c>
      <c r="B335" s="134">
        <v>17856361.719243299</v>
      </c>
      <c r="C335" s="134">
        <v>18727447.1513521</v>
      </c>
      <c r="D335" s="134">
        <v>19277368.9849521</v>
      </c>
      <c r="E335" s="134">
        <v>19744765.3434113</v>
      </c>
      <c r="F335" s="134">
        <v>20161508.9171465</v>
      </c>
      <c r="G335" s="134">
        <v>20543895.234683499</v>
      </c>
      <c r="H335" s="134">
        <v>20921385.862097401</v>
      </c>
      <c r="I335" s="134">
        <v>21265714.285969101</v>
      </c>
      <c r="J335" s="134">
        <v>21117662.175931901</v>
      </c>
      <c r="K335" s="134">
        <v>21435066.905774299</v>
      </c>
      <c r="L335" s="134">
        <v>21742422.1431542</v>
      </c>
      <c r="M335" s="134">
        <v>19431910.651212201</v>
      </c>
      <c r="N335" s="134">
        <v>19431910.651212201</v>
      </c>
    </row>
    <row r="336" spans="1:14" x14ac:dyDescent="0.2">
      <c r="A336" s="133" t="s">
        <v>426</v>
      </c>
      <c r="B336" s="134">
        <v>0</v>
      </c>
      <c r="C336" s="134">
        <v>0</v>
      </c>
      <c r="D336" s="134">
        <v>0</v>
      </c>
      <c r="E336" s="134">
        <v>0</v>
      </c>
      <c r="F336" s="134">
        <v>0</v>
      </c>
      <c r="G336" s="134">
        <v>0</v>
      </c>
      <c r="H336" s="134">
        <v>0</v>
      </c>
      <c r="I336" s="134">
        <v>0</v>
      </c>
      <c r="J336" s="134">
        <v>0</v>
      </c>
      <c r="K336" s="134">
        <v>0</v>
      </c>
      <c r="L336" s="134">
        <v>0</v>
      </c>
      <c r="M336" s="134">
        <v>0</v>
      </c>
      <c r="N336" s="134">
        <v>0</v>
      </c>
    </row>
    <row r="337" spans="1:14" x14ac:dyDescent="0.2">
      <c r="A337" s="133" t="s">
        <v>427</v>
      </c>
      <c r="B337" s="134">
        <v>0</v>
      </c>
      <c r="C337" s="134">
        <v>0</v>
      </c>
      <c r="D337" s="134">
        <v>0</v>
      </c>
      <c r="E337" s="134">
        <v>0</v>
      </c>
      <c r="F337" s="134">
        <v>0</v>
      </c>
      <c r="G337" s="134">
        <v>0</v>
      </c>
      <c r="H337" s="134">
        <v>0</v>
      </c>
      <c r="I337" s="134">
        <v>0</v>
      </c>
      <c r="J337" s="134">
        <v>0</v>
      </c>
      <c r="K337" s="134">
        <v>0</v>
      </c>
      <c r="L337" s="134">
        <v>0</v>
      </c>
      <c r="M337" s="134">
        <v>0</v>
      </c>
      <c r="N337" s="134">
        <v>0</v>
      </c>
    </row>
    <row r="338" spans="1:14" x14ac:dyDescent="0.2">
      <c r="A338" s="133" t="s">
        <v>428</v>
      </c>
      <c r="B338" s="134">
        <v>17856361.719243299</v>
      </c>
      <c r="C338" s="134">
        <v>18727447.1513521</v>
      </c>
      <c r="D338" s="134">
        <v>19277368.9849521</v>
      </c>
      <c r="E338" s="134">
        <v>19744765.3434113</v>
      </c>
      <c r="F338" s="134">
        <v>20161508.9171465</v>
      </c>
      <c r="G338" s="134">
        <v>20543895.234683499</v>
      </c>
      <c r="H338" s="134">
        <v>20921385.862097401</v>
      </c>
      <c r="I338" s="134">
        <v>21265714.285969101</v>
      </c>
      <c r="J338" s="134">
        <v>21117662.175931901</v>
      </c>
      <c r="K338" s="134">
        <v>21435066.905774299</v>
      </c>
      <c r="L338" s="134">
        <v>21742422.1431542</v>
      </c>
      <c r="M338" s="134">
        <v>19431910.651212201</v>
      </c>
      <c r="N338" s="134">
        <v>19431910.651212201</v>
      </c>
    </row>
    <row r="339" spans="1:14" x14ac:dyDescent="0.2">
      <c r="A339" s="133" t="s">
        <v>429</v>
      </c>
    </row>
    <row r="340" spans="1:14" x14ac:dyDescent="0.2">
      <c r="A340" s="133" t="s">
        <v>430</v>
      </c>
      <c r="B340" s="134">
        <v>0</v>
      </c>
      <c r="C340" s="134">
        <v>0</v>
      </c>
      <c r="D340" s="134">
        <v>0</v>
      </c>
      <c r="E340" s="134">
        <v>0</v>
      </c>
      <c r="F340" s="134">
        <v>0</v>
      </c>
      <c r="G340" s="134">
        <v>0</v>
      </c>
      <c r="H340" s="134">
        <v>0</v>
      </c>
      <c r="I340" s="134">
        <v>0</v>
      </c>
      <c r="J340" s="134">
        <v>0</v>
      </c>
      <c r="K340" s="134">
        <v>0</v>
      </c>
      <c r="L340" s="134">
        <v>0</v>
      </c>
      <c r="M340" s="134">
        <v>0</v>
      </c>
      <c r="N340" s="134">
        <v>0</v>
      </c>
    </row>
    <row r="341" spans="1:14" x14ac:dyDescent="0.2">
      <c r="A341" s="133" t="s">
        <v>431</v>
      </c>
      <c r="B341" s="134">
        <v>44497250</v>
      </c>
      <c r="C341" s="134">
        <v>31605000</v>
      </c>
      <c r="D341" s="134">
        <v>18712750</v>
      </c>
      <c r="E341" s="134">
        <v>5820500</v>
      </c>
      <c r="F341" s="134">
        <v>0</v>
      </c>
      <c r="G341" s="134">
        <v>0</v>
      </c>
      <c r="H341" s="134">
        <v>0</v>
      </c>
      <c r="I341" s="134">
        <v>0</v>
      </c>
      <c r="J341" s="134">
        <v>0</v>
      </c>
      <c r="K341" s="134">
        <v>0</v>
      </c>
      <c r="L341" s="134">
        <v>0</v>
      </c>
      <c r="M341" s="134">
        <v>0</v>
      </c>
      <c r="N341" s="134">
        <v>0</v>
      </c>
    </row>
    <row r="342" spans="1:14" x14ac:dyDescent="0.2">
      <c r="A342" s="133" t="s">
        <v>432</v>
      </c>
      <c r="B342" s="134">
        <v>0</v>
      </c>
      <c r="C342" s="134">
        <v>0</v>
      </c>
      <c r="D342" s="134">
        <v>0</v>
      </c>
      <c r="E342" s="134">
        <v>34578869.219999999</v>
      </c>
      <c r="F342" s="134">
        <v>70421992.280000001</v>
      </c>
      <c r="G342" s="134">
        <v>113828091.70999999</v>
      </c>
      <c r="H342" s="134">
        <v>161034211.769999</v>
      </c>
      <c r="I342" s="134">
        <v>210959283.96000001</v>
      </c>
      <c r="J342" s="134">
        <v>260140486.22</v>
      </c>
      <c r="K342" s="134">
        <v>299857805.51999998</v>
      </c>
      <c r="L342" s="134">
        <v>331513732.24000001</v>
      </c>
      <c r="M342" s="134">
        <v>362600788.53999901</v>
      </c>
      <c r="N342" s="134">
        <v>362600788.53999901</v>
      </c>
    </row>
    <row r="343" spans="1:14" x14ac:dyDescent="0.2">
      <c r="A343" s="133" t="s">
        <v>433</v>
      </c>
      <c r="B343" s="134">
        <v>44497250</v>
      </c>
      <c r="C343" s="134">
        <v>31605000</v>
      </c>
      <c r="D343" s="134">
        <v>18712750</v>
      </c>
      <c r="E343" s="134">
        <v>40399369.219999999</v>
      </c>
      <c r="F343" s="134">
        <v>70421992.280000001</v>
      </c>
      <c r="G343" s="134">
        <v>113828091.70999999</v>
      </c>
      <c r="H343" s="134">
        <v>161034211.769999</v>
      </c>
      <c r="I343" s="134">
        <v>210959283.96000001</v>
      </c>
      <c r="J343" s="134">
        <v>260140486.22</v>
      </c>
      <c r="K343" s="134">
        <v>299857805.51999998</v>
      </c>
      <c r="L343" s="134">
        <v>331513732.24000001</v>
      </c>
      <c r="M343" s="134">
        <v>362600788.53999901</v>
      </c>
      <c r="N343" s="134">
        <v>362600788.53999901</v>
      </c>
    </row>
    <row r="344" spans="1:14" x14ac:dyDescent="0.2">
      <c r="A344" s="133" t="s">
        <v>434</v>
      </c>
    </row>
    <row r="345" spans="1:14" x14ac:dyDescent="0.2">
      <c r="A345" s="133" t="s">
        <v>435</v>
      </c>
      <c r="B345" s="134">
        <v>1343043.6740329</v>
      </c>
      <c r="C345" s="134">
        <v>1571132.5642597</v>
      </c>
      <c r="D345" s="134">
        <v>622342.14632629894</v>
      </c>
      <c r="E345" s="134">
        <v>670581.03851739899</v>
      </c>
      <c r="F345" s="134">
        <v>787134.31808790006</v>
      </c>
      <c r="G345" s="134">
        <v>675378.13470129995</v>
      </c>
      <c r="H345" s="134">
        <v>785337.92497499997</v>
      </c>
      <c r="I345" s="134">
        <v>1056829.7481313001</v>
      </c>
      <c r="J345" s="134">
        <v>1080025.21055759</v>
      </c>
      <c r="K345" s="134">
        <v>1139432.6556965001</v>
      </c>
      <c r="L345" s="134">
        <v>3828105.5679005999</v>
      </c>
      <c r="M345" s="134">
        <v>7366480.8439263999</v>
      </c>
      <c r="N345" s="134">
        <v>7366480.8439263999</v>
      </c>
    </row>
    <row r="346" spans="1:14" x14ac:dyDescent="0.2">
      <c r="A346" s="133" t="s">
        <v>436</v>
      </c>
    </row>
    <row r="347" spans="1:14" x14ac:dyDescent="0.2">
      <c r="A347" s="133" t="s">
        <v>437</v>
      </c>
      <c r="B347" s="134">
        <v>30649705.724967498</v>
      </c>
      <c r="C347" s="134">
        <v>27548109.8339076</v>
      </c>
      <c r="D347" s="134">
        <v>27999938.9377531</v>
      </c>
      <c r="E347" s="134">
        <v>27728976.460623302</v>
      </c>
      <c r="F347" s="134">
        <v>26636108.028019499</v>
      </c>
      <c r="G347" s="134">
        <v>24400252.258152999</v>
      </c>
      <c r="H347" s="134">
        <v>23826239.811405499</v>
      </c>
      <c r="I347" s="134">
        <v>22509602.263557199</v>
      </c>
      <c r="J347" s="134">
        <v>23599631.6732383</v>
      </c>
      <c r="K347" s="134">
        <v>26407142.4397288</v>
      </c>
      <c r="L347" s="134">
        <v>26435481.026097499</v>
      </c>
      <c r="M347" s="134">
        <v>831751.00179648295</v>
      </c>
      <c r="N347" s="134">
        <v>831751.00179648295</v>
      </c>
    </row>
    <row r="348" spans="1:14" x14ac:dyDescent="0.2">
      <c r="A348" s="133" t="s">
        <v>438</v>
      </c>
      <c r="B348" s="134">
        <v>0</v>
      </c>
      <c r="C348" s="134">
        <v>0</v>
      </c>
      <c r="D348" s="134">
        <v>0</v>
      </c>
      <c r="E348" s="134">
        <v>0</v>
      </c>
      <c r="F348" s="134">
        <v>0</v>
      </c>
      <c r="G348" s="134">
        <v>0</v>
      </c>
      <c r="H348" s="134">
        <v>0</v>
      </c>
      <c r="I348" s="134">
        <v>0</v>
      </c>
      <c r="J348" s="134">
        <v>0</v>
      </c>
      <c r="K348" s="134">
        <v>0</v>
      </c>
      <c r="L348" s="134">
        <v>0</v>
      </c>
      <c r="M348" s="134">
        <v>0</v>
      </c>
      <c r="N348" s="134">
        <v>0</v>
      </c>
    </row>
    <row r="349" spans="1:14" x14ac:dyDescent="0.2">
      <c r="A349" s="133" t="s">
        <v>439</v>
      </c>
      <c r="B349" s="134">
        <v>30649705.724967498</v>
      </c>
      <c r="C349" s="134">
        <v>27548109.8339076</v>
      </c>
      <c r="D349" s="134">
        <v>27999938.9377531</v>
      </c>
      <c r="E349" s="134">
        <v>27728976.460623302</v>
      </c>
      <c r="F349" s="134">
        <v>26636108.028019499</v>
      </c>
      <c r="G349" s="134">
        <v>24400252.258152999</v>
      </c>
      <c r="H349" s="134">
        <v>23826239.811405499</v>
      </c>
      <c r="I349" s="134">
        <v>22509602.263557199</v>
      </c>
      <c r="J349" s="134">
        <v>23599631.6732383</v>
      </c>
      <c r="K349" s="134">
        <v>26407142.4397288</v>
      </c>
      <c r="L349" s="134">
        <v>26435481.026097499</v>
      </c>
      <c r="M349" s="134">
        <v>831751.00179648295</v>
      </c>
      <c r="N349" s="134">
        <v>831751.00179648295</v>
      </c>
    </row>
    <row r="350" spans="1:14" x14ac:dyDescent="0.2">
      <c r="A350" s="133" t="s">
        <v>440</v>
      </c>
    </row>
    <row r="351" spans="1:14" x14ac:dyDescent="0.2">
      <c r="A351" s="133" t="s">
        <v>441</v>
      </c>
      <c r="B351" s="134">
        <v>91.541150999999999</v>
      </c>
      <c r="C351" s="134">
        <v>91.541150999999999</v>
      </c>
      <c r="D351" s="134">
        <v>91.541150999999999</v>
      </c>
      <c r="E351" s="134">
        <v>91.541150999999999</v>
      </c>
      <c r="F351" s="134">
        <v>0</v>
      </c>
      <c r="G351" s="134">
        <v>0</v>
      </c>
      <c r="H351" s="134">
        <v>0</v>
      </c>
      <c r="I351" s="134">
        <v>0</v>
      </c>
      <c r="J351" s="134">
        <v>0</v>
      </c>
      <c r="K351" s="134">
        <v>0</v>
      </c>
      <c r="L351" s="134">
        <v>0</v>
      </c>
      <c r="M351" s="134">
        <v>0</v>
      </c>
      <c r="N351" s="134">
        <v>0</v>
      </c>
    </row>
    <row r="352" spans="1:14" x14ac:dyDescent="0.2">
      <c r="A352" s="133" t="s">
        <v>442</v>
      </c>
    </row>
    <row r="353" spans="1:14" x14ac:dyDescent="0.2">
      <c r="A353" s="133" t="s">
        <v>443</v>
      </c>
      <c r="B353" s="134">
        <v>6182816.9199999999</v>
      </c>
      <c r="C353" s="134">
        <v>6227353.1299999999</v>
      </c>
      <c r="D353" s="134">
        <v>6223259.1699999999</v>
      </c>
      <c r="E353" s="134">
        <v>6287447.7800000003</v>
      </c>
      <c r="F353" s="134">
        <v>6390087.0599999996</v>
      </c>
      <c r="G353" s="134">
        <v>6357258.3499999996</v>
      </c>
      <c r="H353" s="134">
        <v>4733658.1100000003</v>
      </c>
      <c r="I353" s="134">
        <v>6894749.9999999898</v>
      </c>
      <c r="J353" s="134">
        <v>6966859.6899999902</v>
      </c>
      <c r="K353" s="134">
        <v>7092891.5999999996</v>
      </c>
      <c r="L353" s="134">
        <v>7165596.3899999997</v>
      </c>
      <c r="M353" s="134">
        <v>7119817.25</v>
      </c>
      <c r="N353" s="134">
        <v>7119817.25</v>
      </c>
    </row>
    <row r="354" spans="1:14" x14ac:dyDescent="0.2">
      <c r="A354" s="133" t="s">
        <v>444</v>
      </c>
      <c r="B354" s="134">
        <v>0</v>
      </c>
      <c r="C354" s="134">
        <v>0</v>
      </c>
      <c r="D354" s="134">
        <v>0</v>
      </c>
      <c r="E354" s="134">
        <v>0</v>
      </c>
      <c r="F354" s="134">
        <v>0</v>
      </c>
      <c r="G354" s="134">
        <v>0</v>
      </c>
      <c r="H354" s="134">
        <v>0</v>
      </c>
      <c r="I354" s="134">
        <v>0</v>
      </c>
      <c r="J354" s="134">
        <v>0</v>
      </c>
      <c r="K354" s="134">
        <v>0</v>
      </c>
      <c r="L354" s="134">
        <v>0</v>
      </c>
      <c r="M354" s="134">
        <v>0</v>
      </c>
      <c r="N354" s="134">
        <v>0</v>
      </c>
    </row>
    <row r="355" spans="1:14" x14ac:dyDescent="0.2">
      <c r="A355" s="133" t="s">
        <v>445</v>
      </c>
      <c r="B355" s="134">
        <v>0</v>
      </c>
      <c r="C355" s="134">
        <v>0</v>
      </c>
      <c r="D355" s="134">
        <v>0</v>
      </c>
      <c r="E355" s="134">
        <v>0</v>
      </c>
      <c r="F355" s="134">
        <v>0</v>
      </c>
      <c r="G355" s="134">
        <v>0</v>
      </c>
      <c r="H355" s="134">
        <v>0</v>
      </c>
      <c r="I355" s="134">
        <v>0</v>
      </c>
      <c r="J355" s="134">
        <v>0</v>
      </c>
      <c r="K355" s="134">
        <v>0</v>
      </c>
      <c r="L355" s="134">
        <v>0</v>
      </c>
      <c r="M355" s="134">
        <v>0</v>
      </c>
      <c r="N355" s="134">
        <v>0</v>
      </c>
    </row>
    <row r="356" spans="1:14" x14ac:dyDescent="0.2">
      <c r="A356" s="133" t="s">
        <v>446</v>
      </c>
      <c r="B356" s="134">
        <v>6182816.9199999999</v>
      </c>
      <c r="C356" s="134">
        <v>6227353.1299999999</v>
      </c>
      <c r="D356" s="134">
        <v>6223259.1699999999</v>
      </c>
      <c r="E356" s="134">
        <v>6287447.7800000003</v>
      </c>
      <c r="F356" s="134">
        <v>6390087.0599999996</v>
      </c>
      <c r="G356" s="134">
        <v>6357258.3499999996</v>
      </c>
      <c r="H356" s="134">
        <v>4733658.1100000003</v>
      </c>
      <c r="I356" s="134">
        <v>6894749.9999999898</v>
      </c>
      <c r="J356" s="134">
        <v>6966859.6899999902</v>
      </c>
      <c r="K356" s="134">
        <v>7092891.5999999996</v>
      </c>
      <c r="L356" s="134">
        <v>7165596.3899999997</v>
      </c>
      <c r="M356" s="134">
        <v>7119817.25</v>
      </c>
      <c r="N356" s="134">
        <v>7119817.25</v>
      </c>
    </row>
    <row r="357" spans="1:14" x14ac:dyDescent="0.2">
      <c r="A357" s="133" t="s">
        <v>447</v>
      </c>
    </row>
    <row r="358" spans="1:14" x14ac:dyDescent="0.2">
      <c r="A358" s="133" t="s">
        <v>448</v>
      </c>
      <c r="B358" s="134">
        <v>-1128672.8226038001</v>
      </c>
      <c r="C358" s="134">
        <v>-1089100.7535947999</v>
      </c>
      <c r="D358" s="134">
        <v>-1085068.2734817001</v>
      </c>
      <c r="E358" s="134">
        <v>-1093436.6653952</v>
      </c>
      <c r="F358" s="134">
        <v>-1115359.4628095001</v>
      </c>
      <c r="G358" s="134">
        <v>-1167841.0623591</v>
      </c>
      <c r="H358" s="134">
        <v>-1177345.1564021001</v>
      </c>
      <c r="I358" s="134">
        <v>-1188803.2599529999</v>
      </c>
      <c r="J358" s="134">
        <v>-1149741.1217662899</v>
      </c>
      <c r="K358" s="134">
        <v>-1088171.4324254999</v>
      </c>
      <c r="L358" s="134">
        <v>-1118519.96011149</v>
      </c>
      <c r="M358" s="134">
        <v>-1163472.6571322901</v>
      </c>
      <c r="N358" s="134">
        <v>-1163472.6571322901</v>
      </c>
    </row>
    <row r="359" spans="1:14" x14ac:dyDescent="0.2">
      <c r="A359" s="133" t="s">
        <v>449</v>
      </c>
    </row>
    <row r="360" spans="1:14" x14ac:dyDescent="0.2">
      <c r="A360" s="133" t="s">
        <v>450</v>
      </c>
      <c r="B360" s="134">
        <v>-4882196.0369653897</v>
      </c>
      <c r="C360" s="134">
        <v>-5008006.2885259902</v>
      </c>
      <c r="D360" s="134">
        <v>-3782046.3511347901</v>
      </c>
      <c r="E360" s="134">
        <v>-4195766.7002889896</v>
      </c>
      <c r="F360" s="134">
        <v>-4428838.7373206904</v>
      </c>
      <c r="G360" s="134">
        <v>-5965926.4769573901</v>
      </c>
      <c r="H360" s="134">
        <v>-6285884.5570964003</v>
      </c>
      <c r="I360" s="134">
        <v>-7087747.7054700898</v>
      </c>
      <c r="J360" s="134">
        <v>-7587198.4402613901</v>
      </c>
      <c r="K360" s="134">
        <v>-9044762.6743624005</v>
      </c>
      <c r="L360" s="134">
        <v>-5754192.3265897902</v>
      </c>
      <c r="M360" s="134">
        <v>-7370245.8276854996</v>
      </c>
      <c r="N360" s="134">
        <v>-7370245.8276854996</v>
      </c>
    </row>
    <row r="361" spans="1:14" x14ac:dyDescent="0.2">
      <c r="A361" s="133" t="s">
        <v>451</v>
      </c>
    </row>
    <row r="362" spans="1:14" x14ac:dyDescent="0.2">
      <c r="A362" s="133" t="s">
        <v>452</v>
      </c>
      <c r="B362" s="134">
        <v>18922341.753427401</v>
      </c>
      <c r="C362" s="134">
        <v>19065093.3651811</v>
      </c>
      <c r="D362" s="134">
        <v>19206614.8576001</v>
      </c>
      <c r="E362" s="134">
        <v>19503128.906808399</v>
      </c>
      <c r="F362" s="134">
        <v>19694452.073990501</v>
      </c>
      <c r="G362" s="134">
        <v>19955989.215801202</v>
      </c>
      <c r="H362" s="134">
        <v>20229730.291085999</v>
      </c>
      <c r="I362" s="134">
        <v>20536319.9268566</v>
      </c>
      <c r="J362" s="134">
        <v>20895191.502941899</v>
      </c>
      <c r="K362" s="134">
        <v>21225960.558662299</v>
      </c>
      <c r="L362" s="134">
        <v>21529319.2230836</v>
      </c>
      <c r="M362" s="134">
        <v>21892285.882219501</v>
      </c>
      <c r="N362" s="134">
        <v>21892285.882219501</v>
      </c>
    </row>
    <row r="363" spans="1:14" x14ac:dyDescent="0.2">
      <c r="A363" s="133" t="s">
        <v>453</v>
      </c>
    </row>
    <row r="364" spans="1:14" x14ac:dyDescent="0.2">
      <c r="A364" s="133" t="s">
        <v>706</v>
      </c>
      <c r="B364" s="134">
        <v>297839.48996029998</v>
      </c>
      <c r="C364" s="134">
        <v>274974.0381605</v>
      </c>
      <c r="D364" s="134">
        <v>262349.11470009998</v>
      </c>
      <c r="E364" s="134">
        <v>294879.74815230002</v>
      </c>
      <c r="F364" s="134">
        <v>286857.10430750001</v>
      </c>
      <c r="G364" s="134">
        <v>288144.27213390003</v>
      </c>
      <c r="H364" s="134">
        <v>239304.29547589901</v>
      </c>
      <c r="I364" s="134">
        <v>235111.33258659899</v>
      </c>
      <c r="J364" s="134">
        <v>213644.11082579999</v>
      </c>
      <c r="K364" s="134">
        <v>173728.54912320001</v>
      </c>
      <c r="L364" s="134">
        <v>145526.16793540001</v>
      </c>
      <c r="M364" s="134">
        <v>134317.52238519999</v>
      </c>
      <c r="N364" s="134">
        <v>134317.52238519999</v>
      </c>
    </row>
    <row r="365" spans="1:14" x14ac:dyDescent="0.2">
      <c r="A365" s="136" t="s">
        <v>454</v>
      </c>
      <c r="B365" s="134">
        <v>268264760.000788</v>
      </c>
      <c r="C365" s="134">
        <v>253438319.07503101</v>
      </c>
      <c r="D365" s="134">
        <v>237465546.363139</v>
      </c>
      <c r="E365" s="134">
        <v>260199462.59165299</v>
      </c>
      <c r="F365" s="134">
        <v>288468712.78399301</v>
      </c>
      <c r="G365" s="134">
        <v>322282883.885369</v>
      </c>
      <c r="H365" s="134">
        <v>363427457.91381598</v>
      </c>
      <c r="I365" s="134">
        <v>414435086.39895803</v>
      </c>
      <c r="J365" s="134">
        <v>467708592.16675597</v>
      </c>
      <c r="K365" s="134">
        <v>510308069.75947797</v>
      </c>
      <c r="L365" s="134">
        <v>548938629.08536196</v>
      </c>
      <c r="M365" s="134">
        <v>565837448.04409099</v>
      </c>
      <c r="N365" s="134">
        <v>565837448.04409099</v>
      </c>
    </row>
    <row r="366" spans="1:14" x14ac:dyDescent="0.2">
      <c r="A366" s="133" t="s">
        <v>455</v>
      </c>
    </row>
    <row r="367" spans="1:14" x14ac:dyDescent="0.2">
      <c r="A367" s="133" t="s">
        <v>456</v>
      </c>
      <c r="B367" s="134">
        <v>0</v>
      </c>
      <c r="C367" s="134">
        <v>0</v>
      </c>
      <c r="D367" s="134">
        <v>0</v>
      </c>
      <c r="E367" s="134">
        <v>0</v>
      </c>
      <c r="F367" s="134">
        <v>0</v>
      </c>
      <c r="G367" s="134">
        <v>0</v>
      </c>
      <c r="H367" s="134">
        <v>0</v>
      </c>
      <c r="I367" s="134">
        <v>0</v>
      </c>
      <c r="J367" s="134">
        <v>0</v>
      </c>
      <c r="K367" s="134">
        <v>0</v>
      </c>
      <c r="L367" s="134">
        <v>0</v>
      </c>
      <c r="M367" s="134">
        <v>0</v>
      </c>
      <c r="N367" s="134">
        <v>0</v>
      </c>
    </row>
    <row r="368" spans="1:14" x14ac:dyDescent="0.2">
      <c r="A368" s="133" t="s">
        <v>457</v>
      </c>
    </row>
    <row r="369" spans="1:14" x14ac:dyDescent="0.2">
      <c r="A369" s="133" t="s">
        <v>458</v>
      </c>
      <c r="B369" s="134">
        <v>695521978.01031899</v>
      </c>
      <c r="C369" s="134">
        <v>683044486.87891805</v>
      </c>
      <c r="D369" s="134">
        <v>657141860.881073</v>
      </c>
      <c r="E369" s="134">
        <v>678486759.61240196</v>
      </c>
      <c r="F369" s="134">
        <v>701616962.39379299</v>
      </c>
      <c r="G369" s="134">
        <v>739335796.73611796</v>
      </c>
      <c r="H369" s="134">
        <v>772099972.64627194</v>
      </c>
      <c r="I369" s="134">
        <v>821795092.261953</v>
      </c>
      <c r="J369" s="134">
        <v>871486321.93484604</v>
      </c>
      <c r="K369" s="134">
        <v>901403617.41924095</v>
      </c>
      <c r="L369" s="134">
        <v>943001062.88970697</v>
      </c>
      <c r="M369" s="134">
        <v>944981520.86251295</v>
      </c>
      <c r="N369" s="134">
        <v>944981520.86251295</v>
      </c>
    </row>
    <row r="370" spans="1:14" x14ac:dyDescent="0.2">
      <c r="A370" s="133" t="s">
        <v>459</v>
      </c>
    </row>
    <row r="371" spans="1:14" x14ac:dyDescent="0.2">
      <c r="A371" s="133" t="s">
        <v>460</v>
      </c>
    </row>
    <row r="372" spans="1:14" x14ac:dyDescent="0.2">
      <c r="A372" s="133" t="s">
        <v>461</v>
      </c>
      <c r="B372" s="134">
        <v>99264714.299999997</v>
      </c>
      <c r="C372" s="134">
        <v>99151274.890000001</v>
      </c>
      <c r="D372" s="134">
        <v>100103313.64999899</v>
      </c>
      <c r="E372" s="134">
        <v>101238010.889999</v>
      </c>
      <c r="F372" s="134">
        <v>101582219.73999999</v>
      </c>
      <c r="G372" s="134">
        <v>101538230.98999999</v>
      </c>
      <c r="H372" s="134">
        <v>103659914.04000001</v>
      </c>
      <c r="I372" s="134">
        <v>104903144.11</v>
      </c>
      <c r="J372" s="134">
        <v>106805283.269999</v>
      </c>
      <c r="K372" s="134">
        <v>108316567.36</v>
      </c>
      <c r="L372" s="134">
        <v>108462896.2</v>
      </c>
      <c r="M372" s="134">
        <v>108836554.09999999</v>
      </c>
      <c r="N372" s="134">
        <v>108836554.09999999</v>
      </c>
    </row>
    <row r="373" spans="1:14" x14ac:dyDescent="0.2">
      <c r="A373" s="133" t="s">
        <v>462</v>
      </c>
    </row>
    <row r="374" spans="1:14" x14ac:dyDescent="0.2">
      <c r="A374" s="133" t="s">
        <v>463</v>
      </c>
      <c r="B374" s="134">
        <v>162517.429047199</v>
      </c>
      <c r="C374" s="134">
        <v>205621.95223689999</v>
      </c>
      <c r="D374" s="134">
        <v>338886.83258639998</v>
      </c>
      <c r="E374" s="134">
        <v>409114.92485429998</v>
      </c>
      <c r="F374" s="134">
        <v>378358.7865249</v>
      </c>
      <c r="G374" s="134">
        <v>403985.42499099998</v>
      </c>
      <c r="H374" s="134">
        <v>447712.87608389999</v>
      </c>
      <c r="I374" s="134">
        <v>486709.11760860001</v>
      </c>
      <c r="J374" s="134">
        <v>445326.81036649999</v>
      </c>
      <c r="K374" s="134">
        <v>429429.08854049997</v>
      </c>
      <c r="L374" s="134">
        <v>355631.31702090002</v>
      </c>
      <c r="M374" s="134">
        <v>467696.68313830002</v>
      </c>
      <c r="N374" s="134">
        <v>467696.68313830002</v>
      </c>
    </row>
    <row r="375" spans="1:14" x14ac:dyDescent="0.2">
      <c r="A375" s="133" t="s">
        <v>464</v>
      </c>
      <c r="B375" s="134">
        <v>6528171.2859090604</v>
      </c>
      <c r="C375" s="134">
        <v>5809108.1699816398</v>
      </c>
      <c r="D375" s="134">
        <v>7134280.9663962498</v>
      </c>
      <c r="E375" s="134">
        <v>7234546.5239339704</v>
      </c>
      <c r="F375" s="134">
        <v>6656475.7070837701</v>
      </c>
      <c r="G375" s="134">
        <v>6974804.92916953</v>
      </c>
      <c r="H375" s="134">
        <v>7500235.9121327205</v>
      </c>
      <c r="I375" s="134">
        <v>7870177.6027494203</v>
      </c>
      <c r="J375" s="134">
        <v>7965371.2152131004</v>
      </c>
      <c r="K375" s="134">
        <v>7418641.94945121</v>
      </c>
      <c r="L375" s="134">
        <v>6906258.4014641698</v>
      </c>
      <c r="M375" s="134">
        <v>6801201.19221381</v>
      </c>
      <c r="N375" s="134">
        <v>6801201.19221381</v>
      </c>
    </row>
    <row r="376" spans="1:14" x14ac:dyDescent="0.2">
      <c r="A376" s="133" t="s">
        <v>465</v>
      </c>
      <c r="B376" s="134">
        <v>0</v>
      </c>
      <c r="C376" s="134">
        <v>0</v>
      </c>
      <c r="D376" s="134">
        <v>0</v>
      </c>
      <c r="E376" s="134">
        <v>0</v>
      </c>
      <c r="F376" s="134">
        <v>0</v>
      </c>
      <c r="G376" s="134">
        <v>0</v>
      </c>
      <c r="H376" s="134">
        <v>0</v>
      </c>
      <c r="I376" s="134">
        <v>0</v>
      </c>
      <c r="J376" s="134">
        <v>0</v>
      </c>
      <c r="K376" s="134">
        <v>0</v>
      </c>
      <c r="L376" s="134">
        <v>0</v>
      </c>
      <c r="M376" s="134">
        <v>0</v>
      </c>
      <c r="N376" s="134">
        <v>0</v>
      </c>
    </row>
    <row r="377" spans="1:14" x14ac:dyDescent="0.2">
      <c r="A377" s="133" t="s">
        <v>466</v>
      </c>
      <c r="B377" s="134">
        <v>0</v>
      </c>
      <c r="C377" s="134">
        <v>0</v>
      </c>
      <c r="D377" s="134">
        <v>0</v>
      </c>
      <c r="E377" s="134">
        <v>0</v>
      </c>
      <c r="F377" s="134">
        <v>0</v>
      </c>
      <c r="G377" s="134">
        <v>0</v>
      </c>
      <c r="H377" s="134">
        <v>0</v>
      </c>
      <c r="I377" s="134">
        <v>0</v>
      </c>
      <c r="J377" s="134">
        <v>0</v>
      </c>
      <c r="K377" s="134">
        <v>0</v>
      </c>
      <c r="L377" s="134">
        <v>0</v>
      </c>
      <c r="M377" s="134">
        <v>0</v>
      </c>
      <c r="N377" s="134">
        <v>0</v>
      </c>
    </row>
    <row r="378" spans="1:14" x14ac:dyDescent="0.2">
      <c r="A378" s="136" t="s">
        <v>467</v>
      </c>
      <c r="B378" s="134">
        <v>6690688.7149562603</v>
      </c>
      <c r="C378" s="134">
        <v>6014730.1222185399</v>
      </c>
      <c r="D378" s="134">
        <v>7473167.79898265</v>
      </c>
      <c r="E378" s="134">
        <v>7643661.4487882704</v>
      </c>
      <c r="F378" s="134">
        <v>7034834.4936086796</v>
      </c>
      <c r="G378" s="134">
        <v>7378790.3541605296</v>
      </c>
      <c r="H378" s="134">
        <v>7947948.7882166198</v>
      </c>
      <c r="I378" s="134">
        <v>8356886.7203580197</v>
      </c>
      <c r="J378" s="134">
        <v>8410698.0255795997</v>
      </c>
      <c r="K378" s="134">
        <v>7848071.03799171</v>
      </c>
      <c r="L378" s="134">
        <v>7261889.7184850704</v>
      </c>
      <c r="M378" s="134">
        <v>7268897.8753521098</v>
      </c>
      <c r="N378" s="134">
        <v>7268897.8753521098</v>
      </c>
    </row>
    <row r="379" spans="1:14" x14ac:dyDescent="0.2">
      <c r="A379" s="133" t="s">
        <v>468</v>
      </c>
    </row>
    <row r="380" spans="1:14" x14ac:dyDescent="0.2">
      <c r="A380" s="133" t="s">
        <v>469</v>
      </c>
      <c r="B380" s="134">
        <v>10660062.3437611</v>
      </c>
      <c r="C380" s="134">
        <v>10406435.6487513</v>
      </c>
      <c r="D380" s="134">
        <v>10419888.174184401</v>
      </c>
      <c r="E380" s="134">
        <v>10492223.180583499</v>
      </c>
      <c r="F380" s="134">
        <v>10188801.500422399</v>
      </c>
      <c r="G380" s="134">
        <v>10010619.1758206</v>
      </c>
      <c r="H380" s="134">
        <v>9660031.2255049292</v>
      </c>
      <c r="I380" s="134">
        <v>9170230.5536863692</v>
      </c>
      <c r="J380" s="134">
        <v>9203397.1907084398</v>
      </c>
      <c r="K380" s="134">
        <v>9573140.7594053391</v>
      </c>
      <c r="L380" s="134">
        <v>9882820.9369799905</v>
      </c>
      <c r="M380" s="134">
        <v>10194826.522066699</v>
      </c>
      <c r="N380" s="134">
        <v>10194826.522066699</v>
      </c>
    </row>
    <row r="381" spans="1:14" x14ac:dyDescent="0.2">
      <c r="A381" s="133" t="s">
        <v>470</v>
      </c>
      <c r="B381" s="134">
        <v>51849918.229999997</v>
      </c>
      <c r="C381" s="134">
        <v>51982675.5</v>
      </c>
      <c r="D381" s="134">
        <v>54173510.579999998</v>
      </c>
      <c r="E381" s="134">
        <v>54024797.670000002</v>
      </c>
      <c r="F381" s="134">
        <v>55299379.990000002</v>
      </c>
      <c r="G381" s="134">
        <v>55414626.890000001</v>
      </c>
      <c r="H381" s="134">
        <v>56956754.770000003</v>
      </c>
      <c r="I381" s="134">
        <v>57269847.689999998</v>
      </c>
      <c r="J381" s="134">
        <v>56051018.840000004</v>
      </c>
      <c r="K381" s="134">
        <v>54528386.270000003</v>
      </c>
      <c r="L381" s="134">
        <v>48992179.909999996</v>
      </c>
      <c r="M381" s="134">
        <v>52167915.880000003</v>
      </c>
      <c r="N381" s="134">
        <v>52167915.880000003</v>
      </c>
    </row>
    <row r="382" spans="1:14" x14ac:dyDescent="0.2">
      <c r="A382" s="136" t="s">
        <v>471</v>
      </c>
      <c r="B382" s="134">
        <v>62509980.573761098</v>
      </c>
      <c r="C382" s="134">
        <v>62389111.148751199</v>
      </c>
      <c r="D382" s="134">
        <v>64593398.754184403</v>
      </c>
      <c r="E382" s="134">
        <v>64517020.850583501</v>
      </c>
      <c r="F382" s="134">
        <v>65488181.490422398</v>
      </c>
      <c r="G382" s="134">
        <v>65425246.065820701</v>
      </c>
      <c r="H382" s="134">
        <v>66616785.995504901</v>
      </c>
      <c r="I382" s="134">
        <v>66440078.2436864</v>
      </c>
      <c r="J382" s="134">
        <v>65254416.030708402</v>
      </c>
      <c r="K382" s="134">
        <v>64101527.029405303</v>
      </c>
      <c r="L382" s="134">
        <v>58875000.846979998</v>
      </c>
      <c r="M382" s="134">
        <v>62362742.402066797</v>
      </c>
      <c r="N382" s="134">
        <v>62362742.402066797</v>
      </c>
    </row>
    <row r="383" spans="1:14" x14ac:dyDescent="0.2">
      <c r="A383" s="133" t="s">
        <v>472</v>
      </c>
    </row>
    <row r="384" spans="1:14" x14ac:dyDescent="0.2">
      <c r="A384" s="136" t="s">
        <v>473</v>
      </c>
      <c r="B384" s="134">
        <v>863987361.59903598</v>
      </c>
      <c r="C384" s="134">
        <v>850599603.03988802</v>
      </c>
      <c r="D384" s="134">
        <v>829311741.08423996</v>
      </c>
      <c r="E384" s="134">
        <v>851885452.80177402</v>
      </c>
      <c r="F384" s="134">
        <v>875722198.11782396</v>
      </c>
      <c r="G384" s="134">
        <v>913678064.14610004</v>
      </c>
      <c r="H384" s="134">
        <v>950324621.469993</v>
      </c>
      <c r="I384" s="134">
        <v>1001495201.33599</v>
      </c>
      <c r="J384" s="134">
        <v>1051956719.26113</v>
      </c>
      <c r="K384" s="134">
        <v>1081669782.8466301</v>
      </c>
      <c r="L384" s="134">
        <v>1117600849.65517</v>
      </c>
      <c r="M384" s="134">
        <v>1123449715.2399299</v>
      </c>
      <c r="N384" s="134">
        <v>1123449715.2399299</v>
      </c>
    </row>
    <row r="385" spans="1:14" x14ac:dyDescent="0.2">
      <c r="A385" s="133" t="s">
        <v>474</v>
      </c>
    </row>
    <row r="386" spans="1:14" x14ac:dyDescent="0.2">
      <c r="A386" s="136" t="s">
        <v>475</v>
      </c>
    </row>
    <row r="387" spans="1:14" x14ac:dyDescent="0.2">
      <c r="A387" s="133" t="s">
        <v>476</v>
      </c>
      <c r="B387" s="134">
        <v>0</v>
      </c>
      <c r="C387" s="134">
        <v>0</v>
      </c>
      <c r="D387" s="134">
        <v>0</v>
      </c>
      <c r="E387" s="134">
        <v>0</v>
      </c>
      <c r="F387" s="134">
        <v>0</v>
      </c>
      <c r="G387" s="134">
        <v>0</v>
      </c>
      <c r="H387" s="134">
        <v>0</v>
      </c>
      <c r="I387" s="134">
        <v>0</v>
      </c>
      <c r="J387" s="134">
        <v>0</v>
      </c>
      <c r="K387" s="134">
        <v>0</v>
      </c>
      <c r="L387" s="134">
        <v>0</v>
      </c>
      <c r="M387" s="134">
        <v>0</v>
      </c>
      <c r="N387" s="134">
        <v>0</v>
      </c>
    </row>
    <row r="388" spans="1:14" x14ac:dyDescent="0.2">
      <c r="A388" s="133" t="s">
        <v>477</v>
      </c>
      <c r="B388" s="134">
        <v>0</v>
      </c>
      <c r="C388" s="134">
        <v>0</v>
      </c>
      <c r="D388" s="134">
        <v>0</v>
      </c>
      <c r="E388" s="134">
        <v>0</v>
      </c>
      <c r="F388" s="134">
        <v>0</v>
      </c>
      <c r="G388" s="134">
        <v>0</v>
      </c>
      <c r="H388" s="134">
        <v>0</v>
      </c>
      <c r="I388" s="134">
        <v>0</v>
      </c>
      <c r="J388" s="134">
        <v>0</v>
      </c>
      <c r="K388" s="134">
        <v>0</v>
      </c>
      <c r="L388" s="134">
        <v>0</v>
      </c>
      <c r="M388" s="134">
        <v>0</v>
      </c>
      <c r="N388" s="134">
        <v>0</v>
      </c>
    </row>
    <row r="389" spans="1:14" x14ac:dyDescent="0.2">
      <c r="A389" s="133" t="s">
        <v>478</v>
      </c>
      <c r="B389" s="134">
        <v>0</v>
      </c>
      <c r="C389" s="134">
        <v>0</v>
      </c>
      <c r="D389" s="134">
        <v>0</v>
      </c>
      <c r="E389" s="134">
        <v>0</v>
      </c>
      <c r="F389" s="134">
        <v>0</v>
      </c>
      <c r="G389" s="134">
        <v>0</v>
      </c>
      <c r="H389" s="134">
        <v>0</v>
      </c>
      <c r="I389" s="134">
        <v>0</v>
      </c>
      <c r="J389" s="134">
        <v>0</v>
      </c>
      <c r="K389" s="134">
        <v>0</v>
      </c>
      <c r="L389" s="134">
        <v>0</v>
      </c>
      <c r="M389" s="134">
        <v>0</v>
      </c>
      <c r="N389" s="134">
        <v>0</v>
      </c>
    </row>
    <row r="390" spans="1:14" x14ac:dyDescent="0.2">
      <c r="A390" s="133" t="s">
        <v>479</v>
      </c>
      <c r="B390" s="134">
        <v>0</v>
      </c>
      <c r="C390" s="134">
        <v>0</v>
      </c>
      <c r="D390" s="134">
        <v>0</v>
      </c>
      <c r="E390" s="134">
        <v>0</v>
      </c>
      <c r="F390" s="134">
        <v>0</v>
      </c>
      <c r="G390" s="134">
        <v>0</v>
      </c>
      <c r="H390" s="134">
        <v>0</v>
      </c>
      <c r="I390" s="134">
        <v>0</v>
      </c>
      <c r="J390" s="134">
        <v>0</v>
      </c>
      <c r="K390" s="134">
        <v>0</v>
      </c>
      <c r="L390" s="134">
        <v>0</v>
      </c>
      <c r="M390" s="134">
        <v>0</v>
      </c>
      <c r="N390" s="134">
        <v>0</v>
      </c>
    </row>
    <row r="391" spans="1:14" x14ac:dyDescent="0.2">
      <c r="A391" s="133" t="s">
        <v>480</v>
      </c>
      <c r="B391" s="134">
        <v>0</v>
      </c>
      <c r="C391" s="134">
        <v>0</v>
      </c>
      <c r="D391" s="134">
        <v>0</v>
      </c>
      <c r="E391" s="134">
        <v>0</v>
      </c>
      <c r="F391" s="134">
        <v>0</v>
      </c>
      <c r="G391" s="134">
        <v>0</v>
      </c>
      <c r="H391" s="134">
        <v>0</v>
      </c>
      <c r="I391" s="134">
        <v>0</v>
      </c>
      <c r="J391" s="134">
        <v>0</v>
      </c>
      <c r="K391" s="134">
        <v>0</v>
      </c>
      <c r="L391" s="134">
        <v>0</v>
      </c>
      <c r="M391" s="134">
        <v>0</v>
      </c>
      <c r="N391" s="134">
        <v>0</v>
      </c>
    </row>
    <row r="392" spans="1:14" x14ac:dyDescent="0.2">
      <c r="A392" s="133" t="s">
        <v>481</v>
      </c>
      <c r="B392" s="134">
        <v>0</v>
      </c>
      <c r="C392" s="134">
        <v>0</v>
      </c>
      <c r="D392" s="134">
        <v>0</v>
      </c>
      <c r="E392" s="134">
        <v>0</v>
      </c>
      <c r="F392" s="134">
        <v>0</v>
      </c>
      <c r="G392" s="134">
        <v>0</v>
      </c>
      <c r="H392" s="134">
        <v>0</v>
      </c>
      <c r="I392" s="134">
        <v>0</v>
      </c>
      <c r="J392" s="134">
        <v>0</v>
      </c>
      <c r="K392" s="134">
        <v>0</v>
      </c>
      <c r="L392" s="134">
        <v>0</v>
      </c>
      <c r="M392" s="134">
        <v>0</v>
      </c>
      <c r="N392" s="134">
        <v>0</v>
      </c>
    </row>
    <row r="393" spans="1:14" x14ac:dyDescent="0.2">
      <c r="A393" s="133" t="s">
        <v>482</v>
      </c>
      <c r="B393" s="134">
        <v>0</v>
      </c>
      <c r="C393" s="134">
        <v>0</v>
      </c>
      <c r="D393" s="134">
        <v>0</v>
      </c>
      <c r="E393" s="134">
        <v>0</v>
      </c>
      <c r="F393" s="134">
        <v>0</v>
      </c>
      <c r="G393" s="134">
        <v>0</v>
      </c>
      <c r="H393" s="134">
        <v>0</v>
      </c>
      <c r="I393" s="134">
        <v>0</v>
      </c>
      <c r="J393" s="134">
        <v>0</v>
      </c>
      <c r="K393" s="134">
        <v>0</v>
      </c>
      <c r="L393" s="134">
        <v>0</v>
      </c>
      <c r="M393" s="134">
        <v>0</v>
      </c>
      <c r="N393" s="134">
        <v>0</v>
      </c>
    </row>
    <row r="394" spans="1:14" x14ac:dyDescent="0.2">
      <c r="A394" s="136" t="s">
        <v>483</v>
      </c>
      <c r="B394" s="134">
        <v>0</v>
      </c>
      <c r="C394" s="134">
        <v>0</v>
      </c>
      <c r="D394" s="134">
        <v>0</v>
      </c>
      <c r="E394" s="134">
        <v>0</v>
      </c>
      <c r="F394" s="134">
        <v>0</v>
      </c>
      <c r="G394" s="134">
        <v>0</v>
      </c>
      <c r="H394" s="134">
        <v>0</v>
      </c>
      <c r="I394" s="134">
        <v>0</v>
      </c>
      <c r="J394" s="134">
        <v>0</v>
      </c>
      <c r="K394" s="134">
        <v>0</v>
      </c>
      <c r="L394" s="134">
        <v>0</v>
      </c>
      <c r="M394" s="134">
        <v>0</v>
      </c>
      <c r="N394" s="134">
        <v>0</v>
      </c>
    </row>
    <row r="395" spans="1:14" x14ac:dyDescent="0.2">
      <c r="A395" s="133" t="s">
        <v>484</v>
      </c>
    </row>
    <row r="396" spans="1:14" x14ac:dyDescent="0.2">
      <c r="A396" s="136" t="s">
        <v>485</v>
      </c>
      <c r="B396" s="134">
        <v>863987361.59903598</v>
      </c>
      <c r="C396" s="134">
        <v>850599603.03988802</v>
      </c>
      <c r="D396" s="134">
        <v>829311741.08423996</v>
      </c>
      <c r="E396" s="134">
        <v>851885452.80177402</v>
      </c>
      <c r="F396" s="134">
        <v>875722198.11782396</v>
      </c>
      <c r="G396" s="134">
        <v>913678064.14610004</v>
      </c>
      <c r="H396" s="134">
        <v>950324621.469993</v>
      </c>
      <c r="I396" s="134">
        <v>1001495201.33599</v>
      </c>
      <c r="J396" s="134">
        <v>1051956719.26113</v>
      </c>
      <c r="K396" s="134">
        <v>1081669782.8466301</v>
      </c>
      <c r="L396" s="134">
        <v>1117600849.65517</v>
      </c>
      <c r="M396" s="134">
        <v>1123449715.2399299</v>
      </c>
      <c r="N396" s="134">
        <v>1123449715.2399299</v>
      </c>
    </row>
    <row r="397" spans="1:14" x14ac:dyDescent="0.2">
      <c r="A397" s="133" t="s">
        <v>486</v>
      </c>
    </row>
    <row r="398" spans="1:14" x14ac:dyDescent="0.2">
      <c r="A398" s="136" t="s">
        <v>487</v>
      </c>
    </row>
    <row r="399" spans="1:14" x14ac:dyDescent="0.2">
      <c r="A399" s="133" t="s">
        <v>488</v>
      </c>
    </row>
    <row r="400" spans="1:14" x14ac:dyDescent="0.2">
      <c r="A400" s="133" t="s">
        <v>489</v>
      </c>
      <c r="B400" s="134">
        <v>9306850.5399999991</v>
      </c>
      <c r="C400" s="134">
        <v>-2292210.4399999902</v>
      </c>
      <c r="D400" s="134">
        <v>-6005492.1799999997</v>
      </c>
      <c r="E400" s="134">
        <v>-3441210.9399999902</v>
      </c>
      <c r="F400" s="134">
        <v>-6214955.3699999899</v>
      </c>
      <c r="G400" s="134">
        <v>-8776623.0899999999</v>
      </c>
      <c r="H400" s="134">
        <v>-8416390.3899999894</v>
      </c>
      <c r="I400" s="134">
        <v>-7816481.6599999899</v>
      </c>
      <c r="J400" s="134">
        <v>-4325580.3499999903</v>
      </c>
      <c r="K400" s="134">
        <v>-1612603.53</v>
      </c>
      <c r="L400" s="134">
        <v>-1844277.31</v>
      </c>
      <c r="M400" s="134">
        <v>-8210220.1399999904</v>
      </c>
      <c r="N400" s="134">
        <v>-8210220.1399999904</v>
      </c>
    </row>
    <row r="401" spans="1:14" x14ac:dyDescent="0.2">
      <c r="A401" s="133" t="s">
        <v>490</v>
      </c>
      <c r="B401" s="134">
        <v>408843078.63281101</v>
      </c>
      <c r="C401" s="134">
        <v>410527984.71922499</v>
      </c>
      <c r="D401" s="134">
        <v>412047571.64726502</v>
      </c>
      <c r="E401" s="134">
        <v>413427679.04756099</v>
      </c>
      <c r="F401" s="134">
        <v>414999952.716151</v>
      </c>
      <c r="G401" s="134">
        <v>417357953.610443</v>
      </c>
      <c r="H401" s="134">
        <v>418908142.17760497</v>
      </c>
      <c r="I401" s="134">
        <v>420571757.68638802</v>
      </c>
      <c r="J401" s="134">
        <v>422234939.54307503</v>
      </c>
      <c r="K401" s="134">
        <v>423847049.65902299</v>
      </c>
      <c r="L401" s="134">
        <v>425777119.30439901</v>
      </c>
      <c r="M401" s="134">
        <v>427646026.010001</v>
      </c>
      <c r="N401" s="134">
        <v>427646026.010001</v>
      </c>
    </row>
    <row r="402" spans="1:14" x14ac:dyDescent="0.2">
      <c r="A402" s="133" t="s">
        <v>491</v>
      </c>
      <c r="B402" s="134">
        <v>418149929.17281097</v>
      </c>
      <c r="C402" s="134">
        <v>408235774.27922499</v>
      </c>
      <c r="D402" s="134">
        <v>406042079.46726501</v>
      </c>
      <c r="E402" s="134">
        <v>409986468.10756099</v>
      </c>
      <c r="F402" s="134">
        <v>408784997.34615099</v>
      </c>
      <c r="G402" s="134">
        <v>408581330.52044302</v>
      </c>
      <c r="H402" s="134">
        <v>410491751.78760499</v>
      </c>
      <c r="I402" s="134">
        <v>412755276.02638799</v>
      </c>
      <c r="J402" s="134">
        <v>417909359.193075</v>
      </c>
      <c r="K402" s="134">
        <v>422234446.12902302</v>
      </c>
      <c r="L402" s="134">
        <v>423932841.99440002</v>
      </c>
      <c r="M402" s="134">
        <v>419435805.87000102</v>
      </c>
      <c r="N402" s="134">
        <v>419435805.87000102</v>
      </c>
    </row>
    <row r="403" spans="1:14" x14ac:dyDescent="0.2">
      <c r="A403" s="133" t="s">
        <v>492</v>
      </c>
    </row>
    <row r="404" spans="1:14" x14ac:dyDescent="0.2">
      <c r="A404" s="133" t="s">
        <v>493</v>
      </c>
    </row>
    <row r="405" spans="1:14" x14ac:dyDescent="0.2">
      <c r="A405" s="133" t="s">
        <v>494</v>
      </c>
      <c r="B405" s="134">
        <v>0</v>
      </c>
      <c r="C405" s="134">
        <v>0</v>
      </c>
      <c r="D405" s="134">
        <v>0</v>
      </c>
      <c r="E405" s="134">
        <v>0</v>
      </c>
      <c r="F405" s="134">
        <v>0</v>
      </c>
      <c r="G405" s="134">
        <v>0</v>
      </c>
      <c r="H405" s="134">
        <v>0</v>
      </c>
      <c r="I405" s="134">
        <v>0</v>
      </c>
      <c r="J405" s="134">
        <v>0</v>
      </c>
      <c r="K405" s="134">
        <v>0</v>
      </c>
      <c r="L405" s="134">
        <v>0</v>
      </c>
      <c r="M405" s="134">
        <v>0</v>
      </c>
      <c r="N405" s="134">
        <v>0</v>
      </c>
    </row>
    <row r="406" spans="1:14" x14ac:dyDescent="0.2">
      <c r="A406" s="133" t="s">
        <v>495</v>
      </c>
      <c r="B406" s="134">
        <v>2064361723.4756701</v>
      </c>
      <c r="C406" s="134">
        <v>2118934802.70485</v>
      </c>
      <c r="D406" s="134">
        <v>2172970291.16713</v>
      </c>
      <c r="E406" s="134">
        <v>2216231275.7142</v>
      </c>
      <c r="F406" s="134">
        <v>2240292423.645</v>
      </c>
      <c r="G406" s="134">
        <v>2240375285.2045999</v>
      </c>
      <c r="H406" s="134">
        <v>2238355568.5908198</v>
      </c>
      <c r="I406" s="134">
        <v>2270932923.5992198</v>
      </c>
      <c r="J406" s="134">
        <v>2288199768.4029498</v>
      </c>
      <c r="K406" s="134">
        <v>2312820275.8298602</v>
      </c>
      <c r="L406" s="134">
        <v>2329082249.5685802</v>
      </c>
      <c r="M406" s="134">
        <v>2323203245.56037</v>
      </c>
      <c r="N406" s="134">
        <v>2323203245.56037</v>
      </c>
    </row>
    <row r="407" spans="1:14" x14ac:dyDescent="0.2">
      <c r="A407" s="133" t="s">
        <v>496</v>
      </c>
      <c r="B407" s="134">
        <v>0</v>
      </c>
      <c r="C407" s="134">
        <v>0</v>
      </c>
      <c r="D407" s="134">
        <v>0</v>
      </c>
      <c r="E407" s="134">
        <v>0</v>
      </c>
      <c r="F407" s="134">
        <v>0</v>
      </c>
      <c r="G407" s="134">
        <v>0</v>
      </c>
      <c r="H407" s="134">
        <v>0</v>
      </c>
      <c r="I407" s="134">
        <v>0</v>
      </c>
      <c r="J407" s="134">
        <v>0</v>
      </c>
      <c r="K407" s="134">
        <v>0</v>
      </c>
      <c r="L407" s="134">
        <v>0</v>
      </c>
      <c r="M407" s="134">
        <v>0</v>
      </c>
      <c r="N407" s="134">
        <v>0</v>
      </c>
    </row>
    <row r="408" spans="1:14" x14ac:dyDescent="0.2">
      <c r="A408" s="136" t="s">
        <v>497</v>
      </c>
      <c r="B408" s="134">
        <v>2482511652.6484799</v>
      </c>
      <c r="C408" s="134">
        <v>2527170576.9840798</v>
      </c>
      <c r="D408" s="134">
        <v>2579012370.6343899</v>
      </c>
      <c r="E408" s="134">
        <v>2626217743.8217602</v>
      </c>
      <c r="F408" s="134">
        <v>2649077420.9911499</v>
      </c>
      <c r="G408" s="134">
        <v>2648956615.72505</v>
      </c>
      <c r="H408" s="134">
        <v>2648847320.3784199</v>
      </c>
      <c r="I408" s="134">
        <v>2683688199.6256099</v>
      </c>
      <c r="J408" s="134">
        <v>2706109127.5960202</v>
      </c>
      <c r="K408" s="134">
        <v>2735054721.95889</v>
      </c>
      <c r="L408" s="134">
        <v>2753015091.5629802</v>
      </c>
      <c r="M408" s="134">
        <v>2742639051.4303699</v>
      </c>
      <c r="N408" s="134">
        <v>2742639051.4303699</v>
      </c>
    </row>
    <row r="409" spans="1:14" x14ac:dyDescent="0.2">
      <c r="A409" s="133" t="s">
        <v>498</v>
      </c>
    </row>
    <row r="410" spans="1:14" x14ac:dyDescent="0.2">
      <c r="A410" s="136" t="s">
        <v>499</v>
      </c>
      <c r="B410" s="134">
        <v>2650977036.2371998</v>
      </c>
      <c r="C410" s="134">
        <v>2694725693.14505</v>
      </c>
      <c r="D410" s="134">
        <v>2751182250.8375602</v>
      </c>
      <c r="E410" s="134">
        <v>2799616437.0111299</v>
      </c>
      <c r="F410" s="134">
        <v>2823182656.7151799</v>
      </c>
      <c r="G410" s="134">
        <v>2823298883.1350298</v>
      </c>
      <c r="H410" s="134">
        <v>2827071969.2021399</v>
      </c>
      <c r="I410" s="134">
        <v>2863388308.6996498</v>
      </c>
      <c r="J410" s="134">
        <v>2886579524.9223099</v>
      </c>
      <c r="K410" s="134">
        <v>2915320887.3862801</v>
      </c>
      <c r="L410" s="134">
        <v>2927614878.3284402</v>
      </c>
      <c r="M410" s="134">
        <v>2921107245.8077898</v>
      </c>
      <c r="N410" s="134">
        <v>2921107245.8077898</v>
      </c>
    </row>
    <row r="411" spans="1:14" x14ac:dyDescent="0.2">
      <c r="A411" s="133" t="s">
        <v>500</v>
      </c>
    </row>
    <row r="412" spans="1:14" x14ac:dyDescent="0.2">
      <c r="A412" s="136" t="s">
        <v>501</v>
      </c>
    </row>
    <row r="413" spans="1:14" x14ac:dyDescent="0.2">
      <c r="A413" s="133" t="s">
        <v>502</v>
      </c>
      <c r="B413" s="134">
        <v>165653484.21851599</v>
      </c>
      <c r="C413" s="134">
        <v>162916168.19849199</v>
      </c>
      <c r="D413" s="134">
        <v>159485869.614243</v>
      </c>
      <c r="E413" s="134">
        <v>155444238.99083599</v>
      </c>
      <c r="F413" s="134">
        <v>145934366.58683899</v>
      </c>
      <c r="G413" s="134">
        <v>147175450.68166301</v>
      </c>
      <c r="H413" s="134">
        <v>144437404.01669699</v>
      </c>
      <c r="I413" s="134">
        <v>144576246.61241099</v>
      </c>
      <c r="J413" s="134">
        <v>146437978.23859999</v>
      </c>
      <c r="K413" s="134">
        <v>145506326.38308701</v>
      </c>
      <c r="L413" s="134">
        <v>149134332.591856</v>
      </c>
      <c r="M413" s="134">
        <v>153595125.70086199</v>
      </c>
      <c r="N413" s="134">
        <v>153595125.70086199</v>
      </c>
    </row>
    <row r="414" spans="1:14" x14ac:dyDescent="0.2">
      <c r="A414" s="133" t="s">
        <v>503</v>
      </c>
      <c r="B414" s="134">
        <v>26689425.225758899</v>
      </c>
      <c r="C414" s="134">
        <v>27041350.407419801</v>
      </c>
      <c r="D414" s="134">
        <v>27838211.5745629</v>
      </c>
      <c r="E414" s="134">
        <v>28925667.406213</v>
      </c>
      <c r="F414" s="134">
        <v>29206688.614838298</v>
      </c>
      <c r="G414" s="134">
        <v>29535577.400702499</v>
      </c>
      <c r="H414" s="134">
        <v>30109974.133802</v>
      </c>
      <c r="I414" s="134">
        <v>29950691.9767952</v>
      </c>
      <c r="J414" s="134">
        <v>29093015.735108301</v>
      </c>
      <c r="K414" s="134">
        <v>21473313.4900782</v>
      </c>
      <c r="L414" s="134">
        <v>27353717.279638901</v>
      </c>
      <c r="M414" s="134">
        <v>23237387.608057301</v>
      </c>
      <c r="N414" s="134">
        <v>23237387.608057301</v>
      </c>
    </row>
    <row r="415" spans="1:14" x14ac:dyDescent="0.2">
      <c r="A415" s="133" t="s">
        <v>504</v>
      </c>
      <c r="B415" s="134">
        <v>101725334.018814</v>
      </c>
      <c r="C415" s="134">
        <v>103550818.962659</v>
      </c>
      <c r="D415" s="134">
        <v>104269206.210912</v>
      </c>
      <c r="E415" s="134">
        <v>103359335.937856</v>
      </c>
      <c r="F415" s="134">
        <v>103863170.48709901</v>
      </c>
      <c r="G415" s="134">
        <v>104672982.2835</v>
      </c>
      <c r="H415" s="134">
        <v>97544068.720221505</v>
      </c>
      <c r="I415" s="134">
        <v>97983524.653264299</v>
      </c>
      <c r="J415" s="134">
        <v>96177602.732812896</v>
      </c>
      <c r="K415" s="134">
        <v>93752471.572884306</v>
      </c>
      <c r="L415" s="134">
        <v>88316408.542974696</v>
      </c>
      <c r="M415" s="134">
        <v>85463012.633977905</v>
      </c>
      <c r="N415" s="134">
        <v>85463012.633977905</v>
      </c>
    </row>
    <row r="416" spans="1:14" x14ac:dyDescent="0.2">
      <c r="A416" s="133" t="s">
        <v>505</v>
      </c>
      <c r="B416" s="134">
        <v>116288401.76644</v>
      </c>
      <c r="C416" s="134">
        <v>118987892.085315</v>
      </c>
      <c r="D416" s="134">
        <v>110423628.02821399</v>
      </c>
      <c r="E416" s="134">
        <v>112245486.195843</v>
      </c>
      <c r="F416" s="134">
        <v>114752846.94102301</v>
      </c>
      <c r="G416" s="134">
        <v>115216982.524882</v>
      </c>
      <c r="H416" s="134">
        <v>115265335.281734</v>
      </c>
      <c r="I416" s="134">
        <v>114138815.440523</v>
      </c>
      <c r="J416" s="134">
        <v>110833836.741568</v>
      </c>
      <c r="K416" s="134">
        <v>108274497.003712</v>
      </c>
      <c r="L416" s="134">
        <v>106473994.399876</v>
      </c>
      <c r="M416" s="134">
        <v>93385985.825524703</v>
      </c>
      <c r="N416" s="134">
        <v>93385985.825524703</v>
      </c>
    </row>
    <row r="417" spans="1:14" x14ac:dyDescent="0.2">
      <c r="A417" s="133" t="s">
        <v>506</v>
      </c>
      <c r="B417" s="134">
        <v>3250589.55</v>
      </c>
      <c r="C417" s="134">
        <v>4299259.3499999996</v>
      </c>
      <c r="D417" s="134">
        <v>5605733.4199999999</v>
      </c>
      <c r="E417" s="134">
        <v>7001632.3300000001</v>
      </c>
      <c r="F417" s="134">
        <v>8438834.8000000007</v>
      </c>
      <c r="G417" s="134">
        <v>9707032.0899999999</v>
      </c>
      <c r="H417" s="134">
        <v>10948614.800000001</v>
      </c>
      <c r="I417" s="134">
        <v>11577040.880000001</v>
      </c>
      <c r="J417" s="134">
        <v>12870373.5</v>
      </c>
      <c r="K417" s="134">
        <v>13950769.48</v>
      </c>
      <c r="L417" s="134">
        <v>14963088.390000001</v>
      </c>
      <c r="M417" s="134">
        <v>16128582.84</v>
      </c>
      <c r="N417" s="134">
        <v>16128582.84</v>
      </c>
    </row>
    <row r="418" spans="1:14" x14ac:dyDescent="0.2">
      <c r="A418" s="133" t="s">
        <v>507</v>
      </c>
      <c r="B418" s="134">
        <v>13649983.23</v>
      </c>
      <c r="C418" s="134">
        <v>12810678.800000001</v>
      </c>
      <c r="D418" s="134">
        <v>12053665.67</v>
      </c>
      <c r="E418" s="134">
        <v>11310936.16</v>
      </c>
      <c r="F418" s="134">
        <v>10952342.18</v>
      </c>
      <c r="G418" s="134">
        <v>10744887.869999999</v>
      </c>
      <c r="H418" s="134">
        <v>10367117.779999999</v>
      </c>
      <c r="I418" s="134">
        <v>9133686.3000000007</v>
      </c>
      <c r="J418" s="134">
        <v>8364922.8200000003</v>
      </c>
      <c r="K418" s="134">
        <v>8138169.7300000004</v>
      </c>
      <c r="L418" s="134">
        <v>7820892.5999999996</v>
      </c>
      <c r="M418" s="134">
        <v>7333978.2099999897</v>
      </c>
      <c r="N418" s="134">
        <v>7333978.2099999897</v>
      </c>
    </row>
    <row r="419" spans="1:14" x14ac:dyDescent="0.2">
      <c r="A419" s="133" t="s">
        <v>508</v>
      </c>
      <c r="B419" s="134">
        <v>268264760.000788</v>
      </c>
      <c r="C419" s="134">
        <v>253438319.07503101</v>
      </c>
      <c r="D419" s="134">
        <v>237465546.363139</v>
      </c>
      <c r="E419" s="134">
        <v>260199462.59165299</v>
      </c>
      <c r="F419" s="134">
        <v>288468712.78399301</v>
      </c>
      <c r="G419" s="134">
        <v>322282883.885369</v>
      </c>
      <c r="H419" s="134">
        <v>363427457.91381598</v>
      </c>
      <c r="I419" s="134">
        <v>414435086.39895803</v>
      </c>
      <c r="J419" s="134">
        <v>467708592.16675597</v>
      </c>
      <c r="K419" s="134">
        <v>510308069.75947797</v>
      </c>
      <c r="L419" s="134">
        <v>548938629.08536196</v>
      </c>
      <c r="M419" s="134">
        <v>565837448.04409099</v>
      </c>
      <c r="N419" s="134">
        <v>565837448.04409099</v>
      </c>
    </row>
    <row r="420" spans="1:14" x14ac:dyDescent="0.2">
      <c r="A420" s="136" t="s">
        <v>509</v>
      </c>
      <c r="B420" s="134">
        <v>695521978.01031899</v>
      </c>
      <c r="C420" s="134">
        <v>683044486.87891805</v>
      </c>
      <c r="D420" s="134">
        <v>657141860.881073</v>
      </c>
      <c r="E420" s="134">
        <v>678486759.61240196</v>
      </c>
      <c r="F420" s="134">
        <v>701616962.39379299</v>
      </c>
      <c r="G420" s="134">
        <v>739335796.73611796</v>
      </c>
      <c r="H420" s="134">
        <v>772099972.64627194</v>
      </c>
      <c r="I420" s="134">
        <v>821795092.261953</v>
      </c>
      <c r="J420" s="134">
        <v>871486321.93484604</v>
      </c>
      <c r="K420" s="134">
        <v>901403617.41924095</v>
      </c>
      <c r="L420" s="134">
        <v>943001062.88970804</v>
      </c>
      <c r="M420" s="134">
        <v>944981520.86251295</v>
      </c>
      <c r="N420" s="134">
        <v>944981520.86251295</v>
      </c>
    </row>
    <row r="421" spans="1:14" x14ac:dyDescent="0.2">
      <c r="A421" s="133" t="s">
        <v>510</v>
      </c>
      <c r="B421" s="134">
        <v>2650977036.2371998</v>
      </c>
      <c r="C421" s="134">
        <v>2694725693.14505</v>
      </c>
      <c r="D421" s="134">
        <v>2751182250.8375602</v>
      </c>
      <c r="E421" s="134">
        <v>2799616437.0111299</v>
      </c>
      <c r="F421" s="134">
        <v>2823182656.7151799</v>
      </c>
      <c r="G421" s="134">
        <v>2823298883.1350298</v>
      </c>
      <c r="H421" s="134">
        <v>2827071969.2021399</v>
      </c>
      <c r="I421" s="134">
        <v>2863388308.6996498</v>
      </c>
      <c r="J421" s="134">
        <v>2886579524.9223099</v>
      </c>
      <c r="K421" s="134">
        <v>2915320887.3862801</v>
      </c>
      <c r="L421" s="134">
        <v>2927614878.3284402</v>
      </c>
      <c r="M421" s="134">
        <v>2921107245.8077898</v>
      </c>
      <c r="N421" s="134">
        <v>2921107245.8077898</v>
      </c>
    </row>
    <row r="422" spans="1:14" x14ac:dyDescent="0.2">
      <c r="A422" s="136" t="s">
        <v>511</v>
      </c>
      <c r="B422" s="134">
        <v>3346499014.24751</v>
      </c>
      <c r="C422" s="134">
        <v>3377770180.0239601</v>
      </c>
      <c r="D422" s="134">
        <v>3408324111.7186298</v>
      </c>
      <c r="E422" s="134">
        <v>3478103196.6235299</v>
      </c>
      <c r="F422" s="134">
        <v>3524799619.1089802</v>
      </c>
      <c r="G422" s="134">
        <v>3562634679.87115</v>
      </c>
      <c r="H422" s="134">
        <v>3599171941.8484101</v>
      </c>
      <c r="I422" s="134">
        <v>3685183400.9615998</v>
      </c>
      <c r="J422" s="134">
        <v>3758065846.8571601</v>
      </c>
      <c r="K422" s="134">
        <v>3816724504.8055301</v>
      </c>
      <c r="L422" s="134">
        <v>3870615941.2181501</v>
      </c>
      <c r="M422" s="134">
        <v>3866088766.67031</v>
      </c>
      <c r="N422" s="134">
        <v>3866088766.67031</v>
      </c>
    </row>
    <row r="423" spans="1:14" x14ac:dyDescent="0.2">
      <c r="A423" s="133" t="s">
        <v>512</v>
      </c>
    </row>
    <row r="424" spans="1:14" x14ac:dyDescent="0.2">
      <c r="A424" s="133" t="s">
        <v>513</v>
      </c>
    </row>
    <row r="425" spans="1:14" x14ac:dyDescent="0.2">
      <c r="A425" s="133" t="s">
        <v>514</v>
      </c>
      <c r="B425" s="134">
        <v>0</v>
      </c>
      <c r="C425" s="134">
        <v>0</v>
      </c>
      <c r="D425" s="134">
        <v>0</v>
      </c>
      <c r="E425" s="134">
        <v>0</v>
      </c>
      <c r="F425" s="134">
        <v>0</v>
      </c>
      <c r="G425" s="134">
        <v>0</v>
      </c>
      <c r="H425" s="134">
        <v>0</v>
      </c>
      <c r="I425" s="134">
        <v>0</v>
      </c>
      <c r="J425" s="134">
        <v>0</v>
      </c>
      <c r="K425" s="134">
        <v>0</v>
      </c>
      <c r="L425" s="134">
        <v>0</v>
      </c>
      <c r="M425" s="134">
        <v>0</v>
      </c>
      <c r="N425" s="134">
        <v>0</v>
      </c>
    </row>
    <row r="426" spans="1:14" x14ac:dyDescent="0.2">
      <c r="A426" s="133" t="s">
        <v>515</v>
      </c>
      <c r="B426" s="134">
        <v>0</v>
      </c>
      <c r="C426" s="134">
        <v>0</v>
      </c>
      <c r="D426" s="134">
        <v>0</v>
      </c>
      <c r="E426" s="134">
        <v>0</v>
      </c>
      <c r="F426" s="134">
        <v>0</v>
      </c>
      <c r="G426" s="134">
        <v>0</v>
      </c>
      <c r="H426" s="134">
        <v>0</v>
      </c>
      <c r="I426" s="134">
        <v>0</v>
      </c>
      <c r="J426" s="134">
        <v>0</v>
      </c>
      <c r="K426" s="134">
        <v>0</v>
      </c>
      <c r="L426" s="134">
        <v>0</v>
      </c>
      <c r="M426" s="134">
        <v>0</v>
      </c>
      <c r="N426" s="134">
        <v>0</v>
      </c>
    </row>
    <row r="427" spans="1:14" x14ac:dyDescent="0.2">
      <c r="A427" s="133" t="s">
        <v>516</v>
      </c>
      <c r="B427" s="134">
        <v>0</v>
      </c>
      <c r="C427" s="134">
        <v>0</v>
      </c>
      <c r="D427" s="134">
        <v>0</v>
      </c>
      <c r="E427" s="134">
        <v>0</v>
      </c>
      <c r="F427" s="134">
        <v>0</v>
      </c>
      <c r="G427" s="134">
        <v>0</v>
      </c>
      <c r="H427" s="134">
        <v>0</v>
      </c>
      <c r="I427" s="134">
        <v>0</v>
      </c>
      <c r="J427" s="134">
        <v>0</v>
      </c>
      <c r="K427" s="134">
        <v>0</v>
      </c>
      <c r="L427" s="134">
        <v>0</v>
      </c>
      <c r="M427" s="134">
        <v>0</v>
      </c>
      <c r="N427" s="134">
        <v>0</v>
      </c>
    </row>
    <row r="428" spans="1:14" x14ac:dyDescent="0.2">
      <c r="A428" s="133" t="s">
        <v>517</v>
      </c>
      <c r="B428" s="134">
        <v>0</v>
      </c>
      <c r="C428" s="134">
        <v>0</v>
      </c>
      <c r="D428" s="134">
        <v>0</v>
      </c>
      <c r="E428" s="134">
        <v>0</v>
      </c>
      <c r="F428" s="134">
        <v>0</v>
      </c>
      <c r="G428" s="134">
        <v>0</v>
      </c>
      <c r="H428" s="134">
        <v>0</v>
      </c>
      <c r="I428" s="134">
        <v>0</v>
      </c>
      <c r="J428" s="134">
        <v>0</v>
      </c>
      <c r="K428" s="134">
        <v>0</v>
      </c>
      <c r="L428" s="134">
        <v>0</v>
      </c>
      <c r="M428" s="134">
        <v>0</v>
      </c>
      <c r="N428" s="134">
        <v>0</v>
      </c>
    </row>
    <row r="429" spans="1:14" x14ac:dyDescent="0.2">
      <c r="A429" s="133" t="s">
        <v>518</v>
      </c>
      <c r="B429" s="134">
        <v>0</v>
      </c>
      <c r="C429" s="134">
        <v>0</v>
      </c>
      <c r="D429" s="134">
        <v>0</v>
      </c>
      <c r="E429" s="134">
        <v>0</v>
      </c>
      <c r="F429" s="134">
        <v>0</v>
      </c>
      <c r="G429" s="134">
        <v>0</v>
      </c>
      <c r="H429" s="134">
        <v>0</v>
      </c>
      <c r="I429" s="134">
        <v>0</v>
      </c>
      <c r="J429" s="134">
        <v>0</v>
      </c>
      <c r="K429" s="134">
        <v>0</v>
      </c>
      <c r="L429" s="134">
        <v>0</v>
      </c>
      <c r="M429" s="134">
        <v>0</v>
      </c>
      <c r="N429" s="134">
        <v>0</v>
      </c>
    </row>
    <row r="430" spans="1:14" x14ac:dyDescent="0.2">
      <c r="A430" s="133" t="s">
        <v>519</v>
      </c>
      <c r="B430" s="134">
        <v>0</v>
      </c>
      <c r="C430" s="134">
        <v>0</v>
      </c>
      <c r="D430" s="134">
        <v>0</v>
      </c>
      <c r="E430" s="134">
        <v>0</v>
      </c>
      <c r="F430" s="134">
        <v>0</v>
      </c>
      <c r="G430" s="134">
        <v>0</v>
      </c>
      <c r="H430" s="134">
        <v>0</v>
      </c>
      <c r="I430" s="134">
        <v>0</v>
      </c>
      <c r="J430" s="134">
        <v>0</v>
      </c>
      <c r="K430" s="134">
        <v>0</v>
      </c>
      <c r="L430" s="134">
        <v>0</v>
      </c>
      <c r="M430" s="134">
        <v>0</v>
      </c>
      <c r="N430" s="134">
        <v>0</v>
      </c>
    </row>
    <row r="431" spans="1:14" x14ac:dyDescent="0.2">
      <c r="A431" s="133" t="s">
        <v>520</v>
      </c>
      <c r="B431" s="134">
        <v>0</v>
      </c>
      <c r="C431" s="134">
        <v>0</v>
      </c>
      <c r="D431" s="134">
        <v>0</v>
      </c>
      <c r="E431" s="134">
        <v>0</v>
      </c>
      <c r="F431" s="134">
        <v>0</v>
      </c>
      <c r="G431" s="134">
        <v>0</v>
      </c>
      <c r="H431" s="134">
        <v>0</v>
      </c>
      <c r="I431" s="134">
        <v>0</v>
      </c>
      <c r="J431" s="134">
        <v>0</v>
      </c>
      <c r="K431" s="134">
        <v>0</v>
      </c>
      <c r="L431" s="134">
        <v>0</v>
      </c>
      <c r="M431" s="134">
        <v>0</v>
      </c>
      <c r="N431" s="134">
        <v>0</v>
      </c>
    </row>
    <row r="432" spans="1:14" x14ac:dyDescent="0.2">
      <c r="A432" s="133" t="s">
        <v>521</v>
      </c>
    </row>
    <row r="433" spans="1:14" x14ac:dyDescent="0.2">
      <c r="A433" s="133" t="s">
        <v>522</v>
      </c>
    </row>
    <row r="434" spans="1:14" x14ac:dyDescent="0.2">
      <c r="A434" s="133" t="s">
        <v>523</v>
      </c>
      <c r="B434" s="134">
        <v>0</v>
      </c>
      <c r="C434" s="134">
        <v>0</v>
      </c>
      <c r="D434" s="134">
        <v>0</v>
      </c>
      <c r="E434" s="134">
        <v>0</v>
      </c>
      <c r="F434" s="134">
        <v>0</v>
      </c>
      <c r="G434" s="134">
        <v>0</v>
      </c>
      <c r="H434" s="134">
        <v>0</v>
      </c>
      <c r="I434" s="134">
        <v>0</v>
      </c>
      <c r="J434" s="134">
        <v>0</v>
      </c>
      <c r="K434" s="134">
        <v>0</v>
      </c>
      <c r="L434" s="134">
        <v>0</v>
      </c>
      <c r="M434" s="134">
        <v>0</v>
      </c>
      <c r="N434" s="134">
        <v>0</v>
      </c>
    </row>
    <row r="435" spans="1:14" x14ac:dyDescent="0.2">
      <c r="A435" s="133" t="s">
        <v>524</v>
      </c>
      <c r="B435" s="134">
        <v>0</v>
      </c>
      <c r="C435" s="134">
        <v>0</v>
      </c>
      <c r="D435" s="134">
        <v>0</v>
      </c>
      <c r="E435" s="134">
        <v>0</v>
      </c>
      <c r="F435" s="134">
        <v>0</v>
      </c>
      <c r="G435" s="134">
        <v>0</v>
      </c>
      <c r="H435" s="134">
        <v>0</v>
      </c>
      <c r="I435" s="134">
        <v>0</v>
      </c>
      <c r="J435" s="134">
        <v>0</v>
      </c>
      <c r="K435" s="134">
        <v>0</v>
      </c>
      <c r="L435" s="134">
        <v>0</v>
      </c>
      <c r="M435" s="134">
        <v>0</v>
      </c>
      <c r="N435" s="134">
        <v>0</v>
      </c>
    </row>
    <row r="436" spans="1:14" x14ac:dyDescent="0.2">
      <c r="A436" s="133" t="s">
        <v>525</v>
      </c>
      <c r="B436" s="134">
        <v>0</v>
      </c>
      <c r="C436" s="134">
        <v>0</v>
      </c>
      <c r="D436" s="134">
        <v>0</v>
      </c>
      <c r="E436" s="134">
        <v>0</v>
      </c>
      <c r="F436" s="134">
        <v>0</v>
      </c>
      <c r="G436" s="134">
        <v>0</v>
      </c>
      <c r="H436" s="134">
        <v>0</v>
      </c>
      <c r="I436" s="134">
        <v>0</v>
      </c>
      <c r="J436" s="134">
        <v>0</v>
      </c>
      <c r="K436" s="134">
        <v>0</v>
      </c>
      <c r="L436" s="134">
        <v>0</v>
      </c>
      <c r="M436" s="134">
        <v>0</v>
      </c>
      <c r="N436" s="134">
        <v>0</v>
      </c>
    </row>
    <row r="437" spans="1:14" x14ac:dyDescent="0.2">
      <c r="A437" s="133" t="s">
        <v>526</v>
      </c>
      <c r="B437" s="134">
        <v>0</v>
      </c>
      <c r="C437" s="134">
        <v>0</v>
      </c>
      <c r="D437" s="134">
        <v>0</v>
      </c>
      <c r="E437" s="134">
        <v>0</v>
      </c>
      <c r="F437" s="134">
        <v>0</v>
      </c>
      <c r="G437" s="134">
        <v>0</v>
      </c>
      <c r="H437" s="134">
        <v>0</v>
      </c>
      <c r="I437" s="134">
        <v>0</v>
      </c>
      <c r="J437" s="134">
        <v>0</v>
      </c>
      <c r="K437" s="134">
        <v>0</v>
      </c>
      <c r="L437" s="134">
        <v>0</v>
      </c>
      <c r="M437" s="134">
        <v>0</v>
      </c>
      <c r="N437" s="134">
        <v>0</v>
      </c>
    </row>
    <row r="438" spans="1:14" x14ac:dyDescent="0.2">
      <c r="A438" s="133" t="s">
        <v>527</v>
      </c>
      <c r="B438" s="134">
        <v>0</v>
      </c>
      <c r="C438" s="134">
        <v>0</v>
      </c>
      <c r="D438" s="134">
        <v>0</v>
      </c>
      <c r="E438" s="134">
        <v>0</v>
      </c>
      <c r="F438" s="134">
        <v>0</v>
      </c>
      <c r="G438" s="134">
        <v>0</v>
      </c>
      <c r="H438" s="134">
        <v>0</v>
      </c>
      <c r="I438" s="134">
        <v>0</v>
      </c>
      <c r="J438" s="134">
        <v>0</v>
      </c>
      <c r="K438" s="134">
        <v>0</v>
      </c>
      <c r="L438" s="134">
        <v>0</v>
      </c>
      <c r="M438" s="134">
        <v>0</v>
      </c>
      <c r="N438" s="134">
        <v>0</v>
      </c>
    </row>
    <row r="439" spans="1:14" x14ac:dyDescent="0.2">
      <c r="A439" s="133" t="s">
        <v>528</v>
      </c>
      <c r="B439" s="134">
        <v>0</v>
      </c>
      <c r="C439" s="134">
        <v>0</v>
      </c>
      <c r="D439" s="134">
        <v>0</v>
      </c>
      <c r="E439" s="134">
        <v>0</v>
      </c>
      <c r="F439" s="134">
        <v>0</v>
      </c>
      <c r="G439" s="134">
        <v>0</v>
      </c>
      <c r="H439" s="134">
        <v>0</v>
      </c>
      <c r="I439" s="134">
        <v>0</v>
      </c>
      <c r="J439" s="134">
        <v>0</v>
      </c>
      <c r="K439" s="134">
        <v>0</v>
      </c>
      <c r="L439" s="134">
        <v>0</v>
      </c>
      <c r="M439" s="134">
        <v>0</v>
      </c>
      <c r="N439" s="134">
        <v>0</v>
      </c>
    </row>
    <row r="440" spans="1:14" x14ac:dyDescent="0.2">
      <c r="A440" s="133" t="s">
        <v>529</v>
      </c>
      <c r="B440" s="134">
        <v>0</v>
      </c>
      <c r="C440" s="134">
        <v>0</v>
      </c>
      <c r="D440" s="134">
        <v>0</v>
      </c>
      <c r="E440" s="134">
        <v>0</v>
      </c>
      <c r="F440" s="134">
        <v>0</v>
      </c>
      <c r="G440" s="134">
        <v>0</v>
      </c>
      <c r="H440" s="134">
        <v>0</v>
      </c>
      <c r="I440" s="134">
        <v>0</v>
      </c>
      <c r="J440" s="134">
        <v>0</v>
      </c>
      <c r="K440" s="134">
        <v>0</v>
      </c>
      <c r="L440" s="134">
        <v>0</v>
      </c>
      <c r="M440" s="134">
        <v>0</v>
      </c>
      <c r="N440" s="134">
        <v>0</v>
      </c>
    </row>
    <row r="441" spans="1:14" x14ac:dyDescent="0.2">
      <c r="A441" s="133" t="s">
        <v>530</v>
      </c>
      <c r="B441" s="134">
        <v>0</v>
      </c>
      <c r="C441" s="134">
        <v>0</v>
      </c>
      <c r="D441" s="134">
        <v>0</v>
      </c>
      <c r="E441" s="134">
        <v>0</v>
      </c>
      <c r="F441" s="134">
        <v>0</v>
      </c>
      <c r="G441" s="134">
        <v>0</v>
      </c>
      <c r="H441" s="134">
        <v>0</v>
      </c>
      <c r="I441" s="134">
        <v>0</v>
      </c>
      <c r="J441" s="134">
        <v>0</v>
      </c>
      <c r="K441" s="134">
        <v>0</v>
      </c>
      <c r="L441" s="134">
        <v>0</v>
      </c>
      <c r="M441" s="134">
        <v>0</v>
      </c>
      <c r="N441" s="134">
        <v>0</v>
      </c>
    </row>
    <row r="442" spans="1:14" x14ac:dyDescent="0.2">
      <c r="A442" s="133" t="s">
        <v>531</v>
      </c>
      <c r="B442" s="134">
        <v>0</v>
      </c>
      <c r="C442" s="134">
        <v>0</v>
      </c>
      <c r="D442" s="134">
        <v>0</v>
      </c>
      <c r="E442" s="134">
        <v>0</v>
      </c>
      <c r="F442" s="134">
        <v>0</v>
      </c>
      <c r="G442" s="134">
        <v>0</v>
      </c>
      <c r="H442" s="134">
        <v>0</v>
      </c>
      <c r="I442" s="134">
        <v>0</v>
      </c>
      <c r="J442" s="134">
        <v>0</v>
      </c>
      <c r="K442" s="134">
        <v>0</v>
      </c>
      <c r="L442" s="134">
        <v>0</v>
      </c>
      <c r="M442" s="134">
        <v>0</v>
      </c>
      <c r="N442" s="134">
        <v>0</v>
      </c>
    </row>
    <row r="443" spans="1:14" x14ac:dyDescent="0.2">
      <c r="A443" s="133" t="s">
        <v>532</v>
      </c>
      <c r="B443" s="134">
        <v>0</v>
      </c>
      <c r="C443" s="134">
        <v>0</v>
      </c>
      <c r="D443" s="134">
        <v>0</v>
      </c>
      <c r="E443" s="134">
        <v>0</v>
      </c>
      <c r="F443" s="134">
        <v>0</v>
      </c>
      <c r="G443" s="134">
        <v>0</v>
      </c>
      <c r="H443" s="134">
        <v>0</v>
      </c>
      <c r="I443" s="134">
        <v>0</v>
      </c>
      <c r="J443" s="134">
        <v>0</v>
      </c>
      <c r="K443" s="134">
        <v>0</v>
      </c>
      <c r="L443" s="134">
        <v>0</v>
      </c>
      <c r="M443" s="134">
        <v>0</v>
      </c>
      <c r="N443" s="134">
        <v>0</v>
      </c>
    </row>
    <row r="444" spans="1:14" x14ac:dyDescent="0.2">
      <c r="A444" s="133" t="s">
        <v>533</v>
      </c>
      <c r="B444" s="134">
        <v>0</v>
      </c>
      <c r="C444" s="134">
        <v>0</v>
      </c>
      <c r="D444" s="134">
        <v>0</v>
      </c>
      <c r="E444" s="134">
        <v>0</v>
      </c>
      <c r="F444" s="134">
        <v>0</v>
      </c>
      <c r="G444" s="134">
        <v>0</v>
      </c>
      <c r="H444" s="134">
        <v>0</v>
      </c>
      <c r="I444" s="134">
        <v>0</v>
      </c>
      <c r="J444" s="134">
        <v>0</v>
      </c>
      <c r="K444" s="134">
        <v>0</v>
      </c>
      <c r="L444" s="134">
        <v>0</v>
      </c>
      <c r="M444" s="134">
        <v>0</v>
      </c>
      <c r="N444" s="134">
        <v>0</v>
      </c>
    </row>
    <row r="445" spans="1:14" x14ac:dyDescent="0.2">
      <c r="A445" s="133" t="s">
        <v>534</v>
      </c>
      <c r="B445" s="134">
        <v>0</v>
      </c>
      <c r="C445" s="134">
        <v>0</v>
      </c>
      <c r="D445" s="134">
        <v>0</v>
      </c>
      <c r="E445" s="134">
        <v>0</v>
      </c>
      <c r="F445" s="134">
        <v>0</v>
      </c>
      <c r="G445" s="134">
        <v>0</v>
      </c>
      <c r="H445" s="134">
        <v>0</v>
      </c>
      <c r="I445" s="134">
        <v>0</v>
      </c>
      <c r="J445" s="134">
        <v>0</v>
      </c>
      <c r="K445" s="134">
        <v>0</v>
      </c>
      <c r="L445" s="134">
        <v>0</v>
      </c>
      <c r="M445" s="134">
        <v>0</v>
      </c>
      <c r="N445" s="134">
        <v>0</v>
      </c>
    </row>
    <row r="446" spans="1:14" x14ac:dyDescent="0.2">
      <c r="A446" s="133" t="s">
        <v>535</v>
      </c>
      <c r="B446" s="134">
        <v>0</v>
      </c>
      <c r="C446" s="134">
        <v>0</v>
      </c>
      <c r="D446" s="134">
        <v>0</v>
      </c>
      <c r="E446" s="134">
        <v>0</v>
      </c>
      <c r="F446" s="134">
        <v>0</v>
      </c>
      <c r="G446" s="134">
        <v>0</v>
      </c>
      <c r="H446" s="134">
        <v>0</v>
      </c>
      <c r="I446" s="134">
        <v>0</v>
      </c>
      <c r="J446" s="134">
        <v>0</v>
      </c>
      <c r="K446" s="134">
        <v>0</v>
      </c>
      <c r="L446" s="134">
        <v>0</v>
      </c>
      <c r="M446" s="134">
        <v>0</v>
      </c>
      <c r="N446" s="134">
        <v>0</v>
      </c>
    </row>
    <row r="447" spans="1:14" x14ac:dyDescent="0.2">
      <c r="A447" s="133" t="s">
        <v>536</v>
      </c>
      <c r="B447" s="134">
        <v>0</v>
      </c>
      <c r="C447" s="134">
        <v>0</v>
      </c>
      <c r="D447" s="134">
        <v>0</v>
      </c>
      <c r="E447" s="134">
        <v>0</v>
      </c>
      <c r="F447" s="134">
        <v>0</v>
      </c>
      <c r="G447" s="134">
        <v>0</v>
      </c>
      <c r="H447" s="134">
        <v>0</v>
      </c>
      <c r="I447" s="134">
        <v>0</v>
      </c>
      <c r="J447" s="134">
        <v>0</v>
      </c>
      <c r="K447" s="134">
        <v>0</v>
      </c>
      <c r="L447" s="134">
        <v>0</v>
      </c>
      <c r="M447" s="134">
        <v>0</v>
      </c>
      <c r="N447" s="134">
        <v>0</v>
      </c>
    </row>
    <row r="448" spans="1:14" x14ac:dyDescent="0.2">
      <c r="A448" s="133" t="s">
        <v>537</v>
      </c>
      <c r="B448" s="134">
        <v>0</v>
      </c>
      <c r="C448" s="134">
        <v>0</v>
      </c>
      <c r="D448" s="134">
        <v>0</v>
      </c>
      <c r="E448" s="134">
        <v>0</v>
      </c>
      <c r="F448" s="134">
        <v>0</v>
      </c>
      <c r="G448" s="134">
        <v>0</v>
      </c>
      <c r="H448" s="134">
        <v>0</v>
      </c>
      <c r="I448" s="134">
        <v>0</v>
      </c>
      <c r="J448" s="134">
        <v>0</v>
      </c>
      <c r="K448" s="134">
        <v>0</v>
      </c>
      <c r="L448" s="134">
        <v>0</v>
      </c>
      <c r="M448" s="134">
        <v>0</v>
      </c>
      <c r="N448" s="134">
        <v>0</v>
      </c>
    </row>
    <row r="449" spans="1:14" x14ac:dyDescent="0.2">
      <c r="A449" s="133" t="s">
        <v>538</v>
      </c>
      <c r="B449" s="134">
        <v>0</v>
      </c>
      <c r="C449" s="134">
        <v>0</v>
      </c>
      <c r="D449" s="134">
        <v>0</v>
      </c>
      <c r="E449" s="134">
        <v>0</v>
      </c>
      <c r="F449" s="134">
        <v>0</v>
      </c>
      <c r="G449" s="134">
        <v>0</v>
      </c>
      <c r="H449" s="134">
        <v>0</v>
      </c>
      <c r="I449" s="134">
        <v>0</v>
      </c>
      <c r="J449" s="134">
        <v>0</v>
      </c>
      <c r="K449" s="134">
        <v>0</v>
      </c>
      <c r="L449" s="134">
        <v>0</v>
      </c>
      <c r="M449" s="134">
        <v>0</v>
      </c>
      <c r="N449" s="134">
        <v>0</v>
      </c>
    </row>
    <row r="450" spans="1:14" x14ac:dyDescent="0.2">
      <c r="A450" s="133" t="s">
        <v>539</v>
      </c>
      <c r="B450" s="134">
        <v>0</v>
      </c>
      <c r="C450" s="134">
        <v>0</v>
      </c>
      <c r="D450" s="134">
        <v>0</v>
      </c>
      <c r="E450" s="134">
        <v>0</v>
      </c>
      <c r="F450" s="134">
        <v>0</v>
      </c>
      <c r="G450" s="134">
        <v>0</v>
      </c>
      <c r="H450" s="134">
        <v>0</v>
      </c>
      <c r="I450" s="134">
        <v>0</v>
      </c>
      <c r="J450" s="134">
        <v>0</v>
      </c>
      <c r="K450" s="134">
        <v>0</v>
      </c>
      <c r="L450" s="134">
        <v>0</v>
      </c>
      <c r="M450" s="134">
        <v>0</v>
      </c>
      <c r="N450" s="134">
        <v>0</v>
      </c>
    </row>
    <row r="451" spans="1:14" x14ac:dyDescent="0.2">
      <c r="A451" s="133" t="s">
        <v>540</v>
      </c>
      <c r="B451" s="134">
        <v>0</v>
      </c>
      <c r="C451" s="134">
        <v>0</v>
      </c>
      <c r="D451" s="134">
        <v>0</v>
      </c>
      <c r="E451" s="134">
        <v>0</v>
      </c>
      <c r="F451" s="134">
        <v>0</v>
      </c>
      <c r="G451" s="134">
        <v>0</v>
      </c>
      <c r="H451" s="134">
        <v>0</v>
      </c>
      <c r="I451" s="134">
        <v>0</v>
      </c>
      <c r="J451" s="134">
        <v>0</v>
      </c>
      <c r="K451" s="134">
        <v>0</v>
      </c>
      <c r="L451" s="134">
        <v>0</v>
      </c>
      <c r="M451" s="134">
        <v>0</v>
      </c>
      <c r="N451" s="134">
        <v>0</v>
      </c>
    </row>
    <row r="452" spans="1:14" x14ac:dyDescent="0.2">
      <c r="A452" s="133" t="s">
        <v>541</v>
      </c>
      <c r="B452" s="134">
        <v>0</v>
      </c>
      <c r="C452" s="134">
        <v>0</v>
      </c>
      <c r="D452" s="134">
        <v>0</v>
      </c>
      <c r="E452" s="134">
        <v>0</v>
      </c>
      <c r="F452" s="134">
        <v>0</v>
      </c>
      <c r="G452" s="134">
        <v>0</v>
      </c>
      <c r="H452" s="134">
        <v>0</v>
      </c>
      <c r="I452" s="134">
        <v>0</v>
      </c>
      <c r="J452" s="134">
        <v>0</v>
      </c>
      <c r="K452" s="134">
        <v>0</v>
      </c>
      <c r="L452" s="134">
        <v>0</v>
      </c>
      <c r="M452" s="134">
        <v>0</v>
      </c>
      <c r="N452" s="134">
        <v>0</v>
      </c>
    </row>
    <row r="453" spans="1:14" x14ac:dyDescent="0.2">
      <c r="A453" s="133" t="s">
        <v>542</v>
      </c>
      <c r="B453" s="134">
        <v>0</v>
      </c>
      <c r="C453" s="134">
        <v>0</v>
      </c>
      <c r="D453" s="134">
        <v>0</v>
      </c>
      <c r="E453" s="134">
        <v>0</v>
      </c>
      <c r="F453" s="134">
        <v>0</v>
      </c>
      <c r="G453" s="134">
        <v>0</v>
      </c>
      <c r="H453" s="134">
        <v>0</v>
      </c>
      <c r="I453" s="134">
        <v>0</v>
      </c>
      <c r="J453" s="134">
        <v>0</v>
      </c>
      <c r="K453" s="134">
        <v>0</v>
      </c>
      <c r="L453" s="134">
        <v>0</v>
      </c>
      <c r="M453" s="134">
        <v>0</v>
      </c>
      <c r="N453" s="134">
        <v>0</v>
      </c>
    </row>
    <row r="454" spans="1:14" x14ac:dyDescent="0.2">
      <c r="A454" s="133" t="s">
        <v>543</v>
      </c>
      <c r="B454" s="134">
        <v>0</v>
      </c>
      <c r="C454" s="134">
        <v>0</v>
      </c>
      <c r="D454" s="134">
        <v>0</v>
      </c>
      <c r="E454" s="134">
        <v>0</v>
      </c>
      <c r="F454" s="134">
        <v>0</v>
      </c>
      <c r="G454" s="134">
        <v>0</v>
      </c>
      <c r="H454" s="134">
        <v>0</v>
      </c>
      <c r="I454" s="134">
        <v>0</v>
      </c>
      <c r="J454" s="134">
        <v>0</v>
      </c>
      <c r="K454" s="134">
        <v>0</v>
      </c>
      <c r="L454" s="134">
        <v>0</v>
      </c>
      <c r="M454" s="134">
        <v>0</v>
      </c>
      <c r="N454" s="134">
        <v>0</v>
      </c>
    </row>
    <row r="455" spans="1:14" x14ac:dyDescent="0.2">
      <c r="A455" s="137" t="s">
        <v>544</v>
      </c>
      <c r="B455" s="134">
        <v>0</v>
      </c>
      <c r="C455" s="134">
        <v>0</v>
      </c>
      <c r="D455" s="134">
        <v>0</v>
      </c>
      <c r="E455" s="134">
        <v>0</v>
      </c>
      <c r="F455" s="134">
        <v>0</v>
      </c>
      <c r="G455" s="134">
        <v>0</v>
      </c>
      <c r="H455" s="134">
        <v>0</v>
      </c>
      <c r="I455" s="134">
        <v>0</v>
      </c>
      <c r="J455" s="134">
        <v>0</v>
      </c>
      <c r="K455" s="134">
        <v>0</v>
      </c>
      <c r="L455" s="134">
        <v>0</v>
      </c>
      <c r="M455" s="134">
        <v>0</v>
      </c>
      <c r="N455" s="134">
        <v>0</v>
      </c>
    </row>
    <row r="456" spans="1:14" x14ac:dyDescent="0.2">
      <c r="A456" s="137" t="s">
        <v>545</v>
      </c>
      <c r="B456" s="134">
        <v>0</v>
      </c>
      <c r="C456" s="134">
        <v>0</v>
      </c>
      <c r="D456" s="134">
        <v>0</v>
      </c>
      <c r="E456" s="134">
        <v>0</v>
      </c>
      <c r="F456" s="134">
        <v>0</v>
      </c>
      <c r="G456" s="134">
        <v>0</v>
      </c>
      <c r="H456" s="134">
        <v>0</v>
      </c>
      <c r="I456" s="134">
        <v>0</v>
      </c>
      <c r="J456" s="134">
        <v>0</v>
      </c>
      <c r="K456" s="134">
        <v>0</v>
      </c>
      <c r="L456" s="134">
        <v>0</v>
      </c>
      <c r="M456" s="134">
        <v>0</v>
      </c>
      <c r="N456" s="134">
        <v>0</v>
      </c>
    </row>
    <row r="457" spans="1:14" x14ac:dyDescent="0.2">
      <c r="A457" s="133" t="s">
        <v>546</v>
      </c>
      <c r="B457" s="134">
        <v>0</v>
      </c>
      <c r="C457" s="134">
        <v>0</v>
      </c>
      <c r="D457" s="134">
        <v>0</v>
      </c>
      <c r="E457" s="134">
        <v>0</v>
      </c>
      <c r="F457" s="134">
        <v>0</v>
      </c>
      <c r="G457" s="134">
        <v>0</v>
      </c>
      <c r="H457" s="134">
        <v>0</v>
      </c>
      <c r="I457" s="134">
        <v>0</v>
      </c>
      <c r="J457" s="134">
        <v>0</v>
      </c>
      <c r="K457" s="134">
        <v>0</v>
      </c>
      <c r="L457" s="134">
        <v>0</v>
      </c>
      <c r="M457" s="134">
        <v>0</v>
      </c>
      <c r="N457" s="134">
        <v>0</v>
      </c>
    </row>
    <row r="458" spans="1:14" x14ac:dyDescent="0.2">
      <c r="A458" s="133" t="s">
        <v>547</v>
      </c>
      <c r="B458" s="134">
        <v>0</v>
      </c>
      <c r="C458" s="134">
        <v>0</v>
      </c>
      <c r="D458" s="134">
        <v>0</v>
      </c>
      <c r="E458" s="134">
        <v>0</v>
      </c>
      <c r="F458" s="134">
        <v>0</v>
      </c>
      <c r="G458" s="134">
        <v>0</v>
      </c>
      <c r="H458" s="134">
        <v>0</v>
      </c>
      <c r="I458" s="134">
        <v>0</v>
      </c>
      <c r="J458" s="134">
        <v>0</v>
      </c>
      <c r="K458" s="134">
        <v>0</v>
      </c>
      <c r="L458" s="134">
        <v>0</v>
      </c>
      <c r="M458" s="134">
        <v>0</v>
      </c>
      <c r="N458" s="134">
        <v>0</v>
      </c>
    </row>
    <row r="459" spans="1:14" x14ac:dyDescent="0.2">
      <c r="A459" s="133" t="s">
        <v>548</v>
      </c>
      <c r="B459" s="134">
        <v>0</v>
      </c>
      <c r="C459" s="134">
        <v>0</v>
      </c>
      <c r="D459" s="134">
        <v>0</v>
      </c>
      <c r="E459" s="134">
        <v>0</v>
      </c>
      <c r="F459" s="134">
        <v>0</v>
      </c>
      <c r="G459" s="134">
        <v>0</v>
      </c>
      <c r="H459" s="134">
        <v>0</v>
      </c>
      <c r="I459" s="134">
        <v>0</v>
      </c>
      <c r="J459" s="134">
        <v>0</v>
      </c>
      <c r="K459" s="134">
        <v>0</v>
      </c>
      <c r="L459" s="134">
        <v>0</v>
      </c>
      <c r="M459" s="134">
        <v>0</v>
      </c>
      <c r="N459" s="134">
        <v>0</v>
      </c>
    </row>
    <row r="460" spans="1:14" x14ac:dyDescent="0.2">
      <c r="A460" s="133" t="s">
        <v>549</v>
      </c>
      <c r="B460" s="134">
        <v>0</v>
      </c>
      <c r="C460" s="134">
        <v>0</v>
      </c>
      <c r="D460" s="134">
        <v>0</v>
      </c>
      <c r="E460" s="134">
        <v>0</v>
      </c>
      <c r="F460" s="134">
        <v>0</v>
      </c>
      <c r="G460" s="134">
        <v>0</v>
      </c>
      <c r="H460" s="134">
        <v>0</v>
      </c>
      <c r="I460" s="134">
        <v>0</v>
      </c>
      <c r="J460" s="134">
        <v>0</v>
      </c>
      <c r="K460" s="134">
        <v>0</v>
      </c>
      <c r="L460" s="134">
        <v>0</v>
      </c>
      <c r="M460" s="134">
        <v>0</v>
      </c>
      <c r="N460" s="134">
        <v>0</v>
      </c>
    </row>
    <row r="461" spans="1:14" x14ac:dyDescent="0.2">
      <c r="A461" s="133" t="s">
        <v>550</v>
      </c>
      <c r="B461" s="134">
        <v>0</v>
      </c>
      <c r="C461" s="134">
        <v>0</v>
      </c>
      <c r="D461" s="134">
        <v>0</v>
      </c>
      <c r="E461" s="134">
        <v>0</v>
      </c>
      <c r="F461" s="134">
        <v>0</v>
      </c>
      <c r="G461" s="134">
        <v>0</v>
      </c>
      <c r="H461" s="134">
        <v>0</v>
      </c>
      <c r="I461" s="134">
        <v>0</v>
      </c>
      <c r="J461" s="134">
        <v>0</v>
      </c>
      <c r="K461" s="134">
        <v>0</v>
      </c>
      <c r="L461" s="134">
        <v>0</v>
      </c>
      <c r="M461" s="134">
        <v>0</v>
      </c>
      <c r="N461" s="134">
        <v>0</v>
      </c>
    </row>
    <row r="462" spans="1:14" x14ac:dyDescent="0.2">
      <c r="A462" s="137" t="s">
        <v>551</v>
      </c>
      <c r="B462" s="134">
        <v>0</v>
      </c>
      <c r="C462" s="134">
        <v>0</v>
      </c>
      <c r="D462" s="134">
        <v>0</v>
      </c>
      <c r="E462" s="134">
        <v>0</v>
      </c>
      <c r="F462" s="134">
        <v>0</v>
      </c>
      <c r="G462" s="134">
        <v>0</v>
      </c>
      <c r="H462" s="134">
        <v>0</v>
      </c>
      <c r="I462" s="134">
        <v>0</v>
      </c>
      <c r="J462" s="134">
        <v>0</v>
      </c>
      <c r="K462" s="134">
        <v>0</v>
      </c>
      <c r="L462" s="134">
        <v>0</v>
      </c>
      <c r="M462" s="134">
        <v>0</v>
      </c>
      <c r="N462" s="134">
        <v>0</v>
      </c>
    </row>
    <row r="463" spans="1:14" x14ac:dyDescent="0.2">
      <c r="A463" s="133" t="s">
        <v>552</v>
      </c>
      <c r="B463" s="134">
        <v>0</v>
      </c>
      <c r="C463" s="134">
        <v>0</v>
      </c>
      <c r="D463" s="134">
        <v>0</v>
      </c>
      <c r="E463" s="134">
        <v>0</v>
      </c>
      <c r="F463" s="134">
        <v>0</v>
      </c>
      <c r="G463" s="134">
        <v>0</v>
      </c>
      <c r="H463" s="134">
        <v>0</v>
      </c>
      <c r="I463" s="134">
        <v>0</v>
      </c>
      <c r="J463" s="134">
        <v>0</v>
      </c>
      <c r="K463" s="134">
        <v>0</v>
      </c>
      <c r="L463" s="134">
        <v>0</v>
      </c>
      <c r="M463" s="134">
        <v>0</v>
      </c>
      <c r="N463" s="134">
        <v>0</v>
      </c>
    </row>
    <row r="464" spans="1:14" x14ac:dyDescent="0.2">
      <c r="A464" s="133" t="s">
        <v>553</v>
      </c>
      <c r="B464" s="134">
        <v>0</v>
      </c>
      <c r="C464" s="134">
        <v>0</v>
      </c>
      <c r="D464" s="134">
        <v>0</v>
      </c>
      <c r="E464" s="134">
        <v>0</v>
      </c>
      <c r="F464" s="134">
        <v>0</v>
      </c>
      <c r="G464" s="134">
        <v>0</v>
      </c>
      <c r="H464" s="134">
        <v>0</v>
      </c>
      <c r="I464" s="134">
        <v>0</v>
      </c>
      <c r="J464" s="134">
        <v>0</v>
      </c>
      <c r="K464" s="134">
        <v>0</v>
      </c>
      <c r="L464" s="134">
        <v>0</v>
      </c>
      <c r="M464" s="134">
        <v>0</v>
      </c>
      <c r="N464" s="134">
        <v>0</v>
      </c>
    </row>
    <row r="465" spans="1:14" x14ac:dyDescent="0.2">
      <c r="A465" s="133" t="s">
        <v>554</v>
      </c>
      <c r="B465" s="134">
        <v>0</v>
      </c>
      <c r="C465" s="134">
        <v>0</v>
      </c>
      <c r="D465" s="134">
        <v>0</v>
      </c>
      <c r="E465" s="134">
        <v>0</v>
      </c>
      <c r="F465" s="134">
        <v>0</v>
      </c>
      <c r="G465" s="134">
        <v>0</v>
      </c>
      <c r="H465" s="134">
        <v>0</v>
      </c>
      <c r="I465" s="134">
        <v>0</v>
      </c>
      <c r="J465" s="134">
        <v>0</v>
      </c>
      <c r="K465" s="134">
        <v>0</v>
      </c>
      <c r="L465" s="134">
        <v>0</v>
      </c>
      <c r="M465" s="134">
        <v>0</v>
      </c>
      <c r="N465" s="134">
        <v>0</v>
      </c>
    </row>
    <row r="466" spans="1:14" x14ac:dyDescent="0.2">
      <c r="A466" s="133" t="s">
        <v>555</v>
      </c>
      <c r="B466" s="134">
        <v>0</v>
      </c>
      <c r="C466" s="134">
        <v>0</v>
      </c>
      <c r="D466" s="134">
        <v>0</v>
      </c>
      <c r="E466" s="134">
        <v>0</v>
      </c>
      <c r="F466" s="134">
        <v>0</v>
      </c>
      <c r="G466" s="134">
        <v>0</v>
      </c>
      <c r="H466" s="134">
        <v>0</v>
      </c>
      <c r="I466" s="134">
        <v>0</v>
      </c>
      <c r="J466" s="134">
        <v>0</v>
      </c>
      <c r="K466" s="134">
        <v>0</v>
      </c>
      <c r="L466" s="134">
        <v>0</v>
      </c>
      <c r="M466" s="134">
        <v>0</v>
      </c>
      <c r="N466" s="134">
        <v>0</v>
      </c>
    </row>
    <row r="467" spans="1:14" x14ac:dyDescent="0.2">
      <c r="A467" s="133" t="s">
        <v>556</v>
      </c>
      <c r="B467" s="134">
        <v>0</v>
      </c>
      <c r="C467" s="134">
        <v>0</v>
      </c>
      <c r="D467" s="134">
        <v>0</v>
      </c>
      <c r="E467" s="134">
        <v>0</v>
      </c>
      <c r="F467" s="134">
        <v>0</v>
      </c>
      <c r="G467" s="134">
        <v>0</v>
      </c>
      <c r="H467" s="134">
        <v>0</v>
      </c>
      <c r="I467" s="134">
        <v>0</v>
      </c>
      <c r="J467" s="134">
        <v>0</v>
      </c>
      <c r="K467" s="134">
        <v>0</v>
      </c>
      <c r="L467" s="134">
        <v>0</v>
      </c>
      <c r="M467" s="134">
        <v>0</v>
      </c>
      <c r="N467" s="134">
        <v>0</v>
      </c>
    </row>
    <row r="468" spans="1:14" x14ac:dyDescent="0.2">
      <c r="A468" s="133" t="s">
        <v>557</v>
      </c>
      <c r="B468" s="134">
        <v>0</v>
      </c>
      <c r="C468" s="134">
        <v>0</v>
      </c>
      <c r="D468" s="134">
        <v>0</v>
      </c>
      <c r="E468" s="134">
        <v>0</v>
      </c>
      <c r="F468" s="134">
        <v>0</v>
      </c>
      <c r="G468" s="134">
        <v>0</v>
      </c>
      <c r="H468" s="134">
        <v>0</v>
      </c>
      <c r="I468" s="134">
        <v>0</v>
      </c>
      <c r="J468" s="134">
        <v>0</v>
      </c>
      <c r="K468" s="134">
        <v>0</v>
      </c>
      <c r="L468" s="134">
        <v>0</v>
      </c>
      <c r="M468" s="134">
        <v>0</v>
      </c>
      <c r="N468" s="134">
        <v>0</v>
      </c>
    </row>
    <row r="469" spans="1:14" x14ac:dyDescent="0.2">
      <c r="A469" s="137" t="s">
        <v>558</v>
      </c>
      <c r="B469" s="134">
        <v>0</v>
      </c>
      <c r="C469" s="134">
        <v>0</v>
      </c>
      <c r="D469" s="134">
        <v>0</v>
      </c>
      <c r="E469" s="134">
        <v>0</v>
      </c>
      <c r="F469" s="134">
        <v>0</v>
      </c>
      <c r="G469" s="134">
        <v>0</v>
      </c>
      <c r="H469" s="134">
        <v>0</v>
      </c>
      <c r="I469" s="134">
        <v>0</v>
      </c>
      <c r="J469" s="134">
        <v>0</v>
      </c>
      <c r="K469" s="134">
        <v>0</v>
      </c>
      <c r="L469" s="134">
        <v>0</v>
      </c>
      <c r="M469" s="134">
        <v>0</v>
      </c>
      <c r="N469" s="134">
        <v>0</v>
      </c>
    </row>
    <row r="470" spans="1:14" x14ac:dyDescent="0.2">
      <c r="A470" s="133" t="s">
        <v>559</v>
      </c>
      <c r="B470" s="134">
        <v>0</v>
      </c>
      <c r="C470" s="134">
        <v>0</v>
      </c>
      <c r="D470" s="134">
        <v>0</v>
      </c>
      <c r="E470" s="134">
        <v>0</v>
      </c>
      <c r="F470" s="134">
        <v>0</v>
      </c>
      <c r="G470" s="134">
        <v>0</v>
      </c>
      <c r="H470" s="134">
        <v>0</v>
      </c>
      <c r="I470" s="134">
        <v>0</v>
      </c>
      <c r="J470" s="134">
        <v>0</v>
      </c>
      <c r="K470" s="134">
        <v>0</v>
      </c>
      <c r="L470" s="134">
        <v>0</v>
      </c>
      <c r="M470" s="134">
        <v>0</v>
      </c>
      <c r="N470" s="134">
        <v>0</v>
      </c>
    </row>
    <row r="471" spans="1:14" x14ac:dyDescent="0.2">
      <c r="A471" s="133" t="s">
        <v>560</v>
      </c>
      <c r="B471" s="134">
        <v>0</v>
      </c>
      <c r="C471" s="134">
        <v>0</v>
      </c>
      <c r="D471" s="134">
        <v>0</v>
      </c>
      <c r="E471" s="134">
        <v>0</v>
      </c>
      <c r="F471" s="134">
        <v>0</v>
      </c>
      <c r="G471" s="134">
        <v>0</v>
      </c>
      <c r="H471" s="134">
        <v>0</v>
      </c>
      <c r="I471" s="134">
        <v>0</v>
      </c>
      <c r="J471" s="134">
        <v>0</v>
      </c>
      <c r="K471" s="134">
        <v>0</v>
      </c>
      <c r="L471" s="134">
        <v>0</v>
      </c>
      <c r="M471" s="134">
        <v>0</v>
      </c>
      <c r="N471" s="134">
        <v>0</v>
      </c>
    </row>
    <row r="472" spans="1:14" x14ac:dyDescent="0.2">
      <c r="A472" s="133" t="s">
        <v>561</v>
      </c>
      <c r="B472" s="134">
        <v>0</v>
      </c>
      <c r="C472" s="134">
        <v>0</v>
      </c>
      <c r="D472" s="134">
        <v>0</v>
      </c>
      <c r="E472" s="134">
        <v>0</v>
      </c>
      <c r="F472" s="134">
        <v>0</v>
      </c>
      <c r="G472" s="134">
        <v>0</v>
      </c>
      <c r="H472" s="134">
        <v>0</v>
      </c>
      <c r="I472" s="134">
        <v>0</v>
      </c>
      <c r="J472" s="134">
        <v>0</v>
      </c>
      <c r="K472" s="134">
        <v>0</v>
      </c>
      <c r="L472" s="134">
        <v>0</v>
      </c>
      <c r="M472" s="134">
        <v>0</v>
      </c>
      <c r="N472" s="134">
        <v>0</v>
      </c>
    </row>
    <row r="473" spans="1:14" x14ac:dyDescent="0.2">
      <c r="A473" s="133" t="s">
        <v>562</v>
      </c>
      <c r="B473" s="134">
        <v>0</v>
      </c>
      <c r="C473" s="134">
        <v>0</v>
      </c>
      <c r="D473" s="134">
        <v>0</v>
      </c>
      <c r="E473" s="134">
        <v>0</v>
      </c>
      <c r="F473" s="134">
        <v>0</v>
      </c>
      <c r="G473" s="134">
        <v>0</v>
      </c>
      <c r="H473" s="134">
        <v>0</v>
      </c>
      <c r="I473" s="134">
        <v>0</v>
      </c>
      <c r="J473" s="134">
        <v>0</v>
      </c>
      <c r="K473" s="134">
        <v>0</v>
      </c>
      <c r="L473" s="134">
        <v>0</v>
      </c>
      <c r="M473" s="134">
        <v>0</v>
      </c>
      <c r="N473" s="134">
        <v>0</v>
      </c>
    </row>
    <row r="474" spans="1:14" x14ac:dyDescent="0.2">
      <c r="A474" s="137" t="s">
        <v>563</v>
      </c>
      <c r="B474" s="134">
        <v>0</v>
      </c>
      <c r="C474" s="134">
        <v>0</v>
      </c>
      <c r="D474" s="134">
        <v>0</v>
      </c>
      <c r="E474" s="134">
        <v>0</v>
      </c>
      <c r="F474" s="134">
        <v>0</v>
      </c>
      <c r="G474" s="134">
        <v>0</v>
      </c>
      <c r="H474" s="134">
        <v>0</v>
      </c>
      <c r="I474" s="134">
        <v>0</v>
      </c>
      <c r="J474" s="134">
        <v>0</v>
      </c>
      <c r="K474" s="134">
        <v>0</v>
      </c>
      <c r="L474" s="134">
        <v>0</v>
      </c>
      <c r="M474" s="134">
        <v>0</v>
      </c>
      <c r="N474" s="134">
        <v>0</v>
      </c>
    </row>
    <row r="475" spans="1:14" x14ac:dyDescent="0.2">
      <c r="A475" s="133" t="s">
        <v>564</v>
      </c>
      <c r="B475" s="134">
        <v>0</v>
      </c>
      <c r="C475" s="134">
        <v>0</v>
      </c>
      <c r="D475" s="134">
        <v>0</v>
      </c>
      <c r="E475" s="134">
        <v>0</v>
      </c>
      <c r="F475" s="134">
        <v>0</v>
      </c>
      <c r="G475" s="134">
        <v>0</v>
      </c>
      <c r="H475" s="134">
        <v>0</v>
      </c>
      <c r="I475" s="134">
        <v>0</v>
      </c>
      <c r="J475" s="134">
        <v>0</v>
      </c>
      <c r="K475" s="134">
        <v>0</v>
      </c>
      <c r="L475" s="134">
        <v>0</v>
      </c>
      <c r="M475" s="134">
        <v>0</v>
      </c>
      <c r="N475" s="134">
        <v>0</v>
      </c>
    </row>
    <row r="476" spans="1:14" x14ac:dyDescent="0.2">
      <c r="A476" s="133" t="s">
        <v>565</v>
      </c>
      <c r="B476" s="134">
        <v>0</v>
      </c>
      <c r="C476" s="134">
        <v>0</v>
      </c>
      <c r="D476" s="134">
        <v>0</v>
      </c>
      <c r="E476" s="134">
        <v>0</v>
      </c>
      <c r="F476" s="134">
        <v>0</v>
      </c>
      <c r="G476" s="134">
        <v>0</v>
      </c>
      <c r="H476" s="134">
        <v>0</v>
      </c>
      <c r="I476" s="134">
        <v>0</v>
      </c>
      <c r="J476" s="134">
        <v>0</v>
      </c>
      <c r="K476" s="134">
        <v>0</v>
      </c>
      <c r="L476" s="134">
        <v>0</v>
      </c>
      <c r="M476" s="134">
        <v>0</v>
      </c>
      <c r="N476" s="134">
        <v>0</v>
      </c>
    </row>
    <row r="477" spans="1:14" x14ac:dyDescent="0.2">
      <c r="A477" s="133" t="s">
        <v>566</v>
      </c>
      <c r="B477" s="134">
        <v>0</v>
      </c>
      <c r="C477" s="134">
        <v>0</v>
      </c>
      <c r="D477" s="134">
        <v>0</v>
      </c>
      <c r="E477" s="134">
        <v>0</v>
      </c>
      <c r="F477" s="134">
        <v>0</v>
      </c>
      <c r="G477" s="134">
        <v>0</v>
      </c>
      <c r="H477" s="134">
        <v>0</v>
      </c>
      <c r="I477" s="134">
        <v>0</v>
      </c>
      <c r="J477" s="134">
        <v>0</v>
      </c>
      <c r="K477" s="134">
        <v>0</v>
      </c>
      <c r="L477" s="134">
        <v>0</v>
      </c>
      <c r="M477" s="134">
        <v>0</v>
      </c>
      <c r="N477" s="134">
        <v>0</v>
      </c>
    </row>
    <row r="478" spans="1:14" x14ac:dyDescent="0.2">
      <c r="A478" s="133" t="s">
        <v>567</v>
      </c>
      <c r="B478" s="134">
        <v>0</v>
      </c>
      <c r="C478" s="134">
        <v>0</v>
      </c>
      <c r="D478" s="134">
        <v>0</v>
      </c>
      <c r="E478" s="134">
        <v>0</v>
      </c>
      <c r="F478" s="134">
        <v>0</v>
      </c>
      <c r="G478" s="134">
        <v>0</v>
      </c>
      <c r="H478" s="134">
        <v>0</v>
      </c>
      <c r="I478" s="134">
        <v>0</v>
      </c>
      <c r="J478" s="134">
        <v>0</v>
      </c>
      <c r="K478" s="134">
        <v>0</v>
      </c>
      <c r="L478" s="134">
        <v>0</v>
      </c>
      <c r="M478" s="134">
        <v>0</v>
      </c>
      <c r="N478" s="134">
        <v>0</v>
      </c>
    </row>
    <row r="479" spans="1:14" x14ac:dyDescent="0.2">
      <c r="A479" s="133" t="s">
        <v>568</v>
      </c>
      <c r="B479" s="134">
        <v>0</v>
      </c>
      <c r="C479" s="134">
        <v>0</v>
      </c>
      <c r="D479" s="134">
        <v>0</v>
      </c>
      <c r="E479" s="134">
        <v>0</v>
      </c>
      <c r="F479" s="134">
        <v>0</v>
      </c>
      <c r="G479" s="134">
        <v>0</v>
      </c>
      <c r="H479" s="134">
        <v>0</v>
      </c>
      <c r="I479" s="134">
        <v>0</v>
      </c>
      <c r="J479" s="134">
        <v>0</v>
      </c>
      <c r="K479" s="134">
        <v>0</v>
      </c>
      <c r="L479" s="134">
        <v>0</v>
      </c>
      <c r="M479" s="134">
        <v>0</v>
      </c>
      <c r="N479" s="134">
        <v>0</v>
      </c>
    </row>
    <row r="480" spans="1:14" x14ac:dyDescent="0.2">
      <c r="A480" s="137" t="s">
        <v>569</v>
      </c>
      <c r="B480" s="134">
        <v>0</v>
      </c>
      <c r="C480" s="134">
        <v>0</v>
      </c>
      <c r="D480" s="134">
        <v>0</v>
      </c>
      <c r="E480" s="134">
        <v>0</v>
      </c>
      <c r="F480" s="134">
        <v>0</v>
      </c>
      <c r="G480" s="134">
        <v>0</v>
      </c>
      <c r="H480" s="134">
        <v>0</v>
      </c>
      <c r="I480" s="134">
        <v>0</v>
      </c>
      <c r="J480" s="134">
        <v>0</v>
      </c>
      <c r="K480" s="134">
        <v>0</v>
      </c>
      <c r="L480" s="134">
        <v>0</v>
      </c>
      <c r="M480" s="134">
        <v>0</v>
      </c>
      <c r="N480" s="134">
        <v>0</v>
      </c>
    </row>
    <row r="481" spans="1:14" x14ac:dyDescent="0.2">
      <c r="A481" s="133" t="s">
        <v>570</v>
      </c>
      <c r="B481" s="134">
        <v>0</v>
      </c>
      <c r="C481" s="134">
        <v>0</v>
      </c>
      <c r="D481" s="134">
        <v>0</v>
      </c>
      <c r="E481" s="134">
        <v>0</v>
      </c>
      <c r="F481" s="134">
        <v>0</v>
      </c>
      <c r="G481" s="134">
        <v>0</v>
      </c>
      <c r="H481" s="134">
        <v>0</v>
      </c>
      <c r="I481" s="134">
        <v>0</v>
      </c>
      <c r="J481" s="134">
        <v>0</v>
      </c>
      <c r="K481" s="134">
        <v>0</v>
      </c>
      <c r="L481" s="134">
        <v>0</v>
      </c>
      <c r="M481" s="134">
        <v>0</v>
      </c>
      <c r="N481" s="134">
        <v>0</v>
      </c>
    </row>
    <row r="482" spans="1:14" x14ac:dyDescent="0.2">
      <c r="A482" s="133" t="s">
        <v>571</v>
      </c>
      <c r="B482" s="134">
        <v>0</v>
      </c>
      <c r="C482" s="134">
        <v>0</v>
      </c>
      <c r="D482" s="134">
        <v>0</v>
      </c>
      <c r="E482" s="134">
        <v>0</v>
      </c>
      <c r="F482" s="134">
        <v>0</v>
      </c>
      <c r="G482" s="134">
        <v>0</v>
      </c>
      <c r="H482" s="134">
        <v>0</v>
      </c>
      <c r="I482" s="134">
        <v>0</v>
      </c>
      <c r="J482" s="134">
        <v>0</v>
      </c>
      <c r="K482" s="134">
        <v>0</v>
      </c>
      <c r="L482" s="134">
        <v>0</v>
      </c>
      <c r="M482" s="134">
        <v>0</v>
      </c>
      <c r="N482" s="134">
        <v>0</v>
      </c>
    </row>
    <row r="483" spans="1:14" x14ac:dyDescent="0.2">
      <c r="A483" s="133" t="s">
        <v>572</v>
      </c>
      <c r="B483" s="134">
        <v>0</v>
      </c>
      <c r="C483" s="134">
        <v>0</v>
      </c>
      <c r="D483" s="134">
        <v>0</v>
      </c>
      <c r="E483" s="134">
        <v>0</v>
      </c>
      <c r="F483" s="134">
        <v>0</v>
      </c>
      <c r="G483" s="134">
        <v>0</v>
      </c>
      <c r="H483" s="134">
        <v>0</v>
      </c>
      <c r="I483" s="134">
        <v>0</v>
      </c>
      <c r="J483" s="134">
        <v>0</v>
      </c>
      <c r="K483" s="134">
        <v>0</v>
      </c>
      <c r="L483" s="134">
        <v>0</v>
      </c>
      <c r="M483" s="134">
        <v>0</v>
      </c>
      <c r="N483" s="134">
        <v>0</v>
      </c>
    </row>
    <row r="484" spans="1:14" x14ac:dyDescent="0.2">
      <c r="A484" s="133" t="s">
        <v>573</v>
      </c>
      <c r="B484" s="134">
        <v>0</v>
      </c>
      <c r="C484" s="134">
        <v>0</v>
      </c>
      <c r="D484" s="134">
        <v>0</v>
      </c>
      <c r="E484" s="134">
        <v>0</v>
      </c>
      <c r="F484" s="134">
        <v>0</v>
      </c>
      <c r="G484" s="134">
        <v>0</v>
      </c>
      <c r="H484" s="134">
        <v>0</v>
      </c>
      <c r="I484" s="134">
        <v>0</v>
      </c>
      <c r="J484" s="134">
        <v>0</v>
      </c>
      <c r="K484" s="134">
        <v>0</v>
      </c>
      <c r="L484" s="134">
        <v>0</v>
      </c>
      <c r="M484" s="134">
        <v>0</v>
      </c>
      <c r="N484" s="134">
        <v>0</v>
      </c>
    </row>
    <row r="485" spans="1:14" x14ac:dyDescent="0.2">
      <c r="A485" s="133" t="s">
        <v>574</v>
      </c>
      <c r="B485" s="134">
        <v>0</v>
      </c>
      <c r="C485" s="134">
        <v>0</v>
      </c>
      <c r="D485" s="134">
        <v>0</v>
      </c>
      <c r="E485" s="134">
        <v>0</v>
      </c>
      <c r="F485" s="134">
        <v>0</v>
      </c>
      <c r="G485" s="134">
        <v>0</v>
      </c>
      <c r="H485" s="134">
        <v>0</v>
      </c>
      <c r="I485" s="134">
        <v>0</v>
      </c>
      <c r="J485" s="134">
        <v>0</v>
      </c>
      <c r="K485" s="134">
        <v>0</v>
      </c>
      <c r="L485" s="134">
        <v>0</v>
      </c>
      <c r="M485" s="134">
        <v>0</v>
      </c>
      <c r="N485" s="134">
        <v>0</v>
      </c>
    </row>
    <row r="486" spans="1:14" x14ac:dyDescent="0.2">
      <c r="A486" s="133" t="s">
        <v>575</v>
      </c>
      <c r="B486" s="134">
        <v>0</v>
      </c>
      <c r="C486" s="134">
        <v>0</v>
      </c>
      <c r="D486" s="134">
        <v>0</v>
      </c>
      <c r="E486" s="134">
        <v>0</v>
      </c>
      <c r="F486" s="134">
        <v>0</v>
      </c>
      <c r="G486" s="134">
        <v>0</v>
      </c>
      <c r="H486" s="134">
        <v>0</v>
      </c>
      <c r="I486" s="134">
        <v>0</v>
      </c>
      <c r="J486" s="134">
        <v>0</v>
      </c>
      <c r="K486" s="134">
        <v>0</v>
      </c>
      <c r="L486" s="134">
        <v>0</v>
      </c>
      <c r="M486" s="134">
        <v>0</v>
      </c>
      <c r="N486" s="134">
        <v>0</v>
      </c>
    </row>
    <row r="487" spans="1:14" x14ac:dyDescent="0.2">
      <c r="A487" s="133" t="s">
        <v>576</v>
      </c>
      <c r="B487" s="134">
        <v>0</v>
      </c>
      <c r="C487" s="134">
        <v>0</v>
      </c>
      <c r="D487" s="134">
        <v>0</v>
      </c>
      <c r="E487" s="134">
        <v>0</v>
      </c>
      <c r="F487" s="134">
        <v>0</v>
      </c>
      <c r="G487" s="134">
        <v>0</v>
      </c>
      <c r="H487" s="134">
        <v>0</v>
      </c>
      <c r="I487" s="134">
        <v>0</v>
      </c>
      <c r="J487" s="134">
        <v>0</v>
      </c>
      <c r="K487" s="134">
        <v>0</v>
      </c>
      <c r="L487" s="134">
        <v>0</v>
      </c>
      <c r="M487" s="134">
        <v>0</v>
      </c>
      <c r="N487" s="134">
        <v>0</v>
      </c>
    </row>
    <row r="488" spans="1:14" x14ac:dyDescent="0.2">
      <c r="A488" s="137" t="s">
        <v>577</v>
      </c>
      <c r="B488" s="134">
        <v>0</v>
      </c>
      <c r="C488" s="134">
        <v>0</v>
      </c>
      <c r="D488" s="134">
        <v>0</v>
      </c>
      <c r="E488" s="134">
        <v>0</v>
      </c>
      <c r="F488" s="134">
        <v>0</v>
      </c>
      <c r="G488" s="134">
        <v>0</v>
      </c>
      <c r="H488" s="134">
        <v>0</v>
      </c>
      <c r="I488" s="134">
        <v>0</v>
      </c>
      <c r="J488" s="134">
        <v>0</v>
      </c>
      <c r="K488" s="134">
        <v>0</v>
      </c>
      <c r="L488" s="134">
        <v>0</v>
      </c>
      <c r="M488" s="134">
        <v>0</v>
      </c>
      <c r="N488" s="134">
        <v>0</v>
      </c>
    </row>
    <row r="489" spans="1:14" x14ac:dyDescent="0.2">
      <c r="A489" s="133" t="s">
        <v>578</v>
      </c>
      <c r="B489" s="134">
        <v>0</v>
      </c>
      <c r="C489" s="134">
        <v>0</v>
      </c>
      <c r="D489" s="134">
        <v>0</v>
      </c>
      <c r="E489" s="134">
        <v>0</v>
      </c>
      <c r="F489" s="134">
        <v>0</v>
      </c>
      <c r="G489" s="134">
        <v>0</v>
      </c>
      <c r="H489" s="134">
        <v>0</v>
      </c>
      <c r="I489" s="134">
        <v>0</v>
      </c>
      <c r="J489" s="134">
        <v>0</v>
      </c>
      <c r="K489" s="134">
        <v>0</v>
      </c>
      <c r="L489" s="134">
        <v>0</v>
      </c>
      <c r="M489" s="134">
        <v>0</v>
      </c>
      <c r="N489" s="134">
        <v>0</v>
      </c>
    </row>
    <row r="490" spans="1:14" x14ac:dyDescent="0.2">
      <c r="A490" s="133" t="s">
        <v>579</v>
      </c>
      <c r="B490" s="134">
        <v>0</v>
      </c>
      <c r="C490" s="134">
        <v>0</v>
      </c>
      <c r="D490" s="134">
        <v>0</v>
      </c>
      <c r="E490" s="134">
        <v>0</v>
      </c>
      <c r="F490" s="134">
        <v>0</v>
      </c>
      <c r="G490" s="134">
        <v>0</v>
      </c>
      <c r="H490" s="134">
        <v>0</v>
      </c>
      <c r="I490" s="134">
        <v>0</v>
      </c>
      <c r="J490" s="134">
        <v>0</v>
      </c>
      <c r="K490" s="134">
        <v>0</v>
      </c>
      <c r="L490" s="134">
        <v>0</v>
      </c>
      <c r="M490" s="134">
        <v>0</v>
      </c>
      <c r="N490" s="134">
        <v>0</v>
      </c>
    </row>
    <row r="491" spans="1:14" x14ac:dyDescent="0.2">
      <c r="A491" s="133" t="s">
        <v>580</v>
      </c>
      <c r="B491" s="134">
        <v>0</v>
      </c>
      <c r="C491" s="134">
        <v>0</v>
      </c>
      <c r="D491" s="134">
        <v>0</v>
      </c>
      <c r="E491" s="134">
        <v>0</v>
      </c>
      <c r="F491" s="134">
        <v>0</v>
      </c>
      <c r="G491" s="134">
        <v>0</v>
      </c>
      <c r="H491" s="134">
        <v>0</v>
      </c>
      <c r="I491" s="134">
        <v>0</v>
      </c>
      <c r="J491" s="134">
        <v>0</v>
      </c>
      <c r="K491" s="134">
        <v>0</v>
      </c>
      <c r="L491" s="134">
        <v>0</v>
      </c>
      <c r="M491" s="134">
        <v>0</v>
      </c>
      <c r="N491" s="134">
        <v>0</v>
      </c>
    </row>
    <row r="492" spans="1:14" x14ac:dyDescent="0.2">
      <c r="A492" s="133" t="s">
        <v>581</v>
      </c>
      <c r="B492" s="134">
        <v>0</v>
      </c>
      <c r="C492" s="134">
        <v>0</v>
      </c>
      <c r="D492" s="134">
        <v>0</v>
      </c>
      <c r="E492" s="134">
        <v>0</v>
      </c>
      <c r="F492" s="134">
        <v>0</v>
      </c>
      <c r="G492" s="134">
        <v>0</v>
      </c>
      <c r="H492" s="134">
        <v>0</v>
      </c>
      <c r="I492" s="134">
        <v>0</v>
      </c>
      <c r="J492" s="134">
        <v>0</v>
      </c>
      <c r="K492" s="134">
        <v>0</v>
      </c>
      <c r="L492" s="134">
        <v>0</v>
      </c>
      <c r="M492" s="134">
        <v>0</v>
      </c>
      <c r="N492" s="134">
        <v>0</v>
      </c>
    </row>
    <row r="493" spans="1:14" x14ac:dyDescent="0.2">
      <c r="A493" s="133" t="s">
        <v>582</v>
      </c>
      <c r="B493" s="134">
        <v>0</v>
      </c>
      <c r="C493" s="134">
        <v>0</v>
      </c>
      <c r="D493" s="134">
        <v>0</v>
      </c>
      <c r="E493" s="134">
        <v>0</v>
      </c>
      <c r="F493" s="134">
        <v>0</v>
      </c>
      <c r="G493" s="134">
        <v>0</v>
      </c>
      <c r="H493" s="134">
        <v>0</v>
      </c>
      <c r="I493" s="134">
        <v>0</v>
      </c>
      <c r="J493" s="134">
        <v>0</v>
      </c>
      <c r="K493" s="134">
        <v>0</v>
      </c>
      <c r="L493" s="134">
        <v>0</v>
      </c>
      <c r="M493" s="134">
        <v>0</v>
      </c>
      <c r="N493" s="134">
        <v>0</v>
      </c>
    </row>
    <row r="494" spans="1:14" x14ac:dyDescent="0.2">
      <c r="A494" s="133" t="s">
        <v>583</v>
      </c>
      <c r="B494" s="134">
        <v>0</v>
      </c>
      <c r="C494" s="134">
        <v>0</v>
      </c>
      <c r="D494" s="134">
        <v>0</v>
      </c>
      <c r="E494" s="134">
        <v>0</v>
      </c>
      <c r="F494" s="134">
        <v>0</v>
      </c>
      <c r="G494" s="134">
        <v>0</v>
      </c>
      <c r="H494" s="134">
        <v>0</v>
      </c>
      <c r="I494" s="134">
        <v>0</v>
      </c>
      <c r="J494" s="134">
        <v>0</v>
      </c>
      <c r="K494" s="134">
        <v>0</v>
      </c>
      <c r="L494" s="134">
        <v>0</v>
      </c>
      <c r="M494" s="134">
        <v>0</v>
      </c>
      <c r="N494" s="134">
        <v>0</v>
      </c>
    </row>
    <row r="495" spans="1:14" x14ac:dyDescent="0.2">
      <c r="A495" s="137" t="s">
        <v>584</v>
      </c>
      <c r="B495" s="134">
        <v>0</v>
      </c>
      <c r="C495" s="134">
        <v>0</v>
      </c>
      <c r="D495" s="134">
        <v>0</v>
      </c>
      <c r="E495" s="134">
        <v>0</v>
      </c>
      <c r="F495" s="134">
        <v>0</v>
      </c>
      <c r="G495" s="134">
        <v>0</v>
      </c>
      <c r="H495" s="134">
        <v>0</v>
      </c>
      <c r="I495" s="134">
        <v>0</v>
      </c>
      <c r="J495" s="134">
        <v>0</v>
      </c>
      <c r="K495" s="134">
        <v>0</v>
      </c>
      <c r="L495" s="134">
        <v>0</v>
      </c>
      <c r="M495" s="134">
        <v>0</v>
      </c>
      <c r="N495" s="134">
        <v>0</v>
      </c>
    </row>
    <row r="496" spans="1:14" x14ac:dyDescent="0.2">
      <c r="A496" s="133" t="s">
        <v>585</v>
      </c>
      <c r="B496" s="134">
        <v>0</v>
      </c>
      <c r="C496" s="134">
        <v>0</v>
      </c>
      <c r="D496" s="134">
        <v>0</v>
      </c>
      <c r="E496" s="134">
        <v>0</v>
      </c>
      <c r="F496" s="134">
        <v>0</v>
      </c>
      <c r="G496" s="134">
        <v>0</v>
      </c>
      <c r="H496" s="134">
        <v>0</v>
      </c>
      <c r="I496" s="134">
        <v>0</v>
      </c>
      <c r="J496" s="134">
        <v>0</v>
      </c>
      <c r="K496" s="134">
        <v>0</v>
      </c>
      <c r="L496" s="134">
        <v>0</v>
      </c>
      <c r="M496" s="134">
        <v>0</v>
      </c>
      <c r="N496" s="134">
        <v>0</v>
      </c>
    </row>
    <row r="497" spans="1:14" x14ac:dyDescent="0.2">
      <c r="A497" s="137" t="s">
        <v>586</v>
      </c>
      <c r="B497" s="134">
        <v>0</v>
      </c>
      <c r="C497" s="134">
        <v>0</v>
      </c>
      <c r="D497" s="134">
        <v>0</v>
      </c>
      <c r="E497" s="134">
        <v>0</v>
      </c>
      <c r="F497" s="134">
        <v>0</v>
      </c>
      <c r="G497" s="134">
        <v>0</v>
      </c>
      <c r="H497" s="134">
        <v>0</v>
      </c>
      <c r="I497" s="134">
        <v>0</v>
      </c>
      <c r="J497" s="134">
        <v>0</v>
      </c>
      <c r="K497" s="134">
        <v>0</v>
      </c>
      <c r="L497" s="134">
        <v>0</v>
      </c>
      <c r="M497" s="134">
        <v>0</v>
      </c>
      <c r="N497" s="134">
        <v>0</v>
      </c>
    </row>
    <row r="498" spans="1:14" x14ac:dyDescent="0.2">
      <c r="A498" s="133" t="s">
        <v>587</v>
      </c>
      <c r="B498" s="134">
        <v>0</v>
      </c>
      <c r="C498" s="134">
        <v>0</v>
      </c>
      <c r="D498" s="134">
        <v>0</v>
      </c>
      <c r="E498" s="134">
        <v>0</v>
      </c>
      <c r="F498" s="134">
        <v>0</v>
      </c>
      <c r="G498" s="134">
        <v>0</v>
      </c>
      <c r="H498" s="134">
        <v>0</v>
      </c>
      <c r="I498" s="134">
        <v>0</v>
      </c>
      <c r="J498" s="134">
        <v>0</v>
      </c>
      <c r="K498" s="134">
        <v>0</v>
      </c>
      <c r="L498" s="134">
        <v>0</v>
      </c>
      <c r="M498" s="134">
        <v>0</v>
      </c>
      <c r="N498" s="134">
        <v>0</v>
      </c>
    </row>
    <row r="499" spans="1:14" x14ac:dyDescent="0.2">
      <c r="A499" s="133" t="s">
        <v>588</v>
      </c>
      <c r="B499" s="134">
        <v>0</v>
      </c>
      <c r="C499" s="134">
        <v>0</v>
      </c>
      <c r="D499" s="134">
        <v>0</v>
      </c>
      <c r="E499" s="134">
        <v>0</v>
      </c>
      <c r="F499" s="134">
        <v>0</v>
      </c>
      <c r="G499" s="134">
        <v>0</v>
      </c>
      <c r="H499" s="134">
        <v>0</v>
      </c>
      <c r="I499" s="134">
        <v>0</v>
      </c>
      <c r="J499" s="134">
        <v>0</v>
      </c>
      <c r="K499" s="134">
        <v>0</v>
      </c>
      <c r="L499" s="134">
        <v>0</v>
      </c>
      <c r="M499" s="134">
        <v>0</v>
      </c>
      <c r="N499" s="134">
        <v>0</v>
      </c>
    </row>
    <row r="500" spans="1:14" x14ac:dyDescent="0.2">
      <c r="A500" s="133" t="s">
        <v>589</v>
      </c>
      <c r="B500" s="134">
        <v>0</v>
      </c>
      <c r="C500" s="134">
        <v>0</v>
      </c>
      <c r="D500" s="134">
        <v>0</v>
      </c>
      <c r="E500" s="134">
        <v>0</v>
      </c>
      <c r="F500" s="134">
        <v>0</v>
      </c>
      <c r="G500" s="134">
        <v>0</v>
      </c>
      <c r="H500" s="134">
        <v>0</v>
      </c>
      <c r="I500" s="134">
        <v>0</v>
      </c>
      <c r="J500" s="134">
        <v>0</v>
      </c>
      <c r="K500" s="134">
        <v>0</v>
      </c>
      <c r="L500" s="134">
        <v>0</v>
      </c>
      <c r="M500" s="134">
        <v>0</v>
      </c>
      <c r="N500" s="134">
        <v>0</v>
      </c>
    </row>
    <row r="501" spans="1:14" x14ac:dyDescent="0.2">
      <c r="A501" s="137" t="s">
        <v>590</v>
      </c>
      <c r="B501" s="134">
        <v>0</v>
      </c>
      <c r="C501" s="134">
        <v>0</v>
      </c>
      <c r="D501" s="134">
        <v>0</v>
      </c>
      <c r="E501" s="134">
        <v>0</v>
      </c>
      <c r="F501" s="134">
        <v>0</v>
      </c>
      <c r="G501" s="134">
        <v>0</v>
      </c>
      <c r="H501" s="134">
        <v>0</v>
      </c>
      <c r="I501" s="134">
        <v>0</v>
      </c>
      <c r="J501" s="134">
        <v>0</v>
      </c>
      <c r="K501" s="134">
        <v>0</v>
      </c>
      <c r="L501" s="134">
        <v>0</v>
      </c>
      <c r="M501" s="134">
        <v>0</v>
      </c>
      <c r="N501" s="134">
        <v>0</v>
      </c>
    </row>
    <row r="502" spans="1:14" x14ac:dyDescent="0.2">
      <c r="A502" s="133" t="s">
        <v>591</v>
      </c>
      <c r="B502" s="134">
        <v>0</v>
      </c>
      <c r="C502" s="134">
        <v>0</v>
      </c>
      <c r="D502" s="134">
        <v>0</v>
      </c>
      <c r="E502" s="134">
        <v>0</v>
      </c>
      <c r="F502" s="134">
        <v>0</v>
      </c>
      <c r="G502" s="134">
        <v>0</v>
      </c>
      <c r="H502" s="134">
        <v>0</v>
      </c>
      <c r="I502" s="134">
        <v>0</v>
      </c>
      <c r="J502" s="134">
        <v>0</v>
      </c>
      <c r="K502" s="134">
        <v>0</v>
      </c>
      <c r="L502" s="134">
        <v>0</v>
      </c>
      <c r="M502" s="134">
        <v>0</v>
      </c>
      <c r="N502" s="134">
        <v>0</v>
      </c>
    </row>
    <row r="503" spans="1:14" x14ac:dyDescent="0.2">
      <c r="A503" s="133" t="s">
        <v>592</v>
      </c>
      <c r="B503" s="134">
        <v>0</v>
      </c>
      <c r="C503" s="134">
        <v>0</v>
      </c>
      <c r="D503" s="134">
        <v>0</v>
      </c>
      <c r="E503" s="134">
        <v>0</v>
      </c>
      <c r="F503" s="134">
        <v>0</v>
      </c>
      <c r="G503" s="134">
        <v>0</v>
      </c>
      <c r="H503" s="134">
        <v>0</v>
      </c>
      <c r="I503" s="134">
        <v>0</v>
      </c>
      <c r="J503" s="134">
        <v>0</v>
      </c>
      <c r="K503" s="134">
        <v>0</v>
      </c>
      <c r="L503" s="134">
        <v>0</v>
      </c>
      <c r="M503" s="134">
        <v>0</v>
      </c>
      <c r="N503" s="134">
        <v>0</v>
      </c>
    </row>
    <row r="504" spans="1:14" x14ac:dyDescent="0.2">
      <c r="A504" s="133" t="s">
        <v>593</v>
      </c>
      <c r="B504" s="134">
        <v>0</v>
      </c>
      <c r="C504" s="134">
        <v>0</v>
      </c>
      <c r="D504" s="134">
        <v>0</v>
      </c>
      <c r="E504" s="134">
        <v>0</v>
      </c>
      <c r="F504" s="134">
        <v>0</v>
      </c>
      <c r="G504" s="134">
        <v>0</v>
      </c>
      <c r="H504" s="134">
        <v>0</v>
      </c>
      <c r="I504" s="134">
        <v>0</v>
      </c>
      <c r="J504" s="134">
        <v>0</v>
      </c>
      <c r="K504" s="134">
        <v>0</v>
      </c>
      <c r="L504" s="134">
        <v>0</v>
      </c>
      <c r="M504" s="134">
        <v>0</v>
      </c>
      <c r="N504" s="134">
        <v>0</v>
      </c>
    </row>
    <row r="505" spans="1:14" x14ac:dyDescent="0.2">
      <c r="A505" s="133" t="s">
        <v>594</v>
      </c>
      <c r="B505" s="134">
        <v>0</v>
      </c>
      <c r="C505" s="134">
        <v>0</v>
      </c>
      <c r="D505" s="134">
        <v>0</v>
      </c>
      <c r="E505" s="134">
        <v>0</v>
      </c>
      <c r="F505" s="134">
        <v>0</v>
      </c>
      <c r="G505" s="134">
        <v>0</v>
      </c>
      <c r="H505" s="134">
        <v>0</v>
      </c>
      <c r="I505" s="134">
        <v>0</v>
      </c>
      <c r="J505" s="134">
        <v>0</v>
      </c>
      <c r="K505" s="134">
        <v>0</v>
      </c>
      <c r="L505" s="134">
        <v>0</v>
      </c>
      <c r="M505" s="134">
        <v>0</v>
      </c>
      <c r="N505" s="134">
        <v>0</v>
      </c>
    </row>
    <row r="506" spans="1:14" x14ac:dyDescent="0.2">
      <c r="A506" s="133" t="s">
        <v>595</v>
      </c>
      <c r="B506" s="134">
        <v>0</v>
      </c>
      <c r="C506" s="134">
        <v>0</v>
      </c>
      <c r="D506" s="134">
        <v>0</v>
      </c>
      <c r="E506" s="134">
        <v>0</v>
      </c>
      <c r="F506" s="134">
        <v>0</v>
      </c>
      <c r="G506" s="134">
        <v>0</v>
      </c>
      <c r="H506" s="134">
        <v>0</v>
      </c>
      <c r="I506" s="134">
        <v>0</v>
      </c>
      <c r="J506" s="134">
        <v>0</v>
      </c>
      <c r="K506" s="134">
        <v>0</v>
      </c>
      <c r="L506" s="134">
        <v>0</v>
      </c>
      <c r="M506" s="134">
        <v>0</v>
      </c>
      <c r="N506" s="134">
        <v>0</v>
      </c>
    </row>
    <row r="507" spans="1:14" x14ac:dyDescent="0.2">
      <c r="A507" s="133" t="s">
        <v>596</v>
      </c>
      <c r="B507" s="134">
        <v>0</v>
      </c>
      <c r="C507" s="134">
        <v>0</v>
      </c>
      <c r="D507" s="134">
        <v>0</v>
      </c>
      <c r="E507" s="134">
        <v>0</v>
      </c>
      <c r="F507" s="134">
        <v>0</v>
      </c>
      <c r="G507" s="134">
        <v>0</v>
      </c>
      <c r="H507" s="134">
        <v>0</v>
      </c>
      <c r="I507" s="134">
        <v>0</v>
      </c>
      <c r="J507" s="134">
        <v>0</v>
      </c>
      <c r="K507" s="134">
        <v>0</v>
      </c>
      <c r="L507" s="134">
        <v>0</v>
      </c>
      <c r="M507" s="134">
        <v>0</v>
      </c>
      <c r="N507" s="134">
        <v>0</v>
      </c>
    </row>
    <row r="508" spans="1:14" x14ac:dyDescent="0.2">
      <c r="A508" s="133" t="s">
        <v>597</v>
      </c>
      <c r="B508" s="134">
        <v>0</v>
      </c>
      <c r="C508" s="134">
        <v>0</v>
      </c>
      <c r="D508" s="134">
        <v>0</v>
      </c>
      <c r="E508" s="134">
        <v>0</v>
      </c>
      <c r="F508" s="134">
        <v>0</v>
      </c>
      <c r="G508" s="134">
        <v>0</v>
      </c>
      <c r="H508" s="134">
        <v>0</v>
      </c>
      <c r="I508" s="134">
        <v>0</v>
      </c>
      <c r="J508" s="134">
        <v>0</v>
      </c>
      <c r="K508" s="134">
        <v>0</v>
      </c>
      <c r="L508" s="134">
        <v>0</v>
      </c>
      <c r="M508" s="134">
        <v>0</v>
      </c>
      <c r="N508" s="134">
        <v>0</v>
      </c>
    </row>
    <row r="509" spans="1:14" x14ac:dyDescent="0.2">
      <c r="A509" s="133" t="s">
        <v>598</v>
      </c>
      <c r="B509" s="134">
        <v>0</v>
      </c>
      <c r="C509" s="134">
        <v>0</v>
      </c>
      <c r="D509" s="134">
        <v>0</v>
      </c>
      <c r="E509" s="134">
        <v>0</v>
      </c>
      <c r="F509" s="134">
        <v>0</v>
      </c>
      <c r="G509" s="134">
        <v>0</v>
      </c>
      <c r="H509" s="134">
        <v>0</v>
      </c>
      <c r="I509" s="134">
        <v>0</v>
      </c>
      <c r="J509" s="134">
        <v>0</v>
      </c>
      <c r="K509" s="134">
        <v>0</v>
      </c>
      <c r="L509" s="134">
        <v>0</v>
      </c>
      <c r="M509" s="134">
        <v>0</v>
      </c>
      <c r="N509" s="134">
        <v>0</v>
      </c>
    </row>
    <row r="510" spans="1:14" x14ac:dyDescent="0.2">
      <c r="A510" s="133" t="s">
        <v>599</v>
      </c>
      <c r="B510" s="134">
        <v>0</v>
      </c>
      <c r="C510" s="134">
        <v>0</v>
      </c>
      <c r="D510" s="134">
        <v>0</v>
      </c>
      <c r="E510" s="134">
        <v>0</v>
      </c>
      <c r="F510" s="134">
        <v>0</v>
      </c>
      <c r="G510" s="134">
        <v>0</v>
      </c>
      <c r="H510" s="134">
        <v>0</v>
      </c>
      <c r="I510" s="134">
        <v>0</v>
      </c>
      <c r="J510" s="134">
        <v>0</v>
      </c>
      <c r="K510" s="134">
        <v>0</v>
      </c>
      <c r="L510" s="134">
        <v>0</v>
      </c>
      <c r="M510" s="134">
        <v>0</v>
      </c>
      <c r="N510" s="134">
        <v>0</v>
      </c>
    </row>
    <row r="511" spans="1:14" x14ac:dyDescent="0.2">
      <c r="A511" s="133" t="s">
        <v>600</v>
      </c>
      <c r="B511" s="134">
        <v>0</v>
      </c>
      <c r="C511" s="134">
        <v>0</v>
      </c>
      <c r="D511" s="134">
        <v>0</v>
      </c>
      <c r="E511" s="134">
        <v>0</v>
      </c>
      <c r="F511" s="134">
        <v>0</v>
      </c>
      <c r="G511" s="134">
        <v>0</v>
      </c>
      <c r="H511" s="134">
        <v>0</v>
      </c>
      <c r="I511" s="134">
        <v>0</v>
      </c>
      <c r="J511" s="134">
        <v>0</v>
      </c>
      <c r="K511" s="134">
        <v>0</v>
      </c>
      <c r="L511" s="134">
        <v>0</v>
      </c>
      <c r="M511" s="134">
        <v>0</v>
      </c>
      <c r="N511" s="134">
        <v>0</v>
      </c>
    </row>
    <row r="512" spans="1:14" x14ac:dyDescent="0.2">
      <c r="A512" s="133" t="s">
        <v>601</v>
      </c>
      <c r="B512" s="134">
        <v>0</v>
      </c>
      <c r="C512" s="134">
        <v>0</v>
      </c>
      <c r="D512" s="134">
        <v>0</v>
      </c>
      <c r="E512" s="134">
        <v>0</v>
      </c>
      <c r="F512" s="134">
        <v>0</v>
      </c>
      <c r="G512" s="134">
        <v>0</v>
      </c>
      <c r="H512" s="134">
        <v>0</v>
      </c>
      <c r="I512" s="134">
        <v>0</v>
      </c>
      <c r="J512" s="134">
        <v>0</v>
      </c>
      <c r="K512" s="134">
        <v>0</v>
      </c>
      <c r="L512" s="134">
        <v>0</v>
      </c>
      <c r="M512" s="134">
        <v>0</v>
      </c>
      <c r="N512" s="134">
        <v>0</v>
      </c>
    </row>
    <row r="513" spans="1:14" x14ac:dyDescent="0.2">
      <c r="A513" s="137" t="s">
        <v>602</v>
      </c>
      <c r="B513" s="134">
        <v>0</v>
      </c>
      <c r="C513" s="134">
        <v>0</v>
      </c>
      <c r="D513" s="134">
        <v>0</v>
      </c>
      <c r="E513" s="134">
        <v>0</v>
      </c>
      <c r="F513" s="134">
        <v>0</v>
      </c>
      <c r="G513" s="134">
        <v>0</v>
      </c>
      <c r="H513" s="134">
        <v>0</v>
      </c>
      <c r="I513" s="134">
        <v>0</v>
      </c>
      <c r="J513" s="134">
        <v>0</v>
      </c>
      <c r="K513" s="134">
        <v>0</v>
      </c>
      <c r="L513" s="134">
        <v>0</v>
      </c>
      <c r="M513" s="134">
        <v>0</v>
      </c>
      <c r="N513" s="134">
        <v>0</v>
      </c>
    </row>
    <row r="514" spans="1:14" x14ac:dyDescent="0.2">
      <c r="A514" s="133" t="s">
        <v>603</v>
      </c>
      <c r="B514" s="134">
        <v>0</v>
      </c>
      <c r="C514" s="134">
        <v>0</v>
      </c>
      <c r="D514" s="134">
        <v>0</v>
      </c>
      <c r="E514" s="134">
        <v>0</v>
      </c>
      <c r="F514" s="134">
        <v>0</v>
      </c>
      <c r="G514" s="134">
        <v>0</v>
      </c>
      <c r="H514" s="134">
        <v>0</v>
      </c>
      <c r="I514" s="134">
        <v>0</v>
      </c>
      <c r="J514" s="134">
        <v>0</v>
      </c>
      <c r="K514" s="134">
        <v>0</v>
      </c>
      <c r="L514" s="134">
        <v>0</v>
      </c>
      <c r="M514" s="134">
        <v>0</v>
      </c>
      <c r="N514" s="134">
        <v>0</v>
      </c>
    </row>
    <row r="515" spans="1:14" x14ac:dyDescent="0.2">
      <c r="A515" s="137" t="s">
        <v>604</v>
      </c>
      <c r="B515" s="134">
        <v>0</v>
      </c>
      <c r="C515" s="134">
        <v>0</v>
      </c>
      <c r="D515" s="134">
        <v>0</v>
      </c>
      <c r="E515" s="134">
        <v>0</v>
      </c>
      <c r="F515" s="134">
        <v>0</v>
      </c>
      <c r="G515" s="134">
        <v>0</v>
      </c>
      <c r="H515" s="134">
        <v>0</v>
      </c>
      <c r="I515" s="134">
        <v>0</v>
      </c>
      <c r="J515" s="134">
        <v>0</v>
      </c>
      <c r="K515" s="134">
        <v>0</v>
      </c>
      <c r="L515" s="134">
        <v>0</v>
      </c>
      <c r="M515" s="134">
        <v>0</v>
      </c>
      <c r="N515" s="134">
        <v>0</v>
      </c>
    </row>
    <row r="516" spans="1:14" x14ac:dyDescent="0.2">
      <c r="A516" s="133" t="s">
        <v>605</v>
      </c>
      <c r="B516" s="134">
        <v>0</v>
      </c>
      <c r="C516" s="134">
        <v>0</v>
      </c>
      <c r="D516" s="134">
        <v>0</v>
      </c>
      <c r="E516" s="134">
        <v>0</v>
      </c>
      <c r="F516" s="134">
        <v>0</v>
      </c>
      <c r="G516" s="134">
        <v>0</v>
      </c>
      <c r="H516" s="134">
        <v>0</v>
      </c>
      <c r="I516" s="134">
        <v>0</v>
      </c>
      <c r="J516" s="134">
        <v>0</v>
      </c>
      <c r="K516" s="134">
        <v>0</v>
      </c>
      <c r="L516" s="134">
        <v>0</v>
      </c>
      <c r="M516" s="134">
        <v>0</v>
      </c>
      <c r="N516" s="134">
        <v>0</v>
      </c>
    </row>
    <row r="517" spans="1:14" x14ac:dyDescent="0.2">
      <c r="A517" s="133" t="s">
        <v>606</v>
      </c>
    </row>
    <row r="518" spans="1:14" x14ac:dyDescent="0.2">
      <c r="A518" s="133" t="s">
        <v>607</v>
      </c>
      <c r="B518" s="134">
        <v>28329094.3216387</v>
      </c>
      <c r="C518" s="134">
        <v>28815130.002236702</v>
      </c>
      <c r="D518" s="134">
        <v>29915198.784218598</v>
      </c>
      <c r="E518" s="134">
        <v>30112762.7026067</v>
      </c>
      <c r="F518" s="134">
        <v>30272020.6983689</v>
      </c>
      <c r="G518" s="134">
        <v>31448304.1158402</v>
      </c>
      <c r="H518" s="134">
        <v>31325554.713739499</v>
      </c>
      <c r="I518" s="134">
        <v>31485626.342462499</v>
      </c>
      <c r="J518" s="134">
        <v>33323192.305467099</v>
      </c>
      <c r="K518" s="134">
        <v>34936150.655628398</v>
      </c>
      <c r="L518" s="134">
        <v>36884780.558410898</v>
      </c>
      <c r="M518" s="134">
        <v>40341406.5041814</v>
      </c>
      <c r="N518" s="134">
        <v>40341406.5041814</v>
      </c>
    </row>
    <row r="519" spans="1:14" x14ac:dyDescent="0.2">
      <c r="A519" s="133" t="s">
        <v>608</v>
      </c>
      <c r="B519" s="134">
        <v>4634497.9015618199</v>
      </c>
      <c r="C519" s="134">
        <v>4565713.62363136</v>
      </c>
      <c r="D519" s="134">
        <v>4395136.5443793898</v>
      </c>
      <c r="E519" s="134">
        <v>4404352.3083480801</v>
      </c>
      <c r="F519" s="134">
        <v>4410890.80973808</v>
      </c>
      <c r="G519" s="134">
        <v>4462791.7618015297</v>
      </c>
      <c r="H519" s="134">
        <v>4422927.6555039799</v>
      </c>
      <c r="I519" s="134">
        <v>4264381.282013</v>
      </c>
      <c r="J519" s="134">
        <v>4056568.8504514801</v>
      </c>
      <c r="K519" s="134">
        <v>4008572.8738922998</v>
      </c>
      <c r="L519" s="134">
        <v>4014867.5910598999</v>
      </c>
      <c r="M519" s="134">
        <v>4110707.7697151601</v>
      </c>
      <c r="N519" s="134">
        <v>4110707.7697151601</v>
      </c>
    </row>
    <row r="520" spans="1:14" x14ac:dyDescent="0.2">
      <c r="A520" s="133" t="s">
        <v>609</v>
      </c>
      <c r="B520" s="134">
        <v>6145072.8618296804</v>
      </c>
      <c r="C520" s="134">
        <v>6195047.3688386101</v>
      </c>
      <c r="D520" s="134">
        <v>6626624.8986759596</v>
      </c>
      <c r="E520" s="134">
        <v>6597899.4543732097</v>
      </c>
      <c r="F520" s="134">
        <v>6449967.4678401696</v>
      </c>
      <c r="G520" s="134">
        <v>6498979.5062528402</v>
      </c>
      <c r="H520" s="134">
        <v>6406501.4715267997</v>
      </c>
      <c r="I520" s="134">
        <v>6049048.6305120802</v>
      </c>
      <c r="J520" s="134">
        <v>5853927.8964889897</v>
      </c>
      <c r="K520" s="134">
        <v>5961054.7128857197</v>
      </c>
      <c r="L520" s="134">
        <v>6251198.0873309895</v>
      </c>
      <c r="M520" s="134">
        <v>5949581.9073638199</v>
      </c>
      <c r="N520" s="134">
        <v>5949581.9073638199</v>
      </c>
    </row>
    <row r="521" spans="1:14" x14ac:dyDescent="0.2">
      <c r="A521" s="133" t="s">
        <v>610</v>
      </c>
      <c r="B521" s="134">
        <v>101741773.94894201</v>
      </c>
      <c r="C521" s="134">
        <v>99248589.842225894</v>
      </c>
      <c r="D521" s="134">
        <v>94886729.098307505</v>
      </c>
      <c r="E521" s="134">
        <v>90415834.390845403</v>
      </c>
      <c r="F521" s="134">
        <v>80723947.1127211</v>
      </c>
      <c r="G521" s="134">
        <v>78764663.160760105</v>
      </c>
      <c r="H521" s="134">
        <v>77491444.411963299</v>
      </c>
      <c r="I521" s="134">
        <v>77390587.767105401</v>
      </c>
      <c r="J521" s="134">
        <v>77717011.425185502</v>
      </c>
      <c r="K521" s="134">
        <v>74301570.868235499</v>
      </c>
      <c r="L521" s="134">
        <v>75711284.5272149</v>
      </c>
      <c r="M521" s="134">
        <v>75972312.653780907</v>
      </c>
      <c r="N521" s="134">
        <v>75972312.653780907</v>
      </c>
    </row>
    <row r="522" spans="1:14" x14ac:dyDescent="0.2">
      <c r="A522" s="133" t="s">
        <v>611</v>
      </c>
      <c r="B522" s="134">
        <v>13563521.2763592</v>
      </c>
      <c r="C522" s="134">
        <v>12846219.1171888</v>
      </c>
      <c r="D522" s="134">
        <v>12633060.6394291</v>
      </c>
      <c r="E522" s="134">
        <v>13143123.988204399</v>
      </c>
      <c r="F522" s="134">
        <v>12865388.4601465</v>
      </c>
      <c r="G522" s="134">
        <v>13151801.056456801</v>
      </c>
      <c r="H522" s="134">
        <v>12422417.3599458</v>
      </c>
      <c r="I522" s="134">
        <v>12882785.625828899</v>
      </c>
      <c r="J522" s="134">
        <v>12912408.811882701</v>
      </c>
      <c r="K522" s="134">
        <v>13286762.215086499</v>
      </c>
      <c r="L522" s="134">
        <v>13270531.865727199</v>
      </c>
      <c r="M522" s="134">
        <v>13865888.861792799</v>
      </c>
      <c r="N522" s="134">
        <v>13865888.861792799</v>
      </c>
    </row>
    <row r="523" spans="1:14" x14ac:dyDescent="0.2">
      <c r="A523" s="133" t="s">
        <v>612</v>
      </c>
      <c r="B523" s="134">
        <v>11008071.246387901</v>
      </c>
      <c r="C523" s="134">
        <v>10996778.522286201</v>
      </c>
      <c r="D523" s="134">
        <v>10772431.683925699</v>
      </c>
      <c r="E523" s="134">
        <v>10501907.968921</v>
      </c>
      <c r="F523" s="134">
        <v>10933089.948226999</v>
      </c>
      <c r="G523" s="134">
        <v>12547387.7396878</v>
      </c>
      <c r="H523" s="134">
        <v>12066389.7001053</v>
      </c>
      <c r="I523" s="134">
        <v>12194186.700473599</v>
      </c>
      <c r="J523" s="134">
        <v>12262519.298795201</v>
      </c>
      <c r="K523" s="134">
        <v>12725485.9148612</v>
      </c>
      <c r="L523" s="134">
        <v>12701428.9567123</v>
      </c>
      <c r="M523" s="134">
        <v>13051701.891917899</v>
      </c>
      <c r="N523" s="134">
        <v>13051701.891917899</v>
      </c>
    </row>
    <row r="524" spans="1:14" x14ac:dyDescent="0.2">
      <c r="A524" s="133" t="s">
        <v>613</v>
      </c>
      <c r="B524" s="134">
        <v>165422031.55671901</v>
      </c>
      <c r="C524" s="134">
        <v>162667478.47640699</v>
      </c>
      <c r="D524" s="134">
        <v>159229181.648936</v>
      </c>
      <c r="E524" s="134">
        <v>155175880.81329799</v>
      </c>
      <c r="F524" s="134">
        <v>145655304.49704099</v>
      </c>
      <c r="G524" s="134">
        <v>146873927.340799</v>
      </c>
      <c r="H524" s="134">
        <v>144135235.31278399</v>
      </c>
      <c r="I524" s="134">
        <v>144266616.34839499</v>
      </c>
      <c r="J524" s="134">
        <v>146125628.58827099</v>
      </c>
      <c r="K524" s="134">
        <v>145219597.24058899</v>
      </c>
      <c r="L524" s="134">
        <v>148834091.586456</v>
      </c>
      <c r="M524" s="134">
        <v>153291599.588752</v>
      </c>
      <c r="N524" s="134">
        <v>153291599.588752</v>
      </c>
    </row>
    <row r="525" spans="1:14" x14ac:dyDescent="0.2">
      <c r="A525" s="133" t="s">
        <v>614</v>
      </c>
      <c r="B525" s="134">
        <v>0</v>
      </c>
      <c r="C525" s="134">
        <v>0</v>
      </c>
      <c r="D525" s="134">
        <v>0</v>
      </c>
      <c r="E525" s="134">
        <v>0</v>
      </c>
      <c r="F525" s="134">
        <v>0</v>
      </c>
      <c r="G525" s="134">
        <v>0</v>
      </c>
      <c r="H525" s="134">
        <v>0</v>
      </c>
      <c r="I525" s="134">
        <v>0</v>
      </c>
      <c r="J525" s="134">
        <v>0</v>
      </c>
      <c r="K525" s="134">
        <v>0</v>
      </c>
      <c r="L525" s="134">
        <v>0</v>
      </c>
      <c r="M525" s="134">
        <v>0</v>
      </c>
      <c r="N525" s="134">
        <v>0</v>
      </c>
    </row>
    <row r="526" spans="1:14" x14ac:dyDescent="0.2">
      <c r="A526" s="133" t="s">
        <v>615</v>
      </c>
      <c r="B526" s="134">
        <v>189709.27039707499</v>
      </c>
      <c r="C526" s="134">
        <v>187650.515208239</v>
      </c>
      <c r="D526" s="134">
        <v>184391.77075852201</v>
      </c>
      <c r="E526" s="134">
        <v>184756.2121833</v>
      </c>
      <c r="F526" s="134">
        <v>182523.22848317301</v>
      </c>
      <c r="G526" s="134">
        <v>185666.33903487501</v>
      </c>
      <c r="H526" s="134">
        <v>190824.98223227001</v>
      </c>
      <c r="I526" s="134">
        <v>184742.64725630201</v>
      </c>
      <c r="J526" s="134">
        <v>174097.131696278</v>
      </c>
      <c r="K526" s="134">
        <v>163864.63332524899</v>
      </c>
      <c r="L526" s="134">
        <v>171434.781321991</v>
      </c>
      <c r="M526" s="134">
        <v>159056.411547847</v>
      </c>
      <c r="N526" s="134">
        <v>159056.411547847</v>
      </c>
    </row>
    <row r="527" spans="1:14" x14ac:dyDescent="0.2">
      <c r="A527" s="133" t="s">
        <v>616</v>
      </c>
      <c r="B527" s="134">
        <v>5641.4400737597298</v>
      </c>
      <c r="C527" s="134">
        <v>5605.7519624863298</v>
      </c>
      <c r="D527" s="134">
        <v>5524.6565470816304</v>
      </c>
      <c r="E527" s="134">
        <v>5544.4884829339999</v>
      </c>
      <c r="F527" s="134">
        <v>5484.7090571058798</v>
      </c>
      <c r="G527" s="134">
        <v>5580.57946211545</v>
      </c>
      <c r="H527" s="134">
        <v>5736.6277469797196</v>
      </c>
      <c r="I527" s="134">
        <v>5554.2432174654195</v>
      </c>
      <c r="J527" s="134">
        <v>5234.5530129917997</v>
      </c>
      <c r="K527" s="134">
        <v>4927.00957126501</v>
      </c>
      <c r="L527" s="134">
        <v>5154.6718292965297</v>
      </c>
      <c r="M527" s="134">
        <v>4782.59090415433</v>
      </c>
      <c r="N527" s="134">
        <v>4782.59090415433</v>
      </c>
    </row>
    <row r="528" spans="1:14" x14ac:dyDescent="0.2">
      <c r="A528" s="133" t="s">
        <v>617</v>
      </c>
      <c r="B528" s="134">
        <v>41858.945861698099</v>
      </c>
      <c r="C528" s="134">
        <v>41569.741112805103</v>
      </c>
      <c r="D528" s="134">
        <v>40952.230111647303</v>
      </c>
      <c r="E528" s="134">
        <v>41089.413341099702</v>
      </c>
      <c r="F528" s="134">
        <v>40636.978639342</v>
      </c>
      <c r="G528" s="134">
        <v>41341.3520508375</v>
      </c>
      <c r="H528" s="134">
        <v>42492.773326253198</v>
      </c>
      <c r="I528" s="134">
        <v>41138.870746021603</v>
      </c>
      <c r="J528" s="134">
        <v>38769.038667960398</v>
      </c>
      <c r="K528" s="134">
        <v>36491.281348994104</v>
      </c>
      <c r="L528" s="134">
        <v>38177.440581242197</v>
      </c>
      <c r="M528" s="134">
        <v>35421.691904516301</v>
      </c>
      <c r="N528" s="134">
        <v>35421.691904516301</v>
      </c>
    </row>
    <row r="529" spans="1:14" x14ac:dyDescent="0.2">
      <c r="A529" s="133" t="s">
        <v>618</v>
      </c>
      <c r="B529" s="134">
        <v>26220110.8843139</v>
      </c>
      <c r="C529" s="134">
        <v>26567424.533718701</v>
      </c>
      <c r="D529" s="134">
        <v>27366929.231166702</v>
      </c>
      <c r="E529" s="134">
        <v>28450640.348042101</v>
      </c>
      <c r="F529" s="134">
        <v>28736593.184305102</v>
      </c>
      <c r="G529" s="134">
        <v>29057007.106601398</v>
      </c>
      <c r="H529" s="134">
        <v>29617552.415203098</v>
      </c>
      <c r="I529" s="134">
        <v>29473910.901807901</v>
      </c>
      <c r="J529" s="134">
        <v>28643583.527127299</v>
      </c>
      <c r="K529" s="134">
        <v>21050342.2955814</v>
      </c>
      <c r="L529" s="134">
        <v>26911213.189686298</v>
      </c>
      <c r="M529" s="134">
        <v>22827594.400798801</v>
      </c>
      <c r="N529" s="134">
        <v>22827594.400798801</v>
      </c>
    </row>
    <row r="530" spans="1:14" x14ac:dyDescent="0.2">
      <c r="A530" s="133" t="s">
        <v>619</v>
      </c>
      <c r="B530" s="134">
        <v>26457320.5406464</v>
      </c>
      <c r="C530" s="134">
        <v>26802250.542002201</v>
      </c>
      <c r="D530" s="134">
        <v>27597797.888583899</v>
      </c>
      <c r="E530" s="134">
        <v>28682030.462049499</v>
      </c>
      <c r="F530" s="134">
        <v>28965238.1004848</v>
      </c>
      <c r="G530" s="134">
        <v>29289595.377149299</v>
      </c>
      <c r="H530" s="134">
        <v>29856606.798508599</v>
      </c>
      <c r="I530" s="134">
        <v>29705346.6630277</v>
      </c>
      <c r="J530" s="134">
        <v>28861684.250504501</v>
      </c>
      <c r="K530" s="134">
        <v>21255625.219826899</v>
      </c>
      <c r="L530" s="134">
        <v>27125980.083418801</v>
      </c>
      <c r="M530" s="134">
        <v>23026855.095155299</v>
      </c>
      <c r="N530" s="134">
        <v>23026855.095155299</v>
      </c>
    </row>
    <row r="531" spans="1:14" x14ac:dyDescent="0.2">
      <c r="A531" s="133" t="s">
        <v>620</v>
      </c>
      <c r="B531" s="134">
        <v>0</v>
      </c>
      <c r="C531" s="134">
        <v>0</v>
      </c>
      <c r="D531" s="134">
        <v>0</v>
      </c>
      <c r="E531" s="134">
        <v>0</v>
      </c>
      <c r="F531" s="134">
        <v>0</v>
      </c>
      <c r="G531" s="134">
        <v>0</v>
      </c>
      <c r="H531" s="134">
        <v>0</v>
      </c>
      <c r="I531" s="134">
        <v>0</v>
      </c>
      <c r="J531" s="134">
        <v>0</v>
      </c>
      <c r="K531" s="134">
        <v>0</v>
      </c>
      <c r="L531" s="134">
        <v>0</v>
      </c>
      <c r="M531" s="134">
        <v>0</v>
      </c>
      <c r="N531" s="134">
        <v>0</v>
      </c>
    </row>
    <row r="532" spans="1:14" x14ac:dyDescent="0.2">
      <c r="A532" s="133" t="s">
        <v>621</v>
      </c>
      <c r="B532" s="134">
        <v>40526348.772059001</v>
      </c>
      <c r="C532" s="134">
        <v>41268920.794434004</v>
      </c>
      <c r="D532" s="134">
        <v>41656429.669614002</v>
      </c>
      <c r="E532" s="134">
        <v>41455768.415829003</v>
      </c>
      <c r="F532" s="134">
        <v>42002234.884528004</v>
      </c>
      <c r="G532" s="134">
        <v>42604692.230281003</v>
      </c>
      <c r="H532" s="134">
        <v>41746916.872124001</v>
      </c>
      <c r="I532" s="134">
        <v>42218192.161070898</v>
      </c>
      <c r="J532" s="134">
        <v>41980672.176678903</v>
      </c>
      <c r="K532" s="134">
        <v>40639535.947507903</v>
      </c>
      <c r="L532" s="134">
        <v>37527272.094404899</v>
      </c>
      <c r="M532" s="134">
        <v>36923284.432595901</v>
      </c>
      <c r="N532" s="134">
        <v>36923284.432595901</v>
      </c>
    </row>
    <row r="533" spans="1:14" x14ac:dyDescent="0.2">
      <c r="A533" s="133" t="s">
        <v>622</v>
      </c>
      <c r="B533" s="134">
        <v>17772389.559563</v>
      </c>
      <c r="C533" s="134">
        <v>17997428.101739999</v>
      </c>
      <c r="D533" s="134">
        <v>18141583.980330002</v>
      </c>
      <c r="E533" s="134">
        <v>17788944.362484999</v>
      </c>
      <c r="F533" s="134">
        <v>17915487.660958</v>
      </c>
      <c r="G533" s="134">
        <v>18050106.800032999</v>
      </c>
      <c r="H533" s="134">
        <v>17483460.405465901</v>
      </c>
      <c r="I533" s="134">
        <v>17534950.018638901</v>
      </c>
      <c r="J533" s="134">
        <v>17192149.5469689</v>
      </c>
      <c r="K533" s="134">
        <v>16397160.5508999</v>
      </c>
      <c r="L533" s="134">
        <v>16359593.7313809</v>
      </c>
      <c r="M533" s="134">
        <v>16110869.2646759</v>
      </c>
      <c r="N533" s="134">
        <v>16110869.2646759</v>
      </c>
    </row>
    <row r="534" spans="1:14" x14ac:dyDescent="0.2">
      <c r="A534" s="133" t="s">
        <v>623</v>
      </c>
      <c r="B534" s="134">
        <v>23019445.148836002</v>
      </c>
      <c r="C534" s="134">
        <v>23392357.860550199</v>
      </c>
      <c r="D534" s="134">
        <v>23691130.595488202</v>
      </c>
      <c r="E534" s="134">
        <v>23630627.6831632</v>
      </c>
      <c r="F534" s="134">
        <v>23844424.266416602</v>
      </c>
      <c r="G534" s="134">
        <v>24356702.056807298</v>
      </c>
      <c r="H534" s="134">
        <v>23753707.935892701</v>
      </c>
      <c r="I534" s="134">
        <v>23920087.179295499</v>
      </c>
      <c r="J534" s="134">
        <v>23728555.163638599</v>
      </c>
      <c r="K534" s="134">
        <v>23304692.969179001</v>
      </c>
      <c r="L534" s="134">
        <v>22220903.541080002</v>
      </c>
      <c r="M534" s="134">
        <v>21927510.5895309</v>
      </c>
      <c r="N534" s="134">
        <v>21927510.5895309</v>
      </c>
    </row>
    <row r="535" spans="1:14" x14ac:dyDescent="0.2">
      <c r="A535" s="133" t="s">
        <v>624</v>
      </c>
      <c r="B535" s="134">
        <v>3612114.9636035701</v>
      </c>
      <c r="C535" s="134">
        <v>3465581.6819564002</v>
      </c>
      <c r="D535" s="134">
        <v>3487066.6219163099</v>
      </c>
      <c r="E535" s="134">
        <v>3343397.9424586399</v>
      </c>
      <c r="F535" s="134">
        <v>3488121.2570932801</v>
      </c>
      <c r="G535" s="134">
        <v>3559228.5484025502</v>
      </c>
      <c r="H535" s="134">
        <v>3516602.5708167502</v>
      </c>
      <c r="I535" s="134">
        <v>3506182.6042048</v>
      </c>
      <c r="J535" s="134">
        <v>3428196.6219772501</v>
      </c>
      <c r="K535" s="134">
        <v>3420307.7265672698</v>
      </c>
      <c r="L535" s="134">
        <v>3893235.2929295902</v>
      </c>
      <c r="M535" s="134">
        <v>3176024.4935739902</v>
      </c>
      <c r="N535" s="134">
        <v>3176024.4935739902</v>
      </c>
    </row>
    <row r="536" spans="1:14" x14ac:dyDescent="0.2">
      <c r="A536" s="133" t="s">
        <v>625</v>
      </c>
      <c r="B536" s="134">
        <v>16757737.363519</v>
      </c>
      <c r="C536" s="134">
        <v>17388404.205921002</v>
      </c>
      <c r="D536" s="134">
        <v>17254105.7551139</v>
      </c>
      <c r="E536" s="134">
        <v>17102353.857207</v>
      </c>
      <c r="F536" s="134">
        <v>16574055.339252001</v>
      </c>
      <c r="G536" s="134">
        <v>16062752.073670899</v>
      </c>
      <c r="H536" s="134">
        <v>11004929.036281999</v>
      </c>
      <c r="I536" s="134">
        <v>10765231.049174</v>
      </c>
      <c r="J536" s="134">
        <v>9809260.9077589996</v>
      </c>
      <c r="K536" s="134">
        <v>9953651.1345520001</v>
      </c>
      <c r="L536" s="134">
        <v>8282092.1665829904</v>
      </c>
      <c r="M536" s="134">
        <v>7292521.4451809898</v>
      </c>
      <c r="N536" s="134">
        <v>7292521.4451809898</v>
      </c>
    </row>
    <row r="537" spans="1:14" x14ac:dyDescent="0.2">
      <c r="A537" s="133" t="s">
        <v>626</v>
      </c>
      <c r="B537" s="134">
        <v>37298.211234000002</v>
      </c>
      <c r="C537" s="134">
        <v>38126.318057999997</v>
      </c>
      <c r="D537" s="134">
        <v>38889.588450000003</v>
      </c>
      <c r="E537" s="134">
        <v>38243.676714000001</v>
      </c>
      <c r="F537" s="134">
        <v>38847.078851999999</v>
      </c>
      <c r="G537" s="134">
        <v>39500.5743059999</v>
      </c>
      <c r="H537" s="134">
        <v>38451.899639999901</v>
      </c>
      <c r="I537" s="134">
        <v>38881.640879999897</v>
      </c>
      <c r="J537" s="134">
        <v>38768.315789999899</v>
      </c>
      <c r="K537" s="134">
        <v>37123.244177999899</v>
      </c>
      <c r="L537" s="134">
        <v>33311.716595999897</v>
      </c>
      <c r="M537" s="134">
        <v>32802.408419999898</v>
      </c>
      <c r="N537" s="134">
        <v>32802.408419999898</v>
      </c>
    </row>
    <row r="538" spans="1:14" x14ac:dyDescent="0.2">
      <c r="A538" s="133" t="s">
        <v>627</v>
      </c>
      <c r="B538" s="134">
        <v>101725334.018814</v>
      </c>
      <c r="C538" s="134">
        <v>103550818.962659</v>
      </c>
      <c r="D538" s="134">
        <v>104269206.210912</v>
      </c>
      <c r="E538" s="134">
        <v>103359335.937856</v>
      </c>
      <c r="F538" s="134">
        <v>103863170.48709901</v>
      </c>
      <c r="G538" s="134">
        <v>104672982.2835</v>
      </c>
      <c r="H538" s="134">
        <v>97544068.720221505</v>
      </c>
      <c r="I538" s="134">
        <v>97983524.653264299</v>
      </c>
      <c r="J538" s="134">
        <v>96177602.732812896</v>
      </c>
      <c r="K538" s="134">
        <v>93752471.572884306</v>
      </c>
      <c r="L538" s="134">
        <v>88316408.542974696</v>
      </c>
      <c r="M538" s="134">
        <v>85463012.633977905</v>
      </c>
      <c r="N538" s="134">
        <v>85463012.633977905</v>
      </c>
    </row>
    <row r="539" spans="1:14" x14ac:dyDescent="0.2">
      <c r="A539" s="133" t="s">
        <v>628</v>
      </c>
      <c r="B539" s="134">
        <v>0</v>
      </c>
      <c r="C539" s="134">
        <v>0</v>
      </c>
      <c r="D539" s="134">
        <v>0</v>
      </c>
      <c r="E539" s="134">
        <v>0</v>
      </c>
      <c r="F539" s="134">
        <v>0</v>
      </c>
      <c r="G539" s="134">
        <v>0</v>
      </c>
      <c r="H539" s="134">
        <v>0</v>
      </c>
      <c r="I539" s="134">
        <v>0</v>
      </c>
      <c r="J539" s="134">
        <v>0</v>
      </c>
      <c r="K539" s="134">
        <v>0</v>
      </c>
      <c r="L539" s="134">
        <v>0</v>
      </c>
      <c r="M539" s="134">
        <v>0</v>
      </c>
      <c r="N539" s="134">
        <v>0</v>
      </c>
    </row>
    <row r="540" spans="1:14" x14ac:dyDescent="0.2">
      <c r="A540" s="133" t="s">
        <v>629</v>
      </c>
      <c r="B540" s="134">
        <v>401453734.54722798</v>
      </c>
      <c r="C540" s="134">
        <v>389536149.31034601</v>
      </c>
      <c r="D540" s="134">
        <v>365548573.48135298</v>
      </c>
      <c r="E540" s="134">
        <v>390757517.27749598</v>
      </c>
      <c r="F540" s="134">
        <v>422612736.70501602</v>
      </c>
      <c r="G540" s="134">
        <v>457951786.37025201</v>
      </c>
      <c r="H540" s="134">
        <v>500008525.77555001</v>
      </c>
      <c r="I540" s="134">
        <v>549284629.01948202</v>
      </c>
      <c r="J540" s="134">
        <v>599777725.22832406</v>
      </c>
      <c r="K540" s="134">
        <v>640671505.97319102</v>
      </c>
      <c r="L540" s="134">
        <v>678196604.47523797</v>
      </c>
      <c r="M540" s="134">
        <v>682685994.91961503</v>
      </c>
      <c r="N540" s="134">
        <v>682685994.91961503</v>
      </c>
    </row>
    <row r="541" spans="1:14" x14ac:dyDescent="0.2">
      <c r="A541" s="133" t="s">
        <v>630</v>
      </c>
      <c r="B541" s="134">
        <v>0</v>
      </c>
      <c r="C541" s="134">
        <v>0</v>
      </c>
      <c r="D541" s="134">
        <v>0</v>
      </c>
      <c r="E541" s="134">
        <v>0</v>
      </c>
      <c r="F541" s="134">
        <v>0</v>
      </c>
      <c r="G541" s="134">
        <v>0</v>
      </c>
      <c r="H541" s="134">
        <v>0</v>
      </c>
      <c r="I541" s="134">
        <v>0</v>
      </c>
      <c r="J541" s="134">
        <v>0</v>
      </c>
      <c r="K541" s="134">
        <v>0</v>
      </c>
      <c r="L541" s="134">
        <v>0</v>
      </c>
      <c r="M541" s="134">
        <v>0</v>
      </c>
      <c r="N541" s="134">
        <v>0</v>
      </c>
    </row>
    <row r="542" spans="1:14" x14ac:dyDescent="0.2">
      <c r="A542" s="133" t="s">
        <v>631</v>
      </c>
      <c r="B542" s="134">
        <v>695058420.66340899</v>
      </c>
      <c r="C542" s="134">
        <v>682556697.29141498</v>
      </c>
      <c r="D542" s="134">
        <v>656644759.22978604</v>
      </c>
      <c r="E542" s="134">
        <v>677974764.49070096</v>
      </c>
      <c r="F542" s="134">
        <v>701096449.78964305</v>
      </c>
      <c r="G542" s="134">
        <v>738788291.371701</v>
      </c>
      <c r="H542" s="134">
        <v>771544436.60706496</v>
      </c>
      <c r="I542" s="134">
        <v>821240116.68417001</v>
      </c>
      <c r="J542" s="134">
        <v>870942640.79991305</v>
      </c>
      <c r="K542" s="134">
        <v>900899200.00649202</v>
      </c>
      <c r="L542" s="134">
        <v>942473084.68808806</v>
      </c>
      <c r="M542" s="134">
        <v>944467462.23750103</v>
      </c>
      <c r="N542" s="134">
        <v>944467462.23750103</v>
      </c>
    </row>
    <row r="543" spans="1:14" x14ac:dyDescent="0.2">
      <c r="A543" s="133" t="s">
        <v>632</v>
      </c>
      <c r="B543" s="134">
        <v>695521978.01031899</v>
      </c>
      <c r="C543" s="134">
        <v>683044486.87891805</v>
      </c>
      <c r="D543" s="134">
        <v>657141860.881073</v>
      </c>
      <c r="E543" s="134">
        <v>678486759.61240196</v>
      </c>
      <c r="F543" s="134">
        <v>701616962.39379299</v>
      </c>
      <c r="G543" s="134">
        <v>739335796.73611796</v>
      </c>
      <c r="H543" s="134">
        <v>772099972.64627194</v>
      </c>
      <c r="I543" s="134">
        <v>821795092.261953</v>
      </c>
      <c r="J543" s="134">
        <v>871486321.93484604</v>
      </c>
      <c r="K543" s="134">
        <v>901403617.41924095</v>
      </c>
      <c r="L543" s="134">
        <v>943001062.88970697</v>
      </c>
      <c r="M543" s="134">
        <v>944981520.86251295</v>
      </c>
      <c r="N543" s="134">
        <v>944981520.86251295</v>
      </c>
    </row>
    <row r="544" spans="1:14" x14ac:dyDescent="0.2">
      <c r="A544" s="133" t="s">
        <v>633</v>
      </c>
      <c r="B544" s="134">
        <v>-463557.34690953902</v>
      </c>
      <c r="C544" s="134">
        <v>-487789.58750225097</v>
      </c>
      <c r="D544" s="134">
        <v>-497101.65128647297</v>
      </c>
      <c r="E544" s="134">
        <v>-511995.12170092203</v>
      </c>
      <c r="F544" s="134">
        <v>-520512.60415057099</v>
      </c>
      <c r="G544" s="134">
        <v>-547505.36441686505</v>
      </c>
      <c r="H544" s="134">
        <v>-555536.03920631495</v>
      </c>
      <c r="I544" s="134">
        <v>-554975.57778330497</v>
      </c>
      <c r="J544" s="134">
        <v>-543681.134932674</v>
      </c>
      <c r="K544" s="134">
        <v>-504417.41274879302</v>
      </c>
      <c r="L544" s="134">
        <v>-527978.20161958202</v>
      </c>
      <c r="M544" s="134">
        <v>-514058.62501182099</v>
      </c>
      <c r="N544" s="134">
        <v>-514058.62501182099</v>
      </c>
    </row>
    <row r="545" spans="1:14" x14ac:dyDescent="0.2">
      <c r="A545" s="133" t="s">
        <v>634</v>
      </c>
      <c r="B545" s="134">
        <v>0</v>
      </c>
      <c r="C545" s="134">
        <v>0</v>
      </c>
      <c r="D545" s="134">
        <v>0</v>
      </c>
      <c r="E545" s="134">
        <v>0</v>
      </c>
      <c r="F545" s="134">
        <v>0</v>
      </c>
      <c r="G545" s="134">
        <v>0</v>
      </c>
      <c r="H545" s="134">
        <v>0</v>
      </c>
      <c r="I545" s="134">
        <v>0</v>
      </c>
      <c r="J545" s="134">
        <v>0</v>
      </c>
      <c r="K545" s="134">
        <v>0</v>
      </c>
      <c r="L545" s="134">
        <v>0</v>
      </c>
      <c r="M545" s="134">
        <v>0</v>
      </c>
      <c r="N545" s="134">
        <v>0</v>
      </c>
    </row>
    <row r="546" spans="1:14" x14ac:dyDescent="0.2">
      <c r="A546" s="133" t="s">
        <v>635</v>
      </c>
      <c r="B546" s="134">
        <v>0</v>
      </c>
      <c r="C546" s="134">
        <v>0</v>
      </c>
      <c r="D546" s="134">
        <v>0</v>
      </c>
      <c r="E546" s="134">
        <v>0</v>
      </c>
      <c r="F546" s="134">
        <v>0</v>
      </c>
      <c r="G546" s="134">
        <v>0</v>
      </c>
      <c r="H546" s="134">
        <v>0</v>
      </c>
      <c r="I546" s="134">
        <v>0</v>
      </c>
      <c r="J546" s="134">
        <v>0</v>
      </c>
      <c r="K546" s="134">
        <v>0</v>
      </c>
      <c r="L546" s="134">
        <v>0</v>
      </c>
      <c r="M546" s="134">
        <v>0</v>
      </c>
      <c r="N546" s="134">
        <v>0</v>
      </c>
    </row>
    <row r="547" spans="1:14" x14ac:dyDescent="0.2">
      <c r="A547" s="133" t="s">
        <v>636</v>
      </c>
      <c r="B547" s="134">
        <v>162517.429047199</v>
      </c>
      <c r="C547" s="134">
        <v>205621.95223689999</v>
      </c>
      <c r="D547" s="134">
        <v>338886.83258639998</v>
      </c>
      <c r="E547" s="134">
        <v>409114.92485429998</v>
      </c>
      <c r="F547" s="134">
        <v>378358.7865249</v>
      </c>
      <c r="G547" s="134">
        <v>403985.42499099998</v>
      </c>
      <c r="H547" s="134">
        <v>447712.87608389999</v>
      </c>
      <c r="I547" s="134">
        <v>486709.11760860001</v>
      </c>
      <c r="J547" s="134">
        <v>445326.81036649999</v>
      </c>
      <c r="K547" s="134">
        <v>429429.08854049997</v>
      </c>
      <c r="L547" s="134">
        <v>355631.31702090002</v>
      </c>
      <c r="M547" s="134">
        <v>467696.68313830002</v>
      </c>
      <c r="N547" s="134">
        <v>467696.68313830002</v>
      </c>
    </row>
    <row r="548" spans="1:14" x14ac:dyDescent="0.2">
      <c r="A548" s="133" t="s">
        <v>637</v>
      </c>
      <c r="B548" s="134">
        <v>6528171.2859090604</v>
      </c>
      <c r="C548" s="134">
        <v>5809108.1699816398</v>
      </c>
      <c r="D548" s="134">
        <v>7134280.9663962498</v>
      </c>
      <c r="E548" s="134">
        <v>7234546.5239339704</v>
      </c>
      <c r="F548" s="134">
        <v>6656475.7070837701</v>
      </c>
      <c r="G548" s="134">
        <v>6974804.92916953</v>
      </c>
      <c r="H548" s="134">
        <v>7500235.9121327205</v>
      </c>
      <c r="I548" s="134">
        <v>7870177.6027494203</v>
      </c>
      <c r="J548" s="134">
        <v>7965371.2152131004</v>
      </c>
      <c r="K548" s="134">
        <v>7418641.94945121</v>
      </c>
      <c r="L548" s="134">
        <v>6906258.4014641698</v>
      </c>
      <c r="M548" s="134">
        <v>6801201.19221381</v>
      </c>
      <c r="N548" s="134">
        <v>6801201.19221381</v>
      </c>
    </row>
    <row r="549" spans="1:14" x14ac:dyDescent="0.2">
      <c r="A549" s="133" t="s">
        <v>638</v>
      </c>
      <c r="B549" s="134">
        <v>0</v>
      </c>
      <c r="C549" s="134">
        <v>0</v>
      </c>
      <c r="D549" s="134">
        <v>0</v>
      </c>
      <c r="E549" s="134">
        <v>0</v>
      </c>
      <c r="F549" s="134">
        <v>0</v>
      </c>
      <c r="G549" s="134">
        <v>0</v>
      </c>
      <c r="H549" s="134">
        <v>0</v>
      </c>
      <c r="I549" s="134">
        <v>0</v>
      </c>
      <c r="J549" s="134">
        <v>0</v>
      </c>
      <c r="K549" s="134">
        <v>0</v>
      </c>
      <c r="L549" s="134">
        <v>0</v>
      </c>
      <c r="M549" s="134">
        <v>0</v>
      </c>
      <c r="N549" s="134">
        <v>0</v>
      </c>
    </row>
    <row r="550" spans="1:14" x14ac:dyDescent="0.2">
      <c r="A550" s="133" t="s">
        <v>639</v>
      </c>
      <c r="B550" s="134">
        <v>0</v>
      </c>
      <c r="C550" s="134">
        <v>0</v>
      </c>
      <c r="D550" s="134">
        <v>0</v>
      </c>
      <c r="E550" s="134">
        <v>0</v>
      </c>
      <c r="F550" s="134">
        <v>0</v>
      </c>
      <c r="G550" s="134">
        <v>0</v>
      </c>
      <c r="H550" s="134">
        <v>0</v>
      </c>
      <c r="I550" s="134">
        <v>0</v>
      </c>
      <c r="J550" s="134">
        <v>0</v>
      </c>
      <c r="K550" s="134">
        <v>0</v>
      </c>
      <c r="L550" s="134">
        <v>0</v>
      </c>
      <c r="M550" s="134">
        <v>0</v>
      </c>
      <c r="N550" s="134">
        <v>0</v>
      </c>
    </row>
    <row r="551" spans="1:14" x14ac:dyDescent="0.2">
      <c r="A551" s="133" t="s">
        <v>640</v>
      </c>
      <c r="B551" s="134">
        <v>408843078.63281101</v>
      </c>
      <c r="C551" s="134">
        <v>410527984.71922499</v>
      </c>
      <c r="D551" s="134">
        <v>412047571.64726502</v>
      </c>
      <c r="E551" s="134">
        <v>413427679.04756099</v>
      </c>
      <c r="F551" s="134">
        <v>414999952.716151</v>
      </c>
      <c r="G551" s="134">
        <v>417357953.610443</v>
      </c>
      <c r="H551" s="134">
        <v>418908142.17760497</v>
      </c>
      <c r="I551" s="134">
        <v>420571757.68638802</v>
      </c>
      <c r="J551" s="134">
        <v>422234939.54307503</v>
      </c>
      <c r="K551" s="134">
        <v>423847049.65902299</v>
      </c>
      <c r="L551" s="134">
        <v>425777119.30439901</v>
      </c>
      <c r="M551" s="134">
        <v>427646026.010001</v>
      </c>
      <c r="N551" s="134">
        <v>427646026.010001</v>
      </c>
    </row>
    <row r="552" spans="1:14" x14ac:dyDescent="0.2">
      <c r="A552" s="133" t="s">
        <v>641</v>
      </c>
      <c r="B552" s="134">
        <v>2064361723.4756701</v>
      </c>
      <c r="C552" s="134">
        <v>2118934802.70485</v>
      </c>
      <c r="D552" s="134">
        <v>2172970291.16713</v>
      </c>
      <c r="E552" s="134">
        <v>2216231275.7142</v>
      </c>
      <c r="F552" s="134">
        <v>2240292423.645</v>
      </c>
      <c r="G552" s="134">
        <v>2240375285.2045999</v>
      </c>
      <c r="H552" s="134">
        <v>2238355568.5908198</v>
      </c>
      <c r="I552" s="134">
        <v>2270932923.5992198</v>
      </c>
      <c r="J552" s="134">
        <v>2288199768.4029498</v>
      </c>
      <c r="K552" s="134">
        <v>2312820275.8298602</v>
      </c>
      <c r="L552" s="134">
        <v>2329082249.5685802</v>
      </c>
      <c r="M552" s="134">
        <v>2323203245.56037</v>
      </c>
      <c r="N552" s="134">
        <v>2323203245.56037</v>
      </c>
    </row>
    <row r="553" spans="1:14" x14ac:dyDescent="0.2">
      <c r="A553" s="133" t="s">
        <v>642</v>
      </c>
      <c r="B553" s="134">
        <v>2479895490.8234301</v>
      </c>
      <c r="C553" s="134">
        <v>2535477517.5462899</v>
      </c>
      <c r="D553" s="134">
        <v>2592491030.6133699</v>
      </c>
      <c r="E553" s="134">
        <v>2637302616.2105498</v>
      </c>
      <c r="F553" s="134">
        <v>2662327210.8547602</v>
      </c>
      <c r="G553" s="134">
        <v>2665112029.16921</v>
      </c>
      <c r="H553" s="134">
        <v>2665211659.5566401</v>
      </c>
      <c r="I553" s="134">
        <v>2699861568.00596</v>
      </c>
      <c r="J553" s="134">
        <v>2718845405.9716001</v>
      </c>
      <c r="K553" s="134">
        <v>2744515396.5268798</v>
      </c>
      <c r="L553" s="134">
        <v>2762121258.5914602</v>
      </c>
      <c r="M553" s="134">
        <v>2758118169.4457202</v>
      </c>
      <c r="N553" s="134">
        <v>2758118169.4457202</v>
      </c>
    </row>
    <row r="554" spans="1:14" x14ac:dyDescent="0.2">
      <c r="A554" s="133" t="s">
        <v>643</v>
      </c>
      <c r="B554" s="134">
        <v>0</v>
      </c>
      <c r="C554" s="134">
        <v>0</v>
      </c>
      <c r="D554" s="134">
        <v>0</v>
      </c>
      <c r="E554" s="134">
        <v>0</v>
      </c>
      <c r="F554" s="134">
        <v>0</v>
      </c>
      <c r="G554" s="134">
        <v>0</v>
      </c>
      <c r="H554" s="134">
        <v>0</v>
      </c>
      <c r="I554" s="134">
        <v>0</v>
      </c>
      <c r="J554" s="134">
        <v>0</v>
      </c>
      <c r="K554" s="134">
        <v>0</v>
      </c>
      <c r="L554" s="134">
        <v>0</v>
      </c>
      <c r="M554" s="134">
        <v>0</v>
      </c>
      <c r="N554" s="134">
        <v>0</v>
      </c>
    </row>
    <row r="555" spans="1:14" x14ac:dyDescent="0.2">
      <c r="A555" s="133" t="s">
        <v>644</v>
      </c>
    </row>
    <row r="556" spans="1:14" ht="10.8" thickBot="1" x14ac:dyDescent="0.25">
      <c r="A556" s="138" t="s">
        <v>645</v>
      </c>
      <c r="B556" s="134">
        <v>0</v>
      </c>
      <c r="C556" s="134">
        <v>0</v>
      </c>
      <c r="D556" s="134">
        <v>0</v>
      </c>
      <c r="E556" s="134">
        <v>0</v>
      </c>
      <c r="F556" s="134">
        <v>0</v>
      </c>
      <c r="G556" s="134">
        <v>0</v>
      </c>
      <c r="H556" s="134">
        <v>0</v>
      </c>
      <c r="I556" s="134">
        <v>0</v>
      </c>
      <c r="J556" s="134">
        <v>0</v>
      </c>
      <c r="K556" s="134">
        <v>0</v>
      </c>
      <c r="L556" s="134">
        <v>0</v>
      </c>
      <c r="M556" s="134">
        <v>0</v>
      </c>
      <c r="N556" s="134">
        <v>0</v>
      </c>
    </row>
    <row r="557" spans="1:14" x14ac:dyDescent="0.2">
      <c r="A557" s="133" t="s">
        <v>646</v>
      </c>
      <c r="B557" s="134">
        <v>0</v>
      </c>
      <c r="C557" s="134">
        <v>0</v>
      </c>
      <c r="D557" s="134">
        <v>0</v>
      </c>
      <c r="E557" s="134">
        <v>0</v>
      </c>
      <c r="F557" s="134">
        <v>0</v>
      </c>
      <c r="G557" s="134">
        <v>0</v>
      </c>
      <c r="H557" s="134">
        <v>0</v>
      </c>
      <c r="I557" s="134">
        <v>0</v>
      </c>
      <c r="J557" s="134">
        <v>0</v>
      </c>
      <c r="K557" s="134">
        <v>0</v>
      </c>
      <c r="L557" s="134">
        <v>0</v>
      </c>
      <c r="M557" s="134">
        <v>0</v>
      </c>
      <c r="N557" s="134">
        <v>0</v>
      </c>
    </row>
    <row r="558" spans="1:14" x14ac:dyDescent="0.2">
      <c r="A558" s="133" t="s">
        <v>647</v>
      </c>
      <c r="B558" s="134">
        <v>0</v>
      </c>
      <c r="C558" s="134">
        <v>0</v>
      </c>
      <c r="D558" s="134">
        <v>0</v>
      </c>
      <c r="E558" s="134">
        <v>0</v>
      </c>
      <c r="F558" s="134">
        <v>0</v>
      </c>
      <c r="G558" s="134">
        <v>0</v>
      </c>
      <c r="H558" s="134">
        <v>0</v>
      </c>
      <c r="I558" s="134">
        <v>0</v>
      </c>
      <c r="J558" s="134">
        <v>0</v>
      </c>
      <c r="K558" s="134">
        <v>0</v>
      </c>
      <c r="L558" s="134">
        <v>0</v>
      </c>
      <c r="M558" s="134">
        <v>0</v>
      </c>
      <c r="N558" s="134">
        <v>0</v>
      </c>
    </row>
    <row r="559" spans="1:14" x14ac:dyDescent="0.2">
      <c r="A559" s="133" t="s">
        <v>648</v>
      </c>
      <c r="B559" s="134">
        <v>0</v>
      </c>
      <c r="C559" s="134">
        <v>0</v>
      </c>
      <c r="D559" s="134">
        <v>0</v>
      </c>
      <c r="E559" s="134">
        <v>0</v>
      </c>
      <c r="F559" s="134">
        <v>0</v>
      </c>
      <c r="G559" s="134">
        <v>0</v>
      </c>
      <c r="H559" s="134">
        <v>0</v>
      </c>
      <c r="I559" s="134">
        <v>0</v>
      </c>
      <c r="J559" s="134">
        <v>0</v>
      </c>
      <c r="K559" s="134">
        <v>0</v>
      </c>
      <c r="L559" s="134">
        <v>0</v>
      </c>
      <c r="M559" s="134">
        <v>0</v>
      </c>
      <c r="N559" s="134">
        <v>0</v>
      </c>
    </row>
    <row r="560" spans="1:14" x14ac:dyDescent="0.2">
      <c r="A560" s="133" t="s">
        <v>649</v>
      </c>
      <c r="B560" s="134">
        <v>0</v>
      </c>
      <c r="C560" s="134">
        <v>0</v>
      </c>
      <c r="D560" s="134">
        <v>0</v>
      </c>
      <c r="E560" s="134">
        <v>0</v>
      </c>
      <c r="F560" s="134">
        <v>0</v>
      </c>
      <c r="G560" s="134">
        <v>0</v>
      </c>
      <c r="H560" s="134">
        <v>0</v>
      </c>
      <c r="I560" s="134">
        <v>0</v>
      </c>
      <c r="J560" s="134">
        <v>0</v>
      </c>
      <c r="K560" s="134">
        <v>0</v>
      </c>
      <c r="L560" s="134">
        <v>0</v>
      </c>
      <c r="M560" s="134">
        <v>0</v>
      </c>
      <c r="N560" s="134">
        <v>0</v>
      </c>
    </row>
    <row r="561" spans="1:14" x14ac:dyDescent="0.2">
      <c r="A561" s="133" t="s">
        <v>650</v>
      </c>
      <c r="B561" s="134">
        <v>0</v>
      </c>
      <c r="C561" s="134">
        <v>0</v>
      </c>
      <c r="D561" s="134">
        <v>0</v>
      </c>
      <c r="E561" s="134">
        <v>0</v>
      </c>
      <c r="F561" s="134">
        <v>0</v>
      </c>
      <c r="G561" s="134">
        <v>0</v>
      </c>
      <c r="H561" s="134">
        <v>0</v>
      </c>
      <c r="I561" s="134">
        <v>0</v>
      </c>
      <c r="J561" s="134">
        <v>0</v>
      </c>
      <c r="K561" s="134">
        <v>0</v>
      </c>
      <c r="L561" s="134">
        <v>0</v>
      </c>
      <c r="M561" s="134">
        <v>0</v>
      </c>
      <c r="N561" s="134">
        <v>0</v>
      </c>
    </row>
    <row r="562" spans="1:14" x14ac:dyDescent="0.2">
      <c r="A562" s="133" t="s">
        <v>651</v>
      </c>
    </row>
    <row r="563" spans="1:14" x14ac:dyDescent="0.2">
      <c r="A563" s="133" t="s">
        <v>652</v>
      </c>
    </row>
    <row r="564" spans="1:14" x14ac:dyDescent="0.2">
      <c r="A564" s="133" t="s">
        <v>653</v>
      </c>
    </row>
  </sheetData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42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BD80914-AC15-4F7B-80E7-E45BF1CF8FBC}">
  <sheetPr>
    <tabColor rgb="FF002060"/>
  </sheetPr>
  <dimension ref="A1:N16"/>
  <sheetViews>
    <sheetView tabSelected="1" workbookViewId="0">
      <selection activeCell="F30" sqref="F30"/>
    </sheetView>
  </sheetViews>
  <sheetFormatPr defaultColWidth="13.33203125" defaultRowHeight="13.8" x14ac:dyDescent="0.3"/>
  <cols>
    <col min="1" max="1" width="12.109375" style="75" customWidth="1"/>
    <col min="2" max="2" width="3.44140625" style="75" customWidth="1"/>
    <col min="3" max="3" width="2.77734375" style="75" customWidth="1"/>
    <col min="4" max="4" width="13.44140625" style="75" bestFit="1" customWidth="1"/>
    <col min="5" max="5" width="12.33203125" style="75" bestFit="1" customWidth="1"/>
    <col min="6" max="6" width="10.44140625" style="75" bestFit="1" customWidth="1"/>
    <col min="7" max="7" width="13.44140625" style="75" bestFit="1" customWidth="1"/>
    <col min="8" max="8" width="12.109375" style="75" bestFit="1" customWidth="1"/>
    <col min="9" max="9" width="9.109375" style="75" bestFit="1" customWidth="1"/>
    <col min="10" max="10" width="10.44140625" style="75" bestFit="1" customWidth="1"/>
    <col min="11" max="12" width="9.109375" style="75" bestFit="1" customWidth="1"/>
    <col min="13" max="13" width="12.109375" style="75" customWidth="1"/>
    <col min="14" max="14" width="13.44140625" style="75" bestFit="1" customWidth="1"/>
    <col min="15" max="25" width="15.33203125" style="75" customWidth="1"/>
    <col min="26" max="26" width="12.109375" style="75" bestFit="1" customWidth="1"/>
    <col min="27" max="27" width="10" style="75" bestFit="1" customWidth="1"/>
    <col min="28" max="28" width="16.77734375" style="75" bestFit="1" customWidth="1"/>
    <col min="29" max="29" width="16.33203125" style="75" bestFit="1" customWidth="1"/>
    <col min="30" max="30" width="18" style="75" bestFit="1" customWidth="1"/>
    <col min="31" max="31" width="14.77734375" style="75" bestFit="1" customWidth="1"/>
    <col min="32" max="32" width="16.77734375" style="75" bestFit="1" customWidth="1"/>
    <col min="33" max="33" width="18.109375" style="75" bestFit="1" customWidth="1"/>
    <col min="34" max="34" width="14.109375" style="75" bestFit="1" customWidth="1"/>
    <col min="35" max="47" width="15.77734375" style="75" customWidth="1"/>
    <col min="48" max="16384" width="13.33203125" style="75"/>
  </cols>
  <sheetData>
    <row r="1" spans="1:14" x14ac:dyDescent="0.3">
      <c r="A1" s="83" t="s">
        <v>666</v>
      </c>
    </row>
    <row r="2" spans="1:14" x14ac:dyDescent="0.3">
      <c r="A2" s="83"/>
    </row>
    <row r="3" spans="1:14" x14ac:dyDescent="0.3">
      <c r="A3" s="76" t="s">
        <v>667</v>
      </c>
    </row>
    <row r="4" spans="1:14" x14ac:dyDescent="0.3">
      <c r="A4" s="76"/>
    </row>
    <row r="5" spans="1:14" x14ac:dyDescent="0.3">
      <c r="N5" s="77"/>
    </row>
    <row r="6" spans="1:14" ht="14.4" thickBot="1" x14ac:dyDescent="0.35">
      <c r="D6" s="78" t="s">
        <v>668</v>
      </c>
      <c r="E6" s="79"/>
      <c r="F6" s="79"/>
      <c r="G6" s="79"/>
      <c r="H6" s="79"/>
      <c r="I6" s="79"/>
      <c r="J6" s="79"/>
      <c r="K6" s="79"/>
      <c r="L6" s="79"/>
      <c r="M6" s="79"/>
      <c r="N6" s="79"/>
    </row>
    <row r="7" spans="1:14" x14ac:dyDescent="0.3">
      <c r="D7" s="80" t="s">
        <v>669</v>
      </c>
      <c r="E7" s="80" t="s">
        <v>670</v>
      </c>
      <c r="F7" s="80" t="s">
        <v>671</v>
      </c>
      <c r="G7" s="80" t="s">
        <v>672</v>
      </c>
      <c r="H7" s="80" t="s">
        <v>673</v>
      </c>
      <c r="I7" s="80" t="s">
        <v>674</v>
      </c>
      <c r="J7" s="80" t="s">
        <v>675</v>
      </c>
      <c r="K7" s="80" t="s">
        <v>676</v>
      </c>
      <c r="L7" s="80" t="s">
        <v>677</v>
      </c>
      <c r="M7" s="80" t="s">
        <v>678</v>
      </c>
      <c r="N7" s="80" t="s">
        <v>679</v>
      </c>
    </row>
    <row r="9" spans="1:14" x14ac:dyDescent="0.3">
      <c r="A9" s="76" t="s">
        <v>680</v>
      </c>
      <c r="D9" s="82"/>
      <c r="E9" s="82"/>
      <c r="F9" s="82"/>
      <c r="G9" s="82"/>
      <c r="H9" s="82"/>
      <c r="I9" s="82"/>
      <c r="J9" s="82"/>
      <c r="K9" s="82"/>
      <c r="L9" s="82"/>
      <c r="M9" s="82"/>
      <c r="N9" s="82"/>
    </row>
    <row r="10" spans="1:14" x14ac:dyDescent="0.3">
      <c r="A10" s="75">
        <v>2023</v>
      </c>
      <c r="D10" s="81">
        <v>1714313.4323174683</v>
      </c>
      <c r="E10" s="81">
        <v>127532.84749320551</v>
      </c>
      <c r="F10" s="81">
        <v>14486.266272292358</v>
      </c>
      <c r="G10" s="81">
        <v>47422.89746148861</v>
      </c>
      <c r="H10" s="81">
        <v>145.08981270390697</v>
      </c>
      <c r="I10" s="81">
        <v>5.9154781354617825</v>
      </c>
      <c r="J10" s="81">
        <v>62529.840899389666</v>
      </c>
      <c r="K10" s="81">
        <v>8.7983614053203159</v>
      </c>
      <c r="L10" s="81">
        <v>2.6267611102016946</v>
      </c>
      <c r="M10" s="81">
        <v>0.88770811894065205</v>
      </c>
      <c r="N10" s="82">
        <v>1966448.6025653183</v>
      </c>
    </row>
    <row r="11" spans="1:14" x14ac:dyDescent="0.3">
      <c r="A11" s="75">
        <v>2024</v>
      </c>
      <c r="D11" s="81">
        <v>1745541.0000681242</v>
      </c>
      <c r="E11" s="81">
        <v>129085.75094737015</v>
      </c>
      <c r="F11" s="81">
        <v>14633.29402135316</v>
      </c>
      <c r="G11" s="81">
        <v>47990.97132293367</v>
      </c>
      <c r="H11" s="81">
        <v>145.4838506099637</v>
      </c>
      <c r="I11" s="81">
        <v>5.9528864086844564</v>
      </c>
      <c r="J11" s="81">
        <v>63459.16360275128</v>
      </c>
      <c r="K11" s="81">
        <v>8.8378679550279564</v>
      </c>
      <c r="L11" s="81">
        <v>2.6181666348139916</v>
      </c>
      <c r="M11" s="81">
        <v>0.87923595081953021</v>
      </c>
      <c r="N11" s="82">
        <v>2000873.9519700916</v>
      </c>
    </row>
    <row r="12" spans="1:14" x14ac:dyDescent="0.3">
      <c r="A12" s="75">
        <v>2025</v>
      </c>
      <c r="D12" s="81">
        <v>1776800.29182527</v>
      </c>
      <c r="E12" s="81">
        <v>130642.64952786062</v>
      </c>
      <c r="F12" s="81">
        <v>14779.105799156816</v>
      </c>
      <c r="G12" s="81">
        <v>48553.53537760114</v>
      </c>
      <c r="H12" s="81">
        <v>145.16205956744474</v>
      </c>
      <c r="I12" s="81">
        <v>5.9819519558084773</v>
      </c>
      <c r="J12" s="81">
        <v>64385.301538236941</v>
      </c>
      <c r="K12" s="81">
        <v>8.8597368340670712</v>
      </c>
      <c r="L12" s="81">
        <v>2.5869961431015658</v>
      </c>
      <c r="M12" s="81">
        <v>0.86240634176543995</v>
      </c>
      <c r="N12" s="130">
        <v>2035324.3372189673</v>
      </c>
    </row>
    <row r="13" spans="1:14" x14ac:dyDescent="0.3">
      <c r="A13" s="75">
        <v>2026</v>
      </c>
      <c r="D13" s="81">
        <v>1808031.4826892933</v>
      </c>
      <c r="E13" s="81">
        <v>132214.46764661788</v>
      </c>
      <c r="F13" s="81">
        <v>14926.022536775783</v>
      </c>
      <c r="G13" s="81">
        <v>49126.572048408387</v>
      </c>
      <c r="H13" s="81">
        <v>145.33586353544496</v>
      </c>
      <c r="I13" s="81">
        <v>6.0172916825307894</v>
      </c>
      <c r="J13" s="81">
        <v>65313.263576969672</v>
      </c>
      <c r="K13" s="81">
        <v>8.8942629577044929</v>
      </c>
      <c r="L13" s="81">
        <v>2.5688985910303757</v>
      </c>
      <c r="M13" s="81">
        <v>0.85231133754059429</v>
      </c>
      <c r="N13" s="130">
        <v>2069775.4771261695</v>
      </c>
    </row>
    <row r="14" spans="1:14" x14ac:dyDescent="0.3">
      <c r="A14" s="75">
        <v>2027</v>
      </c>
      <c r="D14" s="81">
        <v>1838709.7792701356</v>
      </c>
      <c r="E14" s="81">
        <v>133781.30672281282</v>
      </c>
      <c r="F14" s="81">
        <v>15072.154034854188</v>
      </c>
      <c r="G14" s="81">
        <v>49703.026600915175</v>
      </c>
      <c r="H14" s="81">
        <v>146.03685338929219</v>
      </c>
      <c r="I14" s="81">
        <v>6.0597029238823206</v>
      </c>
      <c r="J14" s="81">
        <v>66228.822924330365</v>
      </c>
      <c r="K14" s="81">
        <v>8.9417116938508325</v>
      </c>
      <c r="L14" s="81">
        <v>2.5702934028497135</v>
      </c>
      <c r="M14" s="81">
        <v>0.84982137940195013</v>
      </c>
      <c r="N14" s="82">
        <v>2103659.5479358374</v>
      </c>
    </row>
    <row r="15" spans="1:14" x14ac:dyDescent="0.3">
      <c r="D15" s="81"/>
      <c r="E15" s="81"/>
      <c r="F15" s="81"/>
      <c r="G15" s="81"/>
      <c r="H15" s="81"/>
      <c r="I15" s="81"/>
      <c r="J15" s="81"/>
      <c r="K15" s="81"/>
      <c r="L15" s="81"/>
      <c r="M15" s="81"/>
      <c r="N15" s="82"/>
    </row>
    <row r="16" spans="1:14" x14ac:dyDescent="0.3">
      <c r="D16" s="82"/>
      <c r="E16" s="82"/>
      <c r="F16" s="82"/>
      <c r="G16" s="82"/>
      <c r="H16" s="82"/>
      <c r="I16" s="82"/>
      <c r="J16" s="82"/>
      <c r="K16" s="82"/>
      <c r="L16" s="82"/>
      <c r="M16" s="82"/>
      <c r="N16" s="82"/>
    </row>
  </sheetData>
  <hyperlinks>
    <hyperlink ref="A1" r:id="rId1" xr:uid="{70CE42E0-9AAE-4321-9957-8D2A2EE7D7AE}"/>
  </hyperlinks>
  <pageMargins left="0.7" right="0.7" top="0.75" bottom="0.75" header="0.3" footer="0.3"/>
  <pageSetup orientation="portrait" horizontalDpi="1200" verticalDpi="1200" r:id="rId2"/>
  <headerFooter>
    <oddHeader xml:space="preserve">&amp;RDEF’s Response to OPC POD 1 (1-26)
Q7
Page &amp;P of &amp;N
</oddHeader>
    <oddFooter>&amp;R20240025-OPCPOD1-00004242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6ACC13-A881-490C-8000-61F9AFBC34A6}">
  <sheetPr>
    <tabColor rgb="FF002060"/>
  </sheetPr>
  <dimension ref="A1:R33"/>
  <sheetViews>
    <sheetView tabSelected="1" workbookViewId="0">
      <selection activeCell="F30" sqref="F30"/>
    </sheetView>
  </sheetViews>
  <sheetFormatPr defaultRowHeight="13.2" x14ac:dyDescent="0.25"/>
  <cols>
    <col min="1" max="1" width="45.6640625" bestFit="1" customWidth="1"/>
    <col min="2" max="2" width="14.33203125" bestFit="1" customWidth="1"/>
    <col min="3" max="4" width="10.44140625" bestFit="1" customWidth="1"/>
    <col min="5" max="5" width="14.109375" bestFit="1" customWidth="1"/>
    <col min="6" max="6" width="10.44140625" bestFit="1" customWidth="1"/>
    <col min="7" max="7" width="10.77734375" bestFit="1" customWidth="1"/>
    <col min="8" max="18" width="10.44140625" bestFit="1" customWidth="1"/>
  </cols>
  <sheetData>
    <row r="1" spans="1:18" ht="23.4" x14ac:dyDescent="0.45">
      <c r="A1" s="139" t="s">
        <v>975</v>
      </c>
      <c r="B1" s="140">
        <v>45261</v>
      </c>
    </row>
    <row r="2" spans="1:18" ht="18" x14ac:dyDescent="0.35">
      <c r="A2" s="141"/>
    </row>
    <row r="3" spans="1:18" ht="15.6" x14ac:dyDescent="0.3">
      <c r="A3" s="142" t="s">
        <v>976</v>
      </c>
      <c r="B3" s="143"/>
    </row>
    <row r="4" spans="1:18" ht="14.4" x14ac:dyDescent="0.3">
      <c r="A4" s="144"/>
      <c r="B4" s="145">
        <v>44927</v>
      </c>
      <c r="C4" s="145">
        <v>44958</v>
      </c>
      <c r="D4" s="145">
        <v>44986</v>
      </c>
      <c r="E4" s="146" t="s">
        <v>977</v>
      </c>
      <c r="F4" s="145">
        <v>45017</v>
      </c>
      <c r="G4" s="145">
        <v>45047</v>
      </c>
      <c r="H4" s="145">
        <v>45078</v>
      </c>
      <c r="I4" s="146" t="s">
        <v>978</v>
      </c>
      <c r="J4" s="145">
        <v>45108</v>
      </c>
      <c r="K4" s="145">
        <v>45139</v>
      </c>
      <c r="L4" s="145">
        <v>45170</v>
      </c>
      <c r="M4" s="146" t="s">
        <v>979</v>
      </c>
      <c r="N4" s="145">
        <v>45200</v>
      </c>
      <c r="O4" s="145">
        <v>45231</v>
      </c>
      <c r="P4" s="145">
        <v>45261</v>
      </c>
      <c r="Q4" s="146" t="s">
        <v>980</v>
      </c>
      <c r="R4" s="146" t="s">
        <v>981</v>
      </c>
    </row>
    <row r="5" spans="1:18" ht="14.4" x14ac:dyDescent="0.3">
      <c r="A5" s="147" t="s">
        <v>982</v>
      </c>
      <c r="B5" s="148">
        <v>1737243</v>
      </c>
      <c r="C5" s="148">
        <v>1740861</v>
      </c>
      <c r="D5" s="148">
        <v>1744437</v>
      </c>
      <c r="E5" s="149">
        <f>AVERAGE(B5:D5)</f>
        <v>1740847</v>
      </c>
      <c r="F5" s="84">
        <v>1744289</v>
      </c>
      <c r="G5" s="84">
        <v>1747098</v>
      </c>
      <c r="H5" s="84">
        <v>1750533</v>
      </c>
      <c r="I5" s="149">
        <f>AVERAGE(F5:H5)</f>
        <v>1747306.6666666667</v>
      </c>
      <c r="J5" s="84">
        <v>1753834</v>
      </c>
      <c r="K5" s="84">
        <v>1757179</v>
      </c>
      <c r="L5" s="84">
        <v>1759785</v>
      </c>
      <c r="M5" s="149">
        <f>AVERAGE(J5:L5)</f>
        <v>1756932.6666666667</v>
      </c>
      <c r="N5" s="84">
        <v>1764592</v>
      </c>
      <c r="O5" s="84">
        <v>1769850</v>
      </c>
      <c r="P5" s="84">
        <v>1773314</v>
      </c>
      <c r="Q5" s="149">
        <f>AVERAGE(N5:P5)</f>
        <v>1769252</v>
      </c>
      <c r="R5" s="149">
        <f>AVERAGE(J5:L5,N5:P5,F5:H5,B5:D5)</f>
        <v>1753584.5833333333</v>
      </c>
    </row>
    <row r="6" spans="1:18" ht="14.4" x14ac:dyDescent="0.3">
      <c r="A6" s="147" t="s">
        <v>983</v>
      </c>
      <c r="B6" s="148">
        <v>185492</v>
      </c>
      <c r="C6" s="148">
        <v>185807</v>
      </c>
      <c r="D6" s="148">
        <v>186046</v>
      </c>
      <c r="E6" s="149">
        <f t="shared" ref="E6:E7" si="0">AVERAGE(B6:D6)</f>
        <v>185781.66666666666</v>
      </c>
      <c r="F6" s="84">
        <v>186044</v>
      </c>
      <c r="G6" s="84">
        <v>186294</v>
      </c>
      <c r="H6" s="84">
        <v>186590</v>
      </c>
      <c r="I6" s="149">
        <f t="shared" ref="I6:I7" si="1">AVERAGE(F6:H6)</f>
        <v>186309.33333333334</v>
      </c>
      <c r="J6" s="84">
        <v>186615</v>
      </c>
      <c r="K6" s="84">
        <v>186807</v>
      </c>
      <c r="L6" s="84">
        <v>186916</v>
      </c>
      <c r="M6" s="149">
        <f t="shared" ref="M6:M9" si="2">AVERAGE(J6:L6)</f>
        <v>186779.33333333334</v>
      </c>
      <c r="N6" s="84">
        <v>187047</v>
      </c>
      <c r="O6" s="84">
        <v>187267</v>
      </c>
      <c r="P6" s="84">
        <v>187329</v>
      </c>
      <c r="Q6" s="149">
        <f>AVERAGE(N6:P6)</f>
        <v>187214.33333333334</v>
      </c>
      <c r="R6" s="149">
        <f>AVERAGE(J6:L6,N6:P6,F6:H6,B6:D6)</f>
        <v>186521.16666666666</v>
      </c>
    </row>
    <row r="7" spans="1:18" ht="14.4" x14ac:dyDescent="0.3">
      <c r="A7" s="147" t="s">
        <v>984</v>
      </c>
      <c r="B7" s="148">
        <v>1825</v>
      </c>
      <c r="C7" s="148">
        <v>1812</v>
      </c>
      <c r="D7" s="148">
        <v>1800</v>
      </c>
      <c r="E7" s="149">
        <f t="shared" si="0"/>
        <v>1812.3333333333333</v>
      </c>
      <c r="F7" s="84">
        <v>1793</v>
      </c>
      <c r="G7" s="84">
        <v>1786</v>
      </c>
      <c r="H7" s="84">
        <v>1771</v>
      </c>
      <c r="I7" s="149">
        <f t="shared" si="1"/>
        <v>1783.3333333333333</v>
      </c>
      <c r="J7" s="84">
        <v>1766</v>
      </c>
      <c r="K7" s="84">
        <v>1751</v>
      </c>
      <c r="L7" s="84">
        <v>1748</v>
      </c>
      <c r="M7" s="149">
        <f t="shared" si="2"/>
        <v>1755</v>
      </c>
      <c r="N7" s="84">
        <v>1746</v>
      </c>
      <c r="O7" s="84">
        <v>1743</v>
      </c>
      <c r="P7" s="84">
        <v>1736</v>
      </c>
      <c r="Q7" s="149">
        <f>AVERAGE(N7:P7)</f>
        <v>1741.6666666666667</v>
      </c>
      <c r="R7" s="149">
        <f>AVERAGE(J7:L7,N7:P7,F7:H7,B7:D7)</f>
        <v>1773.0833333333333</v>
      </c>
    </row>
    <row r="8" spans="1:18" ht="14.4" x14ac:dyDescent="0.3">
      <c r="A8" s="147" t="s">
        <v>985</v>
      </c>
      <c r="B8" s="148">
        <v>22910</v>
      </c>
      <c r="C8" s="148">
        <v>22854</v>
      </c>
      <c r="D8" s="148">
        <v>22822</v>
      </c>
      <c r="E8" s="149">
        <f>AVERAGE(B8:D8)</f>
        <v>22862</v>
      </c>
      <c r="F8" s="84">
        <v>22803</v>
      </c>
      <c r="G8" s="84">
        <v>22738</v>
      </c>
      <c r="H8" s="150">
        <v>22634</v>
      </c>
      <c r="I8" s="149">
        <f>AVERAGE(F8:H8)</f>
        <v>22725</v>
      </c>
      <c r="J8" s="84">
        <v>22609</v>
      </c>
      <c r="K8" s="84">
        <v>22577</v>
      </c>
      <c r="L8" s="84">
        <v>22541</v>
      </c>
      <c r="M8" s="149">
        <f>AVERAGE(J8:L8)</f>
        <v>22575.666666666668</v>
      </c>
      <c r="N8" s="84">
        <v>22493</v>
      </c>
      <c r="O8" s="84">
        <v>22470</v>
      </c>
      <c r="P8" s="84">
        <v>22439</v>
      </c>
      <c r="Q8" s="149">
        <f>AVERAGE(N8:P8)</f>
        <v>22467.333333333332</v>
      </c>
      <c r="R8" s="149">
        <f>AVERAGE(J8:L8,N8:P8,F8:H8,B8:D8)</f>
        <v>22657.5</v>
      </c>
    </row>
    <row r="9" spans="1:18" ht="14.4" x14ac:dyDescent="0.3">
      <c r="A9" s="147" t="s">
        <v>986</v>
      </c>
      <c r="B9" s="148">
        <v>3707</v>
      </c>
      <c r="C9" s="148">
        <v>3707</v>
      </c>
      <c r="D9" s="148">
        <v>3699</v>
      </c>
      <c r="E9" s="149">
        <f>AVERAGE(B9:D9)</f>
        <v>3704.3333333333335</v>
      </c>
      <c r="F9" s="84">
        <v>3690</v>
      </c>
      <c r="G9" s="84">
        <v>3685</v>
      </c>
      <c r="H9" s="150">
        <v>3677</v>
      </c>
      <c r="I9" s="149">
        <f>AVERAGE(F9:H9)</f>
        <v>3684</v>
      </c>
      <c r="J9" s="84">
        <v>3672</v>
      </c>
      <c r="K9" s="84">
        <v>3667</v>
      </c>
      <c r="L9" s="84">
        <v>3660</v>
      </c>
      <c r="M9" s="149">
        <f t="shared" si="2"/>
        <v>3666.3333333333335</v>
      </c>
      <c r="N9" s="84">
        <v>3655</v>
      </c>
      <c r="O9" s="84">
        <v>3648</v>
      </c>
      <c r="P9" s="84">
        <v>3642</v>
      </c>
      <c r="Q9" s="149">
        <f>AVERAGE(N9:P9)</f>
        <v>3648.3333333333335</v>
      </c>
      <c r="R9" s="149">
        <f>AVERAGE(J9:L9,N9:P9,F9:H9,B9:D9)</f>
        <v>3675.75</v>
      </c>
    </row>
    <row r="10" spans="1:18" ht="14.4" x14ac:dyDescent="0.3">
      <c r="A10" s="147" t="s">
        <v>987</v>
      </c>
      <c r="B10" s="151">
        <f>SUM(B5:B9)</f>
        <v>1951177</v>
      </c>
      <c r="C10" s="151">
        <f>SUM(C5:C9)</f>
        <v>1955041</v>
      </c>
      <c r="D10" s="151">
        <f>SUM(D5:D9)</f>
        <v>1958804</v>
      </c>
      <c r="E10" s="152">
        <f t="shared" ref="E10:R10" si="3">SUM(E5:E9)</f>
        <v>1955007.3333333333</v>
      </c>
      <c r="F10" s="151">
        <f>SUM(F5:F9)</f>
        <v>1958619</v>
      </c>
      <c r="G10" s="151">
        <f>SUM(G5:G9)</f>
        <v>1961601</v>
      </c>
      <c r="H10" s="151">
        <f>SUM(H5:H9)</f>
        <v>1965205</v>
      </c>
      <c r="I10" s="152">
        <f t="shared" ref="I10" si="4">SUM(I5:I9)</f>
        <v>1961808.3333333333</v>
      </c>
      <c r="J10" s="151">
        <f>SUM(J5:J9)</f>
        <v>1968496</v>
      </c>
      <c r="K10" s="151">
        <f>SUM(K5:K9)</f>
        <v>1971981</v>
      </c>
      <c r="L10" s="151">
        <f t="shared" si="3"/>
        <v>1974650</v>
      </c>
      <c r="M10" s="152">
        <f t="shared" si="3"/>
        <v>1971709</v>
      </c>
      <c r="N10" s="151">
        <f>SUM(N5:N9)</f>
        <v>1979533</v>
      </c>
      <c r="O10" s="151">
        <f t="shared" si="3"/>
        <v>1984978</v>
      </c>
      <c r="P10" s="151">
        <f t="shared" si="3"/>
        <v>1988460</v>
      </c>
      <c r="Q10" s="152">
        <f t="shared" si="3"/>
        <v>1984323.6666666665</v>
      </c>
      <c r="R10" s="152">
        <f t="shared" si="3"/>
        <v>1968212.0833333333</v>
      </c>
    </row>
    <row r="11" spans="1:18" ht="14.4" x14ac:dyDescent="0.3">
      <c r="A11" s="147"/>
      <c r="B11" s="148"/>
      <c r="C11" s="148"/>
      <c r="D11" s="148"/>
      <c r="E11" s="149"/>
      <c r="F11" s="148"/>
      <c r="G11" s="148"/>
      <c r="H11" s="148"/>
      <c r="I11" s="149"/>
      <c r="J11" s="148"/>
      <c r="K11" s="148"/>
      <c r="L11" s="148"/>
      <c r="M11" s="149"/>
      <c r="N11" s="148"/>
      <c r="O11" s="148"/>
      <c r="P11" s="148"/>
      <c r="Q11" s="149"/>
      <c r="R11" s="149"/>
    </row>
    <row r="12" spans="1:18" x14ac:dyDescent="0.25">
      <c r="E12" s="148"/>
    </row>
    <row r="13" spans="1:18" ht="15.6" x14ac:dyDescent="0.3">
      <c r="A13" s="142" t="s">
        <v>988</v>
      </c>
      <c r="O13" s="143"/>
    </row>
    <row r="14" spans="1:18" ht="14.4" x14ac:dyDescent="0.3">
      <c r="A14" s="144"/>
      <c r="B14" s="145">
        <v>44562</v>
      </c>
      <c r="C14" s="145">
        <v>44593</v>
      </c>
      <c r="D14" s="145">
        <v>44621</v>
      </c>
      <c r="E14" s="146" t="s">
        <v>977</v>
      </c>
      <c r="F14" s="145">
        <v>44652</v>
      </c>
      <c r="G14" s="145">
        <v>44682</v>
      </c>
      <c r="H14" s="145">
        <v>44713</v>
      </c>
      <c r="I14" s="146" t="s">
        <v>978</v>
      </c>
      <c r="J14" s="145">
        <v>44743</v>
      </c>
      <c r="K14" s="145">
        <v>44774</v>
      </c>
      <c r="L14" s="145">
        <v>44805</v>
      </c>
      <c r="M14" s="146" t="s">
        <v>979</v>
      </c>
      <c r="N14" s="145">
        <v>44835</v>
      </c>
      <c r="O14" s="145">
        <v>44866</v>
      </c>
      <c r="P14" s="145">
        <v>44896</v>
      </c>
      <c r="Q14" s="146" t="s">
        <v>980</v>
      </c>
      <c r="R14" s="146" t="s">
        <v>981</v>
      </c>
    </row>
    <row r="15" spans="1:18" ht="14.4" x14ac:dyDescent="0.3">
      <c r="A15" s="147" t="s">
        <v>982</v>
      </c>
      <c r="B15" s="84">
        <v>1708451</v>
      </c>
      <c r="C15" s="84">
        <v>1711640</v>
      </c>
      <c r="D15" s="84">
        <v>1714203</v>
      </c>
      <c r="E15" s="149">
        <f>AVERAGE(B15:D15)</f>
        <v>1711431.3333333333</v>
      </c>
      <c r="F15" s="84">
        <v>1713918</v>
      </c>
      <c r="G15" s="84">
        <v>1715795</v>
      </c>
      <c r="H15" s="84">
        <v>1717486</v>
      </c>
      <c r="I15" s="149">
        <f>AVERAGE(F15:H15)</f>
        <v>1715733</v>
      </c>
      <c r="J15" s="84">
        <v>1719055</v>
      </c>
      <c r="K15" s="84">
        <v>1722228</v>
      </c>
      <c r="L15" s="84">
        <v>1723644</v>
      </c>
      <c r="M15" s="149">
        <f>AVERAGE(J15:L15)</f>
        <v>1721642.3333333333</v>
      </c>
      <c r="N15" s="84">
        <v>1727856</v>
      </c>
      <c r="O15" s="153">
        <v>1730890</v>
      </c>
      <c r="P15" s="153">
        <v>1733695</v>
      </c>
      <c r="Q15" s="149">
        <f>AVERAGE(N15:P15)</f>
        <v>1730813.6666666667</v>
      </c>
      <c r="R15" s="149">
        <f>AVERAGE(J15:L15,N15:P15,F15:H15,B15:D15)</f>
        <v>1719905.0833333333</v>
      </c>
    </row>
    <row r="16" spans="1:18" ht="14.4" x14ac:dyDescent="0.3">
      <c r="A16" s="147" t="s">
        <v>983</v>
      </c>
      <c r="B16" s="84">
        <v>183463</v>
      </c>
      <c r="C16" s="84">
        <v>183757</v>
      </c>
      <c r="D16" s="84">
        <v>184031</v>
      </c>
      <c r="E16" s="149">
        <f t="shared" ref="E16:E17" si="5">AVERAGE(B16:D16)</f>
        <v>183750.33333333334</v>
      </c>
      <c r="F16" s="84">
        <v>184180</v>
      </c>
      <c r="G16" s="84">
        <v>184457</v>
      </c>
      <c r="H16" s="84">
        <v>184391</v>
      </c>
      <c r="I16" s="149">
        <f t="shared" ref="I16:I17" si="6">AVERAGE(F16:H16)</f>
        <v>184342.66666666666</v>
      </c>
      <c r="J16" s="84">
        <v>184444</v>
      </c>
      <c r="K16" s="84">
        <v>184716</v>
      </c>
      <c r="L16" s="84">
        <v>184825</v>
      </c>
      <c r="M16" s="149">
        <f t="shared" ref="M16:M17" si="7">AVERAGE(J16:L16)</f>
        <v>184661.66666666666</v>
      </c>
      <c r="N16" s="84">
        <v>184987</v>
      </c>
      <c r="O16" s="153">
        <v>185057</v>
      </c>
      <c r="P16" s="153">
        <v>185127</v>
      </c>
      <c r="Q16" s="149">
        <f>AVERAGE(N16:P16)</f>
        <v>185057</v>
      </c>
      <c r="R16" s="149">
        <f>AVERAGE(J16:L16,N16:P16,F16:H16,B16:D16)</f>
        <v>184452.91666666666</v>
      </c>
    </row>
    <row r="17" spans="1:18" ht="14.4" x14ac:dyDescent="0.3">
      <c r="A17" s="147" t="s">
        <v>984</v>
      </c>
      <c r="B17" s="84">
        <v>1912</v>
      </c>
      <c r="C17" s="84">
        <v>1903</v>
      </c>
      <c r="D17" s="84">
        <v>1889</v>
      </c>
      <c r="E17" s="149">
        <f t="shared" si="5"/>
        <v>1901.3333333333333</v>
      </c>
      <c r="F17" s="84">
        <v>1883</v>
      </c>
      <c r="G17" s="84">
        <v>1879</v>
      </c>
      <c r="H17" s="84">
        <v>1872</v>
      </c>
      <c r="I17" s="149">
        <f t="shared" si="6"/>
        <v>1878</v>
      </c>
      <c r="J17" s="84">
        <v>1862</v>
      </c>
      <c r="K17" s="84">
        <v>1851</v>
      </c>
      <c r="L17" s="84">
        <v>1848</v>
      </c>
      <c r="M17" s="149">
        <f t="shared" si="7"/>
        <v>1853.6666666666667</v>
      </c>
      <c r="N17" s="84">
        <v>1846</v>
      </c>
      <c r="O17" s="153">
        <v>1838</v>
      </c>
      <c r="P17" s="153">
        <v>1832</v>
      </c>
      <c r="Q17" s="149">
        <f>AVERAGE(N17:P17)</f>
        <v>1838.6666666666667</v>
      </c>
      <c r="R17" s="149">
        <f>AVERAGE(J17:L17,N17:P17,F17:H17,B17:D17)</f>
        <v>1867.9166666666667</v>
      </c>
    </row>
    <row r="18" spans="1:18" ht="14.4" x14ac:dyDescent="0.3">
      <c r="A18" s="147" t="s">
        <v>985</v>
      </c>
      <c r="B18" s="84">
        <v>23259</v>
      </c>
      <c r="C18" s="84">
        <v>23228</v>
      </c>
      <c r="D18" s="84">
        <v>23198</v>
      </c>
      <c r="E18" s="149">
        <f>AVERAGE(B18:D18)</f>
        <v>23228.333333333332</v>
      </c>
      <c r="F18" s="84">
        <v>23173</v>
      </c>
      <c r="G18" s="84">
        <v>23136</v>
      </c>
      <c r="H18" s="84">
        <v>23116</v>
      </c>
      <c r="I18" s="149">
        <f>AVERAGE(F18:H18)</f>
        <v>23141.666666666668</v>
      </c>
      <c r="J18" s="84">
        <v>23068</v>
      </c>
      <c r="K18" s="84">
        <v>23021</v>
      </c>
      <c r="L18" s="84">
        <v>22998</v>
      </c>
      <c r="M18" s="149">
        <f>AVERAGE(J18:L18)</f>
        <v>23029</v>
      </c>
      <c r="N18" s="84">
        <v>22977</v>
      </c>
      <c r="O18" s="153">
        <v>22958</v>
      </c>
      <c r="P18" s="153">
        <v>22947</v>
      </c>
      <c r="Q18" s="149">
        <f>AVERAGE(N18:P18)</f>
        <v>22960.666666666668</v>
      </c>
      <c r="R18" s="149">
        <f>AVERAGE(J18:L18,N18:P18,F18:H18,B18:D18)</f>
        <v>23089.916666666668</v>
      </c>
    </row>
    <row r="19" spans="1:18" ht="14.4" x14ac:dyDescent="0.3">
      <c r="A19" s="147" t="s">
        <v>986</v>
      </c>
      <c r="B19" s="84">
        <v>3767</v>
      </c>
      <c r="C19" s="84">
        <v>3762</v>
      </c>
      <c r="D19" s="84">
        <v>3756</v>
      </c>
      <c r="E19" s="149">
        <f>AVERAGE(B19:D19)</f>
        <v>3761.6666666666665</v>
      </c>
      <c r="F19" s="84">
        <v>3753</v>
      </c>
      <c r="G19" s="84">
        <v>3749</v>
      </c>
      <c r="H19" s="84">
        <v>3746</v>
      </c>
      <c r="I19" s="149">
        <f>AVERAGE(F19:H19)</f>
        <v>3749.3333333333335</v>
      </c>
      <c r="J19" s="84">
        <v>3736</v>
      </c>
      <c r="K19" s="84">
        <v>3721</v>
      </c>
      <c r="L19" s="84">
        <v>3720</v>
      </c>
      <c r="M19" s="149">
        <f t="shared" ref="M19" si="8">AVERAGE(J19:L19)</f>
        <v>3725.6666666666665</v>
      </c>
      <c r="N19" s="84">
        <v>3712</v>
      </c>
      <c r="O19" s="153">
        <v>3713</v>
      </c>
      <c r="P19" s="153">
        <v>3709</v>
      </c>
      <c r="Q19" s="149">
        <f>AVERAGE(N19:P19)</f>
        <v>3711.3333333333335</v>
      </c>
      <c r="R19" s="149">
        <f>AVERAGE(J19:L19,N19:P19,F19:H19,B19:D19)</f>
        <v>3737</v>
      </c>
    </row>
    <row r="20" spans="1:18" ht="14.4" x14ac:dyDescent="0.3">
      <c r="A20" s="147" t="s">
        <v>987</v>
      </c>
      <c r="B20" s="154">
        <v>1920852</v>
      </c>
      <c r="C20" s="154">
        <v>1924290</v>
      </c>
      <c r="D20" s="154">
        <v>1927077</v>
      </c>
      <c r="E20" s="152">
        <f t="shared" ref="E20" si="9">SUM(E15:E19)</f>
        <v>1924072.9999999998</v>
      </c>
      <c r="F20" s="154">
        <v>1926907</v>
      </c>
      <c r="G20" s="154">
        <v>1929016</v>
      </c>
      <c r="H20" s="154">
        <v>1930611</v>
      </c>
      <c r="I20" s="152">
        <f t="shared" ref="I20" si="10">SUM(I15:I19)</f>
        <v>1928844.6666666667</v>
      </c>
      <c r="J20" s="154">
        <f>SUM(J15:J19)</f>
        <v>1932165</v>
      </c>
      <c r="K20" s="154">
        <v>1935537</v>
      </c>
      <c r="L20" s="154">
        <v>1937035</v>
      </c>
      <c r="M20" s="152">
        <f t="shared" ref="M20" si="11">SUM(M15:M19)</f>
        <v>1934912.3333333335</v>
      </c>
      <c r="N20" s="154">
        <v>1941378</v>
      </c>
      <c r="O20" s="155">
        <v>1944456</v>
      </c>
      <c r="P20" s="155">
        <v>1947310</v>
      </c>
      <c r="Q20" s="152">
        <f t="shared" ref="Q20:R20" si="12">SUM(Q15:Q19)</f>
        <v>1944381.3333333335</v>
      </c>
      <c r="R20" s="152">
        <f t="shared" si="12"/>
        <v>1933052.8333333335</v>
      </c>
    </row>
    <row r="21" spans="1:18" ht="14.4" x14ac:dyDescent="0.3">
      <c r="A21" s="147"/>
      <c r="B21" s="156"/>
      <c r="C21" s="156"/>
      <c r="D21" s="156"/>
      <c r="E21" s="157"/>
      <c r="F21" s="156"/>
      <c r="G21" s="156"/>
      <c r="H21" s="156"/>
      <c r="I21" s="157"/>
      <c r="J21" s="156"/>
      <c r="K21" s="156"/>
      <c r="L21" s="156"/>
      <c r="M21" s="157"/>
      <c r="N21" s="156"/>
      <c r="O21" s="156"/>
      <c r="P21" s="156"/>
      <c r="Q21" s="157"/>
      <c r="R21" s="157"/>
    </row>
    <row r="22" spans="1:18" x14ac:dyDescent="0.25">
      <c r="E22" s="148"/>
    </row>
    <row r="23" spans="1:18" ht="15.6" x14ac:dyDescent="0.3">
      <c r="A23" s="142" t="s">
        <v>989</v>
      </c>
    </row>
    <row r="24" spans="1:18" ht="14.4" x14ac:dyDescent="0.3">
      <c r="A24" s="144"/>
      <c r="B24" s="145">
        <v>44927</v>
      </c>
      <c r="C24" s="145">
        <v>44958</v>
      </c>
      <c r="D24" s="145">
        <v>44986</v>
      </c>
      <c r="E24" s="146" t="s">
        <v>977</v>
      </c>
      <c r="F24" s="145">
        <v>45017</v>
      </c>
      <c r="G24" s="145">
        <v>45047</v>
      </c>
      <c r="H24" s="145">
        <v>45078</v>
      </c>
      <c r="I24" s="146" t="s">
        <v>978</v>
      </c>
      <c r="J24" s="145">
        <v>45108</v>
      </c>
      <c r="K24" s="145">
        <v>45139</v>
      </c>
      <c r="L24" s="145">
        <v>45170</v>
      </c>
      <c r="M24" s="146" t="s">
        <v>979</v>
      </c>
      <c r="N24" s="145">
        <v>45200</v>
      </c>
      <c r="O24" s="145">
        <v>45231</v>
      </c>
      <c r="P24" s="145">
        <v>45261</v>
      </c>
      <c r="Q24" s="146" t="s">
        <v>980</v>
      </c>
      <c r="R24" s="146" t="s">
        <v>981</v>
      </c>
    </row>
    <row r="25" spans="1:18" ht="14.4" x14ac:dyDescent="0.3">
      <c r="A25" s="147" t="s">
        <v>982</v>
      </c>
      <c r="B25" s="84">
        <v>1741729</v>
      </c>
      <c r="C25" s="84">
        <v>1744974</v>
      </c>
      <c r="D25" s="84">
        <v>1748223</v>
      </c>
      <c r="E25" s="158">
        <f>AVERAGE(B25:D25)</f>
        <v>1744975.3333333333</v>
      </c>
      <c r="F25" s="84">
        <v>1751474</v>
      </c>
      <c r="G25" s="84">
        <v>1754729</v>
      </c>
      <c r="H25" s="84">
        <v>1757987</v>
      </c>
      <c r="I25" s="158">
        <f>AVERAGE(F25:H25)</f>
        <v>1754730</v>
      </c>
      <c r="J25" s="84">
        <v>1761248</v>
      </c>
      <c r="K25" s="84">
        <v>1764157</v>
      </c>
      <c r="L25" s="84">
        <v>1767069</v>
      </c>
      <c r="M25" s="158">
        <f>AVERAGE(J25:L25)</f>
        <v>1764158</v>
      </c>
      <c r="N25" s="84">
        <v>1769983</v>
      </c>
      <c r="O25" s="84">
        <v>1772900</v>
      </c>
      <c r="P25" s="84">
        <v>1775820</v>
      </c>
      <c r="Q25" s="158">
        <f>AVERAGE(N25:P25)</f>
        <v>1772901</v>
      </c>
      <c r="R25" s="158">
        <f>AVERAGE(J25:L25,N25:P25,F25:H25,B25:D25)</f>
        <v>1759191.0833333333</v>
      </c>
    </row>
    <row r="26" spans="1:18" ht="14.4" x14ac:dyDescent="0.3">
      <c r="A26" s="147" t="s">
        <v>983</v>
      </c>
      <c r="B26" s="84">
        <v>186366</v>
      </c>
      <c r="C26" s="84">
        <v>186745</v>
      </c>
      <c r="D26" s="84">
        <v>186900</v>
      </c>
      <c r="E26" s="158">
        <f>AVERAGE(B26:D26)</f>
        <v>186670.33333333334</v>
      </c>
      <c r="F26" s="84">
        <v>187134</v>
      </c>
      <c r="G26" s="84">
        <v>187487</v>
      </c>
      <c r="H26" s="84">
        <v>187736</v>
      </c>
      <c r="I26" s="158">
        <f>AVERAGE(F26:H26)</f>
        <v>187452.33333333334</v>
      </c>
      <c r="J26" s="84">
        <v>188066</v>
      </c>
      <c r="K26" s="84">
        <v>188316</v>
      </c>
      <c r="L26" s="84">
        <v>188541</v>
      </c>
      <c r="M26" s="158">
        <f>AVERAGE(J26:L26)</f>
        <v>188307.66666666666</v>
      </c>
      <c r="N26" s="84">
        <v>188727</v>
      </c>
      <c r="O26" s="84">
        <v>189141</v>
      </c>
      <c r="P26" s="84">
        <v>189058</v>
      </c>
      <c r="Q26" s="158">
        <f>AVERAGE(N26:P26)</f>
        <v>188975.33333333334</v>
      </c>
      <c r="R26" s="158">
        <f>AVERAGE(J26:L26,N26:P26,F26:H26,B26:D26)</f>
        <v>187851.41666666666</v>
      </c>
    </row>
    <row r="27" spans="1:18" ht="14.4" x14ac:dyDescent="0.3">
      <c r="A27" s="147" t="s">
        <v>984</v>
      </c>
      <c r="B27" s="84">
        <v>1860</v>
      </c>
      <c r="C27" s="84">
        <v>1859</v>
      </c>
      <c r="D27" s="84">
        <v>1858</v>
      </c>
      <c r="E27" s="158">
        <f>AVERAGE(B27:D27)</f>
        <v>1859</v>
      </c>
      <c r="F27" s="84">
        <v>1857</v>
      </c>
      <c r="G27" s="84">
        <v>1856</v>
      </c>
      <c r="H27" s="84">
        <v>1855</v>
      </c>
      <c r="I27" s="158">
        <f>AVERAGE(F27:H27)</f>
        <v>1856</v>
      </c>
      <c r="J27" s="84">
        <v>1854</v>
      </c>
      <c r="K27" s="84">
        <v>1853</v>
      </c>
      <c r="L27" s="84">
        <v>1852</v>
      </c>
      <c r="M27" s="158">
        <f>AVERAGE(J27:L27)</f>
        <v>1853</v>
      </c>
      <c r="N27" s="84">
        <v>1851</v>
      </c>
      <c r="O27" s="84">
        <v>1850</v>
      </c>
      <c r="P27" s="84">
        <v>1849</v>
      </c>
      <c r="Q27" s="158">
        <f>AVERAGE(N27:P27)</f>
        <v>1850</v>
      </c>
      <c r="R27" s="158">
        <f>AVERAGE(J27:L27,N27:P27,F27:H27,B27:D27)</f>
        <v>1854.5</v>
      </c>
    </row>
    <row r="28" spans="1:18" ht="14.4" x14ac:dyDescent="0.3">
      <c r="A28" s="147" t="s">
        <v>985</v>
      </c>
      <c r="B28" s="84">
        <v>23117</v>
      </c>
      <c r="C28" s="84">
        <v>23114</v>
      </c>
      <c r="D28" s="84">
        <v>23110</v>
      </c>
      <c r="E28" s="158">
        <f>AVERAGE(B28:D28)</f>
        <v>23113.666666666668</v>
      </c>
      <c r="F28" s="84">
        <v>23107</v>
      </c>
      <c r="G28" s="84">
        <v>23103</v>
      </c>
      <c r="H28" s="84">
        <v>23099</v>
      </c>
      <c r="I28" s="158">
        <f>AVERAGE(F28:H28)</f>
        <v>23103</v>
      </c>
      <c r="J28" s="84">
        <v>23096</v>
      </c>
      <c r="K28" s="84">
        <v>23092</v>
      </c>
      <c r="L28" s="84">
        <v>23089</v>
      </c>
      <c r="M28" s="158">
        <f>AVERAGE(J28:L28)</f>
        <v>23092.333333333332</v>
      </c>
      <c r="N28" s="84">
        <v>23085</v>
      </c>
      <c r="O28" s="84">
        <v>23081</v>
      </c>
      <c r="P28" s="84">
        <v>23077</v>
      </c>
      <c r="Q28" s="158">
        <f>AVERAGE(N28:P28)</f>
        <v>23081</v>
      </c>
      <c r="R28" s="158">
        <f>AVERAGE(J28:L28,N28:P28,F28:H28,B28:D28)</f>
        <v>23097.5</v>
      </c>
    </row>
    <row r="29" spans="1:18" ht="14.4" x14ac:dyDescent="0.3">
      <c r="A29" s="147" t="s">
        <v>986</v>
      </c>
      <c r="B29" s="84">
        <v>3745</v>
      </c>
      <c r="C29" s="84">
        <v>3745</v>
      </c>
      <c r="D29" s="84">
        <v>3744</v>
      </c>
      <c r="E29" s="159">
        <f>AVERAGE(B29:D29)</f>
        <v>3744.6666666666665</v>
      </c>
      <c r="F29" s="160">
        <v>3744</v>
      </c>
      <c r="G29" s="160">
        <v>3743</v>
      </c>
      <c r="H29" s="160">
        <v>3743</v>
      </c>
      <c r="I29" s="159">
        <f>AVERAGE(F29:H29)</f>
        <v>3743.3333333333335</v>
      </c>
      <c r="J29" s="160">
        <v>3742</v>
      </c>
      <c r="K29" s="160">
        <v>3742</v>
      </c>
      <c r="L29" s="160">
        <v>3741</v>
      </c>
      <c r="M29" s="159">
        <f>AVERAGE(J29:L29)</f>
        <v>3741.6666666666665</v>
      </c>
      <c r="N29" s="160">
        <v>3741</v>
      </c>
      <c r="O29" s="160">
        <v>3740</v>
      </c>
      <c r="P29" s="160">
        <v>3739</v>
      </c>
      <c r="Q29" s="159">
        <f>AVERAGE(N29:P29)</f>
        <v>3740</v>
      </c>
      <c r="R29" s="159">
        <f>AVERAGE(J29:L29,N29:P29,F29:H29,B29:D29)</f>
        <v>3742.4166666666665</v>
      </c>
    </row>
    <row r="30" spans="1:18" ht="14.4" x14ac:dyDescent="0.3">
      <c r="A30" s="147" t="s">
        <v>987</v>
      </c>
      <c r="B30" s="154">
        <f>SUM(B25:B29)</f>
        <v>1956817</v>
      </c>
      <c r="C30" s="154">
        <f>SUM(C25:C29)</f>
        <v>1960437</v>
      </c>
      <c r="D30" s="154">
        <f>SUM(D25:D29)</f>
        <v>1963835</v>
      </c>
      <c r="E30" s="158">
        <f t="shared" ref="E30:R30" si="13">SUM(E25:E29)</f>
        <v>1960363</v>
      </c>
      <c r="F30" s="84">
        <f t="shared" si="13"/>
        <v>1967316</v>
      </c>
      <c r="G30" s="84">
        <f t="shared" si="13"/>
        <v>1970918</v>
      </c>
      <c r="H30" s="84">
        <f t="shared" si="13"/>
        <v>1974420</v>
      </c>
      <c r="I30" s="158">
        <f t="shared" si="13"/>
        <v>1970884.6666666665</v>
      </c>
      <c r="J30" s="84">
        <f t="shared" si="13"/>
        <v>1978006</v>
      </c>
      <c r="K30" s="84">
        <f t="shared" si="13"/>
        <v>1981160</v>
      </c>
      <c r="L30" s="84">
        <f t="shared" si="13"/>
        <v>1984292</v>
      </c>
      <c r="M30" s="158">
        <f t="shared" si="13"/>
        <v>1981152.6666666667</v>
      </c>
      <c r="N30" s="84">
        <f t="shared" si="13"/>
        <v>1987387</v>
      </c>
      <c r="O30" s="84">
        <f t="shared" si="13"/>
        <v>1990712</v>
      </c>
      <c r="P30" s="84">
        <f t="shared" si="13"/>
        <v>1993543</v>
      </c>
      <c r="Q30" s="158">
        <f t="shared" si="13"/>
        <v>1990547.3333333333</v>
      </c>
      <c r="R30" s="158">
        <f t="shared" si="13"/>
        <v>1975736.9166666667</v>
      </c>
    </row>
    <row r="33" spans="1:1" ht="14.4" x14ac:dyDescent="0.3">
      <c r="A33" s="147" t="s">
        <v>990</v>
      </c>
    </row>
  </sheetData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42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Props1.xml><?xml version="1.0" encoding="utf-8"?>
<ds:datastoreItem xmlns:ds="http://schemas.openxmlformats.org/officeDocument/2006/customXml" ds:itemID="{DB7F3A6D-8CAF-4A9D-9EE0-61823314D622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C4177EDD-3023-4DE0-85E2-919F0CA9547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4B8F8C27-31F3-4BFB-9603-4468ED75BE33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0</vt:i4>
      </vt:variant>
      <vt:variant>
        <vt:lpstr>Named Ranges</vt:lpstr>
      </vt:variant>
      <vt:variant>
        <vt:i4>4</vt:i4>
      </vt:variant>
    </vt:vector>
  </HeadingPairs>
  <TitlesOfParts>
    <vt:vector size="14" baseType="lpstr">
      <vt:lpstr>MFR Logic</vt:lpstr>
      <vt:lpstr>C-12 (TY3)</vt:lpstr>
      <vt:lpstr>C-12 (TY2)</vt:lpstr>
      <vt:lpstr>C-12 (TY1)</vt:lpstr>
      <vt:lpstr>Support --&gt;</vt:lpstr>
      <vt:lpstr>Rate Case Frcst O&amp;M #9-12MoEnd</vt:lpstr>
      <vt:lpstr>2023 Actuals O&amp;M #9-12 Mo End</vt:lpstr>
      <vt:lpstr>Forecast Revenue File</vt:lpstr>
      <vt:lpstr>Customer Counts</vt:lpstr>
      <vt:lpstr>Regulatory Wide Report</vt:lpstr>
      <vt:lpstr>'C-12 (TY1)'!Print_Area</vt:lpstr>
      <vt:lpstr>'C-12 (TY2)'!Print_Area</vt:lpstr>
      <vt:lpstr>'C-12 (TY3)'!Print_Area</vt:lpstr>
      <vt:lpstr>'Regulatory Wide Report'!Print_Area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entz, Cheryl A</dc:creator>
  <cp:keywords/>
  <dc:description/>
  <cp:lastModifiedBy>Hampton, Monique</cp:lastModifiedBy>
  <cp:revision/>
  <cp:lastPrinted>2024-04-14T18:31:34Z</cp:lastPrinted>
  <dcterms:created xsi:type="dcterms:W3CDTF">2019-12-27T00:12:07Z</dcterms:created>
  <dcterms:modified xsi:type="dcterms:W3CDTF">2024-04-14T18:31:3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